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7126"/>
  <workbookPr filterPrivacy="1" defaultThemeVersion="124226"/>
  <xr:revisionPtr revIDLastSave="0" documentId="13_ncr:1_{85E909A0-1841-4040-A7E9-132EB10CC612}" xr6:coauthVersionLast="47" xr6:coauthVersionMax="47" xr10:uidLastSave="{00000000-0000-0000-0000-000000000000}"/>
  <bookViews>
    <workbookView xWindow="-120" yWindow="-120" windowWidth="20730" windowHeight="11160" xr2:uid="{00000000-000D-0000-FFFF-FFFF00000000}"/>
  </bookViews>
  <sheets>
    <sheet name="school" sheetId="4" r:id="rId1"/>
  </sheets>
  <definedNames>
    <definedName name="_xlnm._FilterDatabase" localSheetId="0" hidden="1">school!$A$1:$DD$52471</definedName>
    <definedName name="non_teaching">#REF!</definedName>
    <definedName name="sanctioned">#REF!</definedName>
    <definedName name="school">school!$A$1:$DA$52471</definedName>
    <definedName name="students">#REF!</definedName>
    <definedName name="teacher">#REF!</definedName>
  </definedNames>
  <calcPr calcId="145621"/>
</workbook>
</file>

<file path=xl/sharedStrings.xml><?xml version="1.0" encoding="utf-8"?>
<sst xmlns="http://schemas.openxmlformats.org/spreadsheetml/2006/main" count="4753823" uniqueCount="261008">
  <si>
    <t>school_id</t>
  </si>
  <si>
    <t>emiscode</t>
  </si>
  <si>
    <t>school_name</t>
  </si>
  <si>
    <t>district</t>
  </si>
  <si>
    <t>tehsil</t>
  </si>
  <si>
    <t>markaz</t>
  </si>
  <si>
    <t>moza</t>
  </si>
  <si>
    <t>permanent_address</t>
  </si>
  <si>
    <t>street_name</t>
  </si>
  <si>
    <t>uc_name</t>
  </si>
  <si>
    <t>uc_no</t>
  </si>
  <si>
    <t>na_no</t>
  </si>
  <si>
    <t>pp_no</t>
  </si>
  <si>
    <t>head_name</t>
  </si>
  <si>
    <t>head_type</t>
  </si>
  <si>
    <t>head_grade</t>
  </si>
  <si>
    <t>school_status</t>
  </si>
  <si>
    <t>medium</t>
  </si>
  <si>
    <t>non_func_reason</t>
  </si>
  <si>
    <t>school_shift</t>
  </si>
  <si>
    <t>school_location</t>
  </si>
  <si>
    <t>school_gender</t>
  </si>
  <si>
    <t>gender_studying</t>
  </si>
  <si>
    <t>school_level</t>
  </si>
  <si>
    <t>school_type</t>
  </si>
  <si>
    <t>est_year</t>
  </si>
  <si>
    <t>upgrade_primary_year</t>
  </si>
  <si>
    <t>upgrade_middle_year</t>
  </si>
  <si>
    <t>upgrade_high_year</t>
  </si>
  <si>
    <t>upgrade_high_sec_year</t>
  </si>
  <si>
    <t>bldg_status</t>
  </si>
  <si>
    <t>bldg_ownership</t>
  </si>
  <si>
    <t>place_status</t>
  </si>
  <si>
    <t>construct_type</t>
  </si>
  <si>
    <t>bldg_condition</t>
  </si>
  <si>
    <t>total_area_kanal</t>
  </si>
  <si>
    <t>total_area_marla</t>
  </si>
  <si>
    <t>covered_area</t>
  </si>
  <si>
    <t>uncovered_area_kanal</t>
  </si>
  <si>
    <t>uncovered_area_marla</t>
  </si>
  <si>
    <t>total_rooms</t>
  </si>
  <si>
    <t>functional_classrooms</t>
  </si>
  <si>
    <t>total_non_classrooms</t>
  </si>
  <si>
    <t>dangerous_classrooms</t>
  </si>
  <si>
    <t>dangerous_non_classrooms</t>
  </si>
  <si>
    <t>under_construction_classrooms</t>
  </si>
  <si>
    <t>classes</t>
  </si>
  <si>
    <t>sections</t>
  </si>
  <si>
    <t>openair_class_sections</t>
  </si>
  <si>
    <t>drink_water</t>
  </si>
  <si>
    <t>drink_water_type</t>
  </si>
  <si>
    <t>drink_water_type_other</t>
  </si>
  <si>
    <t>electricity</t>
  </si>
  <si>
    <t>no_electricity_reason</t>
  </si>
  <si>
    <t>electricity_source</t>
  </si>
  <si>
    <t>toilets</t>
  </si>
  <si>
    <t>total_toilets</t>
  </si>
  <si>
    <t>usable_toilets</t>
  </si>
  <si>
    <t>need_repairing_toilets</t>
  </si>
  <si>
    <t>teachers_toilets</t>
  </si>
  <si>
    <t>boundary_wall</t>
  </si>
  <si>
    <t>boundary_wall_state</t>
  </si>
  <si>
    <t>main_gate</t>
  </si>
  <si>
    <t>sewerage</t>
  </si>
  <si>
    <t>play_ground</t>
  </si>
  <si>
    <t>security</t>
  </si>
  <si>
    <t>cricket</t>
  </si>
  <si>
    <t>football</t>
  </si>
  <si>
    <t>hockey</t>
  </si>
  <si>
    <t>badminton</t>
  </si>
  <si>
    <t>volleyball</t>
  </si>
  <si>
    <t>table_tennis</t>
  </si>
  <si>
    <t>other</t>
  </si>
  <si>
    <t>teachers_with_furniture</t>
  </si>
  <si>
    <t>students_with_furniture</t>
  </si>
  <si>
    <t>csl_council_meetings</t>
  </si>
  <si>
    <t>csl_total_council_members</t>
  </si>
  <si>
    <t>csl_council_members_male</t>
  </si>
  <si>
    <t>csl_council_members_female</t>
  </si>
  <si>
    <t>csl_council_category_parents</t>
  </si>
  <si>
    <t>csl_council_category_teachers</t>
  </si>
  <si>
    <t>csl_council_category_general</t>
  </si>
  <si>
    <t>library</t>
  </si>
  <si>
    <t>library_condition</t>
  </si>
  <si>
    <t>total_books</t>
  </si>
  <si>
    <t>science_lab</t>
  </si>
  <si>
    <t>physics_lab</t>
  </si>
  <si>
    <t>physics_appratus</t>
  </si>
  <si>
    <t>biology_lab</t>
  </si>
  <si>
    <t>biology_appratus</t>
  </si>
  <si>
    <t>chemistry_lab</t>
  </si>
  <si>
    <t>chemistry_appratus</t>
  </si>
  <si>
    <t>home_economic_lab</t>
  </si>
  <si>
    <t>home_economic_appratus</t>
  </si>
  <si>
    <t>combine_lab</t>
  </si>
  <si>
    <t>combine_appratus</t>
  </si>
  <si>
    <t>computer_lab</t>
  </si>
  <si>
    <t>total_computers</t>
  </si>
  <si>
    <t>total_computer_training_students</t>
  </si>
  <si>
    <t>internet</t>
  </si>
  <si>
    <t>ece_room</t>
  </si>
  <si>
    <t>ece_room_under_construction</t>
  </si>
  <si>
    <t>ece_equipments</t>
  </si>
  <si>
    <t>ece_trained_teachers</t>
  </si>
  <si>
    <t>care_giver</t>
  </si>
  <si>
    <t>42127</t>
  </si>
  <si>
    <t>9</t>
  </si>
  <si>
    <t>128</t>
  </si>
  <si>
    <t>4891</t>
  </si>
  <si>
    <t>21007</t>
  </si>
  <si>
    <t>GPS NO. 7 GAKHAR</t>
  </si>
  <si>
    <t>GUJRANWALA</t>
  </si>
  <si>
    <t>WAZIRABAD</t>
  </si>
  <si>
    <t>GHAKHAR 1 - MALE</t>
  </si>
  <si>
    <t>Ghakhar</t>
  </si>
  <si>
    <t>GPS no 7 ghakhar bangla abadi</t>
  </si>
  <si>
    <t>Ghakhar 2</t>
  </si>
  <si>
    <t>31</t>
  </si>
  <si>
    <t>79</t>
  </si>
  <si>
    <t>53</t>
  </si>
  <si>
    <t>Hafiz Shafiq  Ahmad</t>
  </si>
  <si>
    <t>Permanent</t>
  </si>
  <si>
    <t>14</t>
  </si>
  <si>
    <t>Functional</t>
  </si>
  <si>
    <t>English</t>
  </si>
  <si>
    <t>Morning</t>
  </si>
  <si>
    <t>sMosque</t>
  </si>
  <si>
    <t>Urban</t>
  </si>
  <si>
    <t>Male</t>
  </si>
  <si>
    <t>Both</t>
  </si>
  <si>
    <t>Primary</t>
  </si>
  <si>
    <t>Govt. School</t>
  </si>
  <si>
    <t>1980</t>
  </si>
  <si>
    <t>1</t>
  </si>
  <si>
    <t>Some Other Govt. School</t>
  </si>
  <si>
    <t>Partial Solid / Partial Rough</t>
  </si>
  <si>
    <t>Satisfying</t>
  </si>
  <si>
    <t>7</t>
  </si>
  <si>
    <t>140</t>
  </si>
  <si>
    <t>0</t>
  </si>
  <si>
    <t>8</t>
  </si>
  <si>
    <t>3</t>
  </si>
  <si>
    <t>2</t>
  </si>
  <si>
    <t>6</t>
  </si>
  <si>
    <t>Water Pump</t>
  </si>
  <si>
    <t>Wapda connection</t>
  </si>
  <si>
    <t>4</t>
  </si>
  <si>
    <t>Not Completed</t>
  </si>
  <si>
    <t>Not Available</t>
  </si>
  <si>
    <t>203</t>
  </si>
  <si>
    <t>5190</t>
  </si>
  <si>
    <t>34870</t>
  </si>
  <si>
    <t>34940</t>
  </si>
  <si>
    <t>10</t>
  </si>
  <si>
    <t>199</t>
  </si>
  <si>
    <t>42129</t>
  </si>
  <si>
    <t>4897</t>
  </si>
  <si>
    <t>20997</t>
  </si>
  <si>
    <t>GES AZIZ CHAK</t>
  </si>
  <si>
    <t>WAZIRABAD SADAR 1 - MALE</t>
  </si>
  <si>
    <t>Aziz chak</t>
  </si>
  <si>
    <t>Aziz chak Teh Wazirabad GRW</t>
  </si>
  <si>
    <t>Ghakka mitter</t>
  </si>
  <si>
    <t>51</t>
  </si>
  <si>
    <t>Muhammad Razzaq Ranjha</t>
  </si>
  <si>
    <t>16</t>
  </si>
  <si>
    <t>Rural</t>
  </si>
  <si>
    <t>Middle</t>
  </si>
  <si>
    <t>1931</t>
  </si>
  <si>
    <t>2007</t>
  </si>
  <si>
    <t>Education Department</t>
  </si>
  <si>
    <t>Completely Rough</t>
  </si>
  <si>
    <t>Needed Minor Repairing</t>
  </si>
  <si>
    <t>5440</t>
  </si>
  <si>
    <t>5</t>
  </si>
  <si>
    <t>11</t>
  </si>
  <si>
    <t>Completed</t>
  </si>
  <si>
    <t>303</t>
  </si>
  <si>
    <t>108800</t>
  </si>
  <si>
    <t>51000</t>
  </si>
  <si>
    <t>1433</t>
  </si>
  <si>
    <t>NULL</t>
  </si>
  <si>
    <t>42131</t>
  </si>
  <si>
    <t>20985</t>
  </si>
  <si>
    <t>GPS HARRIAN WALA KHURID</t>
  </si>
  <si>
    <t>Hairanwsla Khurd</t>
  </si>
  <si>
    <t>vil hairanwala khurd the wzd dist grw</t>
  </si>
  <si>
    <t>Hairanwala Khurd</t>
  </si>
  <si>
    <t>Joura</t>
  </si>
  <si>
    <t>Khalid Mehmood</t>
  </si>
  <si>
    <t>Community School</t>
  </si>
  <si>
    <t>1972</t>
  </si>
  <si>
    <t>Completely Solid</t>
  </si>
  <si>
    <t>1633</t>
  </si>
  <si>
    <t>90</t>
  </si>
  <si>
    <t>2871</t>
  </si>
  <si>
    <t>25220</t>
  </si>
  <si>
    <t>43440</t>
  </si>
  <si>
    <t>54440</t>
  </si>
  <si>
    <t>19000</t>
  </si>
  <si>
    <t>4867</t>
  </si>
  <si>
    <t>21283</t>
  </si>
  <si>
    <t>14931</t>
  </si>
  <si>
    <t>GGPS RUKH SINGH PURA</t>
  </si>
  <si>
    <t>RASOOL NAGAR 2 - FEMALE</t>
  </si>
  <si>
    <t>Rukh Sing Pura</t>
  </si>
  <si>
    <t>Rukh sing Pura, Tehsil Wazirabad, Distt Gujranwala</t>
  </si>
  <si>
    <t>Rukh Sing pura</t>
  </si>
  <si>
    <t>Rasool Nagar</t>
  </si>
  <si>
    <t>27</t>
  </si>
  <si>
    <t>52</t>
  </si>
  <si>
    <t>Ishrat Naz</t>
  </si>
  <si>
    <t>Female</t>
  </si>
  <si>
    <t>1984</t>
  </si>
  <si>
    <t>13</t>
  </si>
  <si>
    <t>1360</t>
  </si>
  <si>
    <t>97</t>
  </si>
  <si>
    <t>1020</t>
  </si>
  <si>
    <t>16800</t>
  </si>
  <si>
    <t>15780</t>
  </si>
  <si>
    <t>12</t>
  </si>
  <si>
    <t>1110</t>
  </si>
  <si>
    <t>42137</t>
  </si>
  <si>
    <t>20963</t>
  </si>
  <si>
    <t>GPS SOHDRA NO.1</t>
  </si>
  <si>
    <t>GPS No.1 Sohddra Main Bazar Sohdra</t>
  </si>
  <si>
    <t>Sohdra</t>
  </si>
  <si>
    <t>Muhammad Saeed Shami</t>
  </si>
  <si>
    <t>Urdu</t>
  </si>
  <si>
    <t>Model School</t>
  </si>
  <si>
    <t>1971</t>
  </si>
  <si>
    <t>2720</t>
  </si>
  <si>
    <t>115</t>
  </si>
  <si>
    <t>12105</t>
  </si>
  <si>
    <t>5000</t>
  </si>
  <si>
    <t>2661</t>
  </si>
  <si>
    <t>42138</t>
  </si>
  <si>
    <t>4896</t>
  </si>
  <si>
    <t>20965</t>
  </si>
  <si>
    <t>GPS BHATTI KE WAZIRABAD</t>
  </si>
  <si>
    <t>WAZIRABAD CITY - MALE</t>
  </si>
  <si>
    <t>bhattike</t>
  </si>
  <si>
    <t>Bhatti Ke</t>
  </si>
  <si>
    <t>Bhattike</t>
  </si>
  <si>
    <t>Sana Ullah</t>
  </si>
  <si>
    <t>1962</t>
  </si>
  <si>
    <t>Complete Building Needs Repairing</t>
  </si>
  <si>
    <t>1768</t>
  </si>
  <si>
    <t>66</t>
  </si>
  <si>
    <t>813</t>
  </si>
  <si>
    <t>21260</t>
  </si>
  <si>
    <t>745</t>
  </si>
  <si>
    <t>42140</t>
  </si>
  <si>
    <t>3156</t>
  </si>
  <si>
    <t>20935</t>
  </si>
  <si>
    <t>GGHS MANZOOR ABAD</t>
  </si>
  <si>
    <t>SECONDARY-WING</t>
  </si>
  <si>
    <t>manzoorabad</t>
  </si>
  <si>
    <t>GGHS Manzoorabad Teh:Wazirabad</t>
  </si>
  <si>
    <t>Manzoorabad</t>
  </si>
  <si>
    <t>101</t>
  </si>
  <si>
    <t>SHAHEEN KOKAB ZAIDI</t>
  </si>
  <si>
    <t>17</t>
  </si>
  <si>
    <t>High</t>
  </si>
  <si>
    <t>1947</t>
  </si>
  <si>
    <t>1998</t>
  </si>
  <si>
    <t>2013</t>
  </si>
  <si>
    <t>8160</t>
  </si>
  <si>
    <t>hand pump water pump govt water</t>
  </si>
  <si>
    <t>15</t>
  </si>
  <si>
    <t>556</t>
  </si>
  <si>
    <t>52687</t>
  </si>
  <si>
    <t>9326</t>
  </si>
  <si>
    <t>Some Other Arrangement</t>
  </si>
  <si>
    <t>246</t>
  </si>
  <si>
    <t>218</t>
  </si>
  <si>
    <t>42143</t>
  </si>
  <si>
    <t>4890</t>
  </si>
  <si>
    <t>21069</t>
  </si>
  <si>
    <t>14555</t>
  </si>
  <si>
    <t>GPS CHAH ISHER WALA</t>
  </si>
  <si>
    <t>ALI PUR CHATTHA - MALE</t>
  </si>
  <si>
    <t>Chah Isherwala</t>
  </si>
  <si>
    <t>GPS chah isherwala teh: wazirabad Distt: GRW</t>
  </si>
  <si>
    <t>Said Nagar</t>
  </si>
  <si>
    <t>25</t>
  </si>
  <si>
    <t>Ikram Ullah Mughal</t>
  </si>
  <si>
    <t>1989</t>
  </si>
  <si>
    <t>1404</t>
  </si>
  <si>
    <t>1526</t>
  </si>
  <si>
    <t>6720</t>
  </si>
  <si>
    <t>6753</t>
  </si>
  <si>
    <t>1935</t>
  </si>
  <si>
    <t>42148</t>
  </si>
  <si>
    <t>4854</t>
  </si>
  <si>
    <t>21243</t>
  </si>
  <si>
    <t>14885</t>
  </si>
  <si>
    <t>GGPS KAKKA</t>
  </si>
  <si>
    <t>AHMAD NAGER 2 - FEMALE</t>
  </si>
  <si>
    <t>Kakka</t>
  </si>
  <si>
    <t>V&amp;P/O Kakka</t>
  </si>
  <si>
    <t>Ammara Saif</t>
  </si>
  <si>
    <t>Additional Charge</t>
  </si>
  <si>
    <t>1988</t>
  </si>
  <si>
    <t>1364</t>
  </si>
  <si>
    <t>87</t>
  </si>
  <si>
    <t>10080</t>
  </si>
  <si>
    <t>22770</t>
  </si>
  <si>
    <t>28365</t>
  </si>
  <si>
    <t>37000</t>
  </si>
  <si>
    <t>20000</t>
  </si>
  <si>
    <t>17000</t>
  </si>
  <si>
    <t>42149</t>
  </si>
  <si>
    <t>21018</t>
  </si>
  <si>
    <t>GES KOT REHAIR</t>
  </si>
  <si>
    <t>kot rehar po ali pur chatha ,teh wazirabad, distt. gujranwala.</t>
  </si>
  <si>
    <t>Kot Rehar</t>
  </si>
  <si>
    <t>Ali Pur Chatha</t>
  </si>
  <si>
    <t>Muhammad Naveed</t>
  </si>
  <si>
    <t>1950</t>
  </si>
  <si>
    <t>2008</t>
  </si>
  <si>
    <t>10000</t>
  </si>
  <si>
    <t>185</t>
  </si>
  <si>
    <t>3706</t>
  </si>
  <si>
    <t>37314</t>
  </si>
  <si>
    <t>33608</t>
  </si>
  <si>
    <t>5092</t>
  </si>
  <si>
    <t>149</t>
  </si>
  <si>
    <t>45352</t>
  </si>
  <si>
    <t>5050</t>
  </si>
  <si>
    <t>42</t>
  </si>
  <si>
    <t>42150</t>
  </si>
  <si>
    <t>21244</t>
  </si>
  <si>
    <t>GMPS KHEWAY WALI</t>
  </si>
  <si>
    <t>Khewaywali</t>
  </si>
  <si>
    <t>vpo khas khewaywali tehsil wazirabad district gujranwala</t>
  </si>
  <si>
    <t>Kaka</t>
  </si>
  <si>
    <t>Zahira Bukhari</t>
  </si>
  <si>
    <t>1919</t>
  </si>
  <si>
    <t>5984</t>
  </si>
  <si>
    <t>236</t>
  </si>
  <si>
    <t>46715</t>
  </si>
  <si>
    <t>5600</t>
  </si>
  <si>
    <t>2800</t>
  </si>
  <si>
    <t>30000</t>
  </si>
  <si>
    <t>42151</t>
  </si>
  <si>
    <t>21311</t>
  </si>
  <si>
    <t>GGHS HAZRAT KAILIAN WALA</t>
  </si>
  <si>
    <t>Hazrat Kailiamwala Kailianwala</t>
  </si>
  <si>
    <t>hazrat kailianwala tehsil wazirabad distt grw</t>
  </si>
  <si>
    <t>Hazrat Kailianwala</t>
  </si>
  <si>
    <t>hazrat kailianwala</t>
  </si>
  <si>
    <t>26</t>
  </si>
  <si>
    <t>103</t>
  </si>
  <si>
    <t>Miss Shaista Qaiser</t>
  </si>
  <si>
    <t>18</t>
  </si>
  <si>
    <t>1960</t>
  </si>
  <si>
    <t>1976</t>
  </si>
  <si>
    <t>2002</t>
  </si>
  <si>
    <t>7888</t>
  </si>
  <si>
    <t>799</t>
  </si>
  <si>
    <t>Proper Library Room Available</t>
  </si>
  <si>
    <t>400</t>
  </si>
  <si>
    <t>Enough</t>
  </si>
  <si>
    <t>42152</t>
  </si>
  <si>
    <t>4859</t>
  </si>
  <si>
    <t>21177</t>
  </si>
  <si>
    <t>14817</t>
  </si>
  <si>
    <t>GMPS JHATTAN WALI</t>
  </si>
  <si>
    <t>ALI PUR CHATHA 2 - FEMALE</t>
  </si>
  <si>
    <t>gmps jhattanwali</t>
  </si>
  <si>
    <t>Jhattanwali</t>
  </si>
  <si>
    <t>24</t>
  </si>
  <si>
    <t>Rafia</t>
  </si>
  <si>
    <t>2016</t>
  </si>
  <si>
    <t>5712</t>
  </si>
  <si>
    <t>137</t>
  </si>
  <si>
    <t>10240</t>
  </si>
  <si>
    <t>12856</t>
  </si>
  <si>
    <t>2884</t>
  </si>
  <si>
    <t>135</t>
  </si>
  <si>
    <t>42154</t>
  </si>
  <si>
    <t>21246</t>
  </si>
  <si>
    <t>GMPS JEWANY WALI</t>
  </si>
  <si>
    <t>Jewenywali</t>
  </si>
  <si>
    <t>village jewenywali po saroki teh wazirabad dist gujranwala</t>
  </si>
  <si>
    <t>Sadia Kausar</t>
  </si>
  <si>
    <t>4080</t>
  </si>
  <si>
    <t>80</t>
  </si>
  <si>
    <t>5815</t>
  </si>
  <si>
    <t>18294</t>
  </si>
  <si>
    <t>86</t>
  </si>
  <si>
    <t>42161</t>
  </si>
  <si>
    <t>21249</t>
  </si>
  <si>
    <t>GGPS KATHORE KHURD</t>
  </si>
  <si>
    <t>Kathore Khurd</t>
  </si>
  <si>
    <t>Hassan kathore p/o kathore kalan teh. Wazirabaddistt.Gujranwala</t>
  </si>
  <si>
    <t>Hassan Kathore</t>
  </si>
  <si>
    <t>MansoorWali</t>
  </si>
  <si>
    <t>Ferwa Sajad</t>
  </si>
  <si>
    <t>Building Provided By Local Residents</t>
  </si>
  <si>
    <t>1089</t>
  </si>
  <si>
    <t>1830</t>
  </si>
  <si>
    <t>1620</t>
  </si>
  <si>
    <t>2543</t>
  </si>
  <si>
    <t>42164</t>
  </si>
  <si>
    <t>21253</t>
  </si>
  <si>
    <t>GMPS DILAWAR KHURD</t>
  </si>
  <si>
    <t>DILAWAR Khurd</t>
  </si>
  <si>
    <t>Dilawar Cheema Khurd teh.Wzd .Guj</t>
  </si>
  <si>
    <t>Dilawar Khurd</t>
  </si>
  <si>
    <t>Dilawar Cheema</t>
  </si>
  <si>
    <t>20</t>
  </si>
  <si>
    <t>Shakila Arshad</t>
  </si>
  <si>
    <t>1975</t>
  </si>
  <si>
    <t>1904</t>
  </si>
  <si>
    <t>Need Repairing</t>
  </si>
  <si>
    <t>8556</t>
  </si>
  <si>
    <t>4980</t>
  </si>
  <si>
    <t>11775</t>
  </si>
  <si>
    <t>98</t>
  </si>
  <si>
    <t>42167</t>
  </si>
  <si>
    <t>20991</t>
  </si>
  <si>
    <t>GPS THATHA FIQIR ULLAH</t>
  </si>
  <si>
    <t>Thats Faqir Ullah</t>
  </si>
  <si>
    <t>that's faqir ullah</t>
  </si>
  <si>
    <t>Asif Butt</t>
  </si>
  <si>
    <t>237</t>
  </si>
  <si>
    <t>4716</t>
  </si>
  <si>
    <t>40190</t>
  </si>
  <si>
    <t>214</t>
  </si>
  <si>
    <t>42169</t>
  </si>
  <si>
    <t>21257</t>
  </si>
  <si>
    <t>GGPS KUB PURA</t>
  </si>
  <si>
    <t>Kubpura</t>
  </si>
  <si>
    <t>Samra Amin</t>
  </si>
  <si>
    <t>1987</t>
  </si>
  <si>
    <t>800</t>
  </si>
  <si>
    <t>Hand Pump</t>
  </si>
  <si>
    <t>37</t>
  </si>
  <si>
    <t>1530</t>
  </si>
  <si>
    <t>3420</t>
  </si>
  <si>
    <t>4622</t>
  </si>
  <si>
    <t>152</t>
  </si>
  <si>
    <t>42202</t>
  </si>
  <si>
    <t>129</t>
  </si>
  <si>
    <t>3540</t>
  </si>
  <si>
    <t>4134</t>
  </si>
  <si>
    <t>GPS CHAK NO.65/DB (S)</t>
  </si>
  <si>
    <t>BAHAWALPUR</t>
  </si>
  <si>
    <t>YAZMAN</t>
  </si>
  <si>
    <t>PULL TAIL WALA (A) - MALE</t>
  </si>
  <si>
    <t>65/db</t>
  </si>
  <si>
    <t>GPS 65D.B South</t>
  </si>
  <si>
    <t>65DB South</t>
  </si>
  <si>
    <t>117DB</t>
  </si>
  <si>
    <t>76</t>
  </si>
  <si>
    <t>172</t>
  </si>
  <si>
    <t>249</t>
  </si>
  <si>
    <t>Muhammad Asif Hussain</t>
  </si>
  <si>
    <t>81</t>
  </si>
  <si>
    <t>700</t>
  </si>
  <si>
    <t>42173</t>
  </si>
  <si>
    <t>20992</t>
  </si>
  <si>
    <t>GPS RODALA CHEEMA</t>
  </si>
  <si>
    <t>Rodala Cheema</t>
  </si>
  <si>
    <t>Village Rodala Cheema Tehsil Wazirabad &amp; Gujranwala</t>
  </si>
  <si>
    <t>Gakkha Miter</t>
  </si>
  <si>
    <t>Muhammad Qasim Javed</t>
  </si>
  <si>
    <t>1130</t>
  </si>
  <si>
    <t>12191</t>
  </si>
  <si>
    <t>398</t>
  </si>
  <si>
    <t>42177</t>
  </si>
  <si>
    <t>4855</t>
  </si>
  <si>
    <t>21218</t>
  </si>
  <si>
    <t>GGPS DERA JAMU JHAM WALA</t>
  </si>
  <si>
    <t>AHMAD NAGER 3 - FEMALE</t>
  </si>
  <si>
    <t>Daira Jumo</t>
  </si>
  <si>
    <t>daira jumo jhamwala</t>
  </si>
  <si>
    <t>Pandori Kalan</t>
  </si>
  <si>
    <t>22</t>
  </si>
  <si>
    <t>Zahida Parveen</t>
  </si>
  <si>
    <t>1986</t>
  </si>
  <si>
    <t>School Council provided building</t>
  </si>
  <si>
    <t>6800</t>
  </si>
  <si>
    <t>8480</t>
  </si>
  <si>
    <t>1300</t>
  </si>
  <si>
    <t>42186</t>
  </si>
  <si>
    <t>4865</t>
  </si>
  <si>
    <t>21159</t>
  </si>
  <si>
    <t>GMPS DODAN WALI</t>
  </si>
  <si>
    <t>GHAKKAR 4 - FEMALE</t>
  </si>
  <si>
    <t>Dodanwali Kalan</t>
  </si>
  <si>
    <t>dodanwali</t>
  </si>
  <si>
    <t>Dodanwali</t>
  </si>
  <si>
    <t>Kot Inyat Khan</t>
  </si>
  <si>
    <t>Khalida Parveen</t>
  </si>
  <si>
    <t>1969</t>
  </si>
  <si>
    <t>123</t>
  </si>
  <si>
    <t>8132</t>
  </si>
  <si>
    <t>32090</t>
  </si>
  <si>
    <t>25772</t>
  </si>
  <si>
    <t>3162</t>
  </si>
  <si>
    <t>42188</t>
  </si>
  <si>
    <t>20898</t>
  </si>
  <si>
    <t>GGHS DHAUNKAL</t>
  </si>
  <si>
    <t>DHOUNKAL</t>
  </si>
  <si>
    <t>VPO DHOUNKAL WAZIRABAD GUJRANWALA</t>
  </si>
  <si>
    <t>NASREEN AKHTER</t>
  </si>
  <si>
    <t>Pilot Secondary</t>
  </si>
  <si>
    <t>1933</t>
  </si>
  <si>
    <t>1963</t>
  </si>
  <si>
    <t>1985</t>
  </si>
  <si>
    <t>Partial Building is Dangerous</t>
  </si>
  <si>
    <t>28288</t>
  </si>
  <si>
    <t>19</t>
  </si>
  <si>
    <t>690</t>
  </si>
  <si>
    <t>1771</t>
  </si>
  <si>
    <t>42194</t>
  </si>
  <si>
    <t>4863</t>
  </si>
  <si>
    <t>21139</t>
  </si>
  <si>
    <t>GMPS IBAN WALI</t>
  </si>
  <si>
    <t>GHAKKAR 2 - FEMALE</t>
  </si>
  <si>
    <t>ibbenwali kalan</t>
  </si>
  <si>
    <t>ibbanwali kalan</t>
  </si>
  <si>
    <t>nat kalan</t>
  </si>
  <si>
    <t>Shahida Basharat</t>
  </si>
  <si>
    <t>371</t>
  </si>
  <si>
    <t>5156</t>
  </si>
  <si>
    <t>42203</t>
  </si>
  <si>
    <t>3536</t>
  </si>
  <si>
    <t>4032</t>
  </si>
  <si>
    <t>GPS CHAK NO.155/AB</t>
  </si>
  <si>
    <t>MERANA - MALE</t>
  </si>
  <si>
    <t>Merana</t>
  </si>
  <si>
    <t>chak 155 ab yazman</t>
  </si>
  <si>
    <t>Chak No155</t>
  </si>
  <si>
    <t>250</t>
  </si>
  <si>
    <t>asghar ali</t>
  </si>
  <si>
    <t>1961</t>
  </si>
  <si>
    <t>2000</t>
  </si>
  <si>
    <t>876</t>
  </si>
  <si>
    <t>39376</t>
  </si>
  <si>
    <t>42205</t>
  </si>
  <si>
    <t>3550</t>
  </si>
  <si>
    <t>4178</t>
  </si>
  <si>
    <t>GGCMS CHAK NO.34/DNB</t>
  </si>
  <si>
    <t>HEADRAJKAN - FEMALE</t>
  </si>
  <si>
    <t>34 DNB</t>
  </si>
  <si>
    <t>cHAK NO.34 DNB</t>
  </si>
  <si>
    <t>CHAK 34 DNB</t>
  </si>
  <si>
    <t>35 DNB</t>
  </si>
  <si>
    <t>Fakhira Afzal</t>
  </si>
  <si>
    <t>1979</t>
  </si>
  <si>
    <t>21780</t>
  </si>
  <si>
    <t>154</t>
  </si>
  <si>
    <t>184</t>
  </si>
  <si>
    <t>216</t>
  </si>
  <si>
    <t>300</t>
  </si>
  <si>
    <t>42212</t>
  </si>
  <si>
    <t>3537</t>
  </si>
  <si>
    <t>4008</t>
  </si>
  <si>
    <t>GPS KALAY PAHAR  CHOLISTAN</t>
  </si>
  <si>
    <t>LATAN SANGHAR - MALE</t>
  </si>
  <si>
    <t>Kaly Par</t>
  </si>
  <si>
    <t>GPS KALAY PAR</t>
  </si>
  <si>
    <t>Kalay Paar</t>
  </si>
  <si>
    <t>75/DB</t>
  </si>
  <si>
    <t>88</t>
  </si>
  <si>
    <t>Jalil Ahmed</t>
  </si>
  <si>
    <t>1966</t>
  </si>
  <si>
    <t>2180</t>
  </si>
  <si>
    <t>No Connection</t>
  </si>
  <si>
    <t>23</t>
  </si>
  <si>
    <t>42215</t>
  </si>
  <si>
    <t>3554</t>
  </si>
  <si>
    <t>3946</t>
  </si>
  <si>
    <t>70785</t>
  </si>
  <si>
    <t>GGES CHAK NO.23/DNB</t>
  </si>
  <si>
    <t>ADDA 32 MOOR - FEMALE</t>
  </si>
  <si>
    <t>BASTI Blochan BALOCHAN</t>
  </si>
  <si>
    <t>CHAK NO 23 DNB</t>
  </si>
  <si>
    <t>CHAK NO 22 DNB</t>
  </si>
  <si>
    <t>82</t>
  </si>
  <si>
    <t>TEHSEEN IRUM</t>
  </si>
  <si>
    <t>2001</t>
  </si>
  <si>
    <t>32</t>
  </si>
  <si>
    <t>1890</t>
  </si>
  <si>
    <t>30</t>
  </si>
  <si>
    <t>180</t>
  </si>
  <si>
    <t>6886</t>
  </si>
  <si>
    <t>4158</t>
  </si>
  <si>
    <t>31232</t>
  </si>
  <si>
    <t>1000</t>
  </si>
  <si>
    <t>4408</t>
  </si>
  <si>
    <t>A Few Cabinets</t>
  </si>
  <si>
    <t>42220</t>
  </si>
  <si>
    <t>3553</t>
  </si>
  <si>
    <t>3950</t>
  </si>
  <si>
    <t>GGES CHAK NO.42/DNB</t>
  </si>
  <si>
    <t>ADDA 42000 - FEMALE</t>
  </si>
  <si>
    <t>CHAK NO. 42/DNB</t>
  </si>
  <si>
    <t>CHAK NO.42/DNB TEHSIL YAZMAN DISTRICT BWP</t>
  </si>
  <si>
    <t>CHAK NO.42/DB</t>
  </si>
  <si>
    <t>CHAK NO.22/DNB</t>
  </si>
  <si>
    <t>MISBAH UROOJ</t>
  </si>
  <si>
    <t>1970</t>
  </si>
  <si>
    <t>5250</t>
  </si>
  <si>
    <t>144</t>
  </si>
  <si>
    <t>30971</t>
  </si>
  <si>
    <t>548</t>
  </si>
  <si>
    <t>42221</t>
  </si>
  <si>
    <t>130</t>
  </si>
  <si>
    <t>3219</t>
  </si>
  <si>
    <t>26526</t>
  </si>
  <si>
    <t>GHS ZAFAR WAL</t>
  </si>
  <si>
    <t>NAROWAL</t>
  </si>
  <si>
    <t>ZAFARWAL</t>
  </si>
  <si>
    <t>Zafarwal</t>
  </si>
  <si>
    <t>zafarwal</t>
  </si>
  <si>
    <t>77</t>
  </si>
  <si>
    <t>46</t>
  </si>
  <si>
    <t>MIAN MUHAMMAD JAMEEL</t>
  </si>
  <si>
    <t>1926</t>
  </si>
  <si>
    <t>19584</t>
  </si>
  <si>
    <t>21</t>
  </si>
  <si>
    <t>59</t>
  </si>
  <si>
    <t>1616</t>
  </si>
  <si>
    <t>3000</t>
  </si>
  <si>
    <t>42224</t>
  </si>
  <si>
    <t>3530</t>
  </si>
  <si>
    <t>4306</t>
  </si>
  <si>
    <t>GPS CHAK NO.110/DB JINNAH ABADI</t>
  </si>
  <si>
    <t>TAIL WALA - MALE</t>
  </si>
  <si>
    <t>Chak No110/DB</t>
  </si>
  <si>
    <t>GPS 110/DB Jinnah Abadi</t>
  </si>
  <si>
    <t>Chak No110/DB Jinnah Abadi</t>
  </si>
  <si>
    <t>Chak No108/DB</t>
  </si>
  <si>
    <t>75</t>
  </si>
  <si>
    <t>275</t>
  </si>
  <si>
    <t>Muhammad Jamil</t>
  </si>
  <si>
    <t>1983</t>
  </si>
  <si>
    <t>2562</t>
  </si>
  <si>
    <t>110</t>
  </si>
  <si>
    <t>49869</t>
  </si>
  <si>
    <t>42225</t>
  </si>
  <si>
    <t>3531</t>
  </si>
  <si>
    <t>4064</t>
  </si>
  <si>
    <t>GPS CHAK NO.111/DNB-A</t>
  </si>
  <si>
    <t>HEADRAJKAN - MALE</t>
  </si>
  <si>
    <t>Chak 111-A/DNB</t>
  </si>
  <si>
    <t>Chak no.111-A/DNB Tehsil.Yazmzn District.Bahawalpur</t>
  </si>
  <si>
    <t>Chak 36/DNB</t>
  </si>
  <si>
    <t>Abdul Latif</t>
  </si>
  <si>
    <t>1973</t>
  </si>
  <si>
    <t>1907</t>
  </si>
  <si>
    <t>100</t>
  </si>
  <si>
    <t>890</t>
  </si>
  <si>
    <t>42227</t>
  </si>
  <si>
    <t>4130</t>
  </si>
  <si>
    <t>GES CHAK NO.107/DB</t>
  </si>
  <si>
    <t>chak#107/DB</t>
  </si>
  <si>
    <t>107/DB</t>
  </si>
  <si>
    <t>106/DB</t>
  </si>
  <si>
    <t>74</t>
  </si>
  <si>
    <t>Zahid Qayyum</t>
  </si>
  <si>
    <t>1951</t>
  </si>
  <si>
    <t>2018</t>
  </si>
  <si>
    <t>40</t>
  </si>
  <si>
    <t>6528</t>
  </si>
  <si>
    <t>38</t>
  </si>
  <si>
    <t>Govt. Water</t>
  </si>
  <si>
    <t>190</t>
  </si>
  <si>
    <t>485</t>
  </si>
  <si>
    <t>1655</t>
  </si>
  <si>
    <t>5175</t>
  </si>
  <si>
    <t>350</t>
  </si>
  <si>
    <t>42228</t>
  </si>
  <si>
    <t>26529</t>
  </si>
  <si>
    <t>GGHS CHAK DOULA</t>
  </si>
  <si>
    <t>Chak Doula</t>
  </si>
  <si>
    <t>Chak doula tehsil zafarwal district narowal</t>
  </si>
  <si>
    <t>Lessar Kalan</t>
  </si>
  <si>
    <t>Zaib-un-nisa</t>
  </si>
  <si>
    <t>1952</t>
  </si>
  <si>
    <t>1977</t>
  </si>
  <si>
    <t>16000</t>
  </si>
  <si>
    <t>133</t>
  </si>
  <si>
    <t>42230</t>
  </si>
  <si>
    <t>4302</t>
  </si>
  <si>
    <t>GPS CHAK NO.41/DNB JINNAH COLONY</t>
  </si>
  <si>
    <t>Jinah Colony 41DNB East</t>
  </si>
  <si>
    <t>chak 41/DNB P/O 111/DNB shahiwala yazman Bahawalpur</t>
  </si>
  <si>
    <t>41DNB East Jinah Colony</t>
  </si>
  <si>
    <t>Chak 22/DNB</t>
  </si>
  <si>
    <t>Tahir Qayyum</t>
  </si>
  <si>
    <t>1905</t>
  </si>
  <si>
    <t>95</t>
  </si>
  <si>
    <t>2255</t>
  </si>
  <si>
    <t>52255</t>
  </si>
  <si>
    <t>42231</t>
  </si>
  <si>
    <t>26556</t>
  </si>
  <si>
    <t>GGHS MUNDA BAJWA</t>
  </si>
  <si>
    <t>Munda Bajwa</t>
  </si>
  <si>
    <t>P/O Damthal  Tehsil Zafarwal District Narowal</t>
  </si>
  <si>
    <t>Ferozpur</t>
  </si>
  <si>
    <t>49</t>
  </si>
  <si>
    <t>Khawar Sultana</t>
  </si>
  <si>
    <t>1964</t>
  </si>
  <si>
    <t>1994</t>
  </si>
  <si>
    <t>2011</t>
  </si>
  <si>
    <t>15776</t>
  </si>
  <si>
    <t>289</t>
  </si>
  <si>
    <t>4945</t>
  </si>
  <si>
    <t>84</t>
  </si>
  <si>
    <t>268</t>
  </si>
  <si>
    <t>111</t>
  </si>
  <si>
    <t>42232</t>
  </si>
  <si>
    <t>3532</t>
  </si>
  <si>
    <t>4055</t>
  </si>
  <si>
    <t>5340</t>
  </si>
  <si>
    <t>GPS CHAK NO.34/DNB</t>
  </si>
  <si>
    <t>ADDA PULL 13000 - MALE</t>
  </si>
  <si>
    <t>chak 34DNB</t>
  </si>
  <si>
    <t>Chak No 34/DNB</t>
  </si>
  <si>
    <t>35/DNB</t>
  </si>
  <si>
    <t>Muhammad Azam</t>
  </si>
  <si>
    <t>2760</t>
  </si>
  <si>
    <t>120</t>
  </si>
  <si>
    <t>952</t>
  </si>
  <si>
    <t>20854</t>
  </si>
  <si>
    <t>15854</t>
  </si>
  <si>
    <t>42233</t>
  </si>
  <si>
    <t>3544</t>
  </si>
  <si>
    <t>4026</t>
  </si>
  <si>
    <t>GPS CHAK NO.80/DB</t>
  </si>
  <si>
    <t>ADDA MUKDI (A) - MALE</t>
  </si>
  <si>
    <t>Chak No. 80/DB Yazman</t>
  </si>
  <si>
    <t>Chak No 80/DB</t>
  </si>
  <si>
    <t>chanan peer</t>
  </si>
  <si>
    <t>85</t>
  </si>
  <si>
    <t>Bilal Agshar</t>
  </si>
  <si>
    <t>1990</t>
  </si>
  <si>
    <t>1632</t>
  </si>
  <si>
    <t>2611</t>
  </si>
  <si>
    <t>34</t>
  </si>
  <si>
    <t>5264</t>
  </si>
  <si>
    <t>23913</t>
  </si>
  <si>
    <t>GGES DUGAL</t>
  </si>
  <si>
    <t>SIALKOT</t>
  </si>
  <si>
    <t>DASKA</t>
  </si>
  <si>
    <t>KOT GHUMMAN - FEMALE</t>
  </si>
  <si>
    <t>Dugal</t>
  </si>
  <si>
    <t>dugal</t>
  </si>
  <si>
    <t>Peerochak</t>
  </si>
  <si>
    <t>48</t>
  </si>
  <si>
    <t>43</t>
  </si>
  <si>
    <t>Shaista Tabasum</t>
  </si>
  <si>
    <t>4624</t>
  </si>
  <si>
    <t>Not Satisfying</t>
  </si>
  <si>
    <t>127</t>
  </si>
  <si>
    <t>8698</t>
  </si>
  <si>
    <t>6723</t>
  </si>
  <si>
    <t>50599</t>
  </si>
  <si>
    <t>2613</t>
  </si>
  <si>
    <t>3894</t>
  </si>
  <si>
    <t>29013</t>
  </si>
  <si>
    <t>20560</t>
  </si>
  <si>
    <t>GGPS DHOOBLI</t>
  </si>
  <si>
    <t>KASUR</t>
  </si>
  <si>
    <t>CHUNIAN</t>
  </si>
  <si>
    <t>BHEEM KAY - FEMALE</t>
  </si>
  <si>
    <t>Dobli</t>
  </si>
  <si>
    <t>Tibba Dobli</t>
  </si>
  <si>
    <t>Jandwala</t>
  </si>
  <si>
    <t>61</t>
  </si>
  <si>
    <t>139</t>
  </si>
  <si>
    <t>178</t>
  </si>
  <si>
    <t>Samina Karim</t>
  </si>
  <si>
    <t>2009</t>
  </si>
  <si>
    <t>2250</t>
  </si>
  <si>
    <t>4296</t>
  </si>
  <si>
    <t>22563</t>
  </si>
  <si>
    <t>18267</t>
  </si>
  <si>
    <t>3506</t>
  </si>
  <si>
    <t>3568</t>
  </si>
  <si>
    <t>GES CHAK NO.148/M</t>
  </si>
  <si>
    <t>HASILPUR</t>
  </si>
  <si>
    <t>DAHRAN WALA RD - MALE</t>
  </si>
  <si>
    <t>148/M</t>
  </si>
  <si>
    <t>CHAK NO 148/ M HASILPUR</t>
  </si>
  <si>
    <t>CHAK NO 148/ M</t>
  </si>
  <si>
    <t>CHAK NO 79/ F</t>
  </si>
  <si>
    <t>171</t>
  </si>
  <si>
    <t>248</t>
  </si>
  <si>
    <t>MUHAMMAD RIAZ TAHIR</t>
  </si>
  <si>
    <t>4829</t>
  </si>
  <si>
    <t>39</t>
  </si>
  <si>
    <t>138</t>
  </si>
  <si>
    <t>1083</t>
  </si>
  <si>
    <t>2616</t>
  </si>
  <si>
    <t>4512</t>
  </si>
  <si>
    <t>46744</t>
  </si>
  <si>
    <t>GPS MOLLOLA</t>
  </si>
  <si>
    <t>MIANWALI</t>
  </si>
  <si>
    <t>ISA KHEL</t>
  </si>
  <si>
    <t>KALA BAGH-MALE</t>
  </si>
  <si>
    <t>Kuch Tunder Khel</t>
  </si>
  <si>
    <t>Gps malola kuch tunder khel district mianwali</t>
  </si>
  <si>
    <t>Malola</t>
  </si>
  <si>
    <t>Kot Chandna</t>
  </si>
  <si>
    <t>Mahtab Ahmed Khan</t>
  </si>
  <si>
    <t>56</t>
  </si>
  <si>
    <t>1271</t>
  </si>
  <si>
    <t>3900</t>
  </si>
  <si>
    <t>3263</t>
  </si>
  <si>
    <t>26588</t>
  </si>
  <si>
    <t>3414</t>
  </si>
  <si>
    <t>28</t>
  </si>
  <si>
    <t>1614</t>
  </si>
  <si>
    <t>39113</t>
  </si>
  <si>
    <t>GGPS MAJHIA</t>
  </si>
  <si>
    <t>ATTOCK</t>
  </si>
  <si>
    <t>FATEH JANG</t>
  </si>
  <si>
    <t>GALI JAGEER - FEMALE</t>
  </si>
  <si>
    <t>majhia</t>
  </si>
  <si>
    <t>shah-rai-sadullah</t>
  </si>
  <si>
    <t>Saiqa Perveen</t>
  </si>
  <si>
    <t>318</t>
  </si>
  <si>
    <t>1898</t>
  </si>
  <si>
    <t>13153</t>
  </si>
  <si>
    <t>13060</t>
  </si>
  <si>
    <t>93</t>
  </si>
  <si>
    <t>13775</t>
  </si>
  <si>
    <t>43460</t>
  </si>
  <si>
    <t>48401</t>
  </si>
  <si>
    <t>3419</t>
  </si>
  <si>
    <t>1954</t>
  </si>
  <si>
    <t>45010</t>
  </si>
  <si>
    <t>GGPS KALLAY WALA</t>
  </si>
  <si>
    <t>BHAKKAR</t>
  </si>
  <si>
    <t>KALLUR KOT</t>
  </si>
  <si>
    <t>RODI - FEMALE</t>
  </si>
  <si>
    <t>Khsor</t>
  </si>
  <si>
    <t>kallay wala</t>
  </si>
  <si>
    <t>Kallay Wala</t>
  </si>
  <si>
    <t>Daily Namdar</t>
  </si>
  <si>
    <t>89</t>
  </si>
  <si>
    <t>Madiha Mahmood</t>
  </si>
  <si>
    <t>1993</t>
  </si>
  <si>
    <t>1198</t>
  </si>
  <si>
    <t>45</t>
  </si>
  <si>
    <t>1413</t>
  </si>
  <si>
    <t>1080</t>
  </si>
  <si>
    <t>36098</t>
  </si>
  <si>
    <t>25374</t>
  </si>
  <si>
    <t>3421</t>
  </si>
  <si>
    <t>33</t>
  </si>
  <si>
    <t>4789</t>
  </si>
  <si>
    <t>20824</t>
  </si>
  <si>
    <t>69300</t>
  </si>
  <si>
    <t>GGES MC NO.23 GUJRANWALA</t>
  </si>
  <si>
    <t>GUJRANWALA CITY</t>
  </si>
  <si>
    <t>GUJRANWALA CITY 1 - FEMALE</t>
  </si>
  <si>
    <t>City</t>
  </si>
  <si>
    <t>ARFAT COLONY, HAIDERY ROAD GUJRANWALA</t>
  </si>
  <si>
    <t>Nil</t>
  </si>
  <si>
    <t>ARFAT COLONY</t>
  </si>
  <si>
    <t>54</t>
  </si>
  <si>
    <t>SEHRISH NAZ</t>
  </si>
  <si>
    <t>M.C Local</t>
  </si>
  <si>
    <t>2448</t>
  </si>
  <si>
    <t>407</t>
  </si>
  <si>
    <t>11350</t>
  </si>
  <si>
    <t>550</t>
  </si>
  <si>
    <t>3425</t>
  </si>
  <si>
    <t>50</t>
  </si>
  <si>
    <t>3186</t>
  </si>
  <si>
    <t>41075</t>
  </si>
  <si>
    <t>GHS MAWARA</t>
  </si>
  <si>
    <t>RAWALPINDI</t>
  </si>
  <si>
    <t>KAHUTA</t>
  </si>
  <si>
    <t>Mowara</t>
  </si>
  <si>
    <t>Village Mowara P. O. Mowara Tehsil Kahuta District Rawalpindi</t>
  </si>
  <si>
    <t>57</t>
  </si>
  <si>
    <t>Faisal Abbas</t>
  </si>
  <si>
    <t>Technical High</t>
  </si>
  <si>
    <t>1914</t>
  </si>
  <si>
    <t>1924</t>
  </si>
  <si>
    <t>21760</t>
  </si>
  <si>
    <t>Well</t>
  </si>
  <si>
    <t>270</t>
  </si>
  <si>
    <t>30809</t>
  </si>
  <si>
    <t>33905</t>
  </si>
  <si>
    <t>3428</t>
  </si>
  <si>
    <t>3145</t>
  </si>
  <si>
    <t>44087</t>
  </si>
  <si>
    <t>GGHS ARA</t>
  </si>
  <si>
    <t>CHAKWAL</t>
  </si>
  <si>
    <t>CHOA SAIDAN SHAH</t>
  </si>
  <si>
    <t>Ara</t>
  </si>
  <si>
    <t>GGHS ara the choa saiden shah distt chakwal</t>
  </si>
  <si>
    <t>35</t>
  </si>
  <si>
    <t>64</t>
  </si>
  <si>
    <t>tahira yasmeen</t>
  </si>
  <si>
    <t>NA</t>
  </si>
  <si>
    <t>2005</t>
  </si>
  <si>
    <t>8383</t>
  </si>
  <si>
    <t>Other</t>
  </si>
  <si>
    <t>electric motor</t>
  </si>
  <si>
    <t>302</t>
  </si>
  <si>
    <t>32278</t>
  </si>
  <si>
    <t>217</t>
  </si>
  <si>
    <t>151</t>
  </si>
  <si>
    <t>42974</t>
  </si>
  <si>
    <t>44035</t>
  </si>
  <si>
    <t>GGPS LOWER GUFF</t>
  </si>
  <si>
    <t>KALLAR SYEDAN</t>
  </si>
  <si>
    <t>GUFF (W-EE) - FEMALE</t>
  </si>
  <si>
    <t>Guff</t>
  </si>
  <si>
    <t>GGPS Lower Guff P.O Kalarya Tehsil kaler syedan District Rwp</t>
  </si>
  <si>
    <t>Lower Guff</t>
  </si>
  <si>
    <t>Noreen Akhter</t>
  </si>
  <si>
    <t>2040</t>
  </si>
  <si>
    <t>68</t>
  </si>
  <si>
    <t>13082</t>
  </si>
  <si>
    <t>14000</t>
  </si>
  <si>
    <t>4222</t>
  </si>
  <si>
    <t>384</t>
  </si>
  <si>
    <t>2368</t>
  </si>
  <si>
    <t>14924</t>
  </si>
  <si>
    <t>GPS CHAK 205 RB I</t>
  </si>
  <si>
    <t>FAISALABAD</t>
  </si>
  <si>
    <t>JARANWALA</t>
  </si>
  <si>
    <t>MAKUANA - MALE</t>
  </si>
  <si>
    <t>205</t>
  </si>
  <si>
    <t>205 rb  thakarwala</t>
  </si>
  <si>
    <t>205 RB Thakarwala</t>
  </si>
  <si>
    <t>205 RB</t>
  </si>
  <si>
    <t>99</t>
  </si>
  <si>
    <t>Iftikhar Ahmad</t>
  </si>
  <si>
    <t>1929</t>
  </si>
  <si>
    <t>2625</t>
  </si>
  <si>
    <t>24432</t>
  </si>
  <si>
    <t>38870</t>
  </si>
  <si>
    <t>35502</t>
  </si>
  <si>
    <t>36</t>
  </si>
  <si>
    <t>2080</t>
  </si>
  <si>
    <t>35119</t>
  </si>
  <si>
    <t>GGES 183 EB</t>
  </si>
  <si>
    <t>VEHARI</t>
  </si>
  <si>
    <t>BUREWALA</t>
  </si>
  <si>
    <t>GAGGOO EAST - FEMALE</t>
  </si>
  <si>
    <t>183/eb</t>
  </si>
  <si>
    <t>Chak#183/e.b</t>
  </si>
  <si>
    <t>173/eb</t>
  </si>
  <si>
    <t>83</t>
  </si>
  <si>
    <t>162</t>
  </si>
  <si>
    <t>229</t>
  </si>
  <si>
    <t>Kousar Aftab</t>
  </si>
  <si>
    <t>6409</t>
  </si>
  <si>
    <t>225</t>
  </si>
  <si>
    <t>9400</t>
  </si>
  <si>
    <t>53664</t>
  </si>
  <si>
    <t>861</t>
  </si>
  <si>
    <t>2434</t>
  </si>
  <si>
    <t>52472</t>
  </si>
  <si>
    <t>GPS CHAK NO. 37/D</t>
  </si>
  <si>
    <t>OKARA</t>
  </si>
  <si>
    <t>DEPALPUR</t>
  </si>
  <si>
    <t>DEPALPUR - MALE</t>
  </si>
  <si>
    <t>37/d</t>
  </si>
  <si>
    <t>38/d KALLAN</t>
  </si>
  <si>
    <t>143</t>
  </si>
  <si>
    <t>187</t>
  </si>
  <si>
    <t>Ghulam Muhammad</t>
  </si>
  <si>
    <t>105</t>
  </si>
  <si>
    <t>310</t>
  </si>
  <si>
    <t>27115</t>
  </si>
  <si>
    <t>2374</t>
  </si>
  <si>
    <t>15006</t>
  </si>
  <si>
    <t>GPS 561 GB</t>
  </si>
  <si>
    <t>BUCHIANA - MALE</t>
  </si>
  <si>
    <t>Narooaan Wala</t>
  </si>
  <si>
    <t>chak no 561 gb teh. jaranwala distt. faisalabad</t>
  </si>
  <si>
    <t>561 Gb</t>
  </si>
  <si>
    <t>657/8 Gb</t>
  </si>
  <si>
    <t>41</t>
  </si>
  <si>
    <t>102</t>
  </si>
  <si>
    <t>Javaid Iqbal Khan</t>
  </si>
  <si>
    <t>44</t>
  </si>
  <si>
    <t>2700</t>
  </si>
  <si>
    <t>2941</t>
  </si>
  <si>
    <t>35148</t>
  </si>
  <si>
    <t>53493</t>
  </si>
  <si>
    <t>GGES 281 EB</t>
  </si>
  <si>
    <t>FATEH SHAH - FEMALE</t>
  </si>
  <si>
    <t>281/eb</t>
  </si>
  <si>
    <t>chak no 281/eb</t>
  </si>
  <si>
    <t>Chak No 281/eb</t>
  </si>
  <si>
    <t>Chak No 291/eb</t>
  </si>
  <si>
    <t>163</t>
  </si>
  <si>
    <t>231</t>
  </si>
  <si>
    <t>Nusrat Majeed</t>
  </si>
  <si>
    <t>1982</t>
  </si>
  <si>
    <t>4427</t>
  </si>
  <si>
    <t>202</t>
  </si>
  <si>
    <t>21387</t>
  </si>
  <si>
    <t>15000</t>
  </si>
  <si>
    <t>6144</t>
  </si>
  <si>
    <t>52582</t>
  </si>
  <si>
    <t>36531</t>
  </si>
  <si>
    <t>GPS DOULO WAL</t>
  </si>
  <si>
    <t>DOLOWAL-MALE</t>
  </si>
  <si>
    <t>Dolowal</t>
  </si>
  <si>
    <t>Chak Dolowal Tehsil Depalpur District Okara</t>
  </si>
  <si>
    <t>Imtiaz Ahmad</t>
  </si>
  <si>
    <t>4083</t>
  </si>
  <si>
    <t>201</t>
  </si>
  <si>
    <t>3281</t>
  </si>
  <si>
    <t>26900</t>
  </si>
  <si>
    <t>3753</t>
  </si>
  <si>
    <t>15220</t>
  </si>
  <si>
    <t>GGPS CHAK 194 RB I KHURRIANWALA</t>
  </si>
  <si>
    <t>KHURRIANWALA 2 - FEMALE</t>
  </si>
  <si>
    <t>Lathianwala</t>
  </si>
  <si>
    <t>chak no 194 r. b lathianwala tehsil jarranwala Dist: Faisalabad</t>
  </si>
  <si>
    <t>Khurianwala</t>
  </si>
  <si>
    <t>Afshan Majeed</t>
  </si>
  <si>
    <t>6256</t>
  </si>
  <si>
    <t>808</t>
  </si>
  <si>
    <t>72000</t>
  </si>
  <si>
    <t>981</t>
  </si>
  <si>
    <t>15020</t>
  </si>
  <si>
    <t>GPS 586 GB I</t>
  </si>
  <si>
    <t>586gb1</t>
  </si>
  <si>
    <t>chak 586gb1</t>
  </si>
  <si>
    <t>657/8</t>
  </si>
  <si>
    <t>Shahid Bashir</t>
  </si>
  <si>
    <t>1967</t>
  </si>
  <si>
    <t>4744</t>
  </si>
  <si>
    <t>150</t>
  </si>
  <si>
    <t>28266</t>
  </si>
  <si>
    <t>23000</t>
  </si>
  <si>
    <t>14719</t>
  </si>
  <si>
    <t>GHS MC PEOPLES COLONY NO. 2 FSD</t>
  </si>
  <si>
    <t>FAISALABAD CITY</t>
  </si>
  <si>
    <t>MC HIGH SCHOOL PEOPLES COLONY NO. 2 MUHAMMADI CHOWK FSD</t>
  </si>
  <si>
    <t>PEOPLES COLONY NO. 2 B BLOCK</t>
  </si>
  <si>
    <t>109</t>
  </si>
  <si>
    <t>114</t>
  </si>
  <si>
    <t>Munir Ahmad</t>
  </si>
  <si>
    <t>1981</t>
  </si>
  <si>
    <t>Municipal Building</t>
  </si>
  <si>
    <t>16200</t>
  </si>
  <si>
    <t>1215</t>
  </si>
  <si>
    <t>1200</t>
  </si>
  <si>
    <t>333</t>
  </si>
  <si>
    <t>3238</t>
  </si>
  <si>
    <t>15433</t>
  </si>
  <si>
    <t>GHSS KHURRIANWALA</t>
  </si>
  <si>
    <t>khurrianwala</t>
  </si>
  <si>
    <t>mc</t>
  </si>
  <si>
    <t>KHALID MANZOOR</t>
  </si>
  <si>
    <t>H.Sec.</t>
  </si>
  <si>
    <t>1920</t>
  </si>
  <si>
    <t>87040</t>
  </si>
  <si>
    <t>60</t>
  </si>
  <si>
    <t>2500</t>
  </si>
  <si>
    <t>798</t>
  </si>
  <si>
    <t>757</t>
  </si>
  <si>
    <t>7070</t>
  </si>
  <si>
    <t>1384</t>
  </si>
  <si>
    <t>2242</t>
  </si>
  <si>
    <t>15843</t>
  </si>
  <si>
    <t>GES CHAK 7 JB NALKA KOHALA</t>
  </si>
  <si>
    <t>CITY 1 - MALE</t>
  </si>
  <si>
    <t>kohala</t>
  </si>
  <si>
    <t>chak no.7 jb kohala faislabad</t>
  </si>
  <si>
    <t>samana</t>
  </si>
  <si>
    <t>179</t>
  </si>
  <si>
    <t>117</t>
  </si>
  <si>
    <t>Ayyaz Mehmood</t>
  </si>
  <si>
    <t>1910</t>
  </si>
  <si>
    <t>2012</t>
  </si>
  <si>
    <t>5130</t>
  </si>
  <si>
    <t>water filteration plant</t>
  </si>
  <si>
    <t>16614</t>
  </si>
  <si>
    <t>27820</t>
  </si>
  <si>
    <t>2375</t>
  </si>
  <si>
    <t>14842</t>
  </si>
  <si>
    <t>GES CHAK 100 GB</t>
  </si>
  <si>
    <t>ALI PUR BANGLA - MALE</t>
  </si>
  <si>
    <t>100 GB Purtabpur</t>
  </si>
  <si>
    <t>100 GB jaranwala</t>
  </si>
  <si>
    <t>Chak #101 GB Ali pur</t>
  </si>
  <si>
    <t>M Nawaz</t>
  </si>
  <si>
    <t>1958</t>
  </si>
  <si>
    <t>17472</t>
  </si>
  <si>
    <t>45085</t>
  </si>
  <si>
    <t>2330</t>
  </si>
  <si>
    <t>14936</t>
  </si>
  <si>
    <t>GPS CHAK 74 RB I</t>
  </si>
  <si>
    <t>BADIANWALA - MALE</t>
  </si>
  <si>
    <t>74 RB Lohkey</t>
  </si>
  <si>
    <t>chak no 74 RB lohkey</t>
  </si>
  <si>
    <t>Chak No 76 RB Rasoolpura</t>
  </si>
  <si>
    <t>Kashfa Begum</t>
  </si>
  <si>
    <t>2969</t>
  </si>
  <si>
    <t>177</t>
  </si>
  <si>
    <t>944</t>
  </si>
  <si>
    <t>12160</t>
  </si>
  <si>
    <t>8857</t>
  </si>
  <si>
    <t>37364</t>
  </si>
  <si>
    <t>14915</t>
  </si>
  <si>
    <t>GPS 104 RB</t>
  </si>
  <si>
    <t>104RB</t>
  </si>
  <si>
    <t>Chak No 104RB Teh. Jaranwala Disst. Faisalabad</t>
  </si>
  <si>
    <t>63GB</t>
  </si>
  <si>
    <t>Abdul Ghaffar</t>
  </si>
  <si>
    <t>1361</t>
  </si>
  <si>
    <t>723</t>
  </si>
  <si>
    <t>15520</t>
  </si>
  <si>
    <t>14872</t>
  </si>
  <si>
    <t>GPS CHAK 625 GB IV</t>
  </si>
  <si>
    <t>Abadi Raja Watto</t>
  </si>
  <si>
    <t>Chak no 625/4 G.B</t>
  </si>
  <si>
    <t>Chak No 625/4 GB</t>
  </si>
  <si>
    <t>Chak No 235 GB</t>
  </si>
  <si>
    <t>Muhammad Amin</t>
  </si>
  <si>
    <t>1346</t>
  </si>
  <si>
    <t>3744</t>
  </si>
  <si>
    <t>13087</t>
  </si>
  <si>
    <t>10922</t>
  </si>
  <si>
    <t>6181</t>
  </si>
  <si>
    <t>46181</t>
  </si>
  <si>
    <t>14743</t>
  </si>
  <si>
    <t>GHS CHAK 279 RB KHURD FSD</t>
  </si>
  <si>
    <t>279 RB</t>
  </si>
  <si>
    <t>Govt Shuhada-E-APS Memorial H/S 279 RB faisalabad</t>
  </si>
  <si>
    <t>Kaleem Shaheed coony</t>
  </si>
  <si>
    <t>107</t>
  </si>
  <si>
    <t>SAGHIR AHMAD</t>
  </si>
  <si>
    <t>19168</t>
  </si>
  <si>
    <t>1645</t>
  </si>
  <si>
    <t>1794</t>
  </si>
  <si>
    <t>175</t>
  </si>
  <si>
    <t>2257</t>
  </si>
  <si>
    <t>14497</t>
  </si>
  <si>
    <t>GPS AMIN PARK FSD</t>
  </si>
  <si>
    <t>CITY 5 - MALE</t>
  </si>
  <si>
    <t>city</t>
  </si>
  <si>
    <t>amin park, Faisalabad.</t>
  </si>
  <si>
    <t>aminpark</t>
  </si>
  <si>
    <t>kaleem shaheed colony</t>
  </si>
  <si>
    <t>ABUBAKAR</t>
  </si>
  <si>
    <t>5400</t>
  </si>
  <si>
    <t>8514</t>
  </si>
  <si>
    <t>685</t>
  </si>
  <si>
    <t>2231</t>
  </si>
  <si>
    <t>14647</t>
  </si>
  <si>
    <t>GES M I GULBERG B FSD</t>
  </si>
  <si>
    <t>CITY 4 - MALE</t>
  </si>
  <si>
    <t>Gulberg B Faisalabad</t>
  </si>
  <si>
    <t>GULBERG B</t>
  </si>
  <si>
    <t>155</t>
  </si>
  <si>
    <t>Hafiz Kamran Ahmed</t>
  </si>
  <si>
    <t>1957</t>
  </si>
  <si>
    <t>10890</t>
  </si>
  <si>
    <t>329</t>
  </si>
  <si>
    <t>34609</t>
  </si>
  <si>
    <t>426</t>
  </si>
  <si>
    <t>14794</t>
  </si>
  <si>
    <t>GPS 202 RB II WEST BHAI WALA</t>
  </si>
  <si>
    <t>Bhaiwala</t>
  </si>
  <si>
    <t>202 RB Bhaiwala</t>
  </si>
  <si>
    <t>116</t>
  </si>
  <si>
    <t>Awais Bashir</t>
  </si>
  <si>
    <t>1280</t>
  </si>
  <si>
    <t>264</t>
  </si>
  <si>
    <t>1125</t>
  </si>
  <si>
    <t>43000</t>
  </si>
  <si>
    <t>748</t>
  </si>
  <si>
    <t>1333</t>
  </si>
  <si>
    <t>15758</t>
  </si>
  <si>
    <t>GPS 219 RB  II</t>
  </si>
  <si>
    <t>sahianwala</t>
  </si>
  <si>
    <t>219RB sahianwala jhang road fsd.</t>
  </si>
  <si>
    <t>219RB sahianwala</t>
  </si>
  <si>
    <t>Talianwala</t>
  </si>
  <si>
    <t>112</t>
  </si>
  <si>
    <t>Arslan Bashir</t>
  </si>
  <si>
    <t>7830</t>
  </si>
  <si>
    <t>168</t>
  </si>
  <si>
    <t>36296</t>
  </si>
  <si>
    <t>47509</t>
  </si>
  <si>
    <t>1521</t>
  </si>
  <si>
    <t>14545</t>
  </si>
  <si>
    <t>GES MC NO.1 IMTIAZ AHMED SHAHEED</t>
  </si>
  <si>
    <t>street no 1 hajwary town fsd</t>
  </si>
  <si>
    <t>Hajwary Town Fsd</t>
  </si>
  <si>
    <t>Hajwary Town</t>
  </si>
  <si>
    <t>muhammad naeem ahmed</t>
  </si>
  <si>
    <t>2017</t>
  </si>
  <si>
    <t>4352</t>
  </si>
  <si>
    <t>313</t>
  </si>
  <si>
    <t>3759</t>
  </si>
  <si>
    <t>6068</t>
  </si>
  <si>
    <t>3464</t>
  </si>
  <si>
    <t>3858</t>
  </si>
  <si>
    <t>33212</t>
  </si>
  <si>
    <t>GGES SALAR BATTIAN</t>
  </si>
  <si>
    <t>SHEIKHUPURA</t>
  </si>
  <si>
    <t>SAFDARABAD</t>
  </si>
  <si>
    <t>SAFDARABAD-V - FEMALE</t>
  </si>
  <si>
    <t>Salar Bhattian</t>
  </si>
  <si>
    <t>Salar bhattian</t>
  </si>
  <si>
    <t>Salar Bhattain</t>
  </si>
  <si>
    <t>122</t>
  </si>
  <si>
    <t>Nasreen Kokab</t>
  </si>
  <si>
    <t>1959</t>
  </si>
  <si>
    <t>16320</t>
  </si>
  <si>
    <t>55</t>
  </si>
  <si>
    <t>10816</t>
  </si>
  <si>
    <t>4015</t>
  </si>
  <si>
    <t>512</t>
  </si>
  <si>
    <t>262</t>
  </si>
  <si>
    <t>36508</t>
  </si>
  <si>
    <t>GGPS SHABBIR ABAD VEHARI</t>
  </si>
  <si>
    <t>DANEWAL-FEMALE</t>
  </si>
  <si>
    <t>Danewal</t>
  </si>
  <si>
    <t>GGPS shabbirabad basti shabbirabad vehari</t>
  </si>
  <si>
    <t>164</t>
  </si>
  <si>
    <t>234</t>
  </si>
  <si>
    <t>Hameeda Nawab</t>
  </si>
  <si>
    <t>2010</t>
  </si>
  <si>
    <t>5445</t>
  </si>
  <si>
    <t>27349</t>
  </si>
  <si>
    <t>30230</t>
  </si>
  <si>
    <t>22229</t>
  </si>
  <si>
    <t>126</t>
  </si>
  <si>
    <t>3794</t>
  </si>
  <si>
    <t>19554</t>
  </si>
  <si>
    <t>52812</t>
  </si>
  <si>
    <t>GGPS CHAK 267 GB</t>
  </si>
  <si>
    <t>T.T.SINGH</t>
  </si>
  <si>
    <t>TOBA TEK SINGH</t>
  </si>
  <si>
    <t>LONDO ADDA-FEMALE</t>
  </si>
  <si>
    <t>267gb</t>
  </si>
  <si>
    <t>264gb</t>
  </si>
  <si>
    <t>Shamaila Manzoor</t>
  </si>
  <si>
    <t>1254</t>
  </si>
  <si>
    <t>188</t>
  </si>
  <si>
    <t>44200</t>
  </si>
  <si>
    <t>32660</t>
  </si>
  <si>
    <t>91</t>
  </si>
  <si>
    <t>5278</t>
  </si>
  <si>
    <t>24443</t>
  </si>
  <si>
    <t>GGES CM TAVERIAN WALA</t>
  </si>
  <si>
    <t>PASRUR</t>
  </si>
  <si>
    <t>MUSA PUR - FEMALE</t>
  </si>
  <si>
    <t>Tawerianwala</t>
  </si>
  <si>
    <t>village and post office tawerianwala tehsil pasrur district sialkot</t>
  </si>
  <si>
    <t>Musapur</t>
  </si>
  <si>
    <t>Humaira Anjum Bajwa</t>
  </si>
  <si>
    <t>9792</t>
  </si>
  <si>
    <t>48000</t>
  </si>
  <si>
    <t>32790</t>
  </si>
  <si>
    <t>2517</t>
  </si>
  <si>
    <t>1014</t>
  </si>
  <si>
    <t>49666</t>
  </si>
  <si>
    <t>GGHS CHAK NO.120 SB</t>
  </si>
  <si>
    <t>SARGODHA</t>
  </si>
  <si>
    <t>SILLANWALI</t>
  </si>
  <si>
    <t>120SB</t>
  </si>
  <si>
    <t>Chak #120SB, sillanwali</t>
  </si>
  <si>
    <t>Ume Kalsoom</t>
  </si>
  <si>
    <t>671</t>
  </si>
  <si>
    <t>33015</t>
  </si>
  <si>
    <t>19289</t>
  </si>
  <si>
    <t>1264</t>
  </si>
  <si>
    <t>2210</t>
  </si>
  <si>
    <t>33272</t>
  </si>
  <si>
    <t>GPS DHOOP SARI CHAK NO.78</t>
  </si>
  <si>
    <t>SAFDARABAD-II - MALE</t>
  </si>
  <si>
    <t>Dhoop Sari Ch 78</t>
  </si>
  <si>
    <t>Dhoop sari chak 78 tehsil safdrabad district sheikhupura</t>
  </si>
  <si>
    <t>Dhoop sari Chak 78</t>
  </si>
  <si>
    <t>Nawan Pind Chak 78</t>
  </si>
  <si>
    <t>96</t>
  </si>
  <si>
    <t>Abdul Rashid</t>
  </si>
  <si>
    <t>2176</t>
  </si>
  <si>
    <t>15565</t>
  </si>
  <si>
    <t>18000</t>
  </si>
  <si>
    <t>8884</t>
  </si>
  <si>
    <t>121</t>
  </si>
  <si>
    <t>521</t>
  </si>
  <si>
    <t>40604</t>
  </si>
  <si>
    <t>GES SUGIAL</t>
  </si>
  <si>
    <t>JHELUM</t>
  </si>
  <si>
    <t>SOHAWA</t>
  </si>
  <si>
    <t>SOHAWA - MALE</t>
  </si>
  <si>
    <t>SUGIAL</t>
  </si>
  <si>
    <t>vill/p/o sugial teh sohawa distt Jhelum</t>
  </si>
  <si>
    <t>Phulry Saydan</t>
  </si>
  <si>
    <t>Fahad Aziz</t>
  </si>
  <si>
    <t>1942</t>
  </si>
  <si>
    <t>2004</t>
  </si>
  <si>
    <t>25863</t>
  </si>
  <si>
    <t>25707</t>
  </si>
  <si>
    <t>35000</t>
  </si>
  <si>
    <t>67</t>
  </si>
  <si>
    <t>2624</t>
  </si>
  <si>
    <t>30457</t>
  </si>
  <si>
    <t>GPS DOGRAI KHURD</t>
  </si>
  <si>
    <t>LAHORE</t>
  </si>
  <si>
    <t>CANTT</t>
  </si>
  <si>
    <t>BHANGALI - MALE</t>
  </si>
  <si>
    <t>Bhangali</t>
  </si>
  <si>
    <t>Dougray khurd barki road</t>
  </si>
  <si>
    <t>Dougray Khurd</t>
  </si>
  <si>
    <t>193</t>
  </si>
  <si>
    <t>132</t>
  </si>
  <si>
    <t>Muhammad Khalid</t>
  </si>
  <si>
    <t>7659</t>
  </si>
  <si>
    <t>13640</t>
  </si>
  <si>
    <t>10636</t>
  </si>
  <si>
    <t>12005</t>
  </si>
  <si>
    <t>1462</t>
  </si>
  <si>
    <t>24568</t>
  </si>
  <si>
    <t>GGPS CHOBARAH</t>
  </si>
  <si>
    <t>QILA KALAR WALA - FEMALE</t>
  </si>
  <si>
    <t>Chobara</t>
  </si>
  <si>
    <t>chobara</t>
  </si>
  <si>
    <t>Ghatialian</t>
  </si>
  <si>
    <t>Safia Boota</t>
  </si>
  <si>
    <t>6423</t>
  </si>
  <si>
    <t>6008</t>
  </si>
  <si>
    <t>30923</t>
  </si>
  <si>
    <t>118</t>
  </si>
  <si>
    <t>3694</t>
  </si>
  <si>
    <t>34033</t>
  </si>
  <si>
    <t>GPS RASOOL PUR NO. 3 SHUJA ABAD</t>
  </si>
  <si>
    <t>MULTAN</t>
  </si>
  <si>
    <t>SHUJA ABAD</t>
  </si>
  <si>
    <t>RASOOL PUR - MALE</t>
  </si>
  <si>
    <t>Rasool Pur</t>
  </si>
  <si>
    <t>New Basti Rasool pur no 3 tehsil shujabad district Multan</t>
  </si>
  <si>
    <t>New Basti</t>
  </si>
  <si>
    <t>153</t>
  </si>
  <si>
    <t>159</t>
  </si>
  <si>
    <t>222</t>
  </si>
  <si>
    <t>Muhammad Aslam</t>
  </si>
  <si>
    <t>27827</t>
  </si>
  <si>
    <t>549</t>
  </si>
  <si>
    <t>1795</t>
  </si>
  <si>
    <t>39340</t>
  </si>
  <si>
    <t>GMPS DHOK GUJJAR (KHOUR)</t>
  </si>
  <si>
    <t>PINDI GHEB</t>
  </si>
  <si>
    <t>KHOUR - FEMALE</t>
  </si>
  <si>
    <t>dhoke gujar khaur</t>
  </si>
  <si>
    <t>dhoke gujar khaur teh pindi gheb teh attock</t>
  </si>
  <si>
    <t>kamrial</t>
  </si>
  <si>
    <t>Mussarat Shaheen</t>
  </si>
  <si>
    <t>46554</t>
  </si>
  <si>
    <t>5767</t>
  </si>
  <si>
    <t>11600</t>
  </si>
  <si>
    <t>45343</t>
  </si>
  <si>
    <t>3167</t>
  </si>
  <si>
    <t>46009</t>
  </si>
  <si>
    <t>GGHS UGALI</t>
  </si>
  <si>
    <t>KHUSHAB</t>
  </si>
  <si>
    <t>NAUSHERA</t>
  </si>
  <si>
    <t>Ugali</t>
  </si>
  <si>
    <t>g g h school  ugali</t>
  </si>
  <si>
    <t>Anga</t>
  </si>
  <si>
    <t>Adila Naz</t>
  </si>
  <si>
    <t>336</t>
  </si>
  <si>
    <t>11558</t>
  </si>
  <si>
    <t>3024</t>
  </si>
  <si>
    <t>26765</t>
  </si>
  <si>
    <t>36075</t>
  </si>
  <si>
    <t>GPS DHAPAI</t>
  </si>
  <si>
    <t>DHAMTHAL - MALE</t>
  </si>
  <si>
    <t>Dhapai</t>
  </si>
  <si>
    <t>dhapai p/o sair bajwa tehsil zafarwal district narowal</t>
  </si>
  <si>
    <t>Jastiwala</t>
  </si>
  <si>
    <t>Allah Rakha</t>
  </si>
  <si>
    <t>65</t>
  </si>
  <si>
    <t>3762</t>
  </si>
  <si>
    <t>11684</t>
  </si>
  <si>
    <t>15761</t>
  </si>
  <si>
    <t>GPS 221 RB I</t>
  </si>
  <si>
    <t>Risala#15</t>
  </si>
  <si>
    <t>chak#221rb risala#15fsd</t>
  </si>
  <si>
    <t>221rb</t>
  </si>
  <si>
    <t>Sitara Colony</t>
  </si>
  <si>
    <t>106</t>
  </si>
  <si>
    <t>108</t>
  </si>
  <si>
    <t>Ateeque Hussain</t>
  </si>
  <si>
    <t>1927</t>
  </si>
  <si>
    <t>2075</t>
  </si>
  <si>
    <t>25000</t>
  </si>
  <si>
    <t>2964</t>
  </si>
  <si>
    <t>992</t>
  </si>
  <si>
    <t>41446</t>
  </si>
  <si>
    <t>GGPS BANDI DOUNDAN</t>
  </si>
  <si>
    <t>MURREE</t>
  </si>
  <si>
    <t>BHURBAN - FEMALE</t>
  </si>
  <si>
    <t>Bandi</t>
  </si>
  <si>
    <t>village Bandi p/o kashmiri bazar teh murree distt rwp</t>
  </si>
  <si>
    <t>Bandi dhoundan</t>
  </si>
  <si>
    <t>rawat</t>
  </si>
  <si>
    <t>Shireen Gulzaib</t>
  </si>
  <si>
    <t>private pipeline</t>
  </si>
  <si>
    <t>4387</t>
  </si>
  <si>
    <t>10025</t>
  </si>
  <si>
    <t>3734</t>
  </si>
  <si>
    <t>4869</t>
  </si>
  <si>
    <t>21076</t>
  </si>
  <si>
    <t>14718</t>
  </si>
  <si>
    <t>GGPS SIKANDAR PURA</t>
  </si>
  <si>
    <t>WAZIRABAD CITY 2 - FEMALE</t>
  </si>
  <si>
    <t>Nizamabad</t>
  </si>
  <si>
    <t>mahala nai abadi near hazro shah masjid</t>
  </si>
  <si>
    <t>Munciple Administration</t>
  </si>
  <si>
    <t>284</t>
  </si>
  <si>
    <t>Nabeela Noreen</t>
  </si>
  <si>
    <t>2178</t>
  </si>
  <si>
    <t>125</t>
  </si>
  <si>
    <t>11391</t>
  </si>
  <si>
    <t>38429</t>
  </si>
  <si>
    <t>9309</t>
  </si>
  <si>
    <t>3045</t>
  </si>
  <si>
    <t>25839</t>
  </si>
  <si>
    <t>GGPS SARH FATTAH</t>
  </si>
  <si>
    <t>DHRAG MIANA- FEMALE</t>
  </si>
  <si>
    <t>Saharfatah</t>
  </si>
  <si>
    <t>govt girls primary school SaharFatah narowal</t>
  </si>
  <si>
    <t>SaharFatah</t>
  </si>
  <si>
    <t>FaleezPur</t>
  </si>
  <si>
    <t>29</t>
  </si>
  <si>
    <t>78</t>
  </si>
  <si>
    <t>Riffat Tahira</t>
  </si>
  <si>
    <t>639</t>
  </si>
  <si>
    <t>6744</t>
  </si>
  <si>
    <t>6105</t>
  </si>
  <si>
    <t>7055</t>
  </si>
  <si>
    <t>38043</t>
  </si>
  <si>
    <t>6175</t>
  </si>
  <si>
    <t>53366</t>
  </si>
  <si>
    <t>GGPS MASTA PAROOKA</t>
  </si>
  <si>
    <t>GOGERA-FEMALE</t>
  </si>
  <si>
    <t>Musta Paroka</t>
  </si>
  <si>
    <t>Govt Girls Primary school Musta Proka Markaz Gogera Okara</t>
  </si>
  <si>
    <t>34 GD</t>
  </si>
  <si>
    <t>141</t>
  </si>
  <si>
    <t>Kousar Perveen</t>
  </si>
  <si>
    <t>8439</t>
  </si>
  <si>
    <t>927</t>
  </si>
  <si>
    <t>15260</t>
  </si>
  <si>
    <t>13830</t>
  </si>
  <si>
    <t>81000</t>
  </si>
  <si>
    <t>15407</t>
  </si>
  <si>
    <t>GGHS CHAK 105 GB</t>
  </si>
  <si>
    <t>Bungay</t>
  </si>
  <si>
    <t>Chak no 105 GB</t>
  </si>
  <si>
    <t>Chak No 105 GB</t>
  </si>
  <si>
    <t>Chak No 109RB Roda</t>
  </si>
  <si>
    <t>Sidra Nasim</t>
  </si>
  <si>
    <t>Water cans</t>
  </si>
  <si>
    <t>630</t>
  </si>
  <si>
    <t>58</t>
  </si>
  <si>
    <t>2140</t>
  </si>
  <si>
    <t>15812</t>
  </si>
  <si>
    <t>GHS CHAK 119 JB SAMANA LAYALPUR TOWN NO.1</t>
  </si>
  <si>
    <t>FAISALABAD SADDAR</t>
  </si>
  <si>
    <t>Chak No.119/JB, Samana</t>
  </si>
  <si>
    <t>Chak No.119/JB</t>
  </si>
  <si>
    <t>Adris Ahmad</t>
  </si>
  <si>
    <t>110109</t>
  </si>
  <si>
    <t>625</t>
  </si>
  <si>
    <t>50188</t>
  </si>
  <si>
    <t>38860</t>
  </si>
  <si>
    <t>5935</t>
  </si>
  <si>
    <t>2640</t>
  </si>
  <si>
    <t>31262</t>
  </si>
  <si>
    <t>GGES CDG JUNIOR MODEL CHOHAN ROAD</t>
  </si>
  <si>
    <t>CITY</t>
  </si>
  <si>
    <t>SANDA - FEMALE</t>
  </si>
  <si>
    <t>Chohan Road</t>
  </si>
  <si>
    <t>CDG JUNIOR MODEL MIDDLE GIRLS SCHOOL, CHOHAN ROAD, LHR.</t>
  </si>
  <si>
    <t>Chohan Park</t>
  </si>
  <si>
    <t>Rubina Kausar</t>
  </si>
  <si>
    <t>Junior Model</t>
  </si>
  <si>
    <t>1949</t>
  </si>
  <si>
    <t>1974</t>
  </si>
  <si>
    <t>5180</t>
  </si>
  <si>
    <t>536</t>
  </si>
  <si>
    <t>15434</t>
  </si>
  <si>
    <t>GHSS CHAK NO. 72/GB</t>
  </si>
  <si>
    <t>Satiana</t>
  </si>
  <si>
    <t>chak no 72 gb</t>
  </si>
  <si>
    <t>72 GB</t>
  </si>
  <si>
    <t>73 gb</t>
  </si>
  <si>
    <t>ABDUL WAJID</t>
  </si>
  <si>
    <t>1906</t>
  </si>
  <si>
    <t>20166</t>
  </si>
  <si>
    <t>1078</t>
  </si>
  <si>
    <t>31448</t>
  </si>
  <si>
    <t>3232</t>
  </si>
  <si>
    <t>666</t>
  </si>
  <si>
    <t>3179</t>
  </si>
  <si>
    <t>22189</t>
  </si>
  <si>
    <t>GHS LUND PUR</t>
  </si>
  <si>
    <t>GUJRAT</t>
  </si>
  <si>
    <t>Lundpur</t>
  </si>
  <si>
    <t>Hariawala</t>
  </si>
  <si>
    <t>69</t>
  </si>
  <si>
    <t>Zahoor Ahmad</t>
  </si>
  <si>
    <t>10532</t>
  </si>
  <si>
    <t>50579</t>
  </si>
  <si>
    <t>16168</t>
  </si>
  <si>
    <t>GGHS CHAK NO. 265 RB</t>
  </si>
  <si>
    <t>Chak No. 265 RB Faisalabad</t>
  </si>
  <si>
    <t>Chak No. 265 RB</t>
  </si>
  <si>
    <t>Chak No 267 RB</t>
  </si>
  <si>
    <t>Anjum nirala</t>
  </si>
  <si>
    <t>1992</t>
  </si>
  <si>
    <t>16335</t>
  </si>
  <si>
    <t>447</t>
  </si>
  <si>
    <t>23321</t>
  </si>
  <si>
    <t>70</t>
  </si>
  <si>
    <t>16208</t>
  </si>
  <si>
    <t>GHS CHAK 275 JB FSD</t>
  </si>
  <si>
    <t>chak 275 jb pansera</t>
  </si>
  <si>
    <t>chak no. 275 jb painsera</t>
  </si>
  <si>
    <t>painsera</t>
  </si>
  <si>
    <t>MUHAMMAD SARWAR KHAN</t>
  </si>
  <si>
    <t>1903</t>
  </si>
  <si>
    <t>8712</t>
  </si>
  <si>
    <t>795</t>
  </si>
  <si>
    <t>48360</t>
  </si>
  <si>
    <t>Not Enough</t>
  </si>
  <si>
    <t>14692</t>
  </si>
  <si>
    <t>GGHS NISHAT ABAD FSD</t>
  </si>
  <si>
    <t>nishatabad</t>
  </si>
  <si>
    <t>Govt.girls high school , 30 feet bazar Nishatabad</t>
  </si>
  <si>
    <t>Nishatabad</t>
  </si>
  <si>
    <t>Jamilabad</t>
  </si>
  <si>
    <t>Rukhsana Kamal</t>
  </si>
  <si>
    <t>1978</t>
  </si>
  <si>
    <t>12177</t>
  </si>
  <si>
    <t>1187</t>
  </si>
  <si>
    <t>1841</t>
  </si>
  <si>
    <t>1453</t>
  </si>
  <si>
    <t>2292</t>
  </si>
  <si>
    <t>16037</t>
  </si>
  <si>
    <t>GGPS CHAK NO 257 RB</t>
  </si>
  <si>
    <t>THIKRIWALA 2 - FEMALE</t>
  </si>
  <si>
    <t>Bogan</t>
  </si>
  <si>
    <t>chak.no.257 RB Bogan Faisalabad</t>
  </si>
  <si>
    <t>257 RB</t>
  </si>
  <si>
    <t>Jahangir Khurd</t>
  </si>
  <si>
    <t>148</t>
  </si>
  <si>
    <t>Rubanoureen</t>
  </si>
  <si>
    <t>1725</t>
  </si>
  <si>
    <t>53694</t>
  </si>
  <si>
    <t>456</t>
  </si>
  <si>
    <t>1355</t>
  </si>
  <si>
    <t>33427</t>
  </si>
  <si>
    <t>34817</t>
  </si>
  <si>
    <t>GPS ANAND PURA CHAK 51 RB</t>
  </si>
  <si>
    <t>NANKANA SAHIB</t>
  </si>
  <si>
    <t>SHAHKOT</t>
  </si>
  <si>
    <t>SHAHKOT CITY - MALE</t>
  </si>
  <si>
    <t>Anand Pura</t>
  </si>
  <si>
    <t>G P S anand pura chak. 51</t>
  </si>
  <si>
    <t>Kari Wala</t>
  </si>
  <si>
    <t>131</t>
  </si>
  <si>
    <t>Ijaz Ahmed</t>
  </si>
  <si>
    <t>1922</t>
  </si>
  <si>
    <t>2416</t>
  </si>
  <si>
    <t>14360</t>
  </si>
  <si>
    <t>30598</t>
  </si>
  <si>
    <t>34049</t>
  </si>
  <si>
    <t>976</t>
  </si>
  <si>
    <t>3716</t>
  </si>
  <si>
    <t>36301</t>
  </si>
  <si>
    <t>GPS DIN WAH</t>
  </si>
  <si>
    <t>DOULAT ABAD-MALE</t>
  </si>
  <si>
    <t>Kareem Wah</t>
  </si>
  <si>
    <t>Govt Primary School,Basti Deen Wah,Mouza Kareem Wah, Vehari</t>
  </si>
  <si>
    <t>Deen Wah</t>
  </si>
  <si>
    <t>232</t>
  </si>
  <si>
    <t>Ch Zafar Iqbal</t>
  </si>
  <si>
    <t>5700</t>
  </si>
  <si>
    <t>832</t>
  </si>
  <si>
    <t>4774</t>
  </si>
  <si>
    <t>6073</t>
  </si>
  <si>
    <t>26325</t>
  </si>
  <si>
    <t>35618</t>
  </si>
  <si>
    <t>GGPS HEERA JHUN</t>
  </si>
  <si>
    <t>SHAKARGARH</t>
  </si>
  <si>
    <t>MALIK PUR-FEMALE</t>
  </si>
  <si>
    <t>Heera Jhun</t>
  </si>
  <si>
    <t>GGP school Heera jhun p/o kot naina tehsile Shakargarh Dist narowal</t>
  </si>
  <si>
    <t>HEERA JHUN</t>
  </si>
  <si>
    <t>Malik Pur</t>
  </si>
  <si>
    <t>Shazia Maqsood</t>
  </si>
  <si>
    <t>1587</t>
  </si>
  <si>
    <t>72</t>
  </si>
  <si>
    <t>54436</t>
  </si>
  <si>
    <t>26140</t>
  </si>
  <si>
    <t>92</t>
  </si>
  <si>
    <t>2912</t>
  </si>
  <si>
    <t>29948</t>
  </si>
  <si>
    <t>21474</t>
  </si>
  <si>
    <t>GES GANDHI OTTAR</t>
  </si>
  <si>
    <t>PATTOKI</t>
  </si>
  <si>
    <t>BHOE ASAL - MALE</t>
  </si>
  <si>
    <t>Gandi Ottar</t>
  </si>
  <si>
    <t>gandhi ottar teh pattoki dist kasur</t>
  </si>
  <si>
    <t>Bhoe Asal</t>
  </si>
  <si>
    <t>181</t>
  </si>
  <si>
    <t>Muhammad Rafique</t>
  </si>
  <si>
    <t>1918</t>
  </si>
  <si>
    <t>7754</t>
  </si>
  <si>
    <t>210</t>
  </si>
  <si>
    <t>1274</t>
  </si>
  <si>
    <t>2280</t>
  </si>
  <si>
    <t>2413</t>
  </si>
  <si>
    <t>15545</t>
  </si>
  <si>
    <t>GGES CHAK 135 GB SAMUNDRI</t>
  </si>
  <si>
    <t>SAMUNDARI</t>
  </si>
  <si>
    <t>SALOONI JHAAL - FEMALE</t>
  </si>
  <si>
    <t>135gb</t>
  </si>
  <si>
    <t>chak no.135gb</t>
  </si>
  <si>
    <t>Chak No135gb</t>
  </si>
  <si>
    <t>Chak No138gb</t>
  </si>
  <si>
    <t>104</t>
  </si>
  <si>
    <t>Shazia Bashir</t>
  </si>
  <si>
    <t>2006</t>
  </si>
  <si>
    <t>6460</t>
  </si>
  <si>
    <t>4953</t>
  </si>
  <si>
    <t>4020</t>
  </si>
  <si>
    <t>48562</t>
  </si>
  <si>
    <t>767</t>
  </si>
  <si>
    <t>36304</t>
  </si>
  <si>
    <t>GPS CHEJU DEH</t>
  </si>
  <si>
    <t>Chaju Deh</t>
  </si>
  <si>
    <t>Mouza Chaju Deh Vehari</t>
  </si>
  <si>
    <t>Akbar Shah</t>
  </si>
  <si>
    <t>Muhammad Altaf-ur-Rahman</t>
  </si>
  <si>
    <t>3051</t>
  </si>
  <si>
    <t>530</t>
  </si>
  <si>
    <t>2141</t>
  </si>
  <si>
    <t>32144</t>
  </si>
  <si>
    <t>GPS TOOLAN WALI</t>
  </si>
  <si>
    <t>SHEIKHUPURA-XIV - MALE</t>
  </si>
  <si>
    <t>Toolan Wali</t>
  </si>
  <si>
    <t>toolan wali p/o rasool pur jattan teh&amp;distt Sheikhupura</t>
  </si>
  <si>
    <t>Sham Singh</t>
  </si>
  <si>
    <t>Fiaz  Ahmad</t>
  </si>
  <si>
    <t>22958</t>
  </si>
  <si>
    <t>10251</t>
  </si>
  <si>
    <t>94</t>
  </si>
  <si>
    <t>399</t>
  </si>
  <si>
    <t>40430</t>
  </si>
  <si>
    <t>GPS CHAK HAMEED</t>
  </si>
  <si>
    <t>PIND DADAN KHAN</t>
  </si>
  <si>
    <t>P.D.KHAN - MALE</t>
  </si>
  <si>
    <t>Chak Hamid</t>
  </si>
  <si>
    <t>GPS.chak hameed Tehsil Pind Dadan Khan District jhelum</t>
  </si>
  <si>
    <t>Chak Hameed</t>
  </si>
  <si>
    <t>Haranpur</t>
  </si>
  <si>
    <t>Tariq Mehmood</t>
  </si>
  <si>
    <t>3204</t>
  </si>
  <si>
    <t>33260</t>
  </si>
  <si>
    <t>251</t>
  </si>
  <si>
    <t>2284</t>
  </si>
  <si>
    <t>3138</t>
  </si>
  <si>
    <t>5953</t>
  </si>
  <si>
    <t>GHS TAMIR-E-MILLAT AMANAT ALI COLONY RYK</t>
  </si>
  <si>
    <t>RAHIMYAR KHAN</t>
  </si>
  <si>
    <t>Amanat  Colony</t>
  </si>
  <si>
    <t>Govt. Tamir-e-millat boys high school, Amanat colony Rahim Yar Khan</t>
  </si>
  <si>
    <t>Amanat Colony</t>
  </si>
  <si>
    <t>Abdul Majid Khan</t>
  </si>
  <si>
    <t>102638</t>
  </si>
  <si>
    <t>15662</t>
  </si>
  <si>
    <t>4300</t>
  </si>
  <si>
    <t>36119</t>
  </si>
  <si>
    <t>GES MOZA SHARF</t>
  </si>
  <si>
    <t>Mouza Sharaf</t>
  </si>
  <si>
    <t>Mouza Sharaf Tehsil &amp; District Vehari</t>
  </si>
  <si>
    <t>Sharaf</t>
  </si>
  <si>
    <t>Muhammad Hussain</t>
  </si>
  <si>
    <t>8984</t>
  </si>
  <si>
    <t>8917</t>
  </si>
  <si>
    <t>21973</t>
  </si>
  <si>
    <t>21421</t>
  </si>
  <si>
    <t>315</t>
  </si>
  <si>
    <t>4894</t>
  </si>
  <si>
    <t>20925</t>
  </si>
  <si>
    <t>GES KOT HARA</t>
  </si>
  <si>
    <t>RASOOL NAGAR - MALE</t>
  </si>
  <si>
    <t>Kot Hara</t>
  </si>
  <si>
    <t>Kot Hara Tehsil Wazirabad District Gujranwala</t>
  </si>
  <si>
    <t>Hazrat Kailian Wala</t>
  </si>
  <si>
    <t>Arshad Ahmad</t>
  </si>
  <si>
    <t>Lookafter Charge</t>
  </si>
  <si>
    <t>1902</t>
  </si>
  <si>
    <t>5831</t>
  </si>
  <si>
    <t>169</t>
  </si>
  <si>
    <t>45305</t>
  </si>
  <si>
    <t>29481</t>
  </si>
  <si>
    <t>1206</t>
  </si>
  <si>
    <t>5764</t>
  </si>
  <si>
    <t>2377</t>
  </si>
  <si>
    <t>GGPS CHAIT SINGH</t>
  </si>
  <si>
    <t>BAHAWALNAGAR</t>
  </si>
  <si>
    <t>MINCHINABAD</t>
  </si>
  <si>
    <t>MCD 05-FEMALE</t>
  </si>
  <si>
    <t>Chait Singh</t>
  </si>
  <si>
    <t>ggps chait Singh</t>
  </si>
  <si>
    <t>Bairwala</t>
  </si>
  <si>
    <t>166</t>
  </si>
  <si>
    <t>Gulzar Begum</t>
  </si>
  <si>
    <t>961</t>
  </si>
  <si>
    <t>1474</t>
  </si>
  <si>
    <t>24217</t>
  </si>
  <si>
    <t>GPS GHAKHAR WALI</t>
  </si>
  <si>
    <t>QILA KALAR WALA - MALE</t>
  </si>
  <si>
    <t>Gakharwali</t>
  </si>
  <si>
    <t>village Gakharwali P/O Qilla kalarwala Tehsil Pasrur Distric Sialkot</t>
  </si>
  <si>
    <t>Qilla Kalarwala</t>
  </si>
  <si>
    <t>Hammad Asghar</t>
  </si>
  <si>
    <t>32398</t>
  </si>
  <si>
    <t>870</t>
  </si>
  <si>
    <t>13680</t>
  </si>
  <si>
    <t>12810</t>
  </si>
  <si>
    <t>764</t>
  </si>
  <si>
    <t>4843</t>
  </si>
  <si>
    <t>21921</t>
  </si>
  <si>
    <t>GGES KOULO WALA</t>
  </si>
  <si>
    <t>NOSHERA VIRKAN</t>
  </si>
  <si>
    <t>CHITI GORAYA  - FEMALE</t>
  </si>
  <si>
    <t>Kolowala</t>
  </si>
  <si>
    <t>post office same village kolowala</t>
  </si>
  <si>
    <t>Matto Bhaik</t>
  </si>
  <si>
    <t>ume Farwa</t>
  </si>
  <si>
    <t>2015</t>
  </si>
  <si>
    <t>5168</t>
  </si>
  <si>
    <t>380</t>
  </si>
  <si>
    <t>1459</t>
  </si>
  <si>
    <t>5349</t>
  </si>
  <si>
    <t>54434</t>
  </si>
  <si>
    <t>34250</t>
  </si>
  <si>
    <t>GPS KOT AMIR</t>
  </si>
  <si>
    <t>BUCHEKI EAST-MALE</t>
  </si>
  <si>
    <t>Kot Ameer</t>
  </si>
  <si>
    <t>Kot Ameer P/O Bucheki</t>
  </si>
  <si>
    <t>Mora</t>
  </si>
  <si>
    <t>134</t>
  </si>
  <si>
    <t>Touseef Ahmad</t>
  </si>
  <si>
    <t>2423</t>
  </si>
  <si>
    <t>15444</t>
  </si>
  <si>
    <t>12913</t>
  </si>
  <si>
    <t>GPS CHAK 139 GB SAMUNDRI</t>
  </si>
  <si>
    <t>SAMMUNDRI 1 - MALE</t>
  </si>
  <si>
    <t>Ram Pur</t>
  </si>
  <si>
    <t>Chak No 139GB sammundri</t>
  </si>
  <si>
    <t>Chak No 139 GB</t>
  </si>
  <si>
    <t>MC Summundri</t>
  </si>
  <si>
    <t>Abdul Majeed Shahid</t>
  </si>
  <si>
    <t>1088</t>
  </si>
  <si>
    <t>45191</t>
  </si>
  <si>
    <t>52894</t>
  </si>
  <si>
    <t>41362</t>
  </si>
  <si>
    <t>4578</t>
  </si>
  <si>
    <t>18163</t>
  </si>
  <si>
    <t>19045</t>
  </si>
  <si>
    <t>GGPS KHAN PUR DHAKLI</t>
  </si>
  <si>
    <t>JHANG</t>
  </si>
  <si>
    <t>SHORKOT</t>
  </si>
  <si>
    <t>ALLAH YAR JUTTA-FEMALE</t>
  </si>
  <si>
    <t>Badh Rajbana</t>
  </si>
  <si>
    <t>Ggps Khan pur dakhli</t>
  </si>
  <si>
    <t>Khan pur</t>
  </si>
  <si>
    <t>Shamim Akhtar</t>
  </si>
  <si>
    <t>6000</t>
  </si>
  <si>
    <t>473</t>
  </si>
  <si>
    <t>6040</t>
  </si>
  <si>
    <t>25912</t>
  </si>
  <si>
    <t>GGPS POONG</t>
  </si>
  <si>
    <t>SIRAJ-FEMALE</t>
  </si>
  <si>
    <t>Poong</t>
  </si>
  <si>
    <t>Village poong tehsil Narowal dist narowal</t>
  </si>
  <si>
    <t>Ghota Fateh garh</t>
  </si>
  <si>
    <t>Muhammad  Javid  Khan Shakir</t>
  </si>
  <si>
    <t>10880</t>
  </si>
  <si>
    <t>1810</t>
  </si>
  <si>
    <t>31290</t>
  </si>
  <si>
    <t>29502</t>
  </si>
  <si>
    <t>1469</t>
  </si>
  <si>
    <t>24253</t>
  </si>
  <si>
    <t>GPS NAJU CHAK</t>
  </si>
  <si>
    <t>KINGRA - MALE</t>
  </si>
  <si>
    <t>Naju Chak</t>
  </si>
  <si>
    <t>Naju chak p,o bhsgiari tehsil pasrur distt sialkot</t>
  </si>
  <si>
    <t>Masyal</t>
  </si>
  <si>
    <t>Akhtar Hussain</t>
  </si>
  <si>
    <t>160</t>
  </si>
  <si>
    <t>49753</t>
  </si>
  <si>
    <t>593</t>
  </si>
  <si>
    <t>49500</t>
  </si>
  <si>
    <t>253</t>
  </si>
  <si>
    <t>2917</t>
  </si>
  <si>
    <t>30008</t>
  </si>
  <si>
    <t>GPS MURALI OTTAR</t>
  </si>
  <si>
    <t>KOT RADHA KISHAN</t>
  </si>
  <si>
    <t>HANDAL - MALE</t>
  </si>
  <si>
    <t>Marali Ottar</t>
  </si>
  <si>
    <t>GPS Marali Ottar</t>
  </si>
  <si>
    <t>Cheena Arla</t>
  </si>
  <si>
    <t>182</t>
  </si>
  <si>
    <t>Saleem Ahmad</t>
  </si>
  <si>
    <t>3375</t>
  </si>
  <si>
    <t>Water cooler</t>
  </si>
  <si>
    <t>2544</t>
  </si>
  <si>
    <t>22601</t>
  </si>
  <si>
    <t>22474</t>
  </si>
  <si>
    <t>15445</t>
  </si>
  <si>
    <t>GPS CHAK 141 GB SAMUNDRI</t>
  </si>
  <si>
    <t>Nanak Sir</t>
  </si>
  <si>
    <t>GPS 141 GB samundri</t>
  </si>
  <si>
    <t>141 GB</t>
  </si>
  <si>
    <t>Chak No 142 GB</t>
  </si>
  <si>
    <t>Muhammad Saleem</t>
  </si>
  <si>
    <t>2568</t>
  </si>
  <si>
    <t>291</t>
  </si>
  <si>
    <t>28011</t>
  </si>
  <si>
    <t>GPS KHARLAN WALA GHARBI</t>
  </si>
  <si>
    <t>MANDI BAHA UD DIN</t>
  </si>
  <si>
    <t>MANDI BAHUDDIN</t>
  </si>
  <si>
    <t>C. NO.I MBDIN - MALE</t>
  </si>
  <si>
    <t>Kharlanwala Gharbi</t>
  </si>
  <si>
    <t>village kharlanwala Gharbi P.O Khewa District &amp; teh Mandi Bahauddin</t>
  </si>
  <si>
    <t>Ahla</t>
  </si>
  <si>
    <t>Zafar Iqbal Peer</t>
  </si>
  <si>
    <t>1296</t>
  </si>
  <si>
    <t>11122</t>
  </si>
  <si>
    <t>18387</t>
  </si>
  <si>
    <t>7265</t>
  </si>
  <si>
    <t>29147</t>
  </si>
  <si>
    <t>54404</t>
  </si>
  <si>
    <t>3770</t>
  </si>
  <si>
    <t>19868</t>
  </si>
  <si>
    <t>GGPS THATHA RAHMU</t>
  </si>
  <si>
    <t>CHINIOT</t>
  </si>
  <si>
    <t>BHOWANA</t>
  </si>
  <si>
    <t>AEO (W) BHOWANA NO.31</t>
  </si>
  <si>
    <t>Berwala</t>
  </si>
  <si>
    <t>ggps thatha  rahmu</t>
  </si>
  <si>
    <t>Thatha Rahmu</t>
  </si>
  <si>
    <t>Mangini</t>
  </si>
  <si>
    <t>Tafseer Fatima</t>
  </si>
  <si>
    <t>11540</t>
  </si>
  <si>
    <t>6760</t>
  </si>
  <si>
    <t>6160</t>
  </si>
  <si>
    <t>2486</t>
  </si>
  <si>
    <t>16488</t>
  </si>
  <si>
    <t>GPS CHAK 418 GB TANDLIANWALA</t>
  </si>
  <si>
    <t>TANDLIAN WALA</t>
  </si>
  <si>
    <t>TANDLIANWALA 1 - MALE</t>
  </si>
  <si>
    <t>Parhara</t>
  </si>
  <si>
    <t>Chak # 418 G.B Tandlianwala Faisalabab</t>
  </si>
  <si>
    <t>418 GB</t>
  </si>
  <si>
    <t>420 GB</t>
  </si>
  <si>
    <t>Falak sher</t>
  </si>
  <si>
    <t>1842</t>
  </si>
  <si>
    <t>479</t>
  </si>
  <si>
    <t>18060</t>
  </si>
  <si>
    <t>30301</t>
  </si>
  <si>
    <t>588</t>
  </si>
  <si>
    <t>3851</t>
  </si>
  <si>
    <t>31404</t>
  </si>
  <si>
    <t>GPS RANA TOWN</t>
  </si>
  <si>
    <t>FEROZWALA</t>
  </si>
  <si>
    <t>FEROZWALA-V - MALE</t>
  </si>
  <si>
    <t>Chak 39</t>
  </si>
  <si>
    <t>Rana town ferozwala sheikhupura</t>
  </si>
  <si>
    <t>Rana Town</t>
  </si>
  <si>
    <t>119</t>
  </si>
  <si>
    <t>Rana Mehfooz Ahmad</t>
  </si>
  <si>
    <t>2117</t>
  </si>
  <si>
    <t>33840</t>
  </si>
  <si>
    <t>31623</t>
  </si>
  <si>
    <t>5866</t>
  </si>
  <si>
    <t>41166</t>
  </si>
  <si>
    <t>GGES ALIOT</t>
  </si>
  <si>
    <t>DOBERAN KHURD - FEMALE</t>
  </si>
  <si>
    <t>Aliot</t>
  </si>
  <si>
    <t>Hothala</t>
  </si>
  <si>
    <t>Nargis Yasmin</t>
  </si>
  <si>
    <t>382</t>
  </si>
  <si>
    <t>41157</t>
  </si>
  <si>
    <t>40000</t>
  </si>
  <si>
    <t>45216</t>
  </si>
  <si>
    <t>15216</t>
  </si>
  <si>
    <t>3152</t>
  </si>
  <si>
    <t>9939</t>
  </si>
  <si>
    <t>GHS BASTI SIBANI CHAK NO 108 TDA</t>
  </si>
  <si>
    <t>LAYYAH</t>
  </si>
  <si>
    <t>KAROR LALISAN</t>
  </si>
  <si>
    <t>108tda</t>
  </si>
  <si>
    <t>ghs basti sibani 108tda</t>
  </si>
  <si>
    <t>Basti Sibani</t>
  </si>
  <si>
    <t>Gary Wala</t>
  </si>
  <si>
    <t>281</t>
  </si>
  <si>
    <t>nizam ul din</t>
  </si>
  <si>
    <t>8000</t>
  </si>
  <si>
    <t>450</t>
  </si>
  <si>
    <t>200</t>
  </si>
  <si>
    <t>3733</t>
  </si>
  <si>
    <t>14524</t>
  </si>
  <si>
    <t>GPS SHADAB COLONY</t>
  </si>
  <si>
    <t>CITY 6 - MALE</t>
  </si>
  <si>
    <t>Shadab Colony</t>
  </si>
  <si>
    <t>st 6/7 Shadab colony Faisalabad</t>
  </si>
  <si>
    <t>220 RB</t>
  </si>
  <si>
    <t>Haji khan</t>
  </si>
  <si>
    <t>3780</t>
  </si>
  <si>
    <t>22976</t>
  </si>
  <si>
    <t>173</t>
  </si>
  <si>
    <t>2286</t>
  </si>
  <si>
    <t>16056</t>
  </si>
  <si>
    <t>GGPS CHAK 273 RB II ALI WAL</t>
  </si>
  <si>
    <t>DIJKOT 1 - FEMALE</t>
  </si>
  <si>
    <t>273rb</t>
  </si>
  <si>
    <t>ggps273rb aliwal,fsd</t>
  </si>
  <si>
    <t>273rb Aliwal</t>
  </si>
  <si>
    <t>267 Jallndhr</t>
  </si>
  <si>
    <t>UZMA FARDOUS Gill</t>
  </si>
  <si>
    <t>1275</t>
  </si>
  <si>
    <t>15079</t>
  </si>
  <si>
    <t>54000</t>
  </si>
  <si>
    <t>54286</t>
  </si>
  <si>
    <t>648</t>
  </si>
  <si>
    <t>675</t>
  </si>
  <si>
    <t>50911</t>
  </si>
  <si>
    <t>15432</t>
  </si>
  <si>
    <t>GHSS AWAGAT</t>
  </si>
  <si>
    <t>Awagat</t>
  </si>
  <si>
    <t>Adda Awagat</t>
  </si>
  <si>
    <t>Chao No 67 GB</t>
  </si>
  <si>
    <t>KASHIF ZIA</t>
  </si>
  <si>
    <t>1932</t>
  </si>
  <si>
    <t>39984</t>
  </si>
  <si>
    <t>1475</t>
  </si>
  <si>
    <t>24424</t>
  </si>
  <si>
    <t>4114</t>
  </si>
  <si>
    <t>296</t>
  </si>
  <si>
    <t>2240</t>
  </si>
  <si>
    <t>14519</t>
  </si>
  <si>
    <t>GES MELA MANDI ALLAMA IQBAL COLONY FSD</t>
  </si>
  <si>
    <t>CITY 3 - MALE</t>
  </si>
  <si>
    <t>Allama Iqbalbcolony</t>
  </si>
  <si>
    <t>Allama Iqbal Colony</t>
  </si>
  <si>
    <t>113</t>
  </si>
  <si>
    <t>Hafiz Shahid Munir Gill</t>
  </si>
  <si>
    <t>perchas</t>
  </si>
  <si>
    <t>532</t>
  </si>
  <si>
    <t>13827</t>
  </si>
  <si>
    <t>29916</t>
  </si>
  <si>
    <t>14721</t>
  </si>
  <si>
    <t>GHSS MC MODEL PEOPLES COLONY 1 FSD</t>
  </si>
  <si>
    <t>Peoples conly No1 Fsd</t>
  </si>
  <si>
    <t>Peoples Colony No.1 N/B Faisal Hospital</t>
  </si>
  <si>
    <t>Peoples Colony No1</t>
  </si>
  <si>
    <t>ManzoorAhmad</t>
  </si>
  <si>
    <t>1956</t>
  </si>
  <si>
    <t>21870</t>
  </si>
  <si>
    <t>1086</t>
  </si>
  <si>
    <t>4898</t>
  </si>
  <si>
    <t>36008</t>
  </si>
  <si>
    <t>2320</t>
  </si>
  <si>
    <t>167</t>
  </si>
  <si>
    <t>14766</t>
  </si>
  <si>
    <t>GGHS NO.1 KARKHANA BAZAR FSD</t>
  </si>
  <si>
    <t>KARKHANABAZAR</t>
  </si>
  <si>
    <t>GOVT. GIRLS HIGH SCHOOL NO.1, KARKHANA BAZAR, FSD</t>
  </si>
  <si>
    <t>CLOCK TOWER</t>
  </si>
  <si>
    <t>AZRA NAHEED</t>
  </si>
  <si>
    <t>1899</t>
  </si>
  <si>
    <t>1944</t>
  </si>
  <si>
    <t>37800</t>
  </si>
  <si>
    <t>1408</t>
  </si>
  <si>
    <t>53958</t>
  </si>
  <si>
    <t>3805</t>
  </si>
  <si>
    <t>2218</t>
  </si>
  <si>
    <t>4709</t>
  </si>
  <si>
    <t>40372</t>
  </si>
  <si>
    <t>GES NO.1 DHUDHI PHAPHRA</t>
  </si>
  <si>
    <t>Dhudhi Phaphra</t>
  </si>
  <si>
    <t>Govt. Elementary School Dhudhi Phaphra</t>
  </si>
  <si>
    <t>Gujjar</t>
  </si>
  <si>
    <t>Abdul Jaleel</t>
  </si>
  <si>
    <t>Pvt water supply</t>
  </si>
  <si>
    <t>3853</t>
  </si>
  <si>
    <t>31962</t>
  </si>
  <si>
    <t>GGES MANGA DOGRAN</t>
  </si>
  <si>
    <t>SHEIKHUPURA-XII - FEMALE</t>
  </si>
  <si>
    <t>govt girls elementry school manga dogran</t>
  </si>
  <si>
    <t>manga dogran</t>
  </si>
  <si>
    <t>jatri kohna</t>
  </si>
  <si>
    <t>AREEJ KANWAL</t>
  </si>
  <si>
    <t>1991</t>
  </si>
  <si>
    <t>420</t>
  </si>
  <si>
    <t>30583</t>
  </si>
  <si>
    <t>8425</t>
  </si>
  <si>
    <t>50000</t>
  </si>
  <si>
    <t>2567</t>
  </si>
  <si>
    <t>29695</t>
  </si>
  <si>
    <t>GGES NIAZBAIG CHAK NO. 42</t>
  </si>
  <si>
    <t>SARAI MUGHAL - FEMALE</t>
  </si>
  <si>
    <t>Niazbaig 42</t>
  </si>
  <si>
    <t>Niazbaig 42 p/o same  tehsil pattoki</t>
  </si>
  <si>
    <t>Niaz Baig 42</t>
  </si>
  <si>
    <t>Sheikhum</t>
  </si>
  <si>
    <t>Kausar Yasmin</t>
  </si>
  <si>
    <t>1999</t>
  </si>
  <si>
    <t>4500</t>
  </si>
  <si>
    <t>292</t>
  </si>
  <si>
    <t>276</t>
  </si>
  <si>
    <t>45600</t>
  </si>
  <si>
    <t>48640</t>
  </si>
  <si>
    <t>999</t>
  </si>
  <si>
    <t>15572</t>
  </si>
  <si>
    <t>GGCMS CHAK 528 GB MANOPUR</t>
  </si>
  <si>
    <t>Manopur</t>
  </si>
  <si>
    <t>GGCMS 528GB II, Manopur</t>
  </si>
  <si>
    <t>CHAK 528GB II</t>
  </si>
  <si>
    <t>Russiana</t>
  </si>
  <si>
    <t>Momna Farooq</t>
  </si>
  <si>
    <t>8540</t>
  </si>
  <si>
    <t>47</t>
  </si>
  <si>
    <t>260</t>
  </si>
  <si>
    <t>19155</t>
  </si>
  <si>
    <t>45480</t>
  </si>
  <si>
    <t>46555</t>
  </si>
  <si>
    <t>2493</t>
  </si>
  <si>
    <t>16577</t>
  </si>
  <si>
    <t>GPS 541 GB I</t>
  </si>
  <si>
    <t>KANJWANI - MALE</t>
  </si>
  <si>
    <t>tharana nou</t>
  </si>
  <si>
    <t>CHAK NO 541 GB-I DHEHRAN</t>
  </si>
  <si>
    <t>541 gB-SOUTH</t>
  </si>
  <si>
    <t>455 GB KANJWANI</t>
  </si>
  <si>
    <t>NAZIR AHMAD SIDDIQI</t>
  </si>
  <si>
    <t>4575</t>
  </si>
  <si>
    <t>21200</t>
  </si>
  <si>
    <t>20158</t>
  </si>
  <si>
    <t>2602</t>
  </si>
  <si>
    <t>11161</t>
  </si>
  <si>
    <t>GPS CHAK NO. 145-A / TDA</t>
  </si>
  <si>
    <t>LADHANA - MALE</t>
  </si>
  <si>
    <t>Lohanch Thal Jandi</t>
  </si>
  <si>
    <t>Chak No.145-A/TDA Layyah</t>
  </si>
  <si>
    <t>chak no.145-A/TDA Layyah</t>
  </si>
  <si>
    <t>Layyah Thal Jandi</t>
  </si>
  <si>
    <t>ZAFAR IQBAL</t>
  </si>
  <si>
    <t>2425</t>
  </si>
  <si>
    <t>10875</t>
  </si>
  <si>
    <t>15428</t>
  </si>
  <si>
    <t>14257</t>
  </si>
  <si>
    <t>15526</t>
  </si>
  <si>
    <t>GES 474 GB</t>
  </si>
  <si>
    <t>patiala</t>
  </si>
  <si>
    <t>chak no.474 G.B</t>
  </si>
  <si>
    <t>chak no 474 gB</t>
  </si>
  <si>
    <t>chak no 475 gB</t>
  </si>
  <si>
    <t>Muhammad Shahbaz Haider</t>
  </si>
  <si>
    <t>21033</t>
  </si>
  <si>
    <t>52010</t>
  </si>
  <si>
    <t>6400</t>
  </si>
  <si>
    <t>47959</t>
  </si>
  <si>
    <t>GGCMS CHAK NO. 18/DB</t>
  </si>
  <si>
    <t>PIPLAN</t>
  </si>
  <si>
    <t>VICHVEEN-FEMALE</t>
  </si>
  <si>
    <t>Chak 18db</t>
  </si>
  <si>
    <t>chak no 18DB po box 19db harnoli</t>
  </si>
  <si>
    <t>18db</t>
  </si>
  <si>
    <t>Harnoli Urban</t>
  </si>
  <si>
    <t>Amina Jamshed</t>
  </si>
  <si>
    <t>5853</t>
  </si>
  <si>
    <t>5379</t>
  </si>
  <si>
    <t>3300</t>
  </si>
  <si>
    <t>32000</t>
  </si>
  <si>
    <t>2609</t>
  </si>
  <si>
    <t>10556</t>
  </si>
  <si>
    <t>GES BAIT GUJJI</t>
  </si>
  <si>
    <t>BAKHRI AHMED KHAN - MALE</t>
  </si>
  <si>
    <t>bait gujji</t>
  </si>
  <si>
    <t>bakhri ahmed khan</t>
  </si>
  <si>
    <t>283</t>
  </si>
  <si>
    <t>ghulam yaseen</t>
  </si>
  <si>
    <t>5350</t>
  </si>
  <si>
    <t>14830</t>
  </si>
  <si>
    <t>16437</t>
  </si>
  <si>
    <t>613</t>
  </si>
  <si>
    <t>2978</t>
  </si>
  <si>
    <t>31739</t>
  </si>
  <si>
    <t>GGES FAZAL PURA</t>
  </si>
  <si>
    <t>MURIDKE</t>
  </si>
  <si>
    <t>MURIDKE-V - FEMALE</t>
  </si>
  <si>
    <t>manoo abad</t>
  </si>
  <si>
    <t>GGES FAZAL PURA MANOO ABAD NEAR RAILWAY TRACK</t>
  </si>
  <si>
    <t>fazal pura</t>
  </si>
  <si>
    <t>Drohar muslim</t>
  </si>
  <si>
    <t>136</t>
  </si>
  <si>
    <t>um-e-hani</t>
  </si>
  <si>
    <t>4210</t>
  </si>
  <si>
    <t>27513</t>
  </si>
  <si>
    <t>3197</t>
  </si>
  <si>
    <t>27658</t>
  </si>
  <si>
    <t>GGHS GOJRA</t>
  </si>
  <si>
    <t>MALIKWAL</t>
  </si>
  <si>
    <t>GOJRA</t>
  </si>
  <si>
    <t>GOJRA TEHSIL:MALAKWAL DISTRICT:MANDI BAHAUDDIN</t>
  </si>
  <si>
    <t>NUSRAT PARVEEN</t>
  </si>
  <si>
    <t>27225</t>
  </si>
  <si>
    <t>865</t>
  </si>
  <si>
    <t>6807</t>
  </si>
  <si>
    <t>15524</t>
  </si>
  <si>
    <t>GPS 473 GB E</t>
  </si>
  <si>
    <t>473 Beeja</t>
  </si>
  <si>
    <t>GPS 473 GB/E</t>
  </si>
  <si>
    <t>Chak No 473 GB/E</t>
  </si>
  <si>
    <t>Chak no 479 GB</t>
  </si>
  <si>
    <t>Javed Iqbal</t>
  </si>
  <si>
    <t>36424</t>
  </si>
  <si>
    <t>32760</t>
  </si>
  <si>
    <t>49647</t>
  </si>
  <si>
    <t>4530</t>
  </si>
  <si>
    <t>8168</t>
  </si>
  <si>
    <t>10931</t>
  </si>
  <si>
    <t>GGMPS JEWAN  BARRAL</t>
  </si>
  <si>
    <t>D.G. KHAN</t>
  </si>
  <si>
    <t>KOT CHUTTA</t>
  </si>
  <si>
    <t>DARKHASAT JAMAL KHAN-FEMALE</t>
  </si>
  <si>
    <t>D J Khan Darmiyani</t>
  </si>
  <si>
    <t>basti malik manzoor hussain baber D J Khan darmiyani</t>
  </si>
  <si>
    <t>Basti Malik Manzoor Hussain</t>
  </si>
  <si>
    <t>192</t>
  </si>
  <si>
    <t>Anisa Bibi</t>
  </si>
  <si>
    <t>17968</t>
  </si>
  <si>
    <t>687</t>
  </si>
  <si>
    <t>51687</t>
  </si>
  <si>
    <t>4431</t>
  </si>
  <si>
    <t>12808</t>
  </si>
  <si>
    <t>33769</t>
  </si>
  <si>
    <t>GGPS BANGUL WALI</t>
  </si>
  <si>
    <t>MUZAFFARGARH</t>
  </si>
  <si>
    <t>ROHILLAN WALI- FEMALE</t>
  </si>
  <si>
    <t>Mahal Khakhi Shumali</t>
  </si>
  <si>
    <t>ggps bangull wali</t>
  </si>
  <si>
    <t>Bangull Wali</t>
  </si>
  <si>
    <t>271</t>
  </si>
  <si>
    <t>Hafiza Fatima Saeed</t>
  </si>
  <si>
    <t>4550</t>
  </si>
  <si>
    <t>16727</t>
  </si>
  <si>
    <t>GES CHAK NO.392/GB</t>
  </si>
  <si>
    <t>Chak No 392 gb</t>
  </si>
  <si>
    <t>chak no 392 gb</t>
  </si>
  <si>
    <t>416 gb</t>
  </si>
  <si>
    <t>Muhammad Sajjad</t>
  </si>
  <si>
    <t>water cooler</t>
  </si>
  <si>
    <t>6565</t>
  </si>
  <si>
    <t>15151</t>
  </si>
  <si>
    <t>124</t>
  </si>
  <si>
    <t>1741</t>
  </si>
  <si>
    <t>37847</t>
  </si>
  <si>
    <t>GMPS 123/10-R</t>
  </si>
  <si>
    <t>KHANEWAL</t>
  </si>
  <si>
    <t>JAHANIAN</t>
  </si>
  <si>
    <t>138/10-R - FEMALE</t>
  </si>
  <si>
    <t>123/10R</t>
  </si>
  <si>
    <t>chak no 123/10R</t>
  </si>
  <si>
    <t>136/10R</t>
  </si>
  <si>
    <t>Ambreen Sadaf</t>
  </si>
  <si>
    <t>31057</t>
  </si>
  <si>
    <t>7069</t>
  </si>
  <si>
    <t>4146</t>
  </si>
  <si>
    <t>46285</t>
  </si>
  <si>
    <t>GMPS HAVELI CHIRAGH</t>
  </si>
  <si>
    <t>NOORPUR THAL</t>
  </si>
  <si>
    <t>JURA KALAN (EAST) (FEMALE)</t>
  </si>
  <si>
    <t>Haveli Charagg</t>
  </si>
  <si>
    <t>post office wattoo tehsile noorpur District Khushab</t>
  </si>
  <si>
    <t>Haveli Charagh</t>
  </si>
  <si>
    <t>Jauhra Kalan</t>
  </si>
  <si>
    <t>Humaira Akhtar</t>
  </si>
  <si>
    <t>13282</t>
  </si>
  <si>
    <t>2741</t>
  </si>
  <si>
    <t>26375</t>
  </si>
  <si>
    <t>73</t>
  </si>
  <si>
    <t>3728</t>
  </si>
  <si>
    <t>35697</t>
  </si>
  <si>
    <t>GPS BAHLEEM</t>
  </si>
  <si>
    <t>MAILSI</t>
  </si>
  <si>
    <t>FATEH PUR-MALE</t>
  </si>
  <si>
    <t>Fateh Pur</t>
  </si>
  <si>
    <t>basti bahleem moza fateh pur Tehsil Mailsi district vehari</t>
  </si>
  <si>
    <t>165</t>
  </si>
  <si>
    <t>Muhammad Aftab</t>
  </si>
  <si>
    <t>3650</t>
  </si>
  <si>
    <t>1435</t>
  </si>
  <si>
    <t>13000</t>
  </si>
  <si>
    <t>1684</t>
  </si>
  <si>
    <t>52302</t>
  </si>
  <si>
    <t>3205</t>
  </si>
  <si>
    <t>28250</t>
  </si>
  <si>
    <t>GGHS PINDI KALU</t>
  </si>
  <si>
    <t>PHALIA</t>
  </si>
  <si>
    <t>Pindi Kalu</t>
  </si>
  <si>
    <t>v.p.o pindi kalu kalan</t>
  </si>
  <si>
    <t>Pindi Kalu Kalan</t>
  </si>
  <si>
    <t>Shazia Zaman</t>
  </si>
  <si>
    <t>10464</t>
  </si>
  <si>
    <t>307</t>
  </si>
  <si>
    <t>3216</t>
  </si>
  <si>
    <t>33473</t>
  </si>
  <si>
    <t>GGHS VANOTIAN WALI</t>
  </si>
  <si>
    <t>wanotianwali</t>
  </si>
  <si>
    <t>Wanotianwali</t>
  </si>
  <si>
    <t>Panwan</t>
  </si>
  <si>
    <t>JAVARIA RAZA</t>
  </si>
  <si>
    <t>1965</t>
  </si>
  <si>
    <t>508</t>
  </si>
  <si>
    <t>2181</t>
  </si>
  <si>
    <t>19611</t>
  </si>
  <si>
    <t>25832</t>
  </si>
  <si>
    <t>GGPS GHASS</t>
  </si>
  <si>
    <t>Ghuss</t>
  </si>
  <si>
    <t>ghuss</t>
  </si>
  <si>
    <t>Fleezpur</t>
  </si>
  <si>
    <t>Rukhsana Tasleem</t>
  </si>
  <si>
    <t>20693</t>
  </si>
  <si>
    <t>55000</t>
  </si>
  <si>
    <t>4886</t>
  </si>
  <si>
    <t>21851</t>
  </si>
  <si>
    <t>GPS SUPRAY</t>
  </si>
  <si>
    <t>NOSHERA VIRKAN  - MALE</t>
  </si>
  <si>
    <t>Sapray</t>
  </si>
  <si>
    <t>sapray nowshera virkan Gujranwala</t>
  </si>
  <si>
    <t>Baddo Ratta</t>
  </si>
  <si>
    <t>63</t>
  </si>
  <si>
    <t>Sadam Hussain</t>
  </si>
  <si>
    <t>960</t>
  </si>
  <si>
    <t>2088</t>
  </si>
  <si>
    <t>11539</t>
  </si>
  <si>
    <t>4152</t>
  </si>
  <si>
    <t>46328</t>
  </si>
  <si>
    <t>GGPS CHAK NO. 54/DB</t>
  </si>
  <si>
    <t>RANGPUR BAGHOOR (FEMALE)</t>
  </si>
  <si>
    <t>Check No 54DB</t>
  </si>
  <si>
    <t>check no 54db village rahdari teh noor pur thal khushab</t>
  </si>
  <si>
    <t>Rahdari</t>
  </si>
  <si>
    <t>Sughra Bibi</t>
  </si>
  <si>
    <t>1022</t>
  </si>
  <si>
    <t>6089</t>
  </si>
  <si>
    <t>2488</t>
  </si>
  <si>
    <t>53124</t>
  </si>
  <si>
    <t>GGES 5/4-L</t>
  </si>
  <si>
    <t>OKARA SADAR - FEMALE</t>
  </si>
  <si>
    <t>5/4L</t>
  </si>
  <si>
    <t>Chak No  5/4L Okara</t>
  </si>
  <si>
    <t>Okara City</t>
  </si>
  <si>
    <t>142</t>
  </si>
  <si>
    <t>Nasreen Akhtar</t>
  </si>
  <si>
    <t>10600</t>
  </si>
  <si>
    <t>438</t>
  </si>
  <si>
    <t>45661</t>
  </si>
  <si>
    <t>1888</t>
  </si>
  <si>
    <t>15568</t>
  </si>
  <si>
    <t>GGCMS CHAK 387 GB I SAMUNDRI</t>
  </si>
  <si>
    <t>KANIANBANGLAW - FEMALE</t>
  </si>
  <si>
    <t>387/1</t>
  </si>
  <si>
    <t>387/1 GB</t>
  </si>
  <si>
    <t>388GB</t>
  </si>
  <si>
    <t>Nosheen Fatima</t>
  </si>
  <si>
    <t>223</t>
  </si>
  <si>
    <t>37270</t>
  </si>
  <si>
    <t>54500</t>
  </si>
  <si>
    <t>3159</t>
  </si>
  <si>
    <t>500</t>
  </si>
  <si>
    <t>40344</t>
  </si>
  <si>
    <t>GPS GADDI SAKHI PEHLWAN SHAH</t>
  </si>
  <si>
    <t>Gaddi Sakhi Pehlwan Shah</t>
  </si>
  <si>
    <t>village gaddi pehlwan Shah,  post office bhilowal</t>
  </si>
  <si>
    <t>Bhelowal</t>
  </si>
  <si>
    <t>Tobha</t>
  </si>
  <si>
    <t>GHULAM ASGHAR</t>
  </si>
  <si>
    <t>7500</t>
  </si>
  <si>
    <t>54627</t>
  </si>
  <si>
    <t>2213</t>
  </si>
  <si>
    <t>16280</t>
  </si>
  <si>
    <t>GPS 146 RB-II</t>
  </si>
  <si>
    <t>CHAK JHUMARA</t>
  </si>
  <si>
    <t>SAHIANWALA - MALE</t>
  </si>
  <si>
    <t>146 Rb</t>
  </si>
  <si>
    <t>chak no 146 rb kheewa</t>
  </si>
  <si>
    <t>kheeva</t>
  </si>
  <si>
    <t>daowala</t>
  </si>
  <si>
    <t>shahzad ali</t>
  </si>
  <si>
    <t>8683</t>
  </si>
  <si>
    <t>15109</t>
  </si>
  <si>
    <t>6343</t>
  </si>
  <si>
    <t>1600</t>
  </si>
  <si>
    <t>38982</t>
  </si>
  <si>
    <t>GPS MALAL</t>
  </si>
  <si>
    <t>MALAL - MALE</t>
  </si>
  <si>
    <t>Malal</t>
  </si>
  <si>
    <t>VPO Malal Tehsil Fateh Jang District Attock</t>
  </si>
  <si>
    <t>Muhammad Ramzan</t>
  </si>
  <si>
    <t>2773</t>
  </si>
  <si>
    <t>water Supply</t>
  </si>
  <si>
    <t>29112</t>
  </si>
  <si>
    <t>34860</t>
  </si>
  <si>
    <t>46938</t>
  </si>
  <si>
    <t>46068</t>
  </si>
  <si>
    <t>4000</t>
  </si>
  <si>
    <t>4614</t>
  </si>
  <si>
    <t>19416</t>
  </si>
  <si>
    <t>GPS CHAK 327 JB BHALIR</t>
  </si>
  <si>
    <t>TOBA CITY-MALE</t>
  </si>
  <si>
    <t>Chak#327JB</t>
  </si>
  <si>
    <t>Chak# 327jb</t>
  </si>
  <si>
    <t>Chak # 324jb</t>
  </si>
  <si>
    <t>Iftikhar Ahmad Danish</t>
  </si>
  <si>
    <t>1968</t>
  </si>
  <si>
    <t>6083</t>
  </si>
  <si>
    <t>194</t>
  </si>
  <si>
    <t>15325</t>
  </si>
  <si>
    <t>22654</t>
  </si>
  <si>
    <t>11381</t>
  </si>
  <si>
    <t>2087</t>
  </si>
  <si>
    <t>35786</t>
  </si>
  <si>
    <t>GPS DHARAM PURA</t>
  </si>
  <si>
    <t>MAILSI EAST - MALE</t>
  </si>
  <si>
    <t>Mailsi</t>
  </si>
  <si>
    <t>Mohallah dharam pura Mailsi</t>
  </si>
  <si>
    <t>City Mailsi</t>
  </si>
  <si>
    <t>MC Mailsi Ward 11</t>
  </si>
  <si>
    <t>Muhammad Tahir</t>
  </si>
  <si>
    <t>345</t>
  </si>
  <si>
    <t>13672</t>
  </si>
  <si>
    <t>22769</t>
  </si>
  <si>
    <t>22550</t>
  </si>
  <si>
    <t>219</t>
  </si>
  <si>
    <t>13500</t>
  </si>
  <si>
    <t>6057</t>
  </si>
  <si>
    <t>25807</t>
  </si>
  <si>
    <t>GGES KOTLI BAJWA PLOT</t>
  </si>
  <si>
    <t>JASSAR-FEMALE</t>
  </si>
  <si>
    <t>Kotly Bajwa Plot</t>
  </si>
  <si>
    <t>GGES kotly bajwa plot teh and district Narowal</t>
  </si>
  <si>
    <t>Mohar Sharif</t>
  </si>
  <si>
    <t>Saima Shafi</t>
  </si>
  <si>
    <t>13056</t>
  </si>
  <si>
    <t>334</t>
  </si>
  <si>
    <t>35330</t>
  </si>
  <si>
    <t>29290</t>
  </si>
  <si>
    <t>31133</t>
  </si>
  <si>
    <t>24601</t>
  </si>
  <si>
    <t>GGES KAMAL JUNIOR MODEL URDU BAZAR LAHORE</t>
  </si>
  <si>
    <t>Data Gunj Baksh</t>
  </si>
  <si>
    <t>Govt kamal Jr.M/M paisa akhbar Urdu bazar</t>
  </si>
  <si>
    <t>New anarkali</t>
  </si>
  <si>
    <t>Shahnaz Akhtar</t>
  </si>
  <si>
    <t>157</t>
  </si>
  <si>
    <t>46735</t>
  </si>
  <si>
    <t>45535</t>
  </si>
  <si>
    <t>1144</t>
  </si>
  <si>
    <t>3142</t>
  </si>
  <si>
    <t>45139</t>
  </si>
  <si>
    <t>GHS CHAK NO.70-A/ML</t>
  </si>
  <si>
    <t>MANKERA</t>
  </si>
  <si>
    <t>GHS CHAK NO.70-A/ML MANKERA BHAKKAR</t>
  </si>
  <si>
    <t>CHAK NO 70-A/ML</t>
  </si>
  <si>
    <t>CHAK NO 67 ML</t>
  </si>
  <si>
    <t>Abdul Sattar</t>
  </si>
  <si>
    <t>4439</t>
  </si>
  <si>
    <t>49404</t>
  </si>
  <si>
    <t>49396</t>
  </si>
  <si>
    <t>1230</t>
  </si>
  <si>
    <t>3835</t>
  </si>
  <si>
    <t>28130</t>
  </si>
  <si>
    <t>GGPS MAKKEY WAL</t>
  </si>
  <si>
    <t>KUTHIALA SHEIKHAN -III- FEMALE</t>
  </si>
  <si>
    <t>Mackeywal</t>
  </si>
  <si>
    <t>MUMTAZ BEGUM</t>
  </si>
  <si>
    <t>11245</t>
  </si>
  <si>
    <t>913</t>
  </si>
  <si>
    <t>54458</t>
  </si>
  <si>
    <t>44093</t>
  </si>
  <si>
    <t>41404</t>
  </si>
  <si>
    <t>5703</t>
  </si>
  <si>
    <t>48683</t>
  </si>
  <si>
    <t>GGES KHERO KOT</t>
  </si>
  <si>
    <t>BHERA</t>
  </si>
  <si>
    <t>RAKH CHARGAH - FEMALE</t>
  </si>
  <si>
    <t>Khero Koot</t>
  </si>
  <si>
    <t>khairoo koot Bhera</t>
  </si>
  <si>
    <t>Fateh Garh</t>
  </si>
  <si>
    <t>Sobia Shabnum</t>
  </si>
  <si>
    <t>31750</t>
  </si>
  <si>
    <t>GGES REHMAN PURA</t>
  </si>
  <si>
    <t>Muridke-V-</t>
  </si>
  <si>
    <t>ggges daouke rehmanpura muridkey</t>
  </si>
  <si>
    <t>Daouke</t>
  </si>
  <si>
    <t>Daokey</t>
  </si>
  <si>
    <t>Azmat Parveen</t>
  </si>
  <si>
    <t>366</t>
  </si>
  <si>
    <t>7720</t>
  </si>
  <si>
    <t>39870</t>
  </si>
  <si>
    <t>3403</t>
  </si>
  <si>
    <t>31010</t>
  </si>
  <si>
    <t>GPS BARKAT PURA RAIWIND ROAD</t>
  </si>
  <si>
    <t>MODEL TOWN</t>
  </si>
  <si>
    <t>TOWNSHIP-MALE</t>
  </si>
  <si>
    <t>Kachi Kothi</t>
  </si>
  <si>
    <t>kachi kothi main Raiwind Road Lahore aThokar Niaz Baigh</t>
  </si>
  <si>
    <t>Ali Raza Abad</t>
  </si>
  <si>
    <t>256</t>
  </si>
  <si>
    <t>Fayyaz Ahmad</t>
  </si>
  <si>
    <t>7425</t>
  </si>
  <si>
    <t>220</t>
  </si>
  <si>
    <t>1137</t>
  </si>
  <si>
    <t>38380</t>
  </si>
  <si>
    <t>37243</t>
  </si>
  <si>
    <t>23716</t>
  </si>
  <si>
    <t>5749</t>
  </si>
  <si>
    <t>2014</t>
  </si>
  <si>
    <t>GGPS CHAK NO 121/6-R</t>
  </si>
  <si>
    <t>HAROONABAD</t>
  </si>
  <si>
    <t>HND-14-FEMALE</t>
  </si>
  <si>
    <t>Chuk Number 121/6r</t>
  </si>
  <si>
    <t>chuk number 121/6r</t>
  </si>
  <si>
    <t>101/6r</t>
  </si>
  <si>
    <t>243</t>
  </si>
  <si>
    <t>Azra Parveen</t>
  </si>
  <si>
    <t>2136</t>
  </si>
  <si>
    <t>5136</t>
  </si>
  <si>
    <t>5045</t>
  </si>
  <si>
    <t>3717</t>
  </si>
  <si>
    <t>36479</t>
  </si>
  <si>
    <t>GPS CHAK NO. 6/WB</t>
  </si>
  <si>
    <t>PAKHI MORE-MALE</t>
  </si>
  <si>
    <t>6/wb</t>
  </si>
  <si>
    <t>1/wb</t>
  </si>
  <si>
    <t>Muhammad Hafeez</t>
  </si>
  <si>
    <t>1320</t>
  </si>
  <si>
    <t>940</t>
  </si>
  <si>
    <t>4400</t>
  </si>
  <si>
    <t>842</t>
  </si>
  <si>
    <t>3130</t>
  </si>
  <si>
    <t>39222</t>
  </si>
  <si>
    <t>GHSS MALHOWALI</t>
  </si>
  <si>
    <t>Malhowali</t>
  </si>
  <si>
    <t>Vpo Malhowali tehsil Pindigheb district Attock</t>
  </si>
  <si>
    <t>Muhammad Iqbal</t>
  </si>
  <si>
    <t>1916</t>
  </si>
  <si>
    <t>18224</t>
  </si>
  <si>
    <t>430</t>
  </si>
  <si>
    <t>16890</t>
  </si>
  <si>
    <t>52964</t>
  </si>
  <si>
    <t>1351</t>
  </si>
  <si>
    <t>5690</t>
  </si>
  <si>
    <t>1373</t>
  </si>
  <si>
    <t>GGPS CHAK NO. 204/9-R</t>
  </si>
  <si>
    <t>FORT ABBAS</t>
  </si>
  <si>
    <t>FTS-V-FEMALE</t>
  </si>
  <si>
    <t>Chak No 204 //9 R</t>
  </si>
  <si>
    <t>Chak no 204 /9 r FORT ABBAS BAHAWAL NAGAR</t>
  </si>
  <si>
    <t>Chak  No 204 /9 R</t>
  </si>
  <si>
    <t>Chak No 204/  /9 R</t>
  </si>
  <si>
    <t>244</t>
  </si>
  <si>
    <t>Sajida Ghafoor</t>
  </si>
  <si>
    <t>1126</t>
  </si>
  <si>
    <t>35334</t>
  </si>
  <si>
    <t>40313</t>
  </si>
  <si>
    <t>GES KOT MANGAL SANE KHEWRA</t>
  </si>
  <si>
    <t>Khewra</t>
  </si>
  <si>
    <t>islam gunj khewra</t>
  </si>
  <si>
    <t>islam gunj</t>
  </si>
  <si>
    <t>mc khewra</t>
  </si>
  <si>
    <t>Asif Mehmood</t>
  </si>
  <si>
    <t>1946</t>
  </si>
  <si>
    <t>9248</t>
  </si>
  <si>
    <t>52148</t>
  </si>
  <si>
    <t>197</t>
  </si>
  <si>
    <t>5614</t>
  </si>
  <si>
    <t>228</t>
  </si>
  <si>
    <t>GPS CHAK SARWAIR</t>
  </si>
  <si>
    <t>BWN-VIII-MALE</t>
  </si>
  <si>
    <t>Samad Singh</t>
  </si>
  <si>
    <t>GPS chak serwair</t>
  </si>
  <si>
    <t>Chak sarwair</t>
  </si>
  <si>
    <t>Mohammad  Pur</t>
  </si>
  <si>
    <t>239</t>
  </si>
  <si>
    <t>Mohammad  Anwar</t>
  </si>
  <si>
    <t>2146</t>
  </si>
  <si>
    <t>3129</t>
  </si>
  <si>
    <t>28658</t>
  </si>
  <si>
    <t>GGHS LEHNA SINGH WALA</t>
  </si>
  <si>
    <t>Lehna Singh Wala</t>
  </si>
  <si>
    <t>Lehna Singh Wala p/o Budho ki</t>
  </si>
  <si>
    <t>Mojo Ki</t>
  </si>
  <si>
    <t>mubina shafiq</t>
  </si>
  <si>
    <t>15750</t>
  </si>
  <si>
    <t>499</t>
  </si>
  <si>
    <t>3125</t>
  </si>
  <si>
    <t>39780</t>
  </si>
  <si>
    <t>GHSS HASSAN ABDAL</t>
  </si>
  <si>
    <t>HASSANABDAL</t>
  </si>
  <si>
    <t>MOH. DHOKE MISKEEN HASSAN ABDAL</t>
  </si>
  <si>
    <t>MC Hassanabdal</t>
  </si>
  <si>
    <t>MUHAMMAD ASAD</t>
  </si>
  <si>
    <t>1895</t>
  </si>
  <si>
    <t>1943</t>
  </si>
  <si>
    <t>59024</t>
  </si>
  <si>
    <t>1169</t>
  </si>
  <si>
    <t>2853</t>
  </si>
  <si>
    <t>5889</t>
  </si>
  <si>
    <t>41869</t>
  </si>
  <si>
    <t>GGPS MC CHAMAN ZAR COLONY RWP</t>
  </si>
  <si>
    <t>RWP CANTT-FEMALE</t>
  </si>
  <si>
    <t>CHAMANZAR COLONY</t>
  </si>
  <si>
    <t>GOVT. girls primary school MC chamanzar colony, Rawalpindi</t>
  </si>
  <si>
    <t>Chamanzar</t>
  </si>
  <si>
    <t>Toqueer Ayesha</t>
  </si>
  <si>
    <t>1996</t>
  </si>
  <si>
    <t>5895</t>
  </si>
  <si>
    <t>30535</t>
  </si>
  <si>
    <t>2455</t>
  </si>
  <si>
    <t>19433</t>
  </si>
  <si>
    <t>GPS CHAK 330 JB</t>
  </si>
  <si>
    <t>GPS 330Jb Toba Tek Singh</t>
  </si>
  <si>
    <t>330Jb Seo Wal</t>
  </si>
  <si>
    <t>391Jb Khanthan</t>
  </si>
  <si>
    <t>Muhammad Akram</t>
  </si>
  <si>
    <t>2749</t>
  </si>
  <si>
    <t>15084</t>
  </si>
  <si>
    <t>22413</t>
  </si>
  <si>
    <t>10292</t>
  </si>
  <si>
    <t>2515</t>
  </si>
  <si>
    <t>18649</t>
  </si>
  <si>
    <t>GPS CHAK 309 JB BHAKHI</t>
  </si>
  <si>
    <t>DHAMMA BANGLA MALE</t>
  </si>
  <si>
    <t>Chak No 309 Jb</t>
  </si>
  <si>
    <t>ma306/jb@gmail.com</t>
  </si>
  <si>
    <t>309/jb</t>
  </si>
  <si>
    <t>Chak No 316/jb</t>
  </si>
  <si>
    <t>Muhammad Aslam  Matloob</t>
  </si>
  <si>
    <t>4037</t>
  </si>
  <si>
    <t>water supply</t>
  </si>
  <si>
    <t>5125</t>
  </si>
  <si>
    <t>44416</t>
  </si>
  <si>
    <t>29060</t>
  </si>
  <si>
    <t>15356</t>
  </si>
  <si>
    <t>1556</t>
  </si>
  <si>
    <t>25769</t>
  </si>
  <si>
    <t>GGPS BHALA PIND KHUNIAN</t>
  </si>
  <si>
    <t>NAROWAL(NORTH)-FEMALE</t>
  </si>
  <si>
    <t>Bhala Pind</t>
  </si>
  <si>
    <t>Dhabliwala Bhala Pind Tehsil &amp; District Narowal</t>
  </si>
  <si>
    <t>Saddowala</t>
  </si>
  <si>
    <t>Muhammad Akbar</t>
  </si>
  <si>
    <t>16658</t>
  </si>
  <si>
    <t>14658</t>
  </si>
  <si>
    <t>3255</t>
  </si>
  <si>
    <t>33771</t>
  </si>
  <si>
    <t>GGES BEHARI COLONY</t>
  </si>
  <si>
    <t>MULTAN CITY</t>
  </si>
  <si>
    <t>NEW MULTAN - FEMALE</t>
  </si>
  <si>
    <t>Bihari Colony</t>
  </si>
  <si>
    <t>gg elementary school behari x block</t>
  </si>
  <si>
    <t>215</t>
  </si>
  <si>
    <t>Naseem Rana</t>
  </si>
  <si>
    <t>38917</t>
  </si>
  <si>
    <t>5012</t>
  </si>
  <si>
    <t>2612</t>
  </si>
  <si>
    <t>10763</t>
  </si>
  <si>
    <t>GPS BANGLA NASIR KHAN</t>
  </si>
  <si>
    <t>SHADU KHAN - MALE</t>
  </si>
  <si>
    <t>Docharkha Thal Jandi</t>
  </si>
  <si>
    <t>basti bangla nasir khan p/o rana nagar t&amp;d layyah</t>
  </si>
  <si>
    <t>Bangla Nasir Khan</t>
  </si>
  <si>
    <t>Shadu Khan</t>
  </si>
  <si>
    <t>Mazhar Abbas</t>
  </si>
  <si>
    <t>627</t>
  </si>
  <si>
    <t>9110</t>
  </si>
  <si>
    <t>8483</t>
  </si>
  <si>
    <t>31578</t>
  </si>
  <si>
    <t>46967</t>
  </si>
  <si>
    <t>2268</t>
  </si>
  <si>
    <t>29310</t>
  </si>
  <si>
    <t>53446</t>
  </si>
  <si>
    <t>GGPS GHAFOOR COLONY OKARA</t>
  </si>
  <si>
    <t>Ghafoor Colony Okara</t>
  </si>
  <si>
    <t>Government Girls Primary School Ghafoor Colony Okara</t>
  </si>
  <si>
    <t>Ghafoor Colony</t>
  </si>
  <si>
    <t>Salma</t>
  </si>
  <si>
    <t>1995</t>
  </si>
  <si>
    <t>8100</t>
  </si>
  <si>
    <t>277</t>
  </si>
  <si>
    <t>8410</t>
  </si>
  <si>
    <t>45456</t>
  </si>
  <si>
    <t>44580</t>
  </si>
  <si>
    <t>24503</t>
  </si>
  <si>
    <t>GGPS KOT AGHA</t>
  </si>
  <si>
    <t>Kot Agha</t>
  </si>
  <si>
    <t>Kot agha</t>
  </si>
  <si>
    <t>QillA Kalarwala</t>
  </si>
  <si>
    <t>Maafia Bashir</t>
  </si>
  <si>
    <t>4498</t>
  </si>
  <si>
    <t>47044</t>
  </si>
  <si>
    <t>48927</t>
  </si>
  <si>
    <t>8780</t>
  </si>
  <si>
    <t>1008</t>
  </si>
  <si>
    <t>42069</t>
  </si>
  <si>
    <t>GPS MOHRA SHAH WALI</t>
  </si>
  <si>
    <t>TAXILA</t>
  </si>
  <si>
    <t>TAXILA - MALE</t>
  </si>
  <si>
    <t>Mohra Shah Wali</t>
  </si>
  <si>
    <t>Mohra shah wali Txila</t>
  </si>
  <si>
    <t>Mohra Shah Wali Shah</t>
  </si>
  <si>
    <t>Mc Taxila</t>
  </si>
  <si>
    <t>Nosheen Bibi</t>
  </si>
  <si>
    <t>17580</t>
  </si>
  <si>
    <t>35867</t>
  </si>
  <si>
    <t>34300</t>
  </si>
  <si>
    <t>1567</t>
  </si>
  <si>
    <t>47164</t>
  </si>
  <si>
    <t>1477</t>
  </si>
  <si>
    <t>928</t>
  </si>
  <si>
    <t>4791</t>
  </si>
  <si>
    <t>20624</t>
  </si>
  <si>
    <t>GGES KANGNI WALA</t>
  </si>
  <si>
    <t>GUJRANWALA CITY 3 - FEMALE</t>
  </si>
  <si>
    <t>Kangniwala</t>
  </si>
  <si>
    <t>patwari wali galileo kangniwala</t>
  </si>
  <si>
    <t>Hashmi colony</t>
  </si>
  <si>
    <t>Mahnaz Fatima</t>
  </si>
  <si>
    <t>Double</t>
  </si>
  <si>
    <t>2911</t>
  </si>
  <si>
    <t>29717</t>
  </si>
  <si>
    <t>21461</t>
  </si>
  <si>
    <t>GPS AHLOO WAL TEH. PATTOKI</t>
  </si>
  <si>
    <t>PATTOKI CITY - MALE</t>
  </si>
  <si>
    <t>AHLOOWAL</t>
  </si>
  <si>
    <t>P.O CHANGA MANGA AHLOOWAL</t>
  </si>
  <si>
    <t>JAMBAR KALAN</t>
  </si>
  <si>
    <t>Dildar Hussain Ur Rehman</t>
  </si>
  <si>
    <t>2025</t>
  </si>
  <si>
    <t>1893</t>
  </si>
  <si>
    <t>13120</t>
  </si>
  <si>
    <t>18202</t>
  </si>
  <si>
    <t>30272</t>
  </si>
  <si>
    <t>1691</t>
  </si>
  <si>
    <t>39978</t>
  </si>
  <si>
    <t>GPS MOMAN PUR</t>
  </si>
  <si>
    <t>HAZRO</t>
  </si>
  <si>
    <t>GHOUR GHUSHTI - MALE</t>
  </si>
  <si>
    <t>Momanpur</t>
  </si>
  <si>
    <t>Jalalia</t>
  </si>
  <si>
    <t>Muhammad Naeem</t>
  </si>
  <si>
    <t>1640</t>
  </si>
  <si>
    <t>28771</t>
  </si>
  <si>
    <t>29620</t>
  </si>
  <si>
    <t>912</t>
  </si>
  <si>
    <t>43250</t>
  </si>
  <si>
    <t>GPS PHOTAKI</t>
  </si>
  <si>
    <t>MULHAL MUGHLAN-MALE</t>
  </si>
  <si>
    <t>PHOTAKI</t>
  </si>
  <si>
    <t>V.P.O.PHOTAKI. TEH &amp; DISTRICT. CHAKWAL</t>
  </si>
  <si>
    <t>MULHAL MIGHLAN</t>
  </si>
  <si>
    <t>Sajid Mehmood</t>
  </si>
  <si>
    <t>1644</t>
  </si>
  <si>
    <t>6020</t>
  </si>
  <si>
    <t>5307</t>
  </si>
  <si>
    <t>24307</t>
  </si>
  <si>
    <t>1762</t>
  </si>
  <si>
    <t>36975</t>
  </si>
  <si>
    <t>GGES BLOCKI WALA, NAWAN SHEHR</t>
  </si>
  <si>
    <t>KABIRWALA</t>
  </si>
  <si>
    <t>NAWAN SHEHR - FEMALE</t>
  </si>
  <si>
    <t>chah sikandary wala</t>
  </si>
  <si>
    <t>Sikandery Wala</t>
  </si>
  <si>
    <t>Salarwahen Kohna</t>
  </si>
  <si>
    <t>204</t>
  </si>
  <si>
    <t>Shama Noureen</t>
  </si>
  <si>
    <t>7513</t>
  </si>
  <si>
    <t>21776</t>
  </si>
  <si>
    <t>14263</t>
  </si>
  <si>
    <t>319</t>
  </si>
  <si>
    <t>40140</t>
  </si>
  <si>
    <t>19570</t>
  </si>
  <si>
    <t>GPS NAKKA KALAN</t>
  </si>
  <si>
    <t>DARA PUR - MALE</t>
  </si>
  <si>
    <t>Nakka Kalan</t>
  </si>
  <si>
    <t>vpo nakka kalan tehsil distt Jhelum</t>
  </si>
  <si>
    <t>Nakka Khurd</t>
  </si>
  <si>
    <t>Ehtesham Ul Haq</t>
  </si>
  <si>
    <t>170</t>
  </si>
  <si>
    <t>6832</t>
  </si>
  <si>
    <t>34920</t>
  </si>
  <si>
    <t>31269</t>
  </si>
  <si>
    <t>5281</t>
  </si>
  <si>
    <t>24551</t>
  </si>
  <si>
    <t>GGPS EISO GEGA</t>
  </si>
  <si>
    <t>SAUKIN WIND - FEMALE</t>
  </si>
  <si>
    <t>Eiso Giga</t>
  </si>
  <si>
    <t>vpo saukanwind village easo giga tehsil pasrur district sialkot</t>
  </si>
  <si>
    <t>Saukinwind</t>
  </si>
  <si>
    <t>Aroosa M Ashraf</t>
  </si>
  <si>
    <t>62</t>
  </si>
  <si>
    <t>1576</t>
  </si>
  <si>
    <t>9580</t>
  </si>
  <si>
    <t>9027</t>
  </si>
  <si>
    <t>10644</t>
  </si>
  <si>
    <t>33054</t>
  </si>
  <si>
    <t>3534</t>
  </si>
  <si>
    <t>4230</t>
  </si>
  <si>
    <t>11407</t>
  </si>
  <si>
    <t>GGPS SHAHI WALA NO.2</t>
  </si>
  <si>
    <t>ALIPUR</t>
  </si>
  <si>
    <t>SULTAN PUR- FEMALE</t>
  </si>
  <si>
    <t>Sultan Pur</t>
  </si>
  <si>
    <t>shahi wala near Dera Makhdoom Altaf</t>
  </si>
  <si>
    <t>Shahi Wala</t>
  </si>
  <si>
    <t>186</t>
  </si>
  <si>
    <t>274</t>
  </si>
  <si>
    <t>Quratul ain rasool</t>
  </si>
  <si>
    <t>544</t>
  </si>
  <si>
    <t>9020</t>
  </si>
  <si>
    <t>12000</t>
  </si>
  <si>
    <t>41533</t>
  </si>
  <si>
    <t>2512</t>
  </si>
  <si>
    <t>18683</t>
  </si>
  <si>
    <t>GPS CHAK 437 JB</t>
  </si>
  <si>
    <t>DARSANA BANGLA MALE</t>
  </si>
  <si>
    <t>437jb</t>
  </si>
  <si>
    <t>Chak 437 jb</t>
  </si>
  <si>
    <t>437 Jb</t>
  </si>
  <si>
    <t>438 Jb</t>
  </si>
  <si>
    <t>Muhammad Imran Yousaf</t>
  </si>
  <si>
    <t>47382</t>
  </si>
  <si>
    <t>37911</t>
  </si>
  <si>
    <t>3214</t>
  </si>
  <si>
    <t>32648</t>
  </si>
  <si>
    <t>GHS WARBURTON CITY NANKANA SAHIB</t>
  </si>
  <si>
    <t>WARBURTON</t>
  </si>
  <si>
    <t>javed iqbal ashraf</t>
  </si>
  <si>
    <t>1923</t>
  </si>
  <si>
    <t>33000</t>
  </si>
  <si>
    <t>2164</t>
  </si>
  <si>
    <t>828</t>
  </si>
  <si>
    <t>3202</t>
  </si>
  <si>
    <t>27888</t>
  </si>
  <si>
    <t>GHS AHLA</t>
  </si>
  <si>
    <t>MANDI BAHAUDDIN</t>
  </si>
  <si>
    <t>VILLAGE &amp; POST OFFICE AHLA</t>
  </si>
  <si>
    <t>AHLA</t>
  </si>
  <si>
    <t>SHAN ALI</t>
  </si>
  <si>
    <t>1901</t>
  </si>
  <si>
    <t>9520</t>
  </si>
  <si>
    <t>16249</t>
  </si>
  <si>
    <t>36096</t>
  </si>
  <si>
    <t>GES CHAK NO.3 WB</t>
  </si>
  <si>
    <t>Chak No.3/WB East</t>
  </si>
  <si>
    <t>Chak No 3/WB East</t>
  </si>
  <si>
    <t>Chak No 1/WB</t>
  </si>
  <si>
    <t>Muhammad Sharif</t>
  </si>
  <si>
    <t>3584</t>
  </si>
  <si>
    <t>Filtration plant</t>
  </si>
  <si>
    <t>3436</t>
  </si>
  <si>
    <t>20458</t>
  </si>
  <si>
    <t>20215</t>
  </si>
  <si>
    <t>1527</t>
  </si>
  <si>
    <t>20805</t>
  </si>
  <si>
    <t>3330</t>
  </si>
  <si>
    <t>19115</t>
  </si>
  <si>
    <t>GGPS KAMALIA TOWN PAGHLIAN WALA</t>
  </si>
  <si>
    <t>KAMALIA</t>
  </si>
  <si>
    <t>KAMALIA CITY FEMALE</t>
  </si>
  <si>
    <t>Kamalia</t>
  </si>
  <si>
    <t>mohalla paghlan wala kamalia</t>
  </si>
  <si>
    <t>MC</t>
  </si>
  <si>
    <t>Farkhanda Naseem</t>
  </si>
  <si>
    <t>3272</t>
  </si>
  <si>
    <t>1674</t>
  </si>
  <si>
    <t>18433</t>
  </si>
  <si>
    <t>18280</t>
  </si>
  <si>
    <t>23180</t>
  </si>
  <si>
    <t>14517</t>
  </si>
  <si>
    <t>GPS ISLAMI MADRISA RAJA COLONY</t>
  </si>
  <si>
    <t>Raja Colony</t>
  </si>
  <si>
    <t>raja colony metropoll road faisalabad</t>
  </si>
  <si>
    <t>Gulshan Colony</t>
  </si>
  <si>
    <t>Sajid Ghafoor  Gill</t>
  </si>
  <si>
    <t>2572</t>
  </si>
  <si>
    <t>41572</t>
  </si>
  <si>
    <t>39000</t>
  </si>
  <si>
    <t>34842</t>
  </si>
  <si>
    <t>461</t>
  </si>
  <si>
    <t>6075</t>
  </si>
  <si>
    <t>26586</t>
  </si>
  <si>
    <t>GPS PINDI AMLAK</t>
  </si>
  <si>
    <t>SANKHATRA-MALE</t>
  </si>
  <si>
    <t>Pind Amolak</t>
  </si>
  <si>
    <t>Pindi Amolak</t>
  </si>
  <si>
    <t>Langerkey</t>
  </si>
  <si>
    <t>Abdul Aziz Chuhan</t>
  </si>
  <si>
    <t>6333</t>
  </si>
  <si>
    <t>37382</t>
  </si>
  <si>
    <t>25460</t>
  </si>
  <si>
    <t>11922</t>
  </si>
  <si>
    <t>31049</t>
  </si>
  <si>
    <t>4098</t>
  </si>
  <si>
    <t>34098</t>
  </si>
  <si>
    <t>35799</t>
  </si>
  <si>
    <t>GPS AZHAR ABAD</t>
  </si>
  <si>
    <t>Murad Abad</t>
  </si>
  <si>
    <t>Azher Abad Tes Mailsi Dist Vehari</t>
  </si>
  <si>
    <t>Azher Abad</t>
  </si>
  <si>
    <t>Dahmaki</t>
  </si>
  <si>
    <t>Muhammad Younus</t>
  </si>
  <si>
    <t>15400</t>
  </si>
  <si>
    <t>16016</t>
  </si>
  <si>
    <t>2272</t>
  </si>
  <si>
    <t>3938</t>
  </si>
  <si>
    <t>51903</t>
  </si>
  <si>
    <t>GPS CHAK NO. 23 KB</t>
  </si>
  <si>
    <t>PAKPATTAN</t>
  </si>
  <si>
    <t>ARIFWALA</t>
  </si>
  <si>
    <t>MUHAMMAD NAGAR 2 - MALE</t>
  </si>
  <si>
    <t>23kb</t>
  </si>
  <si>
    <t>Chak No 23kb</t>
  </si>
  <si>
    <t>Jamu Budla</t>
  </si>
  <si>
    <t>146</t>
  </si>
  <si>
    <t>195</t>
  </si>
  <si>
    <t>Muhammad Ashraf Abid</t>
  </si>
  <si>
    <t>1192</t>
  </si>
  <si>
    <t>758</t>
  </si>
  <si>
    <t>2530</t>
  </si>
  <si>
    <t>3175</t>
  </si>
  <si>
    <t>46915</t>
  </si>
  <si>
    <t>3140</t>
  </si>
  <si>
    <t>54388</t>
  </si>
  <si>
    <t>GGHS TIBBA HAMID SHAH</t>
  </si>
  <si>
    <t>DARYA KHAN</t>
  </si>
  <si>
    <t>Lundi</t>
  </si>
  <si>
    <t>Tibba Hamid Shah</t>
  </si>
  <si>
    <t>Tibba Hamid shah</t>
  </si>
  <si>
    <t>Angra Daggar</t>
  </si>
  <si>
    <t>FARIDA BIBI</t>
  </si>
  <si>
    <t>36326</t>
  </si>
  <si>
    <t>3721</t>
  </si>
  <si>
    <t>35258</t>
  </si>
  <si>
    <t>GPS 415 EB</t>
  </si>
  <si>
    <t>LANDO MASJID-MALE</t>
  </si>
  <si>
    <t>Malkon Wala</t>
  </si>
  <si>
    <t>Gps 415/EB burewala</t>
  </si>
  <si>
    <t>415/EB</t>
  </si>
  <si>
    <t>199/EB</t>
  </si>
  <si>
    <t>Abid Hussain</t>
  </si>
  <si>
    <t>5140</t>
  </si>
  <si>
    <t>2682</t>
  </si>
  <si>
    <t>3244</t>
  </si>
  <si>
    <t>3063</t>
  </si>
  <si>
    <t>GHS TECHNICAL BAHAWALPUR</t>
  </si>
  <si>
    <t>BAHAWALPUR CITY</t>
  </si>
  <si>
    <t>Bwp City 1</t>
  </si>
  <si>
    <t>Farid Gate Bahawalpur</t>
  </si>
  <si>
    <t>Bwp CITY</t>
  </si>
  <si>
    <t>UC-4</t>
  </si>
  <si>
    <t>Aezaz Ahmad Khan</t>
  </si>
  <si>
    <t>77792</t>
  </si>
  <si>
    <t>1315</t>
  </si>
  <si>
    <t>317</t>
  </si>
  <si>
    <t>33750</t>
  </si>
  <si>
    <t>GGPS CHAH MAYER WALA NO. 2</t>
  </si>
  <si>
    <t>Boa Pur</t>
  </si>
  <si>
    <t>Chah mayarh wala no 2</t>
  </si>
  <si>
    <t>Chah Mayarh Wala</t>
  </si>
  <si>
    <t>Janhgir Abad</t>
  </si>
  <si>
    <t>213</t>
  </si>
  <si>
    <t>Nighat Raza</t>
  </si>
  <si>
    <t>3800</t>
  </si>
  <si>
    <t>4591</t>
  </si>
  <si>
    <t>13065</t>
  </si>
  <si>
    <t>46086</t>
  </si>
  <si>
    <t>28392</t>
  </si>
  <si>
    <t>4793</t>
  </si>
  <si>
    <t>20708</t>
  </si>
  <si>
    <t>GGES AMRAT PURA</t>
  </si>
  <si>
    <t>GUJRANWALA CITY 5 - FEMALE</t>
  </si>
  <si>
    <t>Rahwali</t>
  </si>
  <si>
    <t>Govt girls elementry school amrat pura</t>
  </si>
  <si>
    <t>Amrat Pura</t>
  </si>
  <si>
    <t>Kausar Parveen</t>
  </si>
  <si>
    <t>10120</t>
  </si>
  <si>
    <t>6681</t>
  </si>
  <si>
    <t>16681</t>
  </si>
  <si>
    <t>71</t>
  </si>
  <si>
    <t>1682</t>
  </si>
  <si>
    <t>5189</t>
  </si>
  <si>
    <t>39505</t>
  </si>
  <si>
    <t>GGES 66/A</t>
  </si>
  <si>
    <t>LIAQATPUR</t>
  </si>
  <si>
    <t>68/A - FEMALE</t>
  </si>
  <si>
    <t>66/a</t>
  </si>
  <si>
    <t>chack no#66/q teh.lqp distt.ryk</t>
  </si>
  <si>
    <t>66/A</t>
  </si>
  <si>
    <t>176</t>
  </si>
  <si>
    <t>257</t>
  </si>
  <si>
    <t>MONIB KOUSAR</t>
  </si>
  <si>
    <t>48784</t>
  </si>
  <si>
    <t>9784</t>
  </si>
  <si>
    <t>7065</t>
  </si>
  <si>
    <t>24191</t>
  </si>
  <si>
    <t>GPS HUNJRA</t>
  </si>
  <si>
    <t>hanjra</t>
  </si>
  <si>
    <t>hanjra,p/o mohrikey jajja,pasrur,sialkot</t>
  </si>
  <si>
    <t>saukinwind</t>
  </si>
  <si>
    <t>Abu Bakar</t>
  </si>
  <si>
    <t>900</t>
  </si>
  <si>
    <t>2304</t>
  </si>
  <si>
    <t>10420</t>
  </si>
  <si>
    <t>8116</t>
  </si>
  <si>
    <t>26559</t>
  </si>
  <si>
    <t>5359</t>
  </si>
  <si>
    <t>459</t>
  </si>
  <si>
    <t>28616</t>
  </si>
  <si>
    <t>GHS ELLAH ABAD</t>
  </si>
  <si>
    <t>ELLAHABAD</t>
  </si>
  <si>
    <t>KANGAN PUR ROAD ELLAHABAD TEHSIL CHUNIAN DISTRICT KASUR</t>
  </si>
  <si>
    <t>ABDUL RAHIM</t>
  </si>
  <si>
    <t>1290</t>
  </si>
  <si>
    <t>370</t>
  </si>
  <si>
    <t>1754</t>
  </si>
  <si>
    <t>37787</t>
  </si>
  <si>
    <t>GPS 110/10-R, JAHANIAN</t>
  </si>
  <si>
    <t>JAHANIAN - MALE</t>
  </si>
  <si>
    <t>110/10R</t>
  </si>
  <si>
    <t>Chak No 110/10R</t>
  </si>
  <si>
    <t>106/10R</t>
  </si>
  <si>
    <t>Umar Nawaz</t>
  </si>
  <si>
    <t>2722</t>
  </si>
  <si>
    <t>35747</t>
  </si>
  <si>
    <t>42911</t>
  </si>
  <si>
    <t>53582</t>
  </si>
  <si>
    <t>GGPS SDP QADIR COLONY</t>
  </si>
  <si>
    <t>Qadar Colony okara</t>
  </si>
  <si>
    <t>GGPS SDP Qadar colony Okara</t>
  </si>
  <si>
    <t>1-4L Okara</t>
  </si>
  <si>
    <t>Najma Khatoon Naqvi</t>
  </si>
  <si>
    <t>5358</t>
  </si>
  <si>
    <t>2420</t>
  </si>
  <si>
    <t>15499</t>
  </si>
  <si>
    <t>GPS 467 GB</t>
  </si>
  <si>
    <t>SALOONI JHAAL - MALE</t>
  </si>
  <si>
    <t>SAMUNDRI</t>
  </si>
  <si>
    <t>Chak   No   467  GB   Samundri</t>
  </si>
  <si>
    <t>467   GB</t>
  </si>
  <si>
    <t>MC Samundri</t>
  </si>
  <si>
    <t>NASEER AHMAD</t>
  </si>
  <si>
    <t>2510</t>
  </si>
  <si>
    <t>2073</t>
  </si>
  <si>
    <t>50182</t>
  </si>
  <si>
    <t>49448</t>
  </si>
  <si>
    <t>2089</t>
  </si>
  <si>
    <t>3128</t>
  </si>
  <si>
    <t>39506</t>
  </si>
  <si>
    <t>GGHS SAGHRI</t>
  </si>
  <si>
    <t>JAND</t>
  </si>
  <si>
    <t>SaGHRI</t>
  </si>
  <si>
    <t>vill &amp; p/o Saghri Teh Jand Distt Attock</t>
  </si>
  <si>
    <t>Saghri</t>
  </si>
  <si>
    <t>Rabia Mukhtar</t>
  </si>
  <si>
    <t>Comprehensive</t>
  </si>
  <si>
    <t>2003</t>
  </si>
  <si>
    <t>12115</t>
  </si>
  <si>
    <t>416</t>
  </si>
  <si>
    <t>4680</t>
  </si>
  <si>
    <t>920</t>
  </si>
  <si>
    <t>4877</t>
  </si>
  <si>
    <t>21420</t>
  </si>
  <si>
    <t>GPS FAISAL TOWN (VIRAK TOWN)</t>
  </si>
  <si>
    <t>KAMOKE</t>
  </si>
  <si>
    <t>KAMOKE CITY - MALE</t>
  </si>
  <si>
    <t>Faisal Town</t>
  </si>
  <si>
    <t>Faisal town (virak town) tehsil Kamoke Gujranwala</t>
  </si>
  <si>
    <t>Kamoke-VI</t>
  </si>
  <si>
    <t>161</t>
  </si>
  <si>
    <t>Ghulam Mustafa</t>
  </si>
  <si>
    <t>3808</t>
  </si>
  <si>
    <t>5742</t>
  </si>
  <si>
    <t>34450</t>
  </si>
  <si>
    <t>31298</t>
  </si>
  <si>
    <t>1838</t>
  </si>
  <si>
    <t>54875</t>
  </si>
  <si>
    <t>3120</t>
  </si>
  <si>
    <t>37406</t>
  </si>
  <si>
    <t>GHS 95/15-L, MIAN CHANNU</t>
  </si>
  <si>
    <t>MIAN CHANNU</t>
  </si>
  <si>
    <t>95/15-L</t>
  </si>
  <si>
    <t>GOVT. HIGH  SCHOOL 95/15-L MIAN CHANNU</t>
  </si>
  <si>
    <t>CHAK NO.95/15-L</t>
  </si>
  <si>
    <t>CHAK NO. 93/15-L</t>
  </si>
  <si>
    <t>208</t>
  </si>
  <si>
    <t>Khadim Hussain</t>
  </si>
  <si>
    <t>11707</t>
  </si>
  <si>
    <t>575</t>
  </si>
  <si>
    <t>30755</t>
  </si>
  <si>
    <t>38789</t>
  </si>
  <si>
    <t>38500</t>
  </si>
  <si>
    <t>8034</t>
  </si>
  <si>
    <t>1050</t>
  </si>
  <si>
    <t>3818</t>
  </si>
  <si>
    <t>28168</t>
  </si>
  <si>
    <t>GPS MC QAID-E-AZAM SCHOOL MOHALLA MBDIN</t>
  </si>
  <si>
    <t>C. NO.III MBDIN - MALE</t>
  </si>
  <si>
    <t>Mandi Bahaudin</t>
  </si>
  <si>
    <t>School Mohallah Mandi Bahauddin.</t>
  </si>
  <si>
    <t>School Mohallah</t>
  </si>
  <si>
    <t>MC Mandi Bahaudin</t>
  </si>
  <si>
    <t>MUHAMMAD SAFDAR</t>
  </si>
  <si>
    <t>3750</t>
  </si>
  <si>
    <t>27615</t>
  </si>
  <si>
    <t>715</t>
  </si>
  <si>
    <t>29633</t>
  </si>
  <si>
    <t>GES CHAKKOKI</t>
  </si>
  <si>
    <t>Chakkoki</t>
  </si>
  <si>
    <t>Chakkoki Markaz Pattoki</t>
  </si>
  <si>
    <t>Bhoniki Otar</t>
  </si>
  <si>
    <t>1940</t>
  </si>
  <si>
    <t>320</t>
  </si>
  <si>
    <t>15269</t>
  </si>
  <si>
    <t>1220</t>
  </si>
  <si>
    <t>1917</t>
  </si>
  <si>
    <t>45466</t>
  </si>
  <si>
    <t>GPS CHAK NO. 21 TDA</t>
  </si>
  <si>
    <t>DARYA KHAN - MALE</t>
  </si>
  <si>
    <t>21TDA</t>
  </si>
  <si>
    <t>chak no. 21 TDA</t>
  </si>
  <si>
    <t>Kohawar Kalan</t>
  </si>
  <si>
    <t>Muhammad Kamran Qasim</t>
  </si>
  <si>
    <t>2900</t>
  </si>
  <si>
    <t>27597</t>
  </si>
  <si>
    <t>27517</t>
  </si>
  <si>
    <t>34811</t>
  </si>
  <si>
    <t>38539</t>
  </si>
  <si>
    <t>713</t>
  </si>
  <si>
    <t>53545</t>
  </si>
  <si>
    <t>GPS ADP THATTA PEHLWAN KA</t>
  </si>
  <si>
    <t>JOYIA</t>
  </si>
  <si>
    <t>TARIQ ABAD</t>
  </si>
  <si>
    <t>THATTA PEHLWAN KA DAKHALI MOUZA TARIQ ABAD POST OFFICE  JABOKA TEHSIL AND DISTRICT OKARA</t>
  </si>
  <si>
    <t>THATTA PEHLWAN KA</t>
  </si>
  <si>
    <t>MUHAMMAD SALEEM</t>
  </si>
  <si>
    <t>2200</t>
  </si>
  <si>
    <t>5530</t>
  </si>
  <si>
    <t>7100</t>
  </si>
  <si>
    <t>5960</t>
  </si>
  <si>
    <t>32423</t>
  </si>
  <si>
    <t>4235</t>
  </si>
  <si>
    <t>11289</t>
  </si>
  <si>
    <t>GES TIBBI ARAIN</t>
  </si>
  <si>
    <t>ALI PUR-III- MALE</t>
  </si>
  <si>
    <t>Tibbi Arain</t>
  </si>
  <si>
    <t>seetpur road tehsil alipur district Muzaffargarh</t>
  </si>
  <si>
    <t>Baz Wala</t>
  </si>
  <si>
    <t>273</t>
  </si>
  <si>
    <t>Hidayat Hussain</t>
  </si>
  <si>
    <t>3265</t>
  </si>
  <si>
    <t>3771</t>
  </si>
  <si>
    <t>15513</t>
  </si>
  <si>
    <t>GPS 202 GB</t>
  </si>
  <si>
    <t>MURIDWALA-MALE</t>
  </si>
  <si>
    <t>Chak no# 202GB</t>
  </si>
  <si>
    <t>Chak no# 202 GB</t>
  </si>
  <si>
    <t>Chak no # 202 GB</t>
  </si>
  <si>
    <t>Chak no # 203 GB</t>
  </si>
  <si>
    <t>Waheed Ramzan</t>
  </si>
  <si>
    <t>1911</t>
  </si>
  <si>
    <t>4668</t>
  </si>
  <si>
    <t>43405</t>
  </si>
  <si>
    <t>45349</t>
  </si>
  <si>
    <t>1095</t>
  </si>
  <si>
    <t>3146</t>
  </si>
  <si>
    <t>30767</t>
  </si>
  <si>
    <t>GGHS CDG BOSTAN COLONY QAINCHI AMER SIDHU</t>
  </si>
  <si>
    <t>Model Town</t>
  </si>
  <si>
    <t>cdgghs qainchi Amar Sidhu bostan colony</t>
  </si>
  <si>
    <t>Bostan Colony</t>
  </si>
  <si>
    <t>227</t>
  </si>
  <si>
    <t>rukhsana yasmeen</t>
  </si>
  <si>
    <t>10618</t>
  </si>
  <si>
    <t>1560</t>
  </si>
  <si>
    <t>528</t>
  </si>
  <si>
    <t>36249</t>
  </si>
  <si>
    <t>GPS CHAK NO. 77/WB</t>
  </si>
  <si>
    <t>PEER MURAD - MALE</t>
  </si>
  <si>
    <t>Chak 77 WB</t>
  </si>
  <si>
    <t>77 WB</t>
  </si>
  <si>
    <t>Chak 75 WB</t>
  </si>
  <si>
    <t>Mukhtar Ahmad</t>
  </si>
  <si>
    <t>1480</t>
  </si>
  <si>
    <t>12568</t>
  </si>
  <si>
    <t>8717</t>
  </si>
  <si>
    <t>10400</t>
  </si>
  <si>
    <t>2957</t>
  </si>
  <si>
    <t>35834</t>
  </si>
  <si>
    <t>GGPS 126 WB</t>
  </si>
  <si>
    <t>GARHA MORE - FEMALE</t>
  </si>
  <si>
    <t>126/Wb</t>
  </si>
  <si>
    <t>126/wb</t>
  </si>
  <si>
    <t>Zaherabad Saheed</t>
  </si>
  <si>
    <t>233</t>
  </si>
  <si>
    <t>Naheed Akhtar</t>
  </si>
  <si>
    <t>1226</t>
  </si>
  <si>
    <t>22840</t>
  </si>
  <si>
    <t>19100</t>
  </si>
  <si>
    <t>2438</t>
  </si>
  <si>
    <t>40283</t>
  </si>
  <si>
    <t>GGES HASNOTE</t>
  </si>
  <si>
    <t>DARA PUR-FEMALE</t>
  </si>
  <si>
    <t>Hasnote</t>
  </si>
  <si>
    <t>vpo hasnote tehsil and district jhelum</t>
  </si>
  <si>
    <t>Nakka Khurad</t>
  </si>
  <si>
    <t>Firdous Hanif</t>
  </si>
  <si>
    <t>6806</t>
  </si>
  <si>
    <t>23554</t>
  </si>
  <si>
    <t>18207</t>
  </si>
  <si>
    <t>37307</t>
  </si>
  <si>
    <t>4343</t>
  </si>
  <si>
    <t>15532</t>
  </si>
  <si>
    <t>GPS 484 GB</t>
  </si>
  <si>
    <t>Thothian</t>
  </si>
  <si>
    <t>chak no 484gb</t>
  </si>
  <si>
    <t>484gb</t>
  </si>
  <si>
    <t>Altaf Hussain</t>
  </si>
  <si>
    <t>1912</t>
  </si>
  <si>
    <t>2939</t>
  </si>
  <si>
    <t>44387</t>
  </si>
  <si>
    <t>41448</t>
  </si>
  <si>
    <t>2501</t>
  </si>
  <si>
    <t>53091</t>
  </si>
  <si>
    <t>GES CHAK 32/4-L</t>
  </si>
  <si>
    <t>TABROOQ - MALE</t>
  </si>
  <si>
    <t>32 4L</t>
  </si>
  <si>
    <t>Chak 32 4L Okara</t>
  </si>
  <si>
    <t>37 4L</t>
  </si>
  <si>
    <t>Muhammad Anwar</t>
  </si>
  <si>
    <t>8127</t>
  </si>
  <si>
    <t>1699</t>
  </si>
  <si>
    <t>100000</t>
  </si>
  <si>
    <t>697</t>
  </si>
  <si>
    <t>1056</t>
  </si>
  <si>
    <t>27968</t>
  </si>
  <si>
    <t>GES DERA MIAN SAHIB KADHER</t>
  </si>
  <si>
    <t>C. NO. II KUTHIALA SHEIKHAN - MALE</t>
  </si>
  <si>
    <t>Dera Mian Sahib</t>
  </si>
  <si>
    <t>VPO Kadhar Teh &amp; Distt M.B.Din</t>
  </si>
  <si>
    <t>Kadhar</t>
  </si>
  <si>
    <t>6810</t>
  </si>
  <si>
    <t>18110</t>
  </si>
  <si>
    <t>30570</t>
  </si>
  <si>
    <t>3233</t>
  </si>
  <si>
    <t>16859</t>
  </si>
  <si>
    <t>GHS CHAK NO 175 JB</t>
  </si>
  <si>
    <t>Chak175/Jb</t>
  </si>
  <si>
    <t>chak175/JB jhang</t>
  </si>
  <si>
    <t>Chak 175/Jb</t>
  </si>
  <si>
    <t>muhammad rashid</t>
  </si>
  <si>
    <t>8663</t>
  </si>
  <si>
    <t>17399</t>
  </si>
  <si>
    <t>254</t>
  </si>
  <si>
    <t>2620</t>
  </si>
  <si>
    <t>10629</t>
  </si>
  <si>
    <t>26571</t>
  </si>
  <si>
    <t>GGES SHADU KHAN</t>
  </si>
  <si>
    <t>SHADU KHAN - FEMALE</t>
  </si>
  <si>
    <t>GGES Shadu Khan moza Noshera Nashaib Basti Shadu Khan  Layyah</t>
  </si>
  <si>
    <t>Basti Shadu Khan</t>
  </si>
  <si>
    <t>ZAHIDA NASREEN</t>
  </si>
  <si>
    <t>35655</t>
  </si>
  <si>
    <t>1704</t>
  </si>
  <si>
    <t>2918</t>
  </si>
  <si>
    <t>29242</t>
  </si>
  <si>
    <t>GPS BHAMBA KHURD</t>
  </si>
  <si>
    <t>CHAK NO.55 - MALE</t>
  </si>
  <si>
    <t>Bhambha</t>
  </si>
  <si>
    <t>GPS bhambha khurd</t>
  </si>
  <si>
    <t>Bhambha Khurd</t>
  </si>
  <si>
    <t>Bhambha Kalan</t>
  </si>
  <si>
    <t>Faqir Hussain</t>
  </si>
  <si>
    <t>749</t>
  </si>
  <si>
    <t>4125</t>
  </si>
  <si>
    <t>15650</t>
  </si>
  <si>
    <t>25025</t>
  </si>
  <si>
    <t>21988</t>
  </si>
  <si>
    <t>GGPS RATTA GORAYA</t>
  </si>
  <si>
    <t>Ratta Goraya</t>
  </si>
  <si>
    <t>Ratta goraya</t>
  </si>
  <si>
    <t>Boopra Kalan</t>
  </si>
  <si>
    <t>Shumaila Riasat</t>
  </si>
  <si>
    <t>22747</t>
  </si>
  <si>
    <t>7179</t>
  </si>
  <si>
    <t>21502</t>
  </si>
  <si>
    <t>2865</t>
  </si>
  <si>
    <t>15446</t>
  </si>
  <si>
    <t>GPS CHAK 142 GB SAMUNDRI</t>
  </si>
  <si>
    <t>Grewal</t>
  </si>
  <si>
    <t>chak no 142 g.b</t>
  </si>
  <si>
    <t>221 Gb</t>
  </si>
  <si>
    <t>Maqsood Ahmad</t>
  </si>
  <si>
    <t>10083</t>
  </si>
  <si>
    <t>26400</t>
  </si>
  <si>
    <t>26830</t>
  </si>
  <si>
    <t>19213</t>
  </si>
  <si>
    <t>4788</t>
  </si>
  <si>
    <t>45077</t>
  </si>
  <si>
    <t>GGPS CHAK NO.61/DB</t>
  </si>
  <si>
    <t>CHAK NO.65/DB-FEMALE</t>
  </si>
  <si>
    <t>Chak No 58 Db</t>
  </si>
  <si>
    <t>ggps chak no 61 db</t>
  </si>
  <si>
    <t>Chak No61 Db</t>
  </si>
  <si>
    <t>Chak No 63 Db</t>
  </si>
  <si>
    <t>Sidra Naz</t>
  </si>
  <si>
    <t>5345</t>
  </si>
  <si>
    <t>7865</t>
  </si>
  <si>
    <t>7520</t>
  </si>
  <si>
    <t>16474</t>
  </si>
  <si>
    <t>GPS CHAK 419 GB TANDLIANWALA</t>
  </si>
  <si>
    <t>Jhok Babul</t>
  </si>
  <si>
    <t>chak no 419 g.b</t>
  </si>
  <si>
    <t>Chak No 420 Gb</t>
  </si>
  <si>
    <t>Umar Farooq</t>
  </si>
  <si>
    <t>1395</t>
  </si>
  <si>
    <t>13890</t>
  </si>
  <si>
    <t>13730</t>
  </si>
  <si>
    <t>37656</t>
  </si>
  <si>
    <t>644</t>
  </si>
  <si>
    <t>7690</t>
  </si>
  <si>
    <t>29966</t>
  </si>
  <si>
    <t>36310</t>
  </si>
  <si>
    <t>GPS MOZA JHADOO</t>
  </si>
  <si>
    <t>Jhedu</t>
  </si>
  <si>
    <t>moza jhedu p/o Luddan tehsil and District Vehari</t>
  </si>
  <si>
    <t>Moza Jhedu</t>
  </si>
  <si>
    <t>Ghulam Yasin</t>
  </si>
  <si>
    <t>3367</t>
  </si>
  <si>
    <t>739</t>
  </si>
  <si>
    <t>19411</t>
  </si>
  <si>
    <t>GPS NO.3 MOHALLAH GOBIND PURA TTSINGH</t>
  </si>
  <si>
    <t>Gobind Pura</t>
  </si>
  <si>
    <t>mohala Gobind pura Toba Tel Singh</t>
  </si>
  <si>
    <t>-</t>
  </si>
  <si>
    <t>Muhammad Naseer</t>
  </si>
  <si>
    <t>49280</t>
  </si>
  <si>
    <t>29339</t>
  </si>
  <si>
    <t>3834</t>
  </si>
  <si>
    <t>28052</t>
  </si>
  <si>
    <t>GGES KOT ISLAM</t>
  </si>
  <si>
    <t>DHOKE KASIB -II-FEMALE</t>
  </si>
  <si>
    <t>Kot Islam</t>
  </si>
  <si>
    <t>kot islam</t>
  </si>
  <si>
    <t>Sivia</t>
  </si>
  <si>
    <t>Nawal Mubeen</t>
  </si>
  <si>
    <t>3264</t>
  </si>
  <si>
    <t>198</t>
  </si>
  <si>
    <t>13550</t>
  </si>
  <si>
    <t>44270</t>
  </si>
  <si>
    <t>42300</t>
  </si>
  <si>
    <t>3921</t>
  </si>
  <si>
    <t>51371</t>
  </si>
  <si>
    <t>GPS 26/SP PAKPATTAN</t>
  </si>
  <si>
    <t>CHAKBEDI 2 - MALE</t>
  </si>
  <si>
    <t>26sp</t>
  </si>
  <si>
    <t>govt  primary school 26sp pakpattan</t>
  </si>
  <si>
    <t>145</t>
  </si>
  <si>
    <t>Muhmmad Shabbir</t>
  </si>
  <si>
    <t>4600</t>
  </si>
  <si>
    <t>18715</t>
  </si>
  <si>
    <t>24550</t>
  </si>
  <si>
    <t>26575</t>
  </si>
  <si>
    <t>5760</t>
  </si>
  <si>
    <t>49142</t>
  </si>
  <si>
    <t>GGPS CHAK NO.110 SB AHALI RAWANA</t>
  </si>
  <si>
    <t>ASIAN WALA - FEMALE</t>
  </si>
  <si>
    <t>110sb Ahali Rawan</t>
  </si>
  <si>
    <t>110sb Ahali rawan</t>
  </si>
  <si>
    <t>111sb</t>
  </si>
  <si>
    <t>Tahira Rafique</t>
  </si>
  <si>
    <t>10035</t>
  </si>
  <si>
    <t>25225</t>
  </si>
  <si>
    <t>14190</t>
  </si>
  <si>
    <t>24000</t>
  </si>
  <si>
    <t>5693</t>
  </si>
  <si>
    <t>1356</t>
  </si>
  <si>
    <t>GGES CHAK NO 212/9-R</t>
  </si>
  <si>
    <t>FTS-VII-FEMALE</t>
  </si>
  <si>
    <t>212 9/r</t>
  </si>
  <si>
    <t>govt girls e /s 212 9/r</t>
  </si>
  <si>
    <t>226 9/r</t>
  </si>
  <si>
    <t>Nabila Maqsood</t>
  </si>
  <si>
    <t>13026</t>
  </si>
  <si>
    <t>26916</t>
  </si>
  <si>
    <t>2476</t>
  </si>
  <si>
    <t>16587</t>
  </si>
  <si>
    <t>64192</t>
  </si>
  <si>
    <t>GPS 555 GB</t>
  </si>
  <si>
    <t>GARH 2 - MALE</t>
  </si>
  <si>
    <t>Hayat Kay</t>
  </si>
  <si>
    <t>Chak No 555 GB,  tehsil tandlianwala,  Fsd.</t>
  </si>
  <si>
    <t>555 GB</t>
  </si>
  <si>
    <t>548GB</t>
  </si>
  <si>
    <t>Ghulam Rasool</t>
  </si>
  <si>
    <t>2994</t>
  </si>
  <si>
    <t>1728</t>
  </si>
  <si>
    <t>23255</t>
  </si>
  <si>
    <t>39012</t>
  </si>
  <si>
    <t>GPS DHOK BHIRRA</t>
  </si>
  <si>
    <t>Dhoke Bhira</t>
  </si>
  <si>
    <t>Dhoke bhira Fateh jang Attock</t>
  </si>
  <si>
    <t>Dhurnal</t>
  </si>
  <si>
    <t>Muhammad Amir</t>
  </si>
  <si>
    <t>1224</t>
  </si>
  <si>
    <t>23802</t>
  </si>
  <si>
    <t>16908</t>
  </si>
  <si>
    <t>38000</t>
  </si>
  <si>
    <t>37760</t>
  </si>
  <si>
    <t>53895</t>
  </si>
  <si>
    <t>4547</t>
  </si>
  <si>
    <t>17324</t>
  </si>
  <si>
    <t>GPS MARRI KHOKHARAN</t>
  </si>
  <si>
    <t>AKRRIAN WALA-MALE</t>
  </si>
  <si>
    <t>Mari</t>
  </si>
  <si>
    <t>GPS Maari Khokran</t>
  </si>
  <si>
    <t>Maari Khokran</t>
  </si>
  <si>
    <t>Kot Easa Shah</t>
  </si>
  <si>
    <t>Qamar Abbas</t>
  </si>
  <si>
    <t>5543</t>
  </si>
  <si>
    <t>1012</t>
  </si>
  <si>
    <t>3131</t>
  </si>
  <si>
    <t>29038</t>
  </si>
  <si>
    <t>GHS ORARA RAIWIND ROAD KHURD KASUR</t>
  </si>
  <si>
    <t>orara khurd</t>
  </si>
  <si>
    <t>orara new PO BOX SAME TEHSIL AND DISTRICT KASUR</t>
  </si>
  <si>
    <t>orara new (khurd)</t>
  </si>
  <si>
    <t>ORARA</t>
  </si>
  <si>
    <t>DR. ABDUL BASIT AZIZ</t>
  </si>
  <si>
    <t>429</t>
  </si>
  <si>
    <t>51695</t>
  </si>
  <si>
    <t>52997</t>
  </si>
  <si>
    <t>4880</t>
  </si>
  <si>
    <t>21719</t>
  </si>
  <si>
    <t>GPS ISLAM PURA</t>
  </si>
  <si>
    <t>MANDIALA TEGA - MALE</t>
  </si>
  <si>
    <t>Islam Pura</t>
  </si>
  <si>
    <t>village islam pura.post office mandiala tega teh kamonke distt.Gujranwala'</t>
  </si>
  <si>
    <t>Mandiala Tegha</t>
  </si>
  <si>
    <t>Muhammad Nadeem</t>
  </si>
  <si>
    <t>48466</t>
  </si>
  <si>
    <t>GGPS MANZOOR HAYAT COLONY BHALWAL</t>
  </si>
  <si>
    <t>BHALWAL</t>
  </si>
  <si>
    <t>BHALWAL - FEMALE</t>
  </si>
  <si>
    <t>Bhalwal</t>
  </si>
  <si>
    <t>Ggps manzoor hayat colony  street no 15</t>
  </si>
  <si>
    <t>Mc Bhalwal</t>
  </si>
  <si>
    <t>Tasswar Sultana</t>
  </si>
  <si>
    <t>241</t>
  </si>
  <si>
    <t>6024</t>
  </si>
  <si>
    <t>49000</t>
  </si>
  <si>
    <t>44284</t>
  </si>
  <si>
    <t>7964</t>
  </si>
  <si>
    <t>GGPS BAHSEEN</t>
  </si>
  <si>
    <t>KALLAR KAHAR</t>
  </si>
  <si>
    <t>KALLAR KAHAR-FEMALE</t>
  </si>
  <si>
    <t>Bhaseen</t>
  </si>
  <si>
    <t>village bhaseen p.o pahar khan teh kallar kahar distt chakwal</t>
  </si>
  <si>
    <t>Miani</t>
  </si>
  <si>
    <t>Tahira Javed</t>
  </si>
  <si>
    <t>2932</t>
  </si>
  <si>
    <t>12393</t>
  </si>
  <si>
    <t>9060</t>
  </si>
  <si>
    <t>12924</t>
  </si>
  <si>
    <t>3756</t>
  </si>
  <si>
    <t>19947</t>
  </si>
  <si>
    <t>GPS MC LAHORI GATE</t>
  </si>
  <si>
    <t>AEO (M) CHINIOT NO.42</t>
  </si>
  <si>
    <t>Chiniot</t>
  </si>
  <si>
    <t>mohallah lahori gate chiniot</t>
  </si>
  <si>
    <t>MC Chiniot</t>
  </si>
  <si>
    <t>Muhammad Naeem-ud-din</t>
  </si>
  <si>
    <t>48537</t>
  </si>
  <si>
    <t>29428</t>
  </si>
  <si>
    <t>1243</t>
  </si>
  <si>
    <t>27902</t>
  </si>
  <si>
    <t>GHS CHAK BASAWA</t>
  </si>
  <si>
    <t>Chak basawa</t>
  </si>
  <si>
    <t>vpo chak Basawa</t>
  </si>
  <si>
    <t>Nazir Ahmad</t>
  </si>
  <si>
    <t>87195</t>
  </si>
  <si>
    <t>21262</t>
  </si>
  <si>
    <t>866</t>
  </si>
  <si>
    <t>27908</t>
  </si>
  <si>
    <t>GES NAIN RANJHA</t>
  </si>
  <si>
    <t>Nain Ranjha</t>
  </si>
  <si>
    <t>vpo nain Ranjha teh&amp;Dist MB din</t>
  </si>
  <si>
    <t>Ajmal Shahzad</t>
  </si>
  <si>
    <t>449</t>
  </si>
  <si>
    <t>325</t>
  </si>
  <si>
    <t>794</t>
  </si>
  <si>
    <t>929</t>
  </si>
  <si>
    <t>43495</t>
  </si>
  <si>
    <t>GGPS POTHA KASHMIRAN</t>
  </si>
  <si>
    <t>MULHAL MUGHLAN-FEMALE</t>
  </si>
  <si>
    <t>Potha Kashmiri</t>
  </si>
  <si>
    <t>village potha kashmiri po ghazial teh and dist chakwal</t>
  </si>
  <si>
    <t>Jandkhanzada</t>
  </si>
  <si>
    <t>Shaista Yasmeen</t>
  </si>
  <si>
    <t>18673</t>
  </si>
  <si>
    <t>6200</t>
  </si>
  <si>
    <t>53408</t>
  </si>
  <si>
    <t>52260</t>
  </si>
  <si>
    <t>2473</t>
  </si>
  <si>
    <t>16551</t>
  </si>
  <si>
    <t>GPS CHAK 618 GB KHAN GARH TANDLIANWALA</t>
  </si>
  <si>
    <t>GARH 1 - MALE</t>
  </si>
  <si>
    <t>618 GB</t>
  </si>
  <si>
    <t>618 GB Tandilianawala</t>
  </si>
  <si>
    <t>Chak 617 GB</t>
  </si>
  <si>
    <t>Fakhar Hayat</t>
  </si>
  <si>
    <t>1350</t>
  </si>
  <si>
    <t>1119</t>
  </si>
  <si>
    <t>13160</t>
  </si>
  <si>
    <t>2904</t>
  </si>
  <si>
    <t>29449</t>
  </si>
  <si>
    <t>GGPS SHEIKH PURA NAU</t>
  </si>
  <si>
    <t>BHEDIAN KALAN - FEMALE</t>
  </si>
  <si>
    <t>Sheikh Pura Nau</t>
  </si>
  <si>
    <t>GGPS Sheikh Pura Nau Kasur</t>
  </si>
  <si>
    <t>Sehjra</t>
  </si>
  <si>
    <t>Najam-un-nisa</t>
  </si>
  <si>
    <t>1402</t>
  </si>
  <si>
    <t>12172</t>
  </si>
  <si>
    <t>43443</t>
  </si>
  <si>
    <t>6293</t>
  </si>
  <si>
    <t>42010</t>
  </si>
  <si>
    <t>44859</t>
  </si>
  <si>
    <t>GPS KHATANA</t>
  </si>
  <si>
    <t>ADIALA -MALE</t>
  </si>
  <si>
    <t>Dhaman</t>
  </si>
  <si>
    <t>GBPS Khatana Dhaman Syadan Adyala Rd RWP</t>
  </si>
  <si>
    <t>Dhaman Syadan</t>
  </si>
  <si>
    <t>Bashir Ahmed</t>
  </si>
  <si>
    <t>4062</t>
  </si>
  <si>
    <t>15560</t>
  </si>
  <si>
    <t>19193</t>
  </si>
  <si>
    <t>2436</t>
  </si>
  <si>
    <t>15634</t>
  </si>
  <si>
    <t>GES 203/GB</t>
  </si>
  <si>
    <t>KHIDDARWALA - MALE</t>
  </si>
  <si>
    <t>FEROZ PUR</t>
  </si>
  <si>
    <t>CHAK 203GB TEHSIL SAMUNDRI</t>
  </si>
  <si>
    <t>203GB</t>
  </si>
  <si>
    <t>Ghulam Dastgir</t>
  </si>
  <si>
    <t>531</t>
  </si>
  <si>
    <t>10976</t>
  </si>
  <si>
    <t>3935</t>
  </si>
  <si>
    <t>51944</t>
  </si>
  <si>
    <t>GPS 19 EB HUSSAIN PUR</t>
  </si>
  <si>
    <t>ARIFWALA 1 - MALE</t>
  </si>
  <si>
    <t>19/EB</t>
  </si>
  <si>
    <t>chak no 19/eb</t>
  </si>
  <si>
    <t>19/eb</t>
  </si>
  <si>
    <t>Tauseef Ahmad</t>
  </si>
  <si>
    <t>1365</t>
  </si>
  <si>
    <t>18402</t>
  </si>
  <si>
    <t>22538</t>
  </si>
  <si>
    <t>2097</t>
  </si>
  <si>
    <t>36486</t>
  </si>
  <si>
    <t>GPS CHAK NO. 50/WB CHOWK JOYIA</t>
  </si>
  <si>
    <t>THINGI - MALE</t>
  </si>
  <si>
    <t>50/wb Chowk Joyia</t>
  </si>
  <si>
    <t>chak no 50/wb chowk joyia</t>
  </si>
  <si>
    <t>Chak No 50/wb</t>
  </si>
  <si>
    <t>52/wb</t>
  </si>
  <si>
    <t>3032</t>
  </si>
  <si>
    <t>10026</t>
  </si>
  <si>
    <t>14435</t>
  </si>
  <si>
    <t>3126</t>
  </si>
  <si>
    <t>8775</t>
  </si>
  <si>
    <t>GHS MANGROTHA EAST</t>
  </si>
  <si>
    <t>TAUNSA</t>
  </si>
  <si>
    <t>mangortha</t>
  </si>
  <si>
    <t>ghs mangrotha east tehsil taunsa sharif district dera ghazi khan</t>
  </si>
  <si>
    <t>mangrotha</t>
  </si>
  <si>
    <t>189</t>
  </si>
  <si>
    <t>286</t>
  </si>
  <si>
    <t>Fiaz ahmad</t>
  </si>
  <si>
    <t>1862</t>
  </si>
  <si>
    <t>1945</t>
  </si>
  <si>
    <t>19373</t>
  </si>
  <si>
    <t>779</t>
  </si>
  <si>
    <t>16552</t>
  </si>
  <si>
    <t>GPS CHAK 620 GB TANDLIANWALA</t>
  </si>
  <si>
    <t>Sharaza</t>
  </si>
  <si>
    <t>chak no 620 gb</t>
  </si>
  <si>
    <t>Chak620 Gb</t>
  </si>
  <si>
    <t>Muhammad ramzan</t>
  </si>
  <si>
    <t>2992</t>
  </si>
  <si>
    <t>660</t>
  </si>
  <si>
    <t>454</t>
  </si>
  <si>
    <t>4232</t>
  </si>
  <si>
    <t>11279</t>
  </si>
  <si>
    <t>GGHS PHULLAN SHARIF</t>
  </si>
  <si>
    <t>Phullan</t>
  </si>
  <si>
    <t>GGHS PHULLAN TEHSIL ALIPUR</t>
  </si>
  <si>
    <t>PHULLAN</t>
  </si>
  <si>
    <t>YAKI WALI</t>
  </si>
  <si>
    <t>SAZIA QAMAR</t>
  </si>
  <si>
    <t>301</t>
  </si>
  <si>
    <t>49251</t>
  </si>
  <si>
    <t>54310</t>
  </si>
  <si>
    <t>4355</t>
  </si>
  <si>
    <t>11893</t>
  </si>
  <si>
    <t>GGPS CHAK NO. 550 TDA</t>
  </si>
  <si>
    <t>KOT ADU</t>
  </si>
  <si>
    <t>SAIF CHOWK- FEMALE</t>
  </si>
  <si>
    <t>550 /TDA</t>
  </si>
  <si>
    <t>Chak no. 550 /tda</t>
  </si>
  <si>
    <t>567 /TDA</t>
  </si>
  <si>
    <t>Maimona</t>
  </si>
  <si>
    <t>8380</t>
  </si>
  <si>
    <t>8255</t>
  </si>
  <si>
    <t>2245</t>
  </si>
  <si>
    <t>14502</t>
  </si>
  <si>
    <t>GPS CHAK 214 RB E</t>
  </si>
  <si>
    <t>CITY 2 - MALE</t>
  </si>
  <si>
    <t>214 RB</t>
  </si>
  <si>
    <t>main ghousia road, dhudiwala east, fsd</t>
  </si>
  <si>
    <t>Dhudiwala East</t>
  </si>
  <si>
    <t>Himmatpura</t>
  </si>
  <si>
    <t>Nauman Nazir</t>
  </si>
  <si>
    <t>5020</t>
  </si>
  <si>
    <t>339</t>
  </si>
  <si>
    <t>29990</t>
  </si>
  <si>
    <t>5711</t>
  </si>
  <si>
    <t>1675</t>
  </si>
  <si>
    <t>2985</t>
  </si>
  <si>
    <t>GES CHAK NO. 48/3-R</t>
  </si>
  <si>
    <t>HND-3-MALE</t>
  </si>
  <si>
    <t>48/3r</t>
  </si>
  <si>
    <t>48.3r</t>
  </si>
  <si>
    <t>MC  Hnd</t>
  </si>
  <si>
    <t>2263</t>
  </si>
  <si>
    <t>15942</t>
  </si>
  <si>
    <t>GGPS 240 RB KHOJAY WALA</t>
  </si>
  <si>
    <t>KHANUANA 1 - FEMALE</t>
  </si>
  <si>
    <t>Khojywla</t>
  </si>
  <si>
    <t>GGPS 240 Rb 11 Khojywla fsd</t>
  </si>
  <si>
    <t>136-khanoana</t>
  </si>
  <si>
    <t>Ghazala Ijaz</t>
  </si>
  <si>
    <t>4936</t>
  </si>
  <si>
    <t>17690</t>
  </si>
  <si>
    <t>7173</t>
  </si>
  <si>
    <t>3740</t>
  </si>
  <si>
    <t>15009</t>
  </si>
  <si>
    <t>GPS 563 GB II WEST</t>
  </si>
  <si>
    <t>ZAFARWAL-MALE</t>
  </si>
  <si>
    <t>563 GB West II</t>
  </si>
  <si>
    <t>GPS 563 GB.west.ll.Teh.jrw.Fsd.</t>
  </si>
  <si>
    <t>563 Gb West II</t>
  </si>
  <si>
    <t>562 GB</t>
  </si>
  <si>
    <t>Javaid Iqbal</t>
  </si>
  <si>
    <t>11231</t>
  </si>
  <si>
    <t>11100</t>
  </si>
  <si>
    <t>15010</t>
  </si>
  <si>
    <t>GPS 565 GB E</t>
  </si>
  <si>
    <t>565e</t>
  </si>
  <si>
    <t>chak no 563 GB teh. Jaranwala ,dist Faisalabad</t>
  </si>
  <si>
    <t>Chak No566gb</t>
  </si>
  <si>
    <t>Naseer Ahmad</t>
  </si>
  <si>
    <t>5648</t>
  </si>
  <si>
    <t>2380</t>
  </si>
  <si>
    <t>2815</t>
  </si>
  <si>
    <t>33671</t>
  </si>
  <si>
    <t>4240</t>
  </si>
  <si>
    <t>29431</t>
  </si>
  <si>
    <t>2314</t>
  </si>
  <si>
    <t>15982</t>
  </si>
  <si>
    <t>GGES CHAK 3 JB</t>
  </si>
  <si>
    <t>GATWALA 2 - FEMALE</t>
  </si>
  <si>
    <t>Ramdiwali 3 JB</t>
  </si>
  <si>
    <t>Chak no. 3 JB Ramdiwali Sargodha road FSD</t>
  </si>
  <si>
    <t>Chak No 3 JB</t>
  </si>
  <si>
    <t>Chak No 2 JB</t>
  </si>
  <si>
    <t>Iqra Saleem</t>
  </si>
  <si>
    <t>5462</t>
  </si>
  <si>
    <t>15979</t>
  </si>
  <si>
    <t>GGCMES CHAK 47 JB</t>
  </si>
  <si>
    <t>Mansooran</t>
  </si>
  <si>
    <t>chak no 47jb fsd</t>
  </si>
  <si>
    <t>47jb</t>
  </si>
  <si>
    <t>Masooran</t>
  </si>
  <si>
    <t>Rukhsana Koasr</t>
  </si>
  <si>
    <t>26656</t>
  </si>
  <si>
    <t>electric motar &amp;hand pump</t>
  </si>
  <si>
    <t>503</t>
  </si>
  <si>
    <t>11930</t>
  </si>
  <si>
    <t>32923</t>
  </si>
  <si>
    <t>16038</t>
  </si>
  <si>
    <t>GGPS CHAK 257 RB II IQBAL NAGR</t>
  </si>
  <si>
    <t>Iqbal Nagar</t>
  </si>
  <si>
    <t>257rbll Iqbal Nagar district and tehsil Faisalabad</t>
  </si>
  <si>
    <t>257 RBll Iqbal Nagar</t>
  </si>
  <si>
    <t>Aisha Yasmin Shumila</t>
  </si>
  <si>
    <t>30180</t>
  </si>
  <si>
    <t>898</t>
  </si>
  <si>
    <t>15996</t>
  </si>
  <si>
    <t>GGPS CHAK 50 JB</t>
  </si>
  <si>
    <t>Sathiala</t>
  </si>
  <si>
    <t>chak no 50 jb 1 sathiala fsd</t>
  </si>
  <si>
    <t>50 Jb 1 Sathiala Fsd</t>
  </si>
  <si>
    <t>50 Jb Borewal</t>
  </si>
  <si>
    <t>Farzana Kausar</t>
  </si>
  <si>
    <t>1102</t>
  </si>
  <si>
    <t>47290</t>
  </si>
  <si>
    <t>490</t>
  </si>
  <si>
    <t>28155</t>
  </si>
  <si>
    <t>GPS KHUTHIALA SHEIKHAN</t>
  </si>
  <si>
    <t>Kuthiala Sheikhan</t>
  </si>
  <si>
    <t>Kuthiala Sheikhan District Mandi Bahauddin</t>
  </si>
  <si>
    <t>Tanveer Ahmed</t>
  </si>
  <si>
    <t>25316</t>
  </si>
  <si>
    <t>30976</t>
  </si>
  <si>
    <t>3005</t>
  </si>
  <si>
    <t>26806</t>
  </si>
  <si>
    <t>GGPS SAMSIAL</t>
  </si>
  <si>
    <t>SARJAL - FEMALE</t>
  </si>
  <si>
    <t>Samsial</t>
  </si>
  <si>
    <t>Vill samsial post office kargal gujrana Teh shakargar district narowal</t>
  </si>
  <si>
    <t>Sarjal</t>
  </si>
  <si>
    <t>tasneem Qadir</t>
  </si>
  <si>
    <t>1720</t>
  </si>
  <si>
    <t>41642</t>
  </si>
  <si>
    <t>42250</t>
  </si>
  <si>
    <t>1551</t>
  </si>
  <si>
    <t>25945</t>
  </si>
  <si>
    <t>GGES EINO BAJWA</t>
  </si>
  <si>
    <t>NIDDOKE-FEMALE</t>
  </si>
  <si>
    <t>Eino Bajwa</t>
  </si>
  <si>
    <t>GGES Eino Bajwa</t>
  </si>
  <si>
    <t>Ghota Fateh Gar</t>
  </si>
  <si>
    <t>Abida Siddique</t>
  </si>
  <si>
    <t>4884</t>
  </si>
  <si>
    <t>326</t>
  </si>
  <si>
    <t>24596</t>
  </si>
  <si>
    <t>45846</t>
  </si>
  <si>
    <t>39979</t>
  </si>
  <si>
    <t>2937</t>
  </si>
  <si>
    <t>36365</t>
  </si>
  <si>
    <t>54323</t>
  </si>
  <si>
    <t>GGPS 14 WB BASTI LAL KHAN</t>
  </si>
  <si>
    <t>PAKHI MORE - FEMALE</t>
  </si>
  <si>
    <t>14/wb Basti Lal</t>
  </si>
  <si>
    <t>14/wb basti lal khan</t>
  </si>
  <si>
    <t>16/wb</t>
  </si>
  <si>
    <t>Yasmin Yaqoob</t>
  </si>
  <si>
    <t>5399</t>
  </si>
  <si>
    <t>7940</t>
  </si>
  <si>
    <t>23931</t>
  </si>
  <si>
    <t>36285</t>
  </si>
  <si>
    <t>23051</t>
  </si>
  <si>
    <t>880</t>
  </si>
  <si>
    <t>6206</t>
  </si>
  <si>
    <t>6756</t>
  </si>
  <si>
    <t>GGPS BASTI GHOUSIA</t>
  </si>
  <si>
    <t>WHA ATHATTA-FEMALE</t>
  </si>
  <si>
    <t>Kotcandra</t>
  </si>
  <si>
    <t>g g p s ghousia  jinah 100/p r y k</t>
  </si>
  <si>
    <t>Ghosia Jinah 100/ P</t>
  </si>
  <si>
    <t>100/p</t>
  </si>
  <si>
    <t>263</t>
  </si>
  <si>
    <t>Musarat Perveen</t>
  </si>
  <si>
    <t>6397</t>
  </si>
  <si>
    <t>28517</t>
  </si>
  <si>
    <t>22120</t>
  </si>
  <si>
    <t>15637</t>
  </si>
  <si>
    <t>GES 212/GB</t>
  </si>
  <si>
    <t>tggar</t>
  </si>
  <si>
    <t>chak no 212gb</t>
  </si>
  <si>
    <t>chak no 212 g.b</t>
  </si>
  <si>
    <t>chak 211g.b</t>
  </si>
  <si>
    <t>Basharat Ali</t>
  </si>
  <si>
    <t>1997</t>
  </si>
  <si>
    <t>4657</t>
  </si>
  <si>
    <t>2470</t>
  </si>
  <si>
    <t>16481</t>
  </si>
  <si>
    <t>13138</t>
  </si>
  <si>
    <t>GPS CHAK 406 GB SOUTH TANDLIANWALA</t>
  </si>
  <si>
    <t>BAHLAK 1 - MALE</t>
  </si>
  <si>
    <t>406 GB</t>
  </si>
  <si>
    <t>chak no 406 g.b south Teh.Tandlianwala faisalabad</t>
  </si>
  <si>
    <t>406 GB south</t>
  </si>
  <si>
    <t>405 GB</t>
  </si>
  <si>
    <t>9543</t>
  </si>
  <si>
    <t>22813</t>
  </si>
  <si>
    <t>23620</t>
  </si>
  <si>
    <t>45672</t>
  </si>
  <si>
    <t>4580</t>
  </si>
  <si>
    <t>GGPS BIAT CHEEN WALA</t>
  </si>
  <si>
    <t>AALI WALA-FEMALE</t>
  </si>
  <si>
    <t>Bait cheen Wala</t>
  </si>
  <si>
    <t>bait cheen wala</t>
  </si>
  <si>
    <t>Bait cheen wala</t>
  </si>
  <si>
    <t>Bait Bait Wala</t>
  </si>
  <si>
    <t>Shagufta Tayyab</t>
  </si>
  <si>
    <t>45000</t>
  </si>
  <si>
    <t>37916</t>
  </si>
  <si>
    <t>37816</t>
  </si>
  <si>
    <t>15522</t>
  </si>
  <si>
    <t>GPS 216 GB II</t>
  </si>
  <si>
    <t>Jhuggian</t>
  </si>
  <si>
    <t>GPS 216 GB II Markaz Khiddarwala Tehseel Samundri District Faisalabad</t>
  </si>
  <si>
    <t>216 GB II</t>
  </si>
  <si>
    <t>214 GB</t>
  </si>
  <si>
    <t>Faisal Sajjad</t>
  </si>
  <si>
    <t>2116</t>
  </si>
  <si>
    <t>2128</t>
  </si>
  <si>
    <t>5373</t>
  </si>
  <si>
    <t>4700</t>
  </si>
  <si>
    <t>45994</t>
  </si>
  <si>
    <t>37140</t>
  </si>
  <si>
    <t>GPS MAKHDOOM PUR STATION, P/O MAKHDOOM PUR, KHANEWAL</t>
  </si>
  <si>
    <t>MAKHDOOM PUR - MALE</t>
  </si>
  <si>
    <t>Makhdoom pur</t>
  </si>
  <si>
    <t>Chah natoo wala makhdoom pur  pahoran</t>
  </si>
  <si>
    <t>Makhdoom pur pahoran</t>
  </si>
  <si>
    <t>26075</t>
  </si>
  <si>
    <t>13181</t>
  </si>
  <si>
    <t>12894</t>
  </si>
  <si>
    <t>3736</t>
  </si>
  <si>
    <t>15019</t>
  </si>
  <si>
    <t>GPS CHAK 582 GB</t>
  </si>
  <si>
    <t>HAMAND DI JHOK-MALE</t>
  </si>
  <si>
    <t>None</t>
  </si>
  <si>
    <t>CHAK no582gbjaranwala Faisal abad</t>
  </si>
  <si>
    <t>Chak582gb</t>
  </si>
  <si>
    <t>Dilmirjhok</t>
  </si>
  <si>
    <t>WALI MUHAMMAD</t>
  </si>
  <si>
    <t>2726</t>
  </si>
  <si>
    <t>11705</t>
  </si>
  <si>
    <t>34500</t>
  </si>
  <si>
    <t>41395</t>
  </si>
  <si>
    <t>4473</t>
  </si>
  <si>
    <t>22457</t>
  </si>
  <si>
    <t>15586</t>
  </si>
  <si>
    <t>GMPS KOTLI SHAHNAY</t>
  </si>
  <si>
    <t>J.P.JATTAN-IV-FEMALE</t>
  </si>
  <si>
    <t>Kotly Shahani</t>
  </si>
  <si>
    <t>Thatta Musa</t>
  </si>
  <si>
    <t>Nargis Bano</t>
  </si>
  <si>
    <t>9000</t>
  </si>
  <si>
    <t>10213</t>
  </si>
  <si>
    <t>18908</t>
  </si>
  <si>
    <t>25319</t>
  </si>
  <si>
    <t>51819</t>
  </si>
  <si>
    <t>15521</t>
  </si>
  <si>
    <t>GPS 216 GB I</t>
  </si>
  <si>
    <t>Jalal  Abad</t>
  </si>
  <si>
    <t>Chak No 216GB</t>
  </si>
  <si>
    <t>Chak No 216 GB</t>
  </si>
  <si>
    <t>Chak No 214 GB</t>
  </si>
  <si>
    <t>Muhammad Afzal Pervez</t>
  </si>
  <si>
    <t>3832</t>
  </si>
  <si>
    <t>4852</t>
  </si>
  <si>
    <t>43678</t>
  </si>
  <si>
    <t>38826</t>
  </si>
  <si>
    <t>2206</t>
  </si>
  <si>
    <t>4776</t>
  </si>
  <si>
    <t>45192</t>
  </si>
  <si>
    <t>GPS MAGSSI WALA</t>
  </si>
  <si>
    <t>DHINGANA - MALE</t>
  </si>
  <si>
    <t>Dhingana</t>
  </si>
  <si>
    <t>Gov't Primery school Magassi wala</t>
  </si>
  <si>
    <t>Magassi Wala</t>
  </si>
  <si>
    <t>Lal Khan</t>
  </si>
  <si>
    <t>9450</t>
  </si>
  <si>
    <t>25295</t>
  </si>
  <si>
    <t>15518</t>
  </si>
  <si>
    <t>GPS 211 GB</t>
  </si>
  <si>
    <t>Aliwal</t>
  </si>
  <si>
    <t>Chak no 211GB Tehsil Summandri Dist Faisalabad</t>
  </si>
  <si>
    <t>Chak No 211GB</t>
  </si>
  <si>
    <t>Nazia nahid</t>
  </si>
  <si>
    <t>3492</t>
  </si>
  <si>
    <t>47681</t>
  </si>
  <si>
    <t>45200</t>
  </si>
  <si>
    <t>44852</t>
  </si>
  <si>
    <t>15497</t>
  </si>
  <si>
    <t>GPS 465 GB</t>
  </si>
  <si>
    <t>Santoki</t>
  </si>
  <si>
    <t>Chack no. 465 GB Teh. Samundri Distt. Faisalabad</t>
  </si>
  <si>
    <t>465 GB</t>
  </si>
  <si>
    <t>Ward no 27</t>
  </si>
  <si>
    <t>Mudassar Siddique</t>
  </si>
  <si>
    <t>18537</t>
  </si>
  <si>
    <t>50548</t>
  </si>
  <si>
    <t>32662</t>
  </si>
  <si>
    <t>GGHS MANDI FAIZABAD</t>
  </si>
  <si>
    <t>Mandi Faizabad</t>
  </si>
  <si>
    <t>GGHS Mandi Faizabad</t>
  </si>
  <si>
    <t>Rehanwala</t>
  </si>
  <si>
    <t>GHAZALA ANWER</t>
  </si>
  <si>
    <t>15120</t>
  </si>
  <si>
    <t>1070</t>
  </si>
  <si>
    <t>258</t>
  </si>
  <si>
    <t>15519</t>
  </si>
  <si>
    <t>GPS 213 GB  I</t>
  </si>
  <si>
    <t>Laddian</t>
  </si>
  <si>
    <t>Chak No. 213 GB, Samundri, Faisalabad</t>
  </si>
  <si>
    <t>Chak No 213 GB</t>
  </si>
  <si>
    <t>Chak No 211 GB</t>
  </si>
  <si>
    <t>Muhammad Tayyab Juniad</t>
  </si>
  <si>
    <t>Fresh from Seller</t>
  </si>
  <si>
    <t>22930</t>
  </si>
  <si>
    <t>32685</t>
  </si>
  <si>
    <t>27895</t>
  </si>
  <si>
    <t>37344</t>
  </si>
  <si>
    <t>1323</t>
  </si>
  <si>
    <t>52085</t>
  </si>
  <si>
    <t>GGES 25 KB</t>
  </si>
  <si>
    <t>QABOOLA  2 - FEMALE</t>
  </si>
  <si>
    <t>25kb</t>
  </si>
  <si>
    <t>chak no 25kb tehsil arif wala district pakpatan</t>
  </si>
  <si>
    <t>Jamoon Bodla</t>
  </si>
  <si>
    <t>Nasim</t>
  </si>
  <si>
    <t>13612</t>
  </si>
  <si>
    <t>378</t>
  </si>
  <si>
    <t>2307</t>
  </si>
  <si>
    <t>16017</t>
  </si>
  <si>
    <t>GGPS CHAK NO 91 GB</t>
  </si>
  <si>
    <t>KHANUANA 2 - FEMALE</t>
  </si>
  <si>
    <t>Jagatpur</t>
  </si>
  <si>
    <t>Chak no 91GB</t>
  </si>
  <si>
    <t>Sadia Sharif</t>
  </si>
  <si>
    <t>8131</t>
  </si>
  <si>
    <t>24746</t>
  </si>
  <si>
    <t>15527</t>
  </si>
  <si>
    <t>GPS 476 GB</t>
  </si>
  <si>
    <t>Bazurgwala</t>
  </si>
  <si>
    <t>chak no 476 GB</t>
  </si>
  <si>
    <t>476</t>
  </si>
  <si>
    <t>475gb</t>
  </si>
  <si>
    <t>183</t>
  </si>
  <si>
    <t>23519</t>
  </si>
  <si>
    <t>45080</t>
  </si>
  <si>
    <t>GGPS CHAK NO 90 GB</t>
  </si>
  <si>
    <t>Ali Abad</t>
  </si>
  <si>
    <t>90 g.b Ali Abad</t>
  </si>
  <si>
    <t>91 Jagat Pur</t>
  </si>
  <si>
    <t>Isma Gul</t>
  </si>
  <si>
    <t>2520</t>
  </si>
  <si>
    <t>6830</t>
  </si>
  <si>
    <t>6750</t>
  </si>
  <si>
    <t>46563</t>
  </si>
  <si>
    <t>GGPS CHAK NO 2 TDA</t>
  </si>
  <si>
    <t>QUAIDABAD</t>
  </si>
  <si>
    <t>CHAK NO 22/MB (FEMALE)</t>
  </si>
  <si>
    <t>2TDA</t>
  </si>
  <si>
    <t>GGPS CHAK # 2 TDA</t>
  </si>
  <si>
    <t>14 Mb</t>
  </si>
  <si>
    <t>Sughra Jabbar</t>
  </si>
  <si>
    <t>6569</t>
  </si>
  <si>
    <t>7656</t>
  </si>
  <si>
    <t>4514</t>
  </si>
  <si>
    <t>3479</t>
  </si>
  <si>
    <t>247</t>
  </si>
  <si>
    <t>36363</t>
  </si>
  <si>
    <t>GGPS 6 WB</t>
  </si>
  <si>
    <t>6wb</t>
  </si>
  <si>
    <t>chak no 6/ wb</t>
  </si>
  <si>
    <t>Farheen Anwar</t>
  </si>
  <si>
    <t>3430</t>
  </si>
  <si>
    <t>6740</t>
  </si>
  <si>
    <t>4740</t>
  </si>
  <si>
    <t>46570</t>
  </si>
  <si>
    <t>GGES CHAK NO 30 MB</t>
  </si>
  <si>
    <t>30 Mb</t>
  </si>
  <si>
    <t>GGE/S  Chak no 30mb</t>
  </si>
  <si>
    <t>30Mb</t>
  </si>
  <si>
    <t>Shabana Naz</t>
  </si>
  <si>
    <t>20788</t>
  </si>
  <si>
    <t>38237</t>
  </si>
  <si>
    <t>36341</t>
  </si>
  <si>
    <t>GGPS 184 EB</t>
  </si>
  <si>
    <t>184eb</t>
  </si>
  <si>
    <t>ggps184eb, vehari</t>
  </si>
  <si>
    <t>204eb</t>
  </si>
  <si>
    <t>Iqra Fazil</t>
  </si>
  <si>
    <t>1268</t>
  </si>
  <si>
    <t>5773</t>
  </si>
  <si>
    <t>17615</t>
  </si>
  <si>
    <t>3150</t>
  </si>
  <si>
    <t>43647</t>
  </si>
  <si>
    <t>GHS PIRA FATEHAL</t>
  </si>
  <si>
    <t>TALAGANG</t>
  </si>
  <si>
    <t>Talagang</t>
  </si>
  <si>
    <t>GHS PIRA FATEHAL VPO PIRA FATEHAL</t>
  </si>
  <si>
    <t>PIRA FATEHAL</t>
  </si>
  <si>
    <t>Saad Bilal</t>
  </si>
  <si>
    <t>11424</t>
  </si>
  <si>
    <t>41609</t>
  </si>
  <si>
    <t>3189</t>
  </si>
  <si>
    <t>31883</t>
  </si>
  <si>
    <t>GHS BUTTAR</t>
  </si>
  <si>
    <t>Buttar</t>
  </si>
  <si>
    <t>buttar District sheikhupura</t>
  </si>
  <si>
    <t>Muhammad Quadeer</t>
  </si>
  <si>
    <t>13600</t>
  </si>
  <si>
    <t>522</t>
  </si>
  <si>
    <t>22949</t>
  </si>
  <si>
    <t>567</t>
  </si>
  <si>
    <t>25834</t>
  </si>
  <si>
    <t>GGPS BHOJO DHENDSA</t>
  </si>
  <si>
    <t>Bhojo</t>
  </si>
  <si>
    <t>g g p s bhojodhindsa</t>
  </si>
  <si>
    <t>Bhojodhindsa</t>
  </si>
  <si>
    <t>Aneela Majeed</t>
  </si>
  <si>
    <t>1308</t>
  </si>
  <si>
    <t>13540</t>
  </si>
  <si>
    <t>12232</t>
  </si>
  <si>
    <t>29133</t>
  </si>
  <si>
    <t>GGES FATOOHI WALA</t>
  </si>
  <si>
    <t>Fatoohi Wala</t>
  </si>
  <si>
    <t>Village fatoohi wala T/D kasur</t>
  </si>
  <si>
    <t>Kashifa Raza</t>
  </si>
  <si>
    <t>112523</t>
  </si>
  <si>
    <t>387</t>
  </si>
  <si>
    <t>4729</t>
  </si>
  <si>
    <t>10462</t>
  </si>
  <si>
    <t>GPS KHYBER GASHKORI</t>
  </si>
  <si>
    <t>BASEERA MALE</t>
  </si>
  <si>
    <t>Baseera</t>
  </si>
  <si>
    <t>basti ghiskori moza Baseera</t>
  </si>
  <si>
    <t>Basti Gishkori</t>
  </si>
  <si>
    <t>Muhammad Ismail</t>
  </si>
  <si>
    <t>12522</t>
  </si>
  <si>
    <t>11412</t>
  </si>
  <si>
    <t>15986</t>
  </si>
  <si>
    <t>GGPS CHAK 5 JB</t>
  </si>
  <si>
    <t>Kamalpur</t>
  </si>
  <si>
    <t>chal # 5 JB Kamal pur Sargodha Road faisalabad.</t>
  </si>
  <si>
    <t>Chak # 5 JB</t>
  </si>
  <si>
    <t>Chak# 6 Jb East</t>
  </si>
  <si>
    <t>Sadia Tabassum</t>
  </si>
  <si>
    <t>815</t>
  </si>
  <si>
    <t>47500</t>
  </si>
  <si>
    <t>1285</t>
  </si>
  <si>
    <t>3707</t>
  </si>
  <si>
    <t>35490</t>
  </si>
  <si>
    <t>53643</t>
  </si>
  <si>
    <t>GGPS RAHIM SHAH</t>
  </si>
  <si>
    <t>SAHUKA-FEMALE</t>
  </si>
  <si>
    <t>Rahim Shah</t>
  </si>
  <si>
    <t>moza rahim shah, burewala</t>
  </si>
  <si>
    <t>Saldhera</t>
  </si>
  <si>
    <t>Hira Zahoor</t>
  </si>
  <si>
    <t>9584</t>
  </si>
  <si>
    <t>50307</t>
  </si>
  <si>
    <t>4095</t>
  </si>
  <si>
    <t>46524</t>
  </si>
  <si>
    <t>GPS TUNNIAN WALI</t>
  </si>
  <si>
    <t>JABBI SHARIF (SOUTH) (MALE)</t>
  </si>
  <si>
    <t>Jabbi Shumali</t>
  </si>
  <si>
    <t>Tunian wali</t>
  </si>
  <si>
    <t>Tunian Wali</t>
  </si>
  <si>
    <t>Jabbi</t>
  </si>
  <si>
    <t>Safdar Hussain</t>
  </si>
  <si>
    <t>3600</t>
  </si>
  <si>
    <t>1500</t>
  </si>
  <si>
    <t>27934</t>
  </si>
  <si>
    <t>GGHS DITTO CHOUR, MBDIN</t>
  </si>
  <si>
    <t>Ditto Chour</t>
  </si>
  <si>
    <t>Villege Ditto Chour</t>
  </si>
  <si>
    <t>ROQIA BIBI</t>
  </si>
  <si>
    <t>4480</t>
  </si>
  <si>
    <t>7168</t>
  </si>
  <si>
    <t>54883</t>
  </si>
  <si>
    <t>316</t>
  </si>
  <si>
    <t>48031</t>
  </si>
  <si>
    <t>22181</t>
  </si>
  <si>
    <t>GGHS SABOWAL</t>
  </si>
  <si>
    <t>Sabowal</t>
  </si>
  <si>
    <t>VPO Sabowal Tehsil and Distt Gujrat</t>
  </si>
  <si>
    <t>sabowal</t>
  </si>
  <si>
    <t>Abida Sapra</t>
  </si>
  <si>
    <t>9125</t>
  </si>
  <si>
    <t>452</t>
  </si>
  <si>
    <t>2220</t>
  </si>
  <si>
    <t>16267</t>
  </si>
  <si>
    <t>GPS 126 RB II</t>
  </si>
  <si>
    <t>SALARWALA - MALE</t>
  </si>
  <si>
    <t>126RB</t>
  </si>
  <si>
    <t>Chak No. 126RB Pharang</t>
  </si>
  <si>
    <t>127RB</t>
  </si>
  <si>
    <t>Gulam Mustafa</t>
  </si>
  <si>
    <t>5200</t>
  </si>
  <si>
    <t>25640</t>
  </si>
  <si>
    <t>27808</t>
  </si>
  <si>
    <t>29476</t>
  </si>
  <si>
    <t>6156</t>
  </si>
  <si>
    <t>52974</t>
  </si>
  <si>
    <t>GGPS SHAHMAD</t>
  </si>
  <si>
    <t>SHAHAMAD-FEMALE</t>
  </si>
  <si>
    <t>Shahamad</t>
  </si>
  <si>
    <t>ggps shahamad</t>
  </si>
  <si>
    <t>Shahmad</t>
  </si>
  <si>
    <t>Saba Saleem</t>
  </si>
  <si>
    <t>21680</t>
  </si>
  <si>
    <t>22914</t>
  </si>
  <si>
    <t>19117</t>
  </si>
  <si>
    <t>GGPS MC B-BRANCH KAMALIA</t>
  </si>
  <si>
    <t>Kmalia</t>
  </si>
  <si>
    <t>G G p school mc b, branch kamalia</t>
  </si>
  <si>
    <t>Ghulam Fatima</t>
  </si>
  <si>
    <t>1953</t>
  </si>
  <si>
    <t>2959</t>
  </si>
  <si>
    <t>19253</t>
  </si>
  <si>
    <t>16660</t>
  </si>
  <si>
    <t>2593</t>
  </si>
  <si>
    <t>7092</t>
  </si>
  <si>
    <t>3798</t>
  </si>
  <si>
    <t>43408</t>
  </si>
  <si>
    <t>GGPS DHOK MATWANI MEKHDOOM PUR SHARIF</t>
  </si>
  <si>
    <t>MUREED-FEMALE</t>
  </si>
  <si>
    <t>Mureed</t>
  </si>
  <si>
    <t>Makhdoom Pur Sharif VPO Mureed Teh Distt Chakwal</t>
  </si>
  <si>
    <t>Sajida Parveen</t>
  </si>
  <si>
    <t>1634</t>
  </si>
  <si>
    <t>8365</t>
  </si>
  <si>
    <t>8700</t>
  </si>
  <si>
    <t>8507</t>
  </si>
  <si>
    <t>3209</t>
  </si>
  <si>
    <t>48791</t>
  </si>
  <si>
    <t>GGHS CHAK NO.55 SB</t>
  </si>
  <si>
    <t>Chak 55 SB</t>
  </si>
  <si>
    <t>CHAK NO 55 SB SARGODHA</t>
  </si>
  <si>
    <t>CHAK 55 SB SGD</t>
  </si>
  <si>
    <t>CHAK 55 SB</t>
  </si>
  <si>
    <t>Aliya Batool</t>
  </si>
  <si>
    <t>47747</t>
  </si>
  <si>
    <t>600</t>
  </si>
  <si>
    <t>32650</t>
  </si>
  <si>
    <t>GHS SYED WALA</t>
  </si>
  <si>
    <t>SYEDWALA</t>
  </si>
  <si>
    <t>Syedwala Teh&amp;Distt Nankana sahib</t>
  </si>
  <si>
    <t>Syedwala</t>
  </si>
  <si>
    <t>Abu Bakar Saeed</t>
  </si>
  <si>
    <t>1802</t>
  </si>
  <si>
    <t>1722</t>
  </si>
  <si>
    <t>25792</t>
  </si>
  <si>
    <t>GGES GHAZIWAL KALAN</t>
  </si>
  <si>
    <t>Ghaziwal Kalan</t>
  </si>
  <si>
    <t>GGES Gaziwal Kalan</t>
  </si>
  <si>
    <t>Gaziwal Kalan</t>
  </si>
  <si>
    <t>Bola Bajwa</t>
  </si>
  <si>
    <t>Musarrat Zaki</t>
  </si>
  <si>
    <t>290</t>
  </si>
  <si>
    <t>26770</t>
  </si>
  <si>
    <t>46520</t>
  </si>
  <si>
    <t>14499</t>
  </si>
  <si>
    <t>GPS AYUB COLONY FSD</t>
  </si>
  <si>
    <t>Ayub  Colony</t>
  </si>
  <si>
    <t>st #10, portab Nagar fsd</t>
  </si>
  <si>
    <t>Ayub Colony</t>
  </si>
  <si>
    <t>Portable Nagar</t>
  </si>
  <si>
    <t>Muhammad Aslam Naji</t>
  </si>
  <si>
    <t>578</t>
  </si>
  <si>
    <t>1908</t>
  </si>
  <si>
    <t>38577</t>
  </si>
  <si>
    <t>GGPS WARD NO 10</t>
  </si>
  <si>
    <t>LODHRAN</t>
  </si>
  <si>
    <t>DUNYAPUR</t>
  </si>
  <si>
    <t>DUNYAPUR - FEMALE</t>
  </si>
  <si>
    <t>DUNYA PUR</t>
  </si>
  <si>
    <t>FIZAN-E-MADINA ROAD DUNYA PUR</t>
  </si>
  <si>
    <t>MUNICIPAL COMMITTEE</t>
  </si>
  <si>
    <t>224</t>
  </si>
  <si>
    <t>Amtul aziz</t>
  </si>
  <si>
    <t>3852</t>
  </si>
  <si>
    <t>32746</t>
  </si>
  <si>
    <t>46951</t>
  </si>
  <si>
    <t>15987</t>
  </si>
  <si>
    <t>GGES CHAK 6 JB EAST</t>
  </si>
  <si>
    <t>6jb panjwar</t>
  </si>
  <si>
    <t>GGES6JBEAST</t>
  </si>
  <si>
    <t>6jbeast</t>
  </si>
  <si>
    <t>6jb</t>
  </si>
  <si>
    <t>Nasim Akhtar</t>
  </si>
  <si>
    <t>492</t>
  </si>
  <si>
    <t>10390</t>
  </si>
  <si>
    <t>35587</t>
  </si>
  <si>
    <t>4360</t>
  </si>
  <si>
    <t>3731</t>
  </si>
  <si>
    <t>16292</t>
  </si>
  <si>
    <t>11162</t>
  </si>
  <si>
    <t>GPS 161 RB I</t>
  </si>
  <si>
    <t>GOJRA-MALE</t>
  </si>
  <si>
    <t>161 R B</t>
  </si>
  <si>
    <t>GPS 161RB 1ckj</t>
  </si>
  <si>
    <t>Napalka</t>
  </si>
  <si>
    <t>Sobay Chak</t>
  </si>
  <si>
    <t>Sarfraz Ahmed</t>
  </si>
  <si>
    <t>24904</t>
  </si>
  <si>
    <t>804</t>
  </si>
  <si>
    <t>3797</t>
  </si>
  <si>
    <t>43519</t>
  </si>
  <si>
    <t>GGPS CHAK KOKA TEH CHAKWAL</t>
  </si>
  <si>
    <t>DULLAH-FEMALE</t>
  </si>
  <si>
    <t>Chak Koka</t>
  </si>
  <si>
    <t>village chak koka p. o dullah</t>
  </si>
  <si>
    <t>Dullah</t>
  </si>
  <si>
    <t>Ashi Khanum</t>
  </si>
  <si>
    <t>motor pump</t>
  </si>
  <si>
    <t>22416</t>
  </si>
  <si>
    <t>9344</t>
  </si>
  <si>
    <t>29086</t>
  </si>
  <si>
    <t>35139</t>
  </si>
  <si>
    <t>GGES 203 EB NEW</t>
  </si>
  <si>
    <t>BUREWALA EAST - FEMALE</t>
  </si>
  <si>
    <t>203 Eb</t>
  </si>
  <si>
    <t>chak no 203 EB burewala new</t>
  </si>
  <si>
    <t>203 EB</t>
  </si>
  <si>
    <t>199 EB</t>
  </si>
  <si>
    <t>maria khanum</t>
  </si>
  <si>
    <t>12507</t>
  </si>
  <si>
    <t>360</t>
  </si>
  <si>
    <t>51058</t>
  </si>
  <si>
    <t>48690</t>
  </si>
  <si>
    <t>3468</t>
  </si>
  <si>
    <t>37954</t>
  </si>
  <si>
    <t>27872</t>
  </si>
  <si>
    <t>GES BOHAR BOGHAY SHAH LODHRAN</t>
  </si>
  <si>
    <t>GELLAY WALA-MALE</t>
  </si>
  <si>
    <t>Bohar Bogey Shah</t>
  </si>
  <si>
    <t>Basti and Mauza Bohar Bogey Shah,Lodhran.</t>
  </si>
  <si>
    <t>Miran Pur</t>
  </si>
  <si>
    <t>Syed Iqbal Hussain Shah</t>
  </si>
  <si>
    <t>25838</t>
  </si>
  <si>
    <t>GGPS LODHI KHANGORA</t>
  </si>
  <si>
    <t>Lodhi Khangora</t>
  </si>
  <si>
    <t>village lodhi khangora p/o Ahmad and Tehsil narowal</t>
  </si>
  <si>
    <t>Faleez Pur</t>
  </si>
  <si>
    <t>Asia Maqsood</t>
  </si>
  <si>
    <t>12342</t>
  </si>
  <si>
    <t>52685</t>
  </si>
  <si>
    <t>46058</t>
  </si>
  <si>
    <t>GES BASTI SHER WALI</t>
  </si>
  <si>
    <t>Nara</t>
  </si>
  <si>
    <t>Govt.E/S Basti Sherwali</t>
  </si>
  <si>
    <t>Basti Sherwali</t>
  </si>
  <si>
    <t>Kund</t>
  </si>
  <si>
    <t>Syed Waqar Hassan Shah</t>
  </si>
  <si>
    <t>Building Is Dangerous</t>
  </si>
  <si>
    <t>40594</t>
  </si>
  <si>
    <t>10062</t>
  </si>
  <si>
    <t>857</t>
  </si>
  <si>
    <t>5896</t>
  </si>
  <si>
    <t>42551</t>
  </si>
  <si>
    <t>GPS PHAMBAL MIANA</t>
  </si>
  <si>
    <t>GUJAR KHAN</t>
  </si>
  <si>
    <t>JATLI MALE -MALE</t>
  </si>
  <si>
    <t>Phimbal Miana</t>
  </si>
  <si>
    <t>vpo phimbal miana gujar khas rwp</t>
  </si>
  <si>
    <t>Raman</t>
  </si>
  <si>
    <t>Manzoor Hussain Shah</t>
  </si>
  <si>
    <t>1624</t>
  </si>
  <si>
    <t>15590</t>
  </si>
  <si>
    <t>25820</t>
  </si>
  <si>
    <t>30616</t>
  </si>
  <si>
    <t>759</t>
  </si>
  <si>
    <t>3240</t>
  </si>
  <si>
    <t>16802</t>
  </si>
  <si>
    <t>GGHS MC TANDLIANWALA</t>
  </si>
  <si>
    <t>college road Tandlianwala</t>
  </si>
  <si>
    <t>TMO TANDLIANWALA</t>
  </si>
  <si>
    <t>Mussarrat</t>
  </si>
  <si>
    <t>505</t>
  </si>
  <si>
    <t>552</t>
  </si>
  <si>
    <t>2440</t>
  </si>
  <si>
    <t>52335</t>
  </si>
  <si>
    <t>GGES NIKI MANEKI</t>
  </si>
  <si>
    <t>HAVELI LAKHA - FEMALE</t>
  </si>
  <si>
    <t>Niki Maneky</t>
  </si>
  <si>
    <t>niki maneky</t>
  </si>
  <si>
    <t>Mahanat Durshon</t>
  </si>
  <si>
    <t>NASREEN NIAZ</t>
  </si>
  <si>
    <t>51120</t>
  </si>
  <si>
    <t>45345</t>
  </si>
  <si>
    <t>2204</t>
  </si>
  <si>
    <t>16393</t>
  </si>
  <si>
    <t>GGPS CHAK 159 RB II</t>
  </si>
  <si>
    <t>CHAK JHUMRA - FEMALE</t>
  </si>
  <si>
    <t>Bilal Nagar</t>
  </si>
  <si>
    <t>chak no. 159 RB bilal nagar</t>
  </si>
  <si>
    <t>Soba Chak</t>
  </si>
  <si>
    <t>Rabia Naz</t>
  </si>
  <si>
    <t>441</t>
  </si>
  <si>
    <t>6357</t>
  </si>
  <si>
    <t>30796</t>
  </si>
  <si>
    <t>34660</t>
  </si>
  <si>
    <t>395</t>
  </si>
  <si>
    <t>4010</t>
  </si>
  <si>
    <t>13454</t>
  </si>
  <si>
    <t>GPS DEEN PUR</t>
  </si>
  <si>
    <t>RAJANPUR</t>
  </si>
  <si>
    <t>JAMPUR</t>
  </si>
  <si>
    <t>RUSTAM LIGHARI - MALE</t>
  </si>
  <si>
    <t>Thull Mahtam</t>
  </si>
  <si>
    <t>GPS DEEN PUR U/C HAIRO TEHSIL JAMPUR DISTRICT RAJANPUR</t>
  </si>
  <si>
    <t>THULL MAHTAM</t>
  </si>
  <si>
    <t>HAIRO</t>
  </si>
  <si>
    <t>294</t>
  </si>
  <si>
    <t>SHAHJAHAN</t>
  </si>
  <si>
    <t>Solar power</t>
  </si>
  <si>
    <t>566</t>
  </si>
  <si>
    <t>3732</t>
  </si>
  <si>
    <t>16345</t>
  </si>
  <si>
    <t>GPS 45 JB II</t>
  </si>
  <si>
    <t>QADARKAY-MALE</t>
  </si>
  <si>
    <t>45-jb 2nd</t>
  </si>
  <si>
    <t>GPS Jb 2nd, thaheem chak</t>
  </si>
  <si>
    <t>Chk 45jb2</t>
  </si>
  <si>
    <t>19 Jb Qadar- K</t>
  </si>
  <si>
    <t>asifa parveen</t>
  </si>
  <si>
    <t>1490</t>
  </si>
  <si>
    <t>12490</t>
  </si>
  <si>
    <t>11000</t>
  </si>
  <si>
    <t>40271</t>
  </si>
  <si>
    <t>GPS KANGAR</t>
  </si>
  <si>
    <t>Kotal Kund</t>
  </si>
  <si>
    <t>Kangar P.O Kotal Kund tehsil &amp; district Jhelum</t>
  </si>
  <si>
    <t>Kangar</t>
  </si>
  <si>
    <t>Sumera Bibi</t>
  </si>
  <si>
    <t>24509</t>
  </si>
  <si>
    <t>52616</t>
  </si>
  <si>
    <t>GPS NO.2 DEPALPUR</t>
  </si>
  <si>
    <t>Depalpur</t>
  </si>
  <si>
    <t>GPS No 2 Depalpur</t>
  </si>
  <si>
    <t>Depalpur MC 1</t>
  </si>
  <si>
    <t>25711</t>
  </si>
  <si>
    <t>GGMPS SAHOBHLLO</t>
  </si>
  <si>
    <t>Saho Ballo</t>
  </si>
  <si>
    <t>village saho ballo p/o ahmad abad narowal</t>
  </si>
  <si>
    <t>Faleeze Pur</t>
  </si>
  <si>
    <t>Rizwana Chouhdry</t>
  </si>
  <si>
    <t>5903</t>
  </si>
  <si>
    <t>15123</t>
  </si>
  <si>
    <t>12412</t>
  </si>
  <si>
    <t>30300</t>
  </si>
  <si>
    <t>46092</t>
  </si>
  <si>
    <t>GES RAILWAY STATION MITHA TAWANA</t>
  </si>
  <si>
    <t>Mitha Tiwana</t>
  </si>
  <si>
    <t>Railway Station Mitha Tiwana</t>
  </si>
  <si>
    <t>Mitha Tiwana Janubi</t>
  </si>
  <si>
    <t>Ahmed Yaar</t>
  </si>
  <si>
    <t>11704</t>
  </si>
  <si>
    <t>408</t>
  </si>
  <si>
    <t>16439</t>
  </si>
  <si>
    <t>GGES CHAK 161 RB-I</t>
  </si>
  <si>
    <t>161 RB NIPALKA</t>
  </si>
  <si>
    <t>161 RB -I Nipalka Tehsil Chak Jhumra Faisalabad</t>
  </si>
  <si>
    <t>Chak No 159 RB Sobay Chak</t>
  </si>
  <si>
    <t>Imtiaz Kausar</t>
  </si>
  <si>
    <t>330</t>
  </si>
  <si>
    <t>29614</t>
  </si>
  <si>
    <t>3184</t>
  </si>
  <si>
    <t>51133</t>
  </si>
  <si>
    <t>GGHSS 60/5-L</t>
  </si>
  <si>
    <t>SAHIWAL</t>
  </si>
  <si>
    <t>60/5-l burjwala</t>
  </si>
  <si>
    <t>gGHSS 60/5-L SAHIWAL</t>
  </si>
  <si>
    <t>60/5-L</t>
  </si>
  <si>
    <t>147</t>
  </si>
  <si>
    <t>196</t>
  </si>
  <si>
    <t>Nighat Raana</t>
  </si>
  <si>
    <t>6500</t>
  </si>
  <si>
    <t>609</t>
  </si>
  <si>
    <t>19917</t>
  </si>
  <si>
    <t>1015</t>
  </si>
  <si>
    <t>3144</t>
  </si>
  <si>
    <t>43188</t>
  </si>
  <si>
    <t>GGHS DULLAH</t>
  </si>
  <si>
    <t>vpo dullah teh &amp; distt chakwal</t>
  </si>
  <si>
    <t>NASEERA Bibi</t>
  </si>
  <si>
    <t>364</t>
  </si>
  <si>
    <t>8286</t>
  </si>
  <si>
    <t>741</t>
  </si>
  <si>
    <t>2710</t>
  </si>
  <si>
    <t>17340</t>
  </si>
  <si>
    <t>18713</t>
  </si>
  <si>
    <t>GPS NEHALAY WALA</t>
  </si>
  <si>
    <t>QADIR PUR - MALE</t>
  </si>
  <si>
    <t>Chatta</t>
  </si>
  <si>
    <t>Chan Nehalay Wala , Mouza Chatta Jhang</t>
  </si>
  <si>
    <t>Nehalay Wala</t>
  </si>
  <si>
    <t>Muhammad Siddique</t>
  </si>
  <si>
    <t>11330</t>
  </si>
  <si>
    <t>26720</t>
  </si>
  <si>
    <t>47700</t>
  </si>
  <si>
    <t>15357</t>
  </si>
  <si>
    <t>GHS CHAK NO 24 GB</t>
  </si>
  <si>
    <t>FATEH PUR SOHORAN</t>
  </si>
  <si>
    <t>CHAK NO 24 GB JARANWALA</t>
  </si>
  <si>
    <t>CHAK NO. 24 GB</t>
  </si>
  <si>
    <t>Muhammad Ramzan Adil</t>
  </si>
  <si>
    <t>650</t>
  </si>
  <si>
    <t>44332</t>
  </si>
  <si>
    <t>35076</t>
  </si>
  <si>
    <t>GES CHAK NO.259/EB</t>
  </si>
  <si>
    <t>269</t>
  </si>
  <si>
    <t>259</t>
  </si>
  <si>
    <t>230</t>
  </si>
  <si>
    <t>24169</t>
  </si>
  <si>
    <t>37949</t>
  </si>
  <si>
    <t>GES 50 M LODHRAN</t>
  </si>
  <si>
    <t>Chak 50M</t>
  </si>
  <si>
    <t>GES chak 50M p/o 49M</t>
  </si>
  <si>
    <t>49M</t>
  </si>
  <si>
    <t>muhammad waris</t>
  </si>
  <si>
    <t>5363</t>
  </si>
  <si>
    <t>3235</t>
  </si>
  <si>
    <t>16457</t>
  </si>
  <si>
    <t>GHS SALARWALA CHAK JHUMRA FSD</t>
  </si>
  <si>
    <t>GHS SALARWALA TEHSIL CHAK JHUMRA DISTRICT FAISALABAD</t>
  </si>
  <si>
    <t>Chak No 126 RB</t>
  </si>
  <si>
    <t>Chak No 127 RB</t>
  </si>
  <si>
    <t>Masood pervaiz</t>
  </si>
  <si>
    <t>22400</t>
  </si>
  <si>
    <t>910</t>
  </si>
  <si>
    <t>22038</t>
  </si>
  <si>
    <t>720</t>
  </si>
  <si>
    <t>5940</t>
  </si>
  <si>
    <t>50914</t>
  </si>
  <si>
    <t>GPS 73/5-L</t>
  </si>
  <si>
    <t>BURJWALA-A-MALE</t>
  </si>
  <si>
    <t>73/5L</t>
  </si>
  <si>
    <t>20944</t>
  </si>
  <si>
    <t>18945</t>
  </si>
  <si>
    <t>22580</t>
  </si>
  <si>
    <t>2401</t>
  </si>
  <si>
    <t>15033</t>
  </si>
  <si>
    <t>GPS 644 GB II</t>
  </si>
  <si>
    <t>LUNDIANWALA - MALE</t>
  </si>
  <si>
    <t>Sofi  Di Kothi</t>
  </si>
  <si>
    <t>chak no 644gb</t>
  </si>
  <si>
    <t>Chak no 644 gb</t>
  </si>
  <si>
    <t>Chak 644gb</t>
  </si>
  <si>
    <t>Nazar Hussain</t>
  </si>
  <si>
    <t>478</t>
  </si>
  <si>
    <t>3350</t>
  </si>
  <si>
    <t>35402</t>
  </si>
  <si>
    <t>GGPS 363 EB</t>
  </si>
  <si>
    <t>363eb</t>
  </si>
  <si>
    <t>Chak number 363 tehsil burewala</t>
  </si>
  <si>
    <t>175eb</t>
  </si>
  <si>
    <t>Yasmin Khurshid</t>
  </si>
  <si>
    <t>20002</t>
  </si>
  <si>
    <t>26632</t>
  </si>
  <si>
    <t>2467</t>
  </si>
  <si>
    <t>16758</t>
  </si>
  <si>
    <t>GGES 597 GB</t>
  </si>
  <si>
    <t>BAHLAK 2 - FEMALE</t>
  </si>
  <si>
    <t>Jhamra</t>
  </si>
  <si>
    <t>chak no 597 GB</t>
  </si>
  <si>
    <t>597 GB Jhok Bhuttay</t>
  </si>
  <si>
    <t>597 GB</t>
  </si>
  <si>
    <t>Sadia</t>
  </si>
  <si>
    <t>13055</t>
  </si>
  <si>
    <t>22000</t>
  </si>
  <si>
    <t>21160</t>
  </si>
  <si>
    <t>26316</t>
  </si>
  <si>
    <t>6316</t>
  </si>
  <si>
    <t>31140</t>
  </si>
  <si>
    <t>24745</t>
  </si>
  <si>
    <t>GGES JUNIOR MODEL GOWALMANDI</t>
  </si>
  <si>
    <t>NULAKHA-FEMALE</t>
  </si>
  <si>
    <t>Gowal Mandi</t>
  </si>
  <si>
    <t>Govt. Islamia junior model school gowalmandi street 24 raja ram street</t>
  </si>
  <si>
    <t>Lahore</t>
  </si>
  <si>
    <t>Gowalmandi</t>
  </si>
  <si>
    <t>Robina Asghar</t>
  </si>
  <si>
    <t>502</t>
  </si>
  <si>
    <t>30097</t>
  </si>
  <si>
    <t>3411</t>
  </si>
  <si>
    <t>16029</t>
  </si>
  <si>
    <t>GGES CHAK 251 KING KORD</t>
  </si>
  <si>
    <t>Bandala</t>
  </si>
  <si>
    <t>kanga 251rb</t>
  </si>
  <si>
    <t>King kord</t>
  </si>
  <si>
    <t>Dhenga</t>
  </si>
  <si>
    <t>Naila Rasool</t>
  </si>
  <si>
    <t>22331</t>
  </si>
  <si>
    <t>44961</t>
  </si>
  <si>
    <t>27500</t>
  </si>
  <si>
    <t>16807</t>
  </si>
  <si>
    <t>GHSS CHAK NO.452 GB FSD</t>
  </si>
  <si>
    <t>REHMEY SHAH</t>
  </si>
  <si>
    <t>govt. higher secondary school 452 gB fSD</t>
  </si>
  <si>
    <t>chak no. 452 gB</t>
  </si>
  <si>
    <t>chak no. 452 GB</t>
  </si>
  <si>
    <t>Mazhar Hussain Shah</t>
  </si>
  <si>
    <t>1938</t>
  </si>
  <si>
    <t>22304</t>
  </si>
  <si>
    <t>1171</t>
  </si>
  <si>
    <t>643</t>
  </si>
  <si>
    <t>40011</t>
  </si>
  <si>
    <t>1738</t>
  </si>
  <si>
    <t>1572</t>
  </si>
  <si>
    <t>16791</t>
  </si>
  <si>
    <t>GHS CHAK NO.603/GB</t>
  </si>
  <si>
    <t>govt High School 603 GB</t>
  </si>
  <si>
    <t>chak no 603 gb</t>
  </si>
  <si>
    <t>saai ka</t>
  </si>
  <si>
    <t>MAZHAR UL HAQ</t>
  </si>
  <si>
    <t>8422</t>
  </si>
  <si>
    <t>16077</t>
  </si>
  <si>
    <t>GHS CHAK 215 RB KAKUANA</t>
  </si>
  <si>
    <t>kakuana</t>
  </si>
  <si>
    <t>chak no. 215 r.b jaranwala road faisalabad</t>
  </si>
  <si>
    <t>215 r.b faisalabad</t>
  </si>
  <si>
    <t>215 r.b bajla</t>
  </si>
  <si>
    <t>mANZOOR HUSSAIN</t>
  </si>
  <si>
    <t>water plant</t>
  </si>
  <si>
    <t>1135</t>
  </si>
  <si>
    <t>9828</t>
  </si>
  <si>
    <t>20778</t>
  </si>
  <si>
    <t>267</t>
  </si>
  <si>
    <t>551</t>
  </si>
  <si>
    <t>3737</t>
  </si>
  <si>
    <t>14888</t>
  </si>
  <si>
    <t>12254</t>
  </si>
  <si>
    <t>GPS 57 RB I</t>
  </si>
  <si>
    <t>RATTA JOYA-MALE</t>
  </si>
  <si>
    <t>57 RB I RAJAY WALA</t>
  </si>
  <si>
    <t>CHAK NO. 57 (l), RAJAY WALA KALAN, TEHSIL JARNAWALA, DISTRICT FAISLABAD.</t>
  </si>
  <si>
    <t>57 RB I RAJAY WALA KALAN</t>
  </si>
  <si>
    <t>54 RB SARHALI</t>
  </si>
  <si>
    <t>35710</t>
  </si>
  <si>
    <t>38940</t>
  </si>
  <si>
    <t>1185</t>
  </si>
  <si>
    <t>15282</t>
  </si>
  <si>
    <t>GES CHAK 99 RB</t>
  </si>
  <si>
    <t>Chak 99 RB</t>
  </si>
  <si>
    <t>GES 99 RB</t>
  </si>
  <si>
    <t>Chak No 99 RB</t>
  </si>
  <si>
    <t>Shehswar Ali Khan</t>
  </si>
  <si>
    <t>26621</t>
  </si>
  <si>
    <t>14591</t>
  </si>
  <si>
    <t>26000</t>
  </si>
  <si>
    <t>3675</t>
  </si>
  <si>
    <t>50400</t>
  </si>
  <si>
    <t>1647</t>
  </si>
  <si>
    <t>3143</t>
  </si>
  <si>
    <t>31350</t>
  </si>
  <si>
    <t>GGHS C-BLOCK, SABZAZAR LAHORE</t>
  </si>
  <si>
    <t>Jhugiyan Nagira</t>
  </si>
  <si>
    <t>504 C Block Sabzazar lhr</t>
  </si>
  <si>
    <t>Safia Begum</t>
  </si>
  <si>
    <t>2400</t>
  </si>
  <si>
    <t>894</t>
  </si>
  <si>
    <t>850</t>
  </si>
  <si>
    <t>15399</t>
  </si>
  <si>
    <t>GHS CHAK NO 569 GB</t>
  </si>
  <si>
    <t>CHAK NO 569 GB</t>
  </si>
  <si>
    <t>CHAK NO 569 GB BAHADAR KHANWALA</t>
  </si>
  <si>
    <t>CHAK NO 569 GB BAHADAR KHAN WALA</t>
  </si>
  <si>
    <t>TARIQ MAHMOOD</t>
  </si>
  <si>
    <t>6584</t>
  </si>
  <si>
    <t>34907</t>
  </si>
  <si>
    <t>2981</t>
  </si>
  <si>
    <t>396</t>
  </si>
  <si>
    <t>15343</t>
  </si>
  <si>
    <t>GGHS CHAK NO 56 RB I</t>
  </si>
  <si>
    <t>56 RB</t>
  </si>
  <si>
    <t>56rb Teh jaranwala Distt Faisalabad</t>
  </si>
  <si>
    <t>56rb</t>
  </si>
  <si>
    <t>54rb</t>
  </si>
  <si>
    <t>Shamaila Sarwar</t>
  </si>
  <si>
    <t>488</t>
  </si>
  <si>
    <t>9414</t>
  </si>
  <si>
    <t>17298</t>
  </si>
  <si>
    <t>760</t>
  </si>
  <si>
    <t>5968</t>
  </si>
  <si>
    <t>50809</t>
  </si>
  <si>
    <t>46303</t>
  </si>
  <si>
    <t>GGES QUTAB SHAHANA</t>
  </si>
  <si>
    <t>QUTAB SHAHANA-FEMALE</t>
  </si>
  <si>
    <t>Qutab Shahana</t>
  </si>
  <si>
    <t>qutab shahana</t>
  </si>
  <si>
    <t>Bhadar Shah</t>
  </si>
  <si>
    <t>Fariha Gill</t>
  </si>
  <si>
    <t>2643</t>
  </si>
  <si>
    <t>30240</t>
  </si>
  <si>
    <t>27540</t>
  </si>
  <si>
    <t>29000</t>
  </si>
  <si>
    <t>4889</t>
  </si>
  <si>
    <t>21029</t>
  </si>
  <si>
    <t>GPS AHMAD NAGAR</t>
  </si>
  <si>
    <t>AHMAD NAGAR - MALE</t>
  </si>
  <si>
    <t>gps ahmad nagar</t>
  </si>
  <si>
    <t>Ahmad Nagar</t>
  </si>
  <si>
    <t>Rao Muhammad Aslam</t>
  </si>
  <si>
    <t>3207</t>
  </si>
  <si>
    <t>5640</t>
  </si>
  <si>
    <t>7300</t>
  </si>
  <si>
    <t>753</t>
  </si>
  <si>
    <t>4916</t>
  </si>
  <si>
    <t>20613</t>
  </si>
  <si>
    <t>15092</t>
  </si>
  <si>
    <t>GPS CHAK JAID</t>
  </si>
  <si>
    <t>GUJRANWALA SADAR</t>
  </si>
  <si>
    <t>GUJRANWALA SADAR 3 - MALE</t>
  </si>
  <si>
    <t>Chak Jaid</t>
  </si>
  <si>
    <t>Chak jaid post office qila didar singh gujranwala</t>
  </si>
  <si>
    <t>Chahal Kalan</t>
  </si>
  <si>
    <t>Sultan Mehboob Khan</t>
  </si>
  <si>
    <t>29208</t>
  </si>
  <si>
    <t>2986</t>
  </si>
  <si>
    <t>12725</t>
  </si>
  <si>
    <t>GGPS PIPAL WALA</t>
  </si>
  <si>
    <t>MUZAFFARGARH- FEMALE</t>
  </si>
  <si>
    <t>Lutkara</t>
  </si>
  <si>
    <t>Govt.Girls Primary school pipal wala muzaffargarh</t>
  </si>
  <si>
    <t>Pipal Wala</t>
  </si>
  <si>
    <t>MC Muzaffargarh</t>
  </si>
  <si>
    <t>1504</t>
  </si>
  <si>
    <t>23354</t>
  </si>
  <si>
    <t>23150</t>
  </si>
  <si>
    <t>3248</t>
  </si>
  <si>
    <t>3910</t>
  </si>
  <si>
    <t>GGHS CHAK NO.36/DNB</t>
  </si>
  <si>
    <t>CHAK No. 36/DNB</t>
  </si>
  <si>
    <t>36/DNB</t>
  </si>
  <si>
    <t>Saba Aftab</t>
  </si>
  <si>
    <t>17440</t>
  </si>
  <si>
    <t>38054</t>
  </si>
  <si>
    <t>955</t>
  </si>
  <si>
    <t>750</t>
  </si>
  <si>
    <t>5377</t>
  </si>
  <si>
    <t>33531</t>
  </si>
  <si>
    <t>34722</t>
  </si>
  <si>
    <t>GGPS SADKANA CHAK NO. 110</t>
  </si>
  <si>
    <t>SANGLA HILL</t>
  </si>
  <si>
    <t>MARAH BALOCHAN-FEMALE</t>
  </si>
  <si>
    <t>Sadkana</t>
  </si>
  <si>
    <t>sadkana chak no 110</t>
  </si>
  <si>
    <t>Mar Balochan</t>
  </si>
  <si>
    <t>Sidra Tul Muntaha</t>
  </si>
  <si>
    <t>1520</t>
  </si>
  <si>
    <t>16620</t>
  </si>
  <si>
    <t>15100</t>
  </si>
  <si>
    <t>1293</t>
  </si>
  <si>
    <t>15594</t>
  </si>
  <si>
    <t>GGPS CHAK 528 GB SAMUNDRI</t>
  </si>
  <si>
    <t>Jatiana</t>
  </si>
  <si>
    <t>528 GB jatiana</t>
  </si>
  <si>
    <t>528 GB 1</t>
  </si>
  <si>
    <t>138 GB</t>
  </si>
  <si>
    <t>Samia Naheed</t>
  </si>
  <si>
    <t>474</t>
  </si>
  <si>
    <t>28224</t>
  </si>
  <si>
    <t>27750</t>
  </si>
  <si>
    <t>3217</t>
  </si>
  <si>
    <t>25607</t>
  </si>
  <si>
    <t>GHSS RAYYA KHASS</t>
  </si>
  <si>
    <t>Rayya Khas</t>
  </si>
  <si>
    <t>rayya khas tehsil and district Narowal</t>
  </si>
  <si>
    <t>Muhammad Akbar Rana</t>
  </si>
  <si>
    <t>43520</t>
  </si>
  <si>
    <t>381</t>
  </si>
  <si>
    <t>44882</t>
  </si>
  <si>
    <t>2385</t>
  </si>
  <si>
    <t>6218</t>
  </si>
  <si>
    <t>6950</t>
  </si>
  <si>
    <t>41421</t>
  </si>
  <si>
    <t>GES SOAIL SHARIF</t>
  </si>
  <si>
    <t>SADIQABAD</t>
  </si>
  <si>
    <t>DAU WALA-MALE</t>
  </si>
  <si>
    <t>Mubarakbhara</t>
  </si>
  <si>
    <t>Moza Mubarakbhara Tehsil Sadiq Abad District RYK</t>
  </si>
  <si>
    <t>Chachrran</t>
  </si>
  <si>
    <t>266</t>
  </si>
  <si>
    <t>Muhammad Sudheer</t>
  </si>
  <si>
    <t>5695</t>
  </si>
  <si>
    <t>3163</t>
  </si>
  <si>
    <t>43715</t>
  </si>
  <si>
    <t>GGHS JASIAL</t>
  </si>
  <si>
    <t>Jasial</t>
  </si>
  <si>
    <t>p/o jasial</t>
  </si>
  <si>
    <t>SUMMAIRA IRAM</t>
  </si>
  <si>
    <t>489</t>
  </si>
  <si>
    <t>32616</t>
  </si>
  <si>
    <t>590</t>
  </si>
  <si>
    <t>174</t>
  </si>
  <si>
    <t>3695</t>
  </si>
  <si>
    <t>33956</t>
  </si>
  <si>
    <t>GPS TALKOT 2 KHAN GARAH ROAD SHUJABAD</t>
  </si>
  <si>
    <t>CITY SHUJABAD - MALE</t>
  </si>
  <si>
    <t>Talkot</t>
  </si>
  <si>
    <t>tibi nonari khangarh road shujabad</t>
  </si>
  <si>
    <t>Tibi Nonari</t>
  </si>
  <si>
    <t>MC Shujabad</t>
  </si>
  <si>
    <t>158</t>
  </si>
  <si>
    <t>221</t>
  </si>
  <si>
    <t>Muhammad Rustam</t>
  </si>
  <si>
    <t>967</t>
  </si>
  <si>
    <t>15670</t>
  </si>
  <si>
    <t>GGES 531 GB TEHSIL SAMUNDARI FSD</t>
  </si>
  <si>
    <t>chak no 531GB</t>
  </si>
  <si>
    <t>chak no 531GB,tehsil samundari</t>
  </si>
  <si>
    <t>chak no 41GB</t>
  </si>
  <si>
    <t>Fasiha Qayyum</t>
  </si>
  <si>
    <t>421</t>
  </si>
  <si>
    <t>32397</t>
  </si>
  <si>
    <t>1036</t>
  </si>
  <si>
    <t>2641</t>
  </si>
  <si>
    <t>1359</t>
  </si>
  <si>
    <t>1791</t>
  </si>
  <si>
    <t>36584</t>
  </si>
  <si>
    <t>GES KORAI BALOCH, KABIRWALA</t>
  </si>
  <si>
    <t>NAWAN SHEHR - MALE</t>
  </si>
  <si>
    <t>Korai Baloch</t>
  </si>
  <si>
    <t>Korai Baloch P/,O Haji pur Tehsil Kabirwala District Khanewal</t>
  </si>
  <si>
    <t>Mongan Wala</t>
  </si>
  <si>
    <t>ILYAS RAZA QAISAR</t>
  </si>
  <si>
    <t>6825</t>
  </si>
  <si>
    <t>50020</t>
  </si>
  <si>
    <t>3366</t>
  </si>
  <si>
    <t>14643</t>
  </si>
  <si>
    <t>GES 214 RB</t>
  </si>
  <si>
    <t>Dhudiwala</t>
  </si>
  <si>
    <t>Government Elementary school, 214RB (W), Fsd</t>
  </si>
  <si>
    <t>214RB</t>
  </si>
  <si>
    <t>Noor Hassan Azhari</t>
  </si>
  <si>
    <t>10341</t>
  </si>
  <si>
    <t>35533</t>
  </si>
  <si>
    <t>540</t>
  </si>
  <si>
    <t>11312</t>
  </si>
  <si>
    <t>1077</t>
  </si>
  <si>
    <t>14550</t>
  </si>
  <si>
    <t>GES MC MANSOOR ABAD FSD</t>
  </si>
  <si>
    <t>street no. 8 roza park mansoorabad</t>
  </si>
  <si>
    <t>Mansoorabad</t>
  </si>
  <si>
    <t>Roza Park</t>
  </si>
  <si>
    <t>Rai Muhammad Idrees</t>
  </si>
  <si>
    <t>4590</t>
  </si>
  <si>
    <t>47626</t>
  </si>
  <si>
    <t>14657</t>
  </si>
  <si>
    <t>GES MC ASLAM GANJ</t>
  </si>
  <si>
    <t>Street # 5 Mohallah aslam gunj tezab mill road faisalabad</t>
  </si>
  <si>
    <t>aslam gunj</t>
  </si>
  <si>
    <t>MUNZER SHABAB BAL</t>
  </si>
  <si>
    <t>7616</t>
  </si>
  <si>
    <t>659</t>
  </si>
  <si>
    <t>2276</t>
  </si>
  <si>
    <t>5408</t>
  </si>
  <si>
    <t>716</t>
  </si>
  <si>
    <t>3669</t>
  </si>
  <si>
    <t>25224</t>
  </si>
  <si>
    <t>GGPS GARBLA SYEDAN</t>
  </si>
  <si>
    <t>VERIO - FEMALE</t>
  </si>
  <si>
    <t>Garbla Syedan</t>
  </si>
  <si>
    <t>Village Garbla Syedan ,PO Gunna Kalan, Teh &amp; Distt: Sialkot</t>
  </si>
  <si>
    <t>Parag Pur</t>
  </si>
  <si>
    <t>Syeda Bushra Imran</t>
  </si>
  <si>
    <t>816</t>
  </si>
  <si>
    <t>6568</t>
  </si>
  <si>
    <t>17924</t>
  </si>
  <si>
    <t>11356</t>
  </si>
  <si>
    <t>3416</t>
  </si>
  <si>
    <t>44424</t>
  </si>
  <si>
    <t>GMPS KOT ISAISH</t>
  </si>
  <si>
    <t>Kot Isaish</t>
  </si>
  <si>
    <t>Sifat Zohra</t>
  </si>
  <si>
    <t>3080</t>
  </si>
  <si>
    <t>1804</t>
  </si>
  <si>
    <t>15900</t>
  </si>
  <si>
    <t>3316</t>
  </si>
  <si>
    <t>6766</t>
  </si>
  <si>
    <t>GPS TIBBA TARAI CHERI</t>
  </si>
  <si>
    <t>PATTAN MANARA - MALE</t>
  </si>
  <si>
    <t>Chak 92 P</t>
  </si>
  <si>
    <t>Tibba Tarai cheri 92/P Rahim yar kha</t>
  </si>
  <si>
    <t>Tibba Taraicheri</t>
  </si>
  <si>
    <t>92/P</t>
  </si>
  <si>
    <t>Fayyaz Ahmed</t>
  </si>
  <si>
    <t>8165</t>
  </si>
  <si>
    <t>GGPS HAQUE NAWAZ BUZDAR</t>
  </si>
  <si>
    <t>Darkhast jamal khan</t>
  </si>
  <si>
    <t>rasheed khan basti buzdar</t>
  </si>
  <si>
    <t>Basti Buzdar</t>
  </si>
  <si>
    <t>Sameena Rani</t>
  </si>
  <si>
    <t>2666</t>
  </si>
  <si>
    <t>30727</t>
  </si>
  <si>
    <t>GGES BHASEEN</t>
  </si>
  <si>
    <t>SHALIMAR</t>
  </si>
  <si>
    <t>JALLO - FEMALE</t>
  </si>
  <si>
    <t>Bhseen</t>
  </si>
  <si>
    <t>village Bhaseen</t>
  </si>
  <si>
    <t>Komal Jabeen</t>
  </si>
  <si>
    <t>19472</t>
  </si>
  <si>
    <t>7480</t>
  </si>
  <si>
    <t>10285</t>
  </si>
  <si>
    <t>993</t>
  </si>
  <si>
    <t>34104</t>
  </si>
  <si>
    <t>6190</t>
  </si>
  <si>
    <t>GPS BASTI CHACHRAN 93/P</t>
  </si>
  <si>
    <t>Wah Athtta</t>
  </si>
  <si>
    <t>chak no 93/p</t>
  </si>
  <si>
    <t>ChakNo 93/P Basti Chachran</t>
  </si>
  <si>
    <t>93/P</t>
  </si>
  <si>
    <t>Shahbaz Younas</t>
  </si>
  <si>
    <t>8166</t>
  </si>
  <si>
    <t>GGPS WALAN BUZDAR</t>
  </si>
  <si>
    <t>D J K Darmiyani</t>
  </si>
  <si>
    <t>Basti walan buzdar</t>
  </si>
  <si>
    <t>Basti Walan Buzdar</t>
  </si>
  <si>
    <t>Darkhwast Jamal Khan Darmiyani</t>
  </si>
  <si>
    <t>Amtul Kafi Asia</t>
  </si>
  <si>
    <t>6264</t>
  </si>
  <si>
    <t>40583</t>
  </si>
  <si>
    <t>GPS MURRAD PUR SNAGI</t>
  </si>
  <si>
    <t>SONAK - MALE</t>
  </si>
  <si>
    <t>Murrad Pur Sangi</t>
  </si>
  <si>
    <t>pull 14000 Murad Pur Sanghi</t>
  </si>
  <si>
    <t>Pull 14000</t>
  </si>
  <si>
    <t>Hajji Pur</t>
  </si>
  <si>
    <t>49081</t>
  </si>
  <si>
    <t>3043</t>
  </si>
  <si>
    <t>25897</t>
  </si>
  <si>
    <t>34936</t>
  </si>
  <si>
    <t>GGES MIAN WALI</t>
  </si>
  <si>
    <t>TALWANDI BHINDRAN - FEMALE</t>
  </si>
  <si>
    <t>Khana Mianwali</t>
  </si>
  <si>
    <t>village khana Mianwali teh &amp; dist nwl p/o khokharwali</t>
  </si>
  <si>
    <t>Chandrky Mangoly</t>
  </si>
  <si>
    <t>Saba Ashraf</t>
  </si>
  <si>
    <t>15322</t>
  </si>
  <si>
    <t>16738</t>
  </si>
  <si>
    <t>GES CHAK 616/GB</t>
  </si>
  <si>
    <t>Garh Fateh Shah</t>
  </si>
  <si>
    <t>CHAK NO 616 gb</t>
  </si>
  <si>
    <t>616gb</t>
  </si>
  <si>
    <t>Chak No617</t>
  </si>
  <si>
    <t>muhammad jamshed khawaja</t>
  </si>
  <si>
    <t>3958</t>
  </si>
  <si>
    <t>2970</t>
  </si>
  <si>
    <t>32158</t>
  </si>
  <si>
    <t>49600</t>
  </si>
  <si>
    <t>GPS DERA MITT SINGH</t>
  </si>
  <si>
    <t>SHEIKHUPURA-XII - MALE</t>
  </si>
  <si>
    <t>dera mitt singh</t>
  </si>
  <si>
    <t>GPS DERA MITT SINGH LAGAR</t>
  </si>
  <si>
    <t>lagar</t>
  </si>
  <si>
    <t>Lagar</t>
  </si>
  <si>
    <t>Usman Ghani</t>
  </si>
  <si>
    <t>10086</t>
  </si>
  <si>
    <t>26039</t>
  </si>
  <si>
    <t>15953</t>
  </si>
  <si>
    <t>2926</t>
  </si>
  <si>
    <t>36443</t>
  </si>
  <si>
    <t>54635</t>
  </si>
  <si>
    <t>GGPS SHEENH MAR</t>
  </si>
  <si>
    <t>RATTA TIBBA - FEMALE</t>
  </si>
  <si>
    <t>Qadir Wah</t>
  </si>
  <si>
    <t>basti sheenh mar mouza qadir wah markaz ratta tibba</t>
  </si>
  <si>
    <t>Sheenhmar</t>
  </si>
  <si>
    <t>Qadirwah</t>
  </si>
  <si>
    <t>Razia bibi</t>
  </si>
  <si>
    <t>2084</t>
  </si>
  <si>
    <t>28979</t>
  </si>
  <si>
    <t>26895</t>
  </si>
  <si>
    <t>1733</t>
  </si>
  <si>
    <t>46565</t>
  </si>
  <si>
    <t>GGPS CHAK NO 22 MB</t>
  </si>
  <si>
    <t>22mb</t>
  </si>
  <si>
    <t>chak no 22 mb</t>
  </si>
  <si>
    <t>14mb</t>
  </si>
  <si>
    <t>Saleha Ghaffar</t>
  </si>
  <si>
    <t>830</t>
  </si>
  <si>
    <t>9790</t>
  </si>
  <si>
    <t>47648</t>
  </si>
  <si>
    <t>16526</t>
  </si>
  <si>
    <t>GPS DHUPSARI</t>
  </si>
  <si>
    <t>Thatha Baig</t>
  </si>
  <si>
    <t>Mouza Thatha Baig , Abadi Dhup Sari</t>
  </si>
  <si>
    <t>Dhup Sari</t>
  </si>
  <si>
    <t>Nasir Ali</t>
  </si>
  <si>
    <t>24108</t>
  </si>
  <si>
    <t>23867</t>
  </si>
  <si>
    <t>42855</t>
  </si>
  <si>
    <t>3017</t>
  </si>
  <si>
    <t>26687</t>
  </si>
  <si>
    <t>GGPS ROMAL</t>
  </si>
  <si>
    <t>LANGERKAY - FEMALE</t>
  </si>
  <si>
    <t>Romal</t>
  </si>
  <si>
    <t>Shaista Firdous</t>
  </si>
  <si>
    <t>1709</t>
  </si>
  <si>
    <t>1415</t>
  </si>
  <si>
    <t>24126</t>
  </si>
  <si>
    <t>32067</t>
  </si>
  <si>
    <t>GPS CHAK NAHARA</t>
  </si>
  <si>
    <t>Chak Nahara</t>
  </si>
  <si>
    <t>Post office manawala Village chak nahara</t>
  </si>
  <si>
    <t>AHMAD ALI</t>
  </si>
  <si>
    <t>36000</t>
  </si>
  <si>
    <t>44116</t>
  </si>
  <si>
    <t>16473</t>
  </si>
  <si>
    <t>GPS AHATA KHAI TANDLIANWALA</t>
  </si>
  <si>
    <t>KHAI</t>
  </si>
  <si>
    <t>GPS Ahata Khai Tandlianwala</t>
  </si>
  <si>
    <t>AHATA KHAI</t>
  </si>
  <si>
    <t>PINDI SHEIKH MUSA</t>
  </si>
  <si>
    <t>Noor Ahmad</t>
  </si>
  <si>
    <t>33400</t>
  </si>
  <si>
    <t>33159</t>
  </si>
  <si>
    <t>773</t>
  </si>
  <si>
    <t>4271</t>
  </si>
  <si>
    <t>41041</t>
  </si>
  <si>
    <t>GGPS TEEN PURA BALA</t>
  </si>
  <si>
    <t>DINA</t>
  </si>
  <si>
    <t>MUGHAL ABAD-FEMALE</t>
  </si>
  <si>
    <t>Teen Pura Bala</t>
  </si>
  <si>
    <t>GGPS Teen pura bala tehsil  Dina District Jhelum</t>
  </si>
  <si>
    <t>Sohan</t>
  </si>
  <si>
    <t>Hina Maqsood</t>
  </si>
  <si>
    <t>well</t>
  </si>
  <si>
    <t>5583</t>
  </si>
  <si>
    <t>12420</t>
  </si>
  <si>
    <t>13195</t>
  </si>
  <si>
    <t>23784</t>
  </si>
  <si>
    <t>907</t>
  </si>
  <si>
    <t>49560</t>
  </si>
  <si>
    <t>GGPS THATTI MUZALAM</t>
  </si>
  <si>
    <t>SHAHPUR</t>
  </si>
  <si>
    <t>WADHI - FEMALE</t>
  </si>
  <si>
    <t>THATTI MUZALAM</t>
  </si>
  <si>
    <t>SABOWAL</t>
  </si>
  <si>
    <t>Amnah Qurban</t>
  </si>
  <si>
    <t>25214</t>
  </si>
  <si>
    <t>9200</t>
  </si>
  <si>
    <t>11175</t>
  </si>
  <si>
    <t>10543</t>
  </si>
  <si>
    <t>35923</t>
  </si>
  <si>
    <t>GGCMS 176 WB</t>
  </si>
  <si>
    <t>Ggcm176wb</t>
  </si>
  <si>
    <t>chk no 176wb</t>
  </si>
  <si>
    <t>176wb</t>
  </si>
  <si>
    <t>Shatab Garh</t>
  </si>
  <si>
    <t>Naseem Akhtar</t>
  </si>
  <si>
    <t>27143</t>
  </si>
  <si>
    <t>27004</t>
  </si>
  <si>
    <t>4822</t>
  </si>
  <si>
    <t>21599</t>
  </si>
  <si>
    <t>GGPS KOT KARM CHAND</t>
  </si>
  <si>
    <t>EMINABAD - FEMALE</t>
  </si>
  <si>
    <t>KOT KARAM CHAND</t>
  </si>
  <si>
    <t>GGPS KOT KARAM CHAND</t>
  </si>
  <si>
    <t>EMINABAD</t>
  </si>
  <si>
    <t>AYESHA JAVED</t>
  </si>
  <si>
    <t>4019</t>
  </si>
  <si>
    <t>24630</t>
  </si>
  <si>
    <t>14531</t>
  </si>
  <si>
    <t>GPS MC D-BLOCK ALAMA IQBAL COLONY FSD</t>
  </si>
  <si>
    <t>Allama Iqbal Colony.</t>
  </si>
  <si>
    <t>Allama Iqbal Colony, D-block, Faisalabad.</t>
  </si>
  <si>
    <t>D-block</t>
  </si>
  <si>
    <t>Zakia Sattar</t>
  </si>
  <si>
    <t>purchasing from irrigation sources.</t>
  </si>
  <si>
    <t>13260</t>
  </si>
  <si>
    <t>18560</t>
  </si>
  <si>
    <t>25393</t>
  </si>
  <si>
    <t>44359</t>
  </si>
  <si>
    <t>16499</t>
  </si>
  <si>
    <t>GPS CHAK NO 421 GB I</t>
  </si>
  <si>
    <t>Johk Dara</t>
  </si>
  <si>
    <t>chak no 421gb south</t>
  </si>
  <si>
    <t>Chak No 421gb South</t>
  </si>
  <si>
    <t>Chak No 422</t>
  </si>
  <si>
    <t>Haroon Ur Riaz</t>
  </si>
  <si>
    <t>2450</t>
  </si>
  <si>
    <t>15057</t>
  </si>
  <si>
    <t>14947</t>
  </si>
  <si>
    <t>1820</t>
  </si>
  <si>
    <t>51913</t>
  </si>
  <si>
    <t>GPS MOHALA MUZAFFAR ABAD</t>
  </si>
  <si>
    <t>Muzaffar Abad</t>
  </si>
  <si>
    <t>Mohalla Muzaffar  Abad</t>
  </si>
  <si>
    <t>Arifwala</t>
  </si>
  <si>
    <t>Muhammad Aziz UrRehman</t>
  </si>
  <si>
    <t>3171</t>
  </si>
  <si>
    <t>3157</t>
  </si>
  <si>
    <t>37499</t>
  </si>
  <si>
    <t>54423</t>
  </si>
  <si>
    <t>2490</t>
  </si>
  <si>
    <t>16518</t>
  </si>
  <si>
    <t>GPS 602 GB</t>
  </si>
  <si>
    <t>BAHLAK 2 - MALE</t>
  </si>
  <si>
    <t>Chak No 602 GB</t>
  </si>
  <si>
    <t>chak no 602  gb</t>
  </si>
  <si>
    <t>Chak No 602 G B</t>
  </si>
  <si>
    <t>Chak No 603 G B</t>
  </si>
  <si>
    <t>SHAUKAT ALI</t>
  </si>
  <si>
    <t>2112</t>
  </si>
  <si>
    <t>25200</t>
  </si>
  <si>
    <t>15475</t>
  </si>
  <si>
    <t>GPS ASLAM SAMUNDRI</t>
  </si>
  <si>
    <t>Chakki Bazaar</t>
  </si>
  <si>
    <t>Chakki Bazar samundri</t>
  </si>
  <si>
    <t>mc samundri</t>
  </si>
  <si>
    <t>Nighat Firdous</t>
  </si>
  <si>
    <t>40547</t>
  </si>
  <si>
    <t>23948</t>
  </si>
  <si>
    <t>51817</t>
  </si>
  <si>
    <t>GES NO. 1 ARIF WALA</t>
  </si>
  <si>
    <t>H Block Arifwala</t>
  </si>
  <si>
    <t>Shakeel Ahmad</t>
  </si>
  <si>
    <t>10336</t>
  </si>
  <si>
    <t>1209</t>
  </si>
  <si>
    <t>340</t>
  </si>
  <si>
    <t>16172</t>
  </si>
  <si>
    <t>GGES CHAK 277 RB SATIALIAN</t>
  </si>
  <si>
    <t>Satilain277rb</t>
  </si>
  <si>
    <t>277rb satilan fsd</t>
  </si>
  <si>
    <t>Satilana277rb</t>
  </si>
  <si>
    <t>275rb Kartarpur</t>
  </si>
  <si>
    <t>Rubina Yasmin</t>
  </si>
  <si>
    <t>7617</t>
  </si>
  <si>
    <t>14396</t>
  </si>
  <si>
    <t>3094</t>
  </si>
  <si>
    <t>1380</t>
  </si>
  <si>
    <t>16502</t>
  </si>
  <si>
    <t>GPS CHAK NO 425 G</t>
  </si>
  <si>
    <t>Aqil Ke</t>
  </si>
  <si>
    <t>chak no 425 gb /s</t>
  </si>
  <si>
    <t>Chak No 425/s</t>
  </si>
  <si>
    <t>Chak No 422 Gb</t>
  </si>
  <si>
    <t>Yasmeen Akhtar</t>
  </si>
  <si>
    <t>950</t>
  </si>
  <si>
    <t>13940</t>
  </si>
  <si>
    <t>14858</t>
  </si>
  <si>
    <t>679</t>
  </si>
  <si>
    <t>16493</t>
  </si>
  <si>
    <t>GPS NO 3 TANDLIANWALA</t>
  </si>
  <si>
    <t>Tandlianwala</t>
  </si>
  <si>
    <t>ward  no 14  tandlianwala</t>
  </si>
  <si>
    <t>No</t>
  </si>
  <si>
    <t>Rizwan Safdar</t>
  </si>
  <si>
    <t>2583</t>
  </si>
  <si>
    <t>19170</t>
  </si>
  <si>
    <t>51452</t>
  </si>
  <si>
    <t>16505</t>
  </si>
  <si>
    <t>GPS CHAK NO 426 GB SOUTH</t>
  </si>
  <si>
    <t>RajKay</t>
  </si>
  <si>
    <t>Chak no 426GB Tandlianwala</t>
  </si>
  <si>
    <t>Chak No 426 GB Tandlianwala</t>
  </si>
  <si>
    <t>Chak No 429GB</t>
  </si>
  <si>
    <t>Abbas Ali</t>
  </si>
  <si>
    <t>2154</t>
  </si>
  <si>
    <t>7732</t>
  </si>
  <si>
    <t>24380</t>
  </si>
  <si>
    <t>21790</t>
  </si>
  <si>
    <t>16490</t>
  </si>
  <si>
    <t>GPS CHAK 424 GB TANDLIANWALA</t>
  </si>
  <si>
    <t>KOT AHMAD KHAN</t>
  </si>
  <si>
    <t>chak No 424 GB</t>
  </si>
  <si>
    <t>424 GB</t>
  </si>
  <si>
    <t>420 Gb</t>
  </si>
  <si>
    <t>6027</t>
  </si>
  <si>
    <t>25733</t>
  </si>
  <si>
    <t>16494</t>
  </si>
  <si>
    <t>GPS NO 6 TANDLIANWALA</t>
  </si>
  <si>
    <t>lqbal. colony. tanflianwala</t>
  </si>
  <si>
    <t>Iqbal Colony</t>
  </si>
  <si>
    <t>CC TANDLIANWALA</t>
  </si>
  <si>
    <t>Muhammad abbas</t>
  </si>
  <si>
    <t>12672</t>
  </si>
  <si>
    <t>12600</t>
  </si>
  <si>
    <t>3059</t>
  </si>
  <si>
    <t>44265</t>
  </si>
  <si>
    <t>GGPS BHOUN NO. 2</t>
  </si>
  <si>
    <t>BHOUN-FEMALE</t>
  </si>
  <si>
    <t>bhoun</t>
  </si>
  <si>
    <t>mohla toti mohra p.o.bhoun teh.kalar kahar</t>
  </si>
  <si>
    <t>Nazia Ijaz</t>
  </si>
  <si>
    <t>2855</t>
  </si>
  <si>
    <t>431</t>
  </si>
  <si>
    <t>21080</t>
  </si>
  <si>
    <t>22017</t>
  </si>
  <si>
    <t>16556</t>
  </si>
  <si>
    <t>GPS GUL BHORE TANDLIANWALA</t>
  </si>
  <si>
    <t>ghrh fath i sha</t>
  </si>
  <si>
    <t>Thatha gulbhore ghrh fat i sha Tehsil Tandlianwala dist faisalabad</t>
  </si>
  <si>
    <t>gulbhore</t>
  </si>
  <si>
    <t>garh Fateh Shah</t>
  </si>
  <si>
    <t>M Amin</t>
  </si>
  <si>
    <t>17200</t>
  </si>
  <si>
    <t>9500</t>
  </si>
  <si>
    <t>7700</t>
  </si>
  <si>
    <t>915</t>
  </si>
  <si>
    <t>43685</t>
  </si>
  <si>
    <t>GES MEHMOOD WALA</t>
  </si>
  <si>
    <t>JHATLA-MALE</t>
  </si>
  <si>
    <t>Mehmoodwala</t>
  </si>
  <si>
    <t>Village Mehmoodwala, Tehsil Talagang, District Chakwal</t>
  </si>
  <si>
    <t>Jhatla</t>
  </si>
  <si>
    <t>Nisar Ahmed</t>
  </si>
  <si>
    <t>6420</t>
  </si>
  <si>
    <t>33197</t>
  </si>
  <si>
    <t>35518</t>
  </si>
  <si>
    <t>388</t>
  </si>
  <si>
    <t>36354</t>
  </si>
  <si>
    <t>GGPS 7/WB JAMSHED ABAD</t>
  </si>
  <si>
    <t>Jamshaid Abad 7/WB Vehari</t>
  </si>
  <si>
    <t>Jamshaid Abad 7/WB</t>
  </si>
  <si>
    <t>41WB</t>
  </si>
  <si>
    <t>Mashkoor Akhtar</t>
  </si>
  <si>
    <t>36865</t>
  </si>
  <si>
    <t>53962</t>
  </si>
  <si>
    <t>GPS PEERAL SAIN</t>
  </si>
  <si>
    <t>Perral Sain</t>
  </si>
  <si>
    <t>Peeralsain Gary Fateh shah</t>
  </si>
  <si>
    <t>peeralsain</t>
  </si>
  <si>
    <t>garh</t>
  </si>
  <si>
    <t>805</t>
  </si>
  <si>
    <t>14157</t>
  </si>
  <si>
    <t>191</t>
  </si>
  <si>
    <t>36510</t>
  </si>
  <si>
    <t>GGPS CHAK NO 37/WB</t>
  </si>
  <si>
    <t>Gehli</t>
  </si>
  <si>
    <t>37 WB vehari</t>
  </si>
  <si>
    <t>37 WB Vehari</t>
  </si>
  <si>
    <t>Fozia Nazar</t>
  </si>
  <si>
    <t>3967</t>
  </si>
  <si>
    <t>7200</t>
  </si>
  <si>
    <t>36514</t>
  </si>
  <si>
    <t>GGPS 25 WB NAKRI</t>
  </si>
  <si>
    <t>nakri</t>
  </si>
  <si>
    <t>25/wb Nakri vehari</t>
  </si>
  <si>
    <t>25/wb Nakri</t>
  </si>
  <si>
    <t>Rukhsana Kanwal</t>
  </si>
  <si>
    <t>Centre of Excellence</t>
  </si>
  <si>
    <t>2534</t>
  </si>
  <si>
    <t>4033</t>
  </si>
  <si>
    <t>14020</t>
  </si>
  <si>
    <t>13972</t>
  </si>
  <si>
    <t>3472</t>
  </si>
  <si>
    <t>37970</t>
  </si>
  <si>
    <t>27936</t>
  </si>
  <si>
    <t>GMES JAL WALA</t>
  </si>
  <si>
    <t>HAVELI NASEER KHAN-FEMALE</t>
  </si>
  <si>
    <t>Thatisamaja</t>
  </si>
  <si>
    <t>basti jal wala Moza thathi sameja lodhran</t>
  </si>
  <si>
    <t>JAL WALA</t>
  </si>
  <si>
    <t>Munazza Naz</t>
  </si>
  <si>
    <t>Bill Not Paid</t>
  </si>
  <si>
    <t>14930</t>
  </si>
  <si>
    <t>29239</t>
  </si>
  <si>
    <t>GPS SAYEDAAN WALA</t>
  </si>
  <si>
    <t>Rakh Dhala</t>
  </si>
  <si>
    <t>syedanwala</t>
  </si>
  <si>
    <t>Syedanwla</t>
  </si>
  <si>
    <t>China Ottar</t>
  </si>
  <si>
    <t>Dilshad Ahmad</t>
  </si>
  <si>
    <t>4200</t>
  </si>
  <si>
    <t>2600</t>
  </si>
  <si>
    <t>26410</t>
  </si>
  <si>
    <t>25340</t>
  </si>
  <si>
    <t>2160</t>
  </si>
  <si>
    <t>20365</t>
  </si>
  <si>
    <t>GGPS BUKHSH WALA</t>
  </si>
  <si>
    <t>LALIAN</t>
  </si>
  <si>
    <t>LALIAN MARKAZ NO.04 - FEMALE</t>
  </si>
  <si>
    <t>Bukhsh Wala</t>
  </si>
  <si>
    <t>bukhsh wala p.o. same</t>
  </si>
  <si>
    <t>Hast Khewa</t>
  </si>
  <si>
    <t>Rafia Kanwal</t>
  </si>
  <si>
    <t>15350</t>
  </si>
  <si>
    <t>14240</t>
  </si>
  <si>
    <t>25937</t>
  </si>
  <si>
    <t>GGPS RASHEED PUR</t>
  </si>
  <si>
    <t>Rasheed Pur</t>
  </si>
  <si>
    <t>rasheedpur</t>
  </si>
  <si>
    <t>Niddoke</t>
  </si>
  <si>
    <t>Sofia Zulfiqar Shirazi</t>
  </si>
  <si>
    <t>2186</t>
  </si>
  <si>
    <t>1471</t>
  </si>
  <si>
    <t>974</t>
  </si>
  <si>
    <t>2359</t>
  </si>
  <si>
    <t>15253</t>
  </si>
  <si>
    <t>GGES CHAK 64 RB</t>
  </si>
  <si>
    <t>BADIANWALA - FEMALE</t>
  </si>
  <si>
    <t>Chak No 64 Rb</t>
  </si>
  <si>
    <t>chak no 64 rb</t>
  </si>
  <si>
    <t>Winjwan</t>
  </si>
  <si>
    <t>Perveen Fatima</t>
  </si>
  <si>
    <t>38983</t>
  </si>
  <si>
    <t>GPS QULYAR</t>
  </si>
  <si>
    <t>Qoulyar</t>
  </si>
  <si>
    <t>gbps qoulyar village qoulyar po dhurnal teh fateh jang disstt attock</t>
  </si>
  <si>
    <t>Muhammad Tahir Waqas Gakhar</t>
  </si>
  <si>
    <t>1136</t>
  </si>
  <si>
    <t>1277</t>
  </si>
  <si>
    <t>12365</t>
  </si>
  <si>
    <t>11088</t>
  </si>
  <si>
    <t>32680</t>
  </si>
  <si>
    <t>38902</t>
  </si>
  <si>
    <t>GGPS SANJWAL</t>
  </si>
  <si>
    <t>BOLIAN WAL - FEMALE</t>
  </si>
  <si>
    <t>Sanjwal</t>
  </si>
  <si>
    <t>vpo sanjwal teh &amp; dist attock</t>
  </si>
  <si>
    <t>Golra</t>
  </si>
  <si>
    <t>Saira Iqbal</t>
  </si>
  <si>
    <t>35486</t>
  </si>
  <si>
    <t>2686</t>
  </si>
  <si>
    <t>2681</t>
  </si>
  <si>
    <t>18300</t>
  </si>
  <si>
    <t>GPS CHAK NO 3/4 L</t>
  </si>
  <si>
    <t>AHMAD PUR SIAL</t>
  </si>
  <si>
    <t>AHMAD PUR SIAL - MALE</t>
  </si>
  <si>
    <t>Chak No 3/4L</t>
  </si>
  <si>
    <t>Chak No 3/4 L</t>
  </si>
  <si>
    <t>Samandoana</t>
  </si>
  <si>
    <t>Abdul Waheed</t>
  </si>
  <si>
    <t>6573</t>
  </si>
  <si>
    <t>11140</t>
  </si>
  <si>
    <t>3788</t>
  </si>
  <si>
    <t>2156</t>
  </si>
  <si>
    <t>20164</t>
  </si>
  <si>
    <t>GGES WALLAH</t>
  </si>
  <si>
    <t>LALIAN MARKAZ NO.01 - FEMALE</t>
  </si>
  <si>
    <t>Wallah</t>
  </si>
  <si>
    <t>GGES Wallah Tehsil Lalian District Chiniot</t>
  </si>
  <si>
    <t>Qudratabad Wallah</t>
  </si>
  <si>
    <t>Iram Ismail</t>
  </si>
  <si>
    <t>19834</t>
  </si>
  <si>
    <t>493</t>
  </si>
  <si>
    <t>383</t>
  </si>
  <si>
    <t>16059</t>
  </si>
  <si>
    <t>GGES CHAK 274 RB II</t>
  </si>
  <si>
    <t>274 RB</t>
  </si>
  <si>
    <t>GGES 274 RB 11 cheema, Faisalabad</t>
  </si>
  <si>
    <t>Cheema</t>
  </si>
  <si>
    <t>275 RB Kartarpur</t>
  </si>
  <si>
    <t>Ayesha</t>
  </si>
  <si>
    <t>12251</t>
  </si>
  <si>
    <t>8876</t>
  </si>
  <si>
    <t>32723</t>
  </si>
  <si>
    <t>23847</t>
  </si>
  <si>
    <t>27020</t>
  </si>
  <si>
    <t>43377</t>
  </si>
  <si>
    <t>GGPS MC NO. 2 COMMITTEE BAGH</t>
  </si>
  <si>
    <t>CHAKWAL1-FEMALE</t>
  </si>
  <si>
    <t>Chakwal</t>
  </si>
  <si>
    <t>m'c no2 committee chakwal</t>
  </si>
  <si>
    <t>Shazia Parveen</t>
  </si>
  <si>
    <t>27472</t>
  </si>
  <si>
    <t>7710</t>
  </si>
  <si>
    <t>12516</t>
  </si>
  <si>
    <t>16508</t>
  </si>
  <si>
    <t>GPS CHAK NO 430 GB</t>
  </si>
  <si>
    <t>dewray</t>
  </si>
  <si>
    <t>cjak no 430 gb</t>
  </si>
  <si>
    <t>430 gb</t>
  </si>
  <si>
    <t>429 gb</t>
  </si>
  <si>
    <t>javed iqbal</t>
  </si>
  <si>
    <t>240</t>
  </si>
  <si>
    <t>13211</t>
  </si>
  <si>
    <t>15871</t>
  </si>
  <si>
    <t>712</t>
  </si>
  <si>
    <t>18308</t>
  </si>
  <si>
    <t>GPS BASTI SATIANA</t>
  </si>
  <si>
    <t>Sanpal</t>
  </si>
  <si>
    <t>Govt Primary School Basti Satiana Mouza Sanpal</t>
  </si>
  <si>
    <t>Basti Satiana</t>
  </si>
  <si>
    <t>Ranjeet Kot</t>
  </si>
  <si>
    <t>Zafar Abbas</t>
  </si>
  <si>
    <t>2822</t>
  </si>
  <si>
    <t>8895</t>
  </si>
  <si>
    <t>34558</t>
  </si>
  <si>
    <t>3913</t>
  </si>
  <si>
    <t>29515</t>
  </si>
  <si>
    <t>GGPS BASTI EID GAH</t>
  </si>
  <si>
    <t>KHUDIAN CITY - FEMALE</t>
  </si>
  <si>
    <t>Bairoon Khudian</t>
  </si>
  <si>
    <t>Basti eid gah  bairoon khudian khas</t>
  </si>
  <si>
    <t>Basti Eid Gah</t>
  </si>
  <si>
    <t>Farzana Ruhey</t>
  </si>
  <si>
    <t>3825</t>
  </si>
  <si>
    <t>21640</t>
  </si>
  <si>
    <t>22169</t>
  </si>
  <si>
    <t>7396</t>
  </si>
  <si>
    <t>3026</t>
  </si>
  <si>
    <t>22753</t>
  </si>
  <si>
    <t>GMPS JULIANI</t>
  </si>
  <si>
    <t>GUJRAT III - FEMALE</t>
  </si>
  <si>
    <t>Juliani</t>
  </si>
  <si>
    <t>village juliani p.o deona mandi district gujrat</t>
  </si>
  <si>
    <t>Deona</t>
  </si>
  <si>
    <t>Seemab Sabir</t>
  </si>
  <si>
    <t>6262</t>
  </si>
  <si>
    <t>32212</t>
  </si>
  <si>
    <t>470</t>
  </si>
  <si>
    <t>50246</t>
  </si>
  <si>
    <t>32284</t>
  </si>
  <si>
    <t>5428</t>
  </si>
  <si>
    <t>19857</t>
  </si>
  <si>
    <t>GMPS CHAK NO 201 JB</t>
  </si>
  <si>
    <t>AEO (W) BHOWANA NO.26</t>
  </si>
  <si>
    <t>Chak No 201</t>
  </si>
  <si>
    <t>Chak no. 201 JB</t>
  </si>
  <si>
    <t>Nasrana</t>
  </si>
  <si>
    <t>Azra Khanam</t>
  </si>
  <si>
    <t>4084</t>
  </si>
  <si>
    <t>7914</t>
  </si>
  <si>
    <t>35414</t>
  </si>
  <si>
    <t>26500</t>
  </si>
  <si>
    <t>1338</t>
  </si>
  <si>
    <t>51860</t>
  </si>
  <si>
    <t>GES MOHER SINGH ARIFWALA</t>
  </si>
  <si>
    <t>RANG SHAH - MALE</t>
  </si>
  <si>
    <t>Kot Moher Singh</t>
  </si>
  <si>
    <t>GES kot moher singh</t>
  </si>
  <si>
    <t>Moher Singh</t>
  </si>
  <si>
    <t>Chak Shaffi</t>
  </si>
  <si>
    <t>Muhammad Nazeer</t>
  </si>
  <si>
    <t>7554</t>
  </si>
  <si>
    <t>46621</t>
  </si>
  <si>
    <t>50371</t>
  </si>
  <si>
    <t>16012</t>
  </si>
  <si>
    <t>GGPS CHAK 79 GB NORTH</t>
  </si>
  <si>
    <t>ggps 79 G.B north</t>
  </si>
  <si>
    <t>79 GB</t>
  </si>
  <si>
    <t>Khuddian 237 Rb</t>
  </si>
  <si>
    <t>Ismat Parveen</t>
  </si>
  <si>
    <t>1440</t>
  </si>
  <si>
    <t>14422</t>
  </si>
  <si>
    <t>19597</t>
  </si>
  <si>
    <t>20500</t>
  </si>
  <si>
    <t>44084</t>
  </si>
  <si>
    <t>5118</t>
  </si>
  <si>
    <t>44048</t>
  </si>
  <si>
    <t>15534</t>
  </si>
  <si>
    <t>GPS 488 GB S</t>
  </si>
  <si>
    <t>chack no 488GB south tehsial sammundri distict Faisalabad</t>
  </si>
  <si>
    <t>488GB South</t>
  </si>
  <si>
    <t>Ateeq ir rehman</t>
  </si>
  <si>
    <t>8208</t>
  </si>
  <si>
    <t>10924</t>
  </si>
  <si>
    <t>1778</t>
  </si>
  <si>
    <t>15941</t>
  </si>
  <si>
    <t>GGPS CHAK NO 239 RB II</t>
  </si>
  <si>
    <t>Harlan</t>
  </si>
  <si>
    <t>239 rb II harlhan</t>
  </si>
  <si>
    <t>239 Rb II Harlan</t>
  </si>
  <si>
    <t>Khanuana</t>
  </si>
  <si>
    <t>Fatima Nisar</t>
  </si>
  <si>
    <t>21400</t>
  </si>
  <si>
    <t>41627</t>
  </si>
  <si>
    <t>541</t>
  </si>
  <si>
    <t>15638</t>
  </si>
  <si>
    <t>GES CHAK NO.482/GB</t>
  </si>
  <si>
    <t>Jugranwan</t>
  </si>
  <si>
    <t>Chak No.482 GB</t>
  </si>
  <si>
    <t>Chak 482 GB</t>
  </si>
  <si>
    <t>484 GB</t>
  </si>
  <si>
    <t>muhammad javed tabasam</t>
  </si>
  <si>
    <t>2100</t>
  </si>
  <si>
    <t>309</t>
  </si>
  <si>
    <t>1485</t>
  </si>
  <si>
    <t>16568</t>
  </si>
  <si>
    <t>GPS CHAH PIPAL WALA</t>
  </si>
  <si>
    <t>Chah Pipal Wala</t>
  </si>
  <si>
    <t>chak no 555 g.b.chah pilal Wala ,teh tandlianwala dist fsd</t>
  </si>
  <si>
    <t>Derbar Pir Salah Din</t>
  </si>
  <si>
    <t>ALLAH YAR</t>
  </si>
  <si>
    <t>15733</t>
  </si>
  <si>
    <t>12520</t>
  </si>
  <si>
    <t>6845</t>
  </si>
  <si>
    <t>1583</t>
  </si>
  <si>
    <t>GPS 214 GB</t>
  </si>
  <si>
    <t>Jaroor</t>
  </si>
  <si>
    <t>Chak no 214 GB Tehsil Samundri, Faisalabad</t>
  </si>
  <si>
    <t>AKHTAR ALI</t>
  </si>
  <si>
    <t>5450</t>
  </si>
  <si>
    <t>6110</t>
  </si>
  <si>
    <t>15340</t>
  </si>
  <si>
    <t>737</t>
  </si>
  <si>
    <t>15964</t>
  </si>
  <si>
    <t>GGES CHAK 246 RB I</t>
  </si>
  <si>
    <t>246 rb</t>
  </si>
  <si>
    <t>chak number 246 r.b fsd</t>
  </si>
  <si>
    <t>kukarwala</t>
  </si>
  <si>
    <t>miani</t>
  </si>
  <si>
    <t>nighat sultana</t>
  </si>
  <si>
    <t>458</t>
  </si>
  <si>
    <t>27000</t>
  </si>
  <si>
    <t>15533</t>
  </si>
  <si>
    <t>GPS 488 GB N</t>
  </si>
  <si>
    <t>488 BHO</t>
  </si>
  <si>
    <t>CHAK NO 488 G B</t>
  </si>
  <si>
    <t>488 N</t>
  </si>
  <si>
    <t>487 G B</t>
  </si>
  <si>
    <t>MUHAMMAD FAROOQ SATTAR</t>
  </si>
  <si>
    <t>207</t>
  </si>
  <si>
    <t>50383</t>
  </si>
  <si>
    <t>50176</t>
  </si>
  <si>
    <t>38700</t>
  </si>
  <si>
    <t>16026</t>
  </si>
  <si>
    <t>GGPS CHAK 250 RB</t>
  </si>
  <si>
    <t>250 Rb</t>
  </si>
  <si>
    <t>Afzalabad,Abbaspur</t>
  </si>
  <si>
    <t>Afzalabad</t>
  </si>
  <si>
    <t>Dhinganwala</t>
  </si>
  <si>
    <t>Riffat Sultana</t>
  </si>
  <si>
    <t>17500</t>
  </si>
  <si>
    <t>52693</t>
  </si>
  <si>
    <t>53205</t>
  </si>
  <si>
    <t>GPS 15/4.L</t>
  </si>
  <si>
    <t>15/4l</t>
  </si>
  <si>
    <t>chak no 15,/4l</t>
  </si>
  <si>
    <t>Cant Board</t>
  </si>
  <si>
    <t>Mohammad Yasin</t>
  </si>
  <si>
    <t>1425</t>
  </si>
  <si>
    <t>1533</t>
  </si>
  <si>
    <t>2064</t>
  </si>
  <si>
    <t>7114</t>
  </si>
  <si>
    <t>GPS CHAK NO 180/P</t>
  </si>
  <si>
    <t>GOTH JANGOO - MALE</t>
  </si>
  <si>
    <t>Chak 180p</t>
  </si>
  <si>
    <t>chak 180p sadiq abad</t>
  </si>
  <si>
    <t>Bindor Abbadian</t>
  </si>
  <si>
    <t>Faiz Nabi</t>
  </si>
  <si>
    <t>3782</t>
  </si>
  <si>
    <t>8047</t>
  </si>
  <si>
    <t>3083</t>
  </si>
  <si>
    <t>22845</t>
  </si>
  <si>
    <t>15917</t>
  </si>
  <si>
    <t>GGPS MC KALRA KHASA</t>
  </si>
  <si>
    <t>GUJRAT II - FEMALE</t>
  </si>
  <si>
    <t>Kalra Khasa</t>
  </si>
  <si>
    <t>kalra khasa s a fans gujrat</t>
  </si>
  <si>
    <t>Kalra Kalan</t>
  </si>
  <si>
    <t>Asma Noreen</t>
  </si>
  <si>
    <t>3076</t>
  </si>
  <si>
    <t>39861</t>
  </si>
  <si>
    <t>50962</t>
  </si>
  <si>
    <t>28191</t>
  </si>
  <si>
    <t>GHS DHUNNI KALAN</t>
  </si>
  <si>
    <t>Dhunni Klan</t>
  </si>
  <si>
    <t>GHS Dhunni Klan Tehsil Phalia Distt. Mandi Bahauddin</t>
  </si>
  <si>
    <t>SALEEM ULLAH JUNDRAN</t>
  </si>
  <si>
    <t>10840</t>
  </si>
  <si>
    <t>2533</t>
  </si>
  <si>
    <t>29712</t>
  </si>
  <si>
    <t>GPS MALAN WALA 34</t>
  </si>
  <si>
    <t>Mallan Wala</t>
  </si>
  <si>
    <t>mallan Wala chak 34</t>
  </si>
  <si>
    <t>Naroki Mahja</t>
  </si>
  <si>
    <t>Zia Ul Mustafa</t>
  </si>
  <si>
    <t>5985</t>
  </si>
  <si>
    <t>44490</t>
  </si>
  <si>
    <t>38505</t>
  </si>
  <si>
    <t>19418</t>
  </si>
  <si>
    <t>GPS SADDIQE PARK TTS</t>
  </si>
  <si>
    <t>Siddique Park</t>
  </si>
  <si>
    <t>gps siddique park t t singh</t>
  </si>
  <si>
    <t>328 Jb</t>
  </si>
  <si>
    <t>Chak No 328JB</t>
  </si>
  <si>
    <t>Zaman Gul</t>
  </si>
  <si>
    <t>10735</t>
  </si>
  <si>
    <t>10730</t>
  </si>
  <si>
    <t>8779</t>
  </si>
  <si>
    <t>13034</t>
  </si>
  <si>
    <t>15487</t>
  </si>
  <si>
    <t>GPS 389 GB SAMUNDARI FSD</t>
  </si>
  <si>
    <t>Salah Pur</t>
  </si>
  <si>
    <t>chak no 389 gb samundri</t>
  </si>
  <si>
    <t>389</t>
  </si>
  <si>
    <t>Samundri</t>
  </si>
  <si>
    <t>Khalid Hussain</t>
  </si>
  <si>
    <t>1921</t>
  </si>
  <si>
    <t>285</t>
  </si>
  <si>
    <t>25938</t>
  </si>
  <si>
    <t>GGPS VENJAL</t>
  </si>
  <si>
    <t>Vinjal</t>
  </si>
  <si>
    <t>Ggps vinjal tah and district narowwal</t>
  </si>
  <si>
    <t>Asghar Ali</t>
  </si>
  <si>
    <t>1603</t>
  </si>
  <si>
    <t>1723</t>
  </si>
  <si>
    <t>27086</t>
  </si>
  <si>
    <t>3013</t>
  </si>
  <si>
    <t>26671</t>
  </si>
  <si>
    <t>59840</t>
  </si>
  <si>
    <t>GGPS JEOKAY</t>
  </si>
  <si>
    <t>DHAMTHAL - FEMALE</t>
  </si>
  <si>
    <t>Jeokay</t>
  </si>
  <si>
    <t>jeokay</t>
  </si>
  <si>
    <t>Dhamthal</t>
  </si>
  <si>
    <t>Samina Shahzadi</t>
  </si>
  <si>
    <t>15640</t>
  </si>
  <si>
    <t>GES 487/GB</t>
  </si>
  <si>
    <t>Manjhla Bagh</t>
  </si>
  <si>
    <t>CHAK NO 487 GB SAMUNDARI FAISALABAD</t>
  </si>
  <si>
    <t>487 GB</t>
  </si>
  <si>
    <t>1915</t>
  </si>
  <si>
    <t>8195</t>
  </si>
  <si>
    <t>803</t>
  </si>
  <si>
    <t>43360</t>
  </si>
  <si>
    <t>GPS SAKRIALA</t>
  </si>
  <si>
    <t>DHUDIAL-MALE</t>
  </si>
  <si>
    <t>Sakriala</t>
  </si>
  <si>
    <t>village sakriala p.o mangwal teh. dist. chakwal</t>
  </si>
  <si>
    <t>Mangwal</t>
  </si>
  <si>
    <t>Naeem Hassan</t>
  </si>
  <si>
    <t>1716</t>
  </si>
  <si>
    <t>21976</t>
  </si>
  <si>
    <t>9960</t>
  </si>
  <si>
    <t>30440</t>
  </si>
  <si>
    <t>32306</t>
  </si>
  <si>
    <t>21336</t>
  </si>
  <si>
    <t>GPS PATOKAY WAZIRABAD</t>
  </si>
  <si>
    <t>WAZIRABAD SADAR 2 - MALE</t>
  </si>
  <si>
    <t>Patokay</t>
  </si>
  <si>
    <t>PATOKAY , WAZIRABAD</t>
  </si>
  <si>
    <t>Vinjo Wali</t>
  </si>
  <si>
    <t>Kaiwan Haider</t>
  </si>
  <si>
    <t>16546</t>
  </si>
  <si>
    <t>GES CHAK NO 451 GB I TANDLIANWALA</t>
  </si>
  <si>
    <t>Chak No 451 GB</t>
  </si>
  <si>
    <t>Chak no 451 G.B Roperian Tehsil Tandlianwala District Faisalabad</t>
  </si>
  <si>
    <t>Chak No 451 GB Roperian</t>
  </si>
  <si>
    <t>Chak No 449 GB</t>
  </si>
  <si>
    <t>Ahmad Waqar Firdous</t>
  </si>
  <si>
    <t>4620</t>
  </si>
  <si>
    <t>2092</t>
  </si>
  <si>
    <t>45901</t>
  </si>
  <si>
    <t>GPS FALAK SHER</t>
  </si>
  <si>
    <t>Bijar</t>
  </si>
  <si>
    <t>Mitha tiwana khushab</t>
  </si>
  <si>
    <t>Ghazanfar Ali Danish</t>
  </si>
  <si>
    <t>2270</t>
  </si>
  <si>
    <t>40717</t>
  </si>
  <si>
    <t>3155</t>
  </si>
  <si>
    <t>21800</t>
  </si>
  <si>
    <t>GGHS CHAK CHAUDHARY</t>
  </si>
  <si>
    <t>chak chaudhary</t>
  </si>
  <si>
    <t>Govt Girls High School Chak Chaudhary tehsil Noshera Virkan District Gujranwala</t>
  </si>
  <si>
    <t>Chak Chaudhary</t>
  </si>
  <si>
    <t>Sadaf Kiran</t>
  </si>
  <si>
    <t>15642</t>
  </si>
  <si>
    <t>43640</t>
  </si>
  <si>
    <t>GHS NO. 2 TALAGANG</t>
  </si>
  <si>
    <t>ghs no 2 talagang</t>
  </si>
  <si>
    <t>Tla Gharb</t>
  </si>
  <si>
    <t>Muhammad Arif Khan</t>
  </si>
  <si>
    <t>1818</t>
  </si>
  <si>
    <t>1887</t>
  </si>
  <si>
    <t>28245</t>
  </si>
  <si>
    <t>31461</t>
  </si>
  <si>
    <t>48543</t>
  </si>
  <si>
    <t>GGPS BADOO</t>
  </si>
  <si>
    <t>FEROZWALA-II - FEMALE</t>
  </si>
  <si>
    <t>Badoo</t>
  </si>
  <si>
    <t>Village Badoo Tehsil Ferozewala District Sheikhupura</t>
  </si>
  <si>
    <t>Faiz Pur Khurd</t>
  </si>
  <si>
    <t>Naila Shahzadi</t>
  </si>
  <si>
    <t>16570</t>
  </si>
  <si>
    <t>GPS 453 GB</t>
  </si>
  <si>
    <t>Akanwali</t>
  </si>
  <si>
    <t>Chak no 453 GB akanwali tandlianwala</t>
  </si>
  <si>
    <t>453 GB</t>
  </si>
  <si>
    <t>Chak No 454 GB</t>
  </si>
  <si>
    <t>Farhan Akhtar</t>
  </si>
  <si>
    <t>10379</t>
  </si>
  <si>
    <t>30836</t>
  </si>
  <si>
    <t>33500</t>
  </si>
  <si>
    <t>26905</t>
  </si>
  <si>
    <t>8268</t>
  </si>
  <si>
    <t>GGPS FAROOQ NAGAR</t>
  </si>
  <si>
    <t>Haider Qurashi</t>
  </si>
  <si>
    <t>Qurashi Wala Markaz Aali Wala Tehsil Kot chutta</t>
  </si>
  <si>
    <t>Qurashi Wala</t>
  </si>
  <si>
    <t>Aali Wala</t>
  </si>
  <si>
    <t>Iram Tahir</t>
  </si>
  <si>
    <t>3918</t>
  </si>
  <si>
    <t>51506</t>
  </si>
  <si>
    <t>GES CHAK NO. 102 /D</t>
  </si>
  <si>
    <t>NOOR PUR 2 - MALE</t>
  </si>
  <si>
    <t>102/D</t>
  </si>
  <si>
    <t>Chak No, 102/D teh &amp; distt pakpattan</t>
  </si>
  <si>
    <t>96/D</t>
  </si>
  <si>
    <t>Muhammad Yaqub Shaheen</t>
  </si>
  <si>
    <t>3052</t>
  </si>
  <si>
    <t>18275</t>
  </si>
  <si>
    <t>41500</t>
  </si>
  <si>
    <t>36140</t>
  </si>
  <si>
    <t>1876</t>
  </si>
  <si>
    <t>6216</t>
  </si>
  <si>
    <t>GPS BASTI DOST MUHAMMAD</t>
  </si>
  <si>
    <t>AMIN GARH - MALE</t>
  </si>
  <si>
    <t>basti dost muhammad</t>
  </si>
  <si>
    <t>Basti Dost Muhammad Muhammad</t>
  </si>
  <si>
    <t>Amin Garh</t>
  </si>
  <si>
    <t>Tariq jamil</t>
  </si>
  <si>
    <t>12371</t>
  </si>
  <si>
    <t>51186</t>
  </si>
  <si>
    <t>GGCMES 58/GD</t>
  </si>
  <si>
    <t>Bahadr Shah</t>
  </si>
  <si>
    <t>58gd</t>
  </si>
  <si>
    <t>Shahida Nazir</t>
  </si>
  <si>
    <t>27200</t>
  </si>
  <si>
    <t>6300</t>
  </si>
  <si>
    <t>50250</t>
  </si>
  <si>
    <t>40960</t>
  </si>
  <si>
    <t>16576</t>
  </si>
  <si>
    <t>GES 540 GB</t>
  </si>
  <si>
    <t>Chak No 540 Gb</t>
  </si>
  <si>
    <t>Chak no 540 gb Tehsil Tandlianwala Faisalabad</t>
  </si>
  <si>
    <t>Chak No 454 Gb</t>
  </si>
  <si>
    <t>MUHAMMAD JAMIL</t>
  </si>
  <si>
    <t>4356</t>
  </si>
  <si>
    <t>2610</t>
  </si>
  <si>
    <t>6518</t>
  </si>
  <si>
    <t>40929</t>
  </si>
  <si>
    <t>GGPS CHAH SUMAR MOHANA</t>
  </si>
  <si>
    <t>SARDAR GARH  - FEMALE</t>
  </si>
  <si>
    <t>Kot Kamu Shah</t>
  </si>
  <si>
    <t>64/b satellite town rahimyarkhan</t>
  </si>
  <si>
    <t>Chah Sumar mohana</t>
  </si>
  <si>
    <t>Akram Abad</t>
  </si>
  <si>
    <t>261</t>
  </si>
  <si>
    <t>Tasneem Kausar</t>
  </si>
  <si>
    <t>14454</t>
  </si>
  <si>
    <t>2813</t>
  </si>
  <si>
    <t>4786</t>
  </si>
  <si>
    <t>45508</t>
  </si>
  <si>
    <t>GMPS MASSET SOUTH</t>
  </si>
  <si>
    <t>RURAL DULLE WALA-FEMALE</t>
  </si>
  <si>
    <t>Dalla</t>
  </si>
  <si>
    <t>street Akhtar Ali Khan wali Mohala jafria bhakkar</t>
  </si>
  <si>
    <t>Maseeta South</t>
  </si>
  <si>
    <t>Rural Dulley Wala</t>
  </si>
  <si>
    <t>Farhat shehzadi</t>
  </si>
  <si>
    <t>2155</t>
  </si>
  <si>
    <t>10776</t>
  </si>
  <si>
    <t>GPS CHAK NO.146 TDA DAGREE</t>
  </si>
  <si>
    <t>Lohanch</t>
  </si>
  <si>
    <t>Govt.P/S chak no 146/TDA Dagree Layyah</t>
  </si>
  <si>
    <t>Chak No 146/TDA Dagree</t>
  </si>
  <si>
    <t>Thal Jandi</t>
  </si>
  <si>
    <t>Kamal Gill</t>
  </si>
  <si>
    <t>5718</t>
  </si>
  <si>
    <t>156</t>
  </si>
  <si>
    <t>17960</t>
  </si>
  <si>
    <t>14580</t>
  </si>
  <si>
    <t>2496</t>
  </si>
  <si>
    <t>53209</t>
  </si>
  <si>
    <t>GPS CHAK 23-A/4L</t>
  </si>
  <si>
    <t>SHAHBORE - MALE</t>
  </si>
  <si>
    <t>23A/4L</t>
  </si>
  <si>
    <t>chak 23A/4L okara cantt</t>
  </si>
  <si>
    <t>36/4L</t>
  </si>
  <si>
    <t>Joraij</t>
  </si>
  <si>
    <t>2895</t>
  </si>
  <si>
    <t>13560</t>
  </si>
  <si>
    <t>16455</t>
  </si>
  <si>
    <t>5919</t>
  </si>
  <si>
    <t>50193</t>
  </si>
  <si>
    <t>GES 21/11-L</t>
  </si>
  <si>
    <t>CHICHAWATANI</t>
  </si>
  <si>
    <t>GHAZI ABAD WEST-MALE</t>
  </si>
  <si>
    <t>Ges chak no 21/11-L</t>
  </si>
  <si>
    <t>21/11-L</t>
  </si>
  <si>
    <t>30/11-L</t>
  </si>
  <si>
    <t>Hafiz  Muhammad Sharif</t>
  </si>
  <si>
    <t>7078</t>
  </si>
  <si>
    <t>11405</t>
  </si>
  <si>
    <t>2867</t>
  </si>
  <si>
    <t>48123</t>
  </si>
  <si>
    <t>2397</t>
  </si>
  <si>
    <t>632</t>
  </si>
  <si>
    <t>4444</t>
  </si>
  <si>
    <t>GPS CHAK NO.14/BC-A</t>
  </si>
  <si>
    <t>BAHAWALPUR SADAR</t>
  </si>
  <si>
    <t>AIRPORT - MALE</t>
  </si>
  <si>
    <t>CHAK NO14BCA</t>
  </si>
  <si>
    <t>CHAK NO. 14 B.C. A Bahawalpur</t>
  </si>
  <si>
    <t>CHAK NO 14 BCA</t>
  </si>
  <si>
    <t>CHAK NO 23 BC</t>
  </si>
  <si>
    <t>252</t>
  </si>
  <si>
    <t>Muhammad Idrees Shahid</t>
  </si>
  <si>
    <t>4752</t>
  </si>
  <si>
    <t>9756</t>
  </si>
  <si>
    <t>GGES CHAK NO 484 TDA</t>
  </si>
  <si>
    <t>CHAUBARA</t>
  </si>
  <si>
    <t>SHARE GURH FEMALE</t>
  </si>
  <si>
    <t>Chak#484/TDA</t>
  </si>
  <si>
    <t>chak #484/TDA</t>
  </si>
  <si>
    <t>Saharan</t>
  </si>
  <si>
    <t>282</t>
  </si>
  <si>
    <t>Sadia Batool</t>
  </si>
  <si>
    <t>31680</t>
  </si>
  <si>
    <t>18519</t>
  </si>
  <si>
    <t>3227</t>
  </si>
  <si>
    <t>18496</t>
  </si>
  <si>
    <t>GHS CHAK 353 JB MEHNDI ABAD</t>
  </si>
  <si>
    <t>CHAK NO 353JB</t>
  </si>
  <si>
    <t>GOVT.HIGH SCHOOL 353JB TEHSIL GOJRA DISTRICT TOBA TEK SINGH</t>
  </si>
  <si>
    <t>CHKA NO 349JB</t>
  </si>
  <si>
    <t>Sajid Niaz</t>
  </si>
  <si>
    <t>404</t>
  </si>
  <si>
    <t>1002</t>
  </si>
  <si>
    <t>16580</t>
  </si>
  <si>
    <t>GPS 544 GB I</t>
  </si>
  <si>
    <t>danabad</t>
  </si>
  <si>
    <t>CHAK NO 544 GB-I DANABAAD</t>
  </si>
  <si>
    <t>544 gB-I</t>
  </si>
  <si>
    <t>CHAK NO 454 GB</t>
  </si>
  <si>
    <t>Atta Muhammad</t>
  </si>
  <si>
    <t>7877</t>
  </si>
  <si>
    <t>24326</t>
  </si>
  <si>
    <t>31759</t>
  </si>
  <si>
    <t>14711</t>
  </si>
  <si>
    <t>GHSS COMPREHENSIVE SAMANABAD FSD.</t>
  </si>
  <si>
    <t>G. Comp. Higher Secondary School Samanabad Faisalabad</t>
  </si>
  <si>
    <t>Samanabad</t>
  </si>
  <si>
    <t>Ayub Research</t>
  </si>
  <si>
    <t>HAFIZ ABDUL NASIR</t>
  </si>
  <si>
    <t>48960</t>
  </si>
  <si>
    <t>2750</t>
  </si>
  <si>
    <t>1116</t>
  </si>
  <si>
    <t>5120</t>
  </si>
  <si>
    <t>9606</t>
  </si>
  <si>
    <t>GGES CHAK NO. 126/ ML</t>
  </si>
  <si>
    <t>Share Gurh</t>
  </si>
  <si>
    <t>chak no 126/ml p/0 chowkazm</t>
  </si>
  <si>
    <t>126/ml</t>
  </si>
  <si>
    <t>Hamna Alvi</t>
  </si>
  <si>
    <t>solar pump</t>
  </si>
  <si>
    <t>39782</t>
  </si>
  <si>
    <t>50375</t>
  </si>
  <si>
    <t>GPS 164-A/9-L JAMIA SIDDIQIA</t>
  </si>
  <si>
    <t>164A/9-L</t>
  </si>
  <si>
    <t>chak  no 164A/9-L jamia siddiqia</t>
  </si>
  <si>
    <t>164a</t>
  </si>
  <si>
    <t>169/9-L</t>
  </si>
  <si>
    <t>EHSAN JILLANI</t>
  </si>
  <si>
    <t>12656</t>
  </si>
  <si>
    <t>1202</t>
  </si>
  <si>
    <t>1420</t>
  </si>
  <si>
    <t>GGHS MADRISSA</t>
  </si>
  <si>
    <t>Nanak Cahand</t>
  </si>
  <si>
    <t>G.G.H.Madrassa p/o Madrassa BWN</t>
  </si>
  <si>
    <t>Tibba Sultan</t>
  </si>
  <si>
    <t>Ganga Singh</t>
  </si>
  <si>
    <t>Khadija Naz</t>
  </si>
  <si>
    <t>1276</t>
  </si>
  <si>
    <t>1800</t>
  </si>
  <si>
    <t>16548</t>
  </si>
  <si>
    <t>GES CHAK 543 GB TANDLIANWALA</t>
  </si>
  <si>
    <t>Manganawala</t>
  </si>
  <si>
    <t>Government elementary school 543G B</t>
  </si>
  <si>
    <t>543 GB</t>
  </si>
  <si>
    <t>458GB</t>
  </si>
  <si>
    <t>THIRAJ Ahmed</t>
  </si>
  <si>
    <t>17231</t>
  </si>
  <si>
    <t>50569</t>
  </si>
  <si>
    <t>363</t>
  </si>
  <si>
    <t>2295</t>
  </si>
  <si>
    <t>16129</t>
  </si>
  <si>
    <t>GGES CHAK NO 83 JB</t>
  </si>
  <si>
    <t>THIKRIWALA 1 - FEMALE</t>
  </si>
  <si>
    <t>Chak no 83 jb</t>
  </si>
  <si>
    <t>Chak No 83 Jb</t>
  </si>
  <si>
    <t>Jaguar Pur</t>
  </si>
  <si>
    <t>MAQDDAS NASEEM</t>
  </si>
  <si>
    <t>3153</t>
  </si>
  <si>
    <t>10536</t>
  </si>
  <si>
    <t>GGHS CHAK NO. 137 TDA</t>
  </si>
  <si>
    <t>Sumra Thal</t>
  </si>
  <si>
    <t>CHAK NO.137/TDA LAYYAH</t>
  </si>
  <si>
    <t>CHAK NO.137/TDA</t>
  </si>
  <si>
    <t>MANDI TOWN</t>
  </si>
  <si>
    <t>zaib imtiaz</t>
  </si>
  <si>
    <t>464</t>
  </si>
  <si>
    <t>6015</t>
  </si>
  <si>
    <t>16736</t>
  </si>
  <si>
    <t>13156</t>
  </si>
  <si>
    <t>GES CHAK NO.450/GB</t>
  </si>
  <si>
    <t>GANDSWALA-MALE</t>
  </si>
  <si>
    <t>Chak No 450 Gb</t>
  </si>
  <si>
    <t>Chak No 450 G.B</t>
  </si>
  <si>
    <t>Chak No 396 G.B</t>
  </si>
  <si>
    <t>Faiz Rasool</t>
  </si>
  <si>
    <t>1788</t>
  </si>
  <si>
    <t>1879</t>
  </si>
  <si>
    <t>561</t>
  </si>
  <si>
    <t>14663</t>
  </si>
  <si>
    <t>GES MC MILLAT COLONY</t>
  </si>
  <si>
    <t>Mc E/S millat colony Fsd</t>
  </si>
  <si>
    <t>Millat Colony</t>
  </si>
  <si>
    <t>muhammad mukhtar shahid</t>
  </si>
  <si>
    <t>14040</t>
  </si>
  <si>
    <t>Water can</t>
  </si>
  <si>
    <t>1013</t>
  </si>
  <si>
    <t>2453</t>
  </si>
  <si>
    <t>16724</t>
  </si>
  <si>
    <t>GGPS 540/GB</t>
  </si>
  <si>
    <t>KANJWANI - FEMALE</t>
  </si>
  <si>
    <t>chak no 540 gb Tehsil Tandlianwala Faisalabad</t>
  </si>
  <si>
    <t>RUKHSANA YASMIN</t>
  </si>
  <si>
    <t>19697</t>
  </si>
  <si>
    <t>43638</t>
  </si>
  <si>
    <t>25573</t>
  </si>
  <si>
    <t>2497</t>
  </si>
  <si>
    <t>16617</t>
  </si>
  <si>
    <t>GPS CHAK 511 GB I MAMUNKANJAN</t>
  </si>
  <si>
    <t>MAMUNKANJAN-I - MALE</t>
  </si>
  <si>
    <t>Jhok Jam Kurai</t>
  </si>
  <si>
    <t>Chak No 511 GB 1 Mamunkanjan FSD</t>
  </si>
  <si>
    <t>Chak  511/1 GB</t>
  </si>
  <si>
    <t>GPS 514 GB</t>
  </si>
  <si>
    <t>Javed Akhter</t>
  </si>
  <si>
    <t>4273</t>
  </si>
  <si>
    <t>27986</t>
  </si>
  <si>
    <t>1561</t>
  </si>
  <si>
    <t>16700</t>
  </si>
  <si>
    <t>GGPS 398/GB</t>
  </si>
  <si>
    <t>Tulley</t>
  </si>
  <si>
    <t>chak no 398/w gb</t>
  </si>
  <si>
    <t>Chak No 615 GB</t>
  </si>
  <si>
    <t>Tasneem Kousar</t>
  </si>
  <si>
    <t>41476</t>
  </si>
  <si>
    <t>16572</t>
  </si>
  <si>
    <t>GPS 456 GB I</t>
  </si>
  <si>
    <t>456gb</t>
  </si>
  <si>
    <t>chak no 456gb</t>
  </si>
  <si>
    <t>Chak No 456gb</t>
  </si>
  <si>
    <t>Kanjwani455gb</t>
  </si>
  <si>
    <t>younis maseh</t>
  </si>
  <si>
    <t>4777</t>
  </si>
  <si>
    <t>34570</t>
  </si>
  <si>
    <t>36300</t>
  </si>
  <si>
    <t>15748</t>
  </si>
  <si>
    <t>GGPS 172/GB II</t>
  </si>
  <si>
    <t>Chhajwal</t>
  </si>
  <si>
    <t>Chak No.172 GB New Chhajwal Post Office Same Tehsil Samundri District Faisalabad.</t>
  </si>
  <si>
    <t>Kutruwal</t>
  </si>
  <si>
    <t>Saeeda Jabeen</t>
  </si>
  <si>
    <t>2673</t>
  </si>
  <si>
    <t>14163</t>
  </si>
  <si>
    <t>23600</t>
  </si>
  <si>
    <t>35356</t>
  </si>
  <si>
    <t>44793</t>
  </si>
  <si>
    <t>50780</t>
  </si>
  <si>
    <t>GGES 87/6-R</t>
  </si>
  <si>
    <t>87/6R</t>
  </si>
  <si>
    <t>chak no. 87/6R sahiwal</t>
  </si>
  <si>
    <t>Neelofar Rana</t>
  </si>
  <si>
    <t>24421</t>
  </si>
  <si>
    <t>3980</t>
  </si>
  <si>
    <t>47885</t>
  </si>
  <si>
    <t>GGPS WATOOAN WALA P/O PHATI JOIAN</t>
  </si>
  <si>
    <t>FAQEER ABAD-FEMALE</t>
  </si>
  <si>
    <t>harnoli</t>
  </si>
  <si>
    <t>watuan wala p/o phati joyan wali thesil piplan distt. mianwali</t>
  </si>
  <si>
    <t>watuan wala</t>
  </si>
  <si>
    <t>tayyaba tariq</t>
  </si>
  <si>
    <t>14411</t>
  </si>
  <si>
    <t>27661</t>
  </si>
  <si>
    <t>12750</t>
  </si>
  <si>
    <t>1661</t>
  </si>
  <si>
    <t>4797</t>
  </si>
  <si>
    <t>20774</t>
  </si>
  <si>
    <t>15168</t>
  </si>
  <si>
    <t>GGPS KOTLI BAL GOBIND</t>
  </si>
  <si>
    <t>GUJRANWALA SADAR 4 - FEMALE</t>
  </si>
  <si>
    <t>Kotli Balgobind</t>
  </si>
  <si>
    <t>Kotli Balgobind post office Qila Didar Singh Teh. &amp; District  Gujranwala</t>
  </si>
  <si>
    <t>Qila Mian Singh</t>
  </si>
  <si>
    <t>Uzma</t>
  </si>
  <si>
    <t>4228</t>
  </si>
  <si>
    <t>6079</t>
  </si>
  <si>
    <t>3194</t>
  </si>
  <si>
    <t>5763</t>
  </si>
  <si>
    <t>46613</t>
  </si>
  <si>
    <t>GGES NO. 1 OKHALI MOHLA</t>
  </si>
  <si>
    <t>Okhli Mohla</t>
  </si>
  <si>
    <t>g.g.elementry school no1 okhli mohla</t>
  </si>
  <si>
    <t>Nasim Akhter</t>
  </si>
  <si>
    <t>44544</t>
  </si>
  <si>
    <t>28877</t>
  </si>
  <si>
    <t>31943</t>
  </si>
  <si>
    <t>44475</t>
  </si>
  <si>
    <t>425</t>
  </si>
  <si>
    <t>43980</t>
  </si>
  <si>
    <t>495</t>
  </si>
  <si>
    <t>1934</t>
  </si>
  <si>
    <t>6552</t>
  </si>
  <si>
    <t>GGES BASHEER AHMED SANGHI</t>
  </si>
  <si>
    <t>RUKAN PUR - FEMALE</t>
  </si>
  <si>
    <t>Murad Pur</t>
  </si>
  <si>
    <t>p/o head haji pur heeran mouza Murad pur Sanghi GGES BASHIR Ahmad Sanghi</t>
  </si>
  <si>
    <t>Murad pur Sanghi</t>
  </si>
  <si>
    <t>Haji Pur</t>
  </si>
  <si>
    <t>Zahra Ishfaq</t>
  </si>
  <si>
    <t>2869</t>
  </si>
  <si>
    <t>31300</t>
  </si>
  <si>
    <t>3253</t>
  </si>
  <si>
    <t>49234</t>
  </si>
  <si>
    <t>GMPS CHAK NO.75 A-SB</t>
  </si>
  <si>
    <t>MITHA LAK - FEMALE</t>
  </si>
  <si>
    <t>75 ASB</t>
  </si>
  <si>
    <t>75ASB</t>
  </si>
  <si>
    <t>Mitha Lak</t>
  </si>
  <si>
    <t>Sadeyyia Fatima</t>
  </si>
  <si>
    <t>1265</t>
  </si>
  <si>
    <t>25217</t>
  </si>
  <si>
    <t>24050</t>
  </si>
  <si>
    <t>765</t>
  </si>
  <si>
    <t>4772</t>
  </si>
  <si>
    <t>44920</t>
  </si>
  <si>
    <t>GPS CHAK NO 63 DB</t>
  </si>
  <si>
    <t>RURAL JANDAN WALA - MALE</t>
  </si>
  <si>
    <t>Chak No 63 DB</t>
  </si>
  <si>
    <t>Chak no 63/db tehsil Kallur kot district Bhakkar</t>
  </si>
  <si>
    <t>Muhammad Zaman</t>
  </si>
  <si>
    <t>1554</t>
  </si>
  <si>
    <t>6554</t>
  </si>
  <si>
    <t>32486</t>
  </si>
  <si>
    <t>1460</t>
  </si>
  <si>
    <t>6486</t>
  </si>
  <si>
    <t>32290</t>
  </si>
  <si>
    <t>GGES THATHA NUSTER</t>
  </si>
  <si>
    <t>SHEIKHUPURA-XI - FEMALE</t>
  </si>
  <si>
    <t>Thatha Nuster</t>
  </si>
  <si>
    <t>thatha nuster, po box chak wahi 522</t>
  </si>
  <si>
    <t>Kakar Gill</t>
  </si>
  <si>
    <t>Benish Iftikhar</t>
  </si>
  <si>
    <t>24480</t>
  </si>
  <si>
    <t>4143</t>
  </si>
  <si>
    <t>45778</t>
  </si>
  <si>
    <t>GPS DHOK HAYAT ULLAH</t>
  </si>
  <si>
    <t>SODHI JAY WALI (MALE)</t>
  </si>
  <si>
    <t>Naushera</t>
  </si>
  <si>
    <t>dhok hayat ullah tehsil naushehra District khushab</t>
  </si>
  <si>
    <t>Mardawal</t>
  </si>
  <si>
    <t>Azhar Iftikhar</t>
  </si>
  <si>
    <t>labour</t>
  </si>
  <si>
    <t>17096</t>
  </si>
  <si>
    <t>23730</t>
  </si>
  <si>
    <t>8412</t>
  </si>
  <si>
    <t>792</t>
  </si>
  <si>
    <t>3713</t>
  </si>
  <si>
    <t>35955</t>
  </si>
  <si>
    <t>GGPS DAHMKI</t>
  </si>
  <si>
    <t>GHALLOO-FEMALE</t>
  </si>
  <si>
    <t>Dhamaki</t>
  </si>
  <si>
    <t>GGPS DAHAMKI NEAR MAILSI</t>
  </si>
  <si>
    <t>235</t>
  </si>
  <si>
    <t>Fozia Naz</t>
  </si>
  <si>
    <t>3943</t>
  </si>
  <si>
    <t>51590</t>
  </si>
  <si>
    <t>6217</t>
  </si>
  <si>
    <t>6942</t>
  </si>
  <si>
    <t>41288</t>
  </si>
  <si>
    <t>GES RAFIQUE</t>
  </si>
  <si>
    <t>CITY SDK-MALE</t>
  </si>
  <si>
    <t>Chak 168p</t>
  </si>
  <si>
    <t>mohalla islam pura sdk</t>
  </si>
  <si>
    <t>Mohalla Islam Pura</t>
  </si>
  <si>
    <t>Municipal Ward</t>
  </si>
  <si>
    <t>Mohsin Raza Tariq</t>
  </si>
  <si>
    <t>7854</t>
  </si>
  <si>
    <t>3287</t>
  </si>
  <si>
    <t>13816</t>
  </si>
  <si>
    <t>44312</t>
  </si>
  <si>
    <t>GGES NAGRI</t>
  </si>
  <si>
    <t>Nagri</t>
  </si>
  <si>
    <t>vill Nagri p.o. nurpur</t>
  </si>
  <si>
    <t>Munara</t>
  </si>
  <si>
    <t>Rafia Andleeb</t>
  </si>
  <si>
    <t>33218</t>
  </si>
  <si>
    <t>35140</t>
  </si>
  <si>
    <t>47232</t>
  </si>
  <si>
    <t>11031</t>
  </si>
  <si>
    <t>1577</t>
  </si>
  <si>
    <t>4850</t>
  </si>
  <si>
    <t>21996</t>
  </si>
  <si>
    <t>14220</t>
  </si>
  <si>
    <t>GMPS LUNJ KALAN</t>
  </si>
  <si>
    <t>TATLY AALI 1 - FEMALE</t>
  </si>
  <si>
    <t>Lunj</t>
  </si>
  <si>
    <t>lunj no noushara virkan</t>
  </si>
  <si>
    <t>Marri Khurd</t>
  </si>
  <si>
    <t>Rukhsana Sadaqat</t>
  </si>
  <si>
    <t>7344</t>
  </si>
  <si>
    <t>265</t>
  </si>
  <si>
    <t>36369</t>
  </si>
  <si>
    <t>12150</t>
  </si>
  <si>
    <t>640</t>
  </si>
  <si>
    <t>16581</t>
  </si>
  <si>
    <t>GES 545 GB I</t>
  </si>
  <si>
    <t>Chak # 545 GB</t>
  </si>
  <si>
    <t>GES chak no 545 G B</t>
  </si>
  <si>
    <t>Chak No 545</t>
  </si>
  <si>
    <t>Chak No 458</t>
  </si>
  <si>
    <t>Muhammad siddique  Rabbani</t>
  </si>
  <si>
    <t>6868</t>
  </si>
  <si>
    <t>4145</t>
  </si>
  <si>
    <t>2105</t>
  </si>
  <si>
    <t>36409</t>
  </si>
  <si>
    <t>GMPS 172/WB</t>
  </si>
  <si>
    <t>THINGI - FEMALE</t>
  </si>
  <si>
    <t>172/w.b</t>
  </si>
  <si>
    <t>172wB</t>
  </si>
  <si>
    <t>78wb</t>
  </si>
  <si>
    <t>Sajida Shafi</t>
  </si>
  <si>
    <t>17543</t>
  </si>
  <si>
    <t>3562</t>
  </si>
  <si>
    <t>4463</t>
  </si>
  <si>
    <t>GPS ESSA</t>
  </si>
  <si>
    <t>KHAIRPUR TAMEWALI</t>
  </si>
  <si>
    <t>SHEIKH WAHAN - MALE</t>
  </si>
  <si>
    <t>Essa</t>
  </si>
  <si>
    <t>moaza essa. tehsil kpt</t>
  </si>
  <si>
    <t>Basti Essa</t>
  </si>
  <si>
    <t>Sayed Imam Shah</t>
  </si>
  <si>
    <t>3500</t>
  </si>
  <si>
    <t>322</t>
  </si>
  <si>
    <t>45105</t>
  </si>
  <si>
    <t>GPS CHAK NO 37 ML</t>
  </si>
  <si>
    <t>Jandanwala</t>
  </si>
  <si>
    <t>chak # 37 ML</t>
  </si>
  <si>
    <t>CHAK# 37 ML</t>
  </si>
  <si>
    <t>Chak # 40 ML</t>
  </si>
  <si>
    <t>Fateh Khan</t>
  </si>
  <si>
    <t>2019</t>
  </si>
  <si>
    <t>5036</t>
  </si>
  <si>
    <t>44274</t>
  </si>
  <si>
    <t>GGPS THAR CHAK PO KALAR KAHAR</t>
  </si>
  <si>
    <t>Tharchak</t>
  </si>
  <si>
    <t>village tharchak p.o kallar kahar district chakwal</t>
  </si>
  <si>
    <t>Bharphr</t>
  </si>
  <si>
    <t>Saadia Rubab</t>
  </si>
  <si>
    <t>5989</t>
  </si>
  <si>
    <t>24057</t>
  </si>
  <si>
    <t>22291</t>
  </si>
  <si>
    <t>49329</t>
  </si>
  <si>
    <t>GGPS CHAK NO.189 NB</t>
  </si>
  <si>
    <t>JHAL CHAKIAN - FEMALE</t>
  </si>
  <si>
    <t>Chak 189 Nb</t>
  </si>
  <si>
    <t>GGps chak189 nb</t>
  </si>
  <si>
    <t>Chak 189 NB</t>
  </si>
  <si>
    <t>Kolowal</t>
  </si>
  <si>
    <t>Tahira Kishwar</t>
  </si>
  <si>
    <t>786</t>
  </si>
  <si>
    <t>238</t>
  </si>
  <si>
    <t>15674</t>
  </si>
  <si>
    <t>1638</t>
  </si>
  <si>
    <t>5439</t>
  </si>
  <si>
    <t>20026</t>
  </si>
  <si>
    <t>8777</t>
  </si>
  <si>
    <t>GGPS CHAK BANDI</t>
  </si>
  <si>
    <t>AEO (W) CHINIOT NO.18</t>
  </si>
  <si>
    <t>Chakbandi</t>
  </si>
  <si>
    <t>chakbandi</t>
  </si>
  <si>
    <t>125 Jb Japa</t>
  </si>
  <si>
    <t>Nazia Arshad</t>
  </si>
  <si>
    <t>1779</t>
  </si>
  <si>
    <t>30264</t>
  </si>
  <si>
    <t>37623</t>
  </si>
  <si>
    <t>28300</t>
  </si>
  <si>
    <t>9323</t>
  </si>
  <si>
    <t>3565</t>
  </si>
  <si>
    <t>4341</t>
  </si>
  <si>
    <t>5038</t>
  </si>
  <si>
    <t>GGES RIAZ ABAD</t>
  </si>
  <si>
    <t>BHELI - FEMALE</t>
  </si>
  <si>
    <t>noor siyal</t>
  </si>
  <si>
    <t>gges riazabad bhindi</t>
  </si>
  <si>
    <t>basti bhindi</t>
  </si>
  <si>
    <t>BEHLI</t>
  </si>
  <si>
    <t>Tehseen Faiz</t>
  </si>
  <si>
    <t>3630</t>
  </si>
  <si>
    <t>11770</t>
  </si>
  <si>
    <t>2931</t>
  </si>
  <si>
    <t>35296</t>
  </si>
  <si>
    <t>GPS 333 EB</t>
  </si>
  <si>
    <t>FATEH SHAH - MALE</t>
  </si>
  <si>
    <t>Chak No 333/ EB</t>
  </si>
  <si>
    <t>Chak No.333/ E.B.P.O.Same Teh. Burewala Distt. Vehari</t>
  </si>
  <si>
    <t>Chak No 333/EB</t>
  </si>
  <si>
    <t>9801</t>
  </si>
  <si>
    <t>411</t>
  </si>
  <si>
    <t>53096</t>
  </si>
  <si>
    <t>GES JOYIA</t>
  </si>
  <si>
    <t>JOIYA</t>
  </si>
  <si>
    <t>MOUZA JOIYA POST OFFICE JABOKA TEHSIL AND DISTRICT OKARA</t>
  </si>
  <si>
    <t>MOUZA JOIYA</t>
  </si>
  <si>
    <t>MANGAN</t>
  </si>
  <si>
    <t>Muhammad Nawaz</t>
  </si>
  <si>
    <t>16466</t>
  </si>
  <si>
    <t>669</t>
  </si>
  <si>
    <t>5393</t>
  </si>
  <si>
    <t>1507</t>
  </si>
  <si>
    <t>5199</t>
  </si>
  <si>
    <t>8028</t>
  </si>
  <si>
    <t>GPS DARKHAN WALA</t>
  </si>
  <si>
    <t>D.G.KHAN</t>
  </si>
  <si>
    <t>KOT HAIBAT MALE</t>
  </si>
  <si>
    <t>kot habit</t>
  </si>
  <si>
    <t>chah darkhan wala kot habit</t>
  </si>
  <si>
    <t>darkhan wala</t>
  </si>
  <si>
    <t>287</t>
  </si>
  <si>
    <t>Khalid Mahmood</t>
  </si>
  <si>
    <t>1349</t>
  </si>
  <si>
    <t>34389</t>
  </si>
  <si>
    <t>4021</t>
  </si>
  <si>
    <t>13577</t>
  </si>
  <si>
    <t>42254</t>
  </si>
  <si>
    <t>GGPS BASTI PUNJABI</t>
  </si>
  <si>
    <t>MUHAMMAD PUR - FEMALE</t>
  </si>
  <si>
    <t>Mari Wala</t>
  </si>
  <si>
    <t>basti punjabi dakh khana muhammadpur dewan</t>
  </si>
  <si>
    <t>Muhammadpur No 2</t>
  </si>
  <si>
    <t>Moazma Malik</t>
  </si>
  <si>
    <t>983</t>
  </si>
  <si>
    <t>41224</t>
  </si>
  <si>
    <t>43732</t>
  </si>
  <si>
    <t>GGPS KANARAN</t>
  </si>
  <si>
    <t>PUNJAR - FEMALE</t>
  </si>
  <si>
    <t>Kanaran</t>
  </si>
  <si>
    <t>Ggps kanaran po barohi</t>
  </si>
  <si>
    <t>Narar</t>
  </si>
  <si>
    <t>Farhat Bibi</t>
  </si>
  <si>
    <t>2735</t>
  </si>
  <si>
    <t>12040</t>
  </si>
  <si>
    <t>5040</t>
  </si>
  <si>
    <t>7000</t>
  </si>
  <si>
    <t>16540</t>
  </si>
  <si>
    <t>GPS CHAK 395 GB TANDLIANWALA</t>
  </si>
  <si>
    <t>Raheem Shahna</t>
  </si>
  <si>
    <t>chak no 395gb tehsile tandlianwala district faisalabad</t>
  </si>
  <si>
    <t>395 GB</t>
  </si>
  <si>
    <t>Chak 396GB</t>
  </si>
  <si>
    <t>Nawazish Ali Shah</t>
  </si>
  <si>
    <t>414</t>
  </si>
  <si>
    <t>31865</t>
  </si>
  <si>
    <t>31451</t>
  </si>
  <si>
    <t>1250</t>
  </si>
  <si>
    <t>44119</t>
  </si>
  <si>
    <t>GGCMES MINHALA</t>
  </si>
  <si>
    <t>CHOA SAIDAN SHAH-FEMALE</t>
  </si>
  <si>
    <t>minhala</t>
  </si>
  <si>
    <t>Village Minhala tehsil choa saiden shah distt chakwal</t>
  </si>
  <si>
    <t>Minhala</t>
  </si>
  <si>
    <t>saloi</t>
  </si>
  <si>
    <t>kausar shaheen</t>
  </si>
  <si>
    <t>12744</t>
  </si>
  <si>
    <t>44569</t>
  </si>
  <si>
    <t>29728</t>
  </si>
  <si>
    <t>GPS LUBANA CHAK NO. 37</t>
  </si>
  <si>
    <t>Lubana Chak 37</t>
  </si>
  <si>
    <t>Burj Mahalam</t>
  </si>
  <si>
    <t>Muhammad Hanif Asim</t>
  </si>
  <si>
    <t>35920</t>
  </si>
  <si>
    <t>38865</t>
  </si>
  <si>
    <t>16002</t>
  </si>
  <si>
    <t>GGPS CHAK 100 JB II GAYAY SHAH</t>
  </si>
  <si>
    <t>Gaiay Shah</t>
  </si>
  <si>
    <t>100jb gahye shah fsd</t>
  </si>
  <si>
    <t>Ghaye Shah</t>
  </si>
  <si>
    <t>Qasam Pur</t>
  </si>
  <si>
    <t>rifat sultana</t>
  </si>
  <si>
    <t>23020</t>
  </si>
  <si>
    <t>5237</t>
  </si>
  <si>
    <t>889</t>
  </si>
  <si>
    <t>48541</t>
  </si>
  <si>
    <t>GGPS DERA TAHARI ANA</t>
  </si>
  <si>
    <t>KOT MOMIN</t>
  </si>
  <si>
    <t>KOT MOMIN EAST-II - FEMALE</t>
  </si>
  <si>
    <t>KOTMOMIN</t>
  </si>
  <si>
    <t>Dera Tahari ana</t>
  </si>
  <si>
    <t>Dera Tahari Ana</t>
  </si>
  <si>
    <t>MC KOTMOMIN</t>
  </si>
  <si>
    <t>Qamar Un Nisa</t>
  </si>
  <si>
    <t>15380</t>
  </si>
  <si>
    <t>15078</t>
  </si>
  <si>
    <t>3802</t>
  </si>
  <si>
    <t>33845</t>
  </si>
  <si>
    <t>3757</t>
  </si>
  <si>
    <t>16739</t>
  </si>
  <si>
    <t>GES CHAK NO.541/GB</t>
  </si>
  <si>
    <t>Tarhana No</t>
  </si>
  <si>
    <t>Chak no 541 gb, tehsil tandlianwala, district faisalabad</t>
  </si>
  <si>
    <t>Chakianwala 541 Gb 2</t>
  </si>
  <si>
    <t>Chak No 455 Gb</t>
  </si>
  <si>
    <t>fahad naeem</t>
  </si>
  <si>
    <t>filtered water cane</t>
  </si>
  <si>
    <t>49013</t>
  </si>
  <si>
    <t>2794</t>
  </si>
  <si>
    <t>16740</t>
  </si>
  <si>
    <t>GES 547/GB</t>
  </si>
  <si>
    <t>Kilanwala</t>
  </si>
  <si>
    <t>547 gb</t>
  </si>
  <si>
    <t>547 Gb</t>
  </si>
  <si>
    <t>299</t>
  </si>
  <si>
    <t>3107</t>
  </si>
  <si>
    <t>54456</t>
  </si>
  <si>
    <t>51531</t>
  </si>
  <si>
    <t>15956</t>
  </si>
  <si>
    <t>GGCMES CHAK NO. 75 JB</t>
  </si>
  <si>
    <t>Sohal</t>
  </si>
  <si>
    <t>75/JB Sohal</t>
  </si>
  <si>
    <t>75/jb</t>
  </si>
  <si>
    <t>Sir shamir</t>
  </si>
  <si>
    <t>Mohsina khalid</t>
  </si>
  <si>
    <t>17680</t>
  </si>
  <si>
    <t>534</t>
  </si>
  <si>
    <t>5743</t>
  </si>
  <si>
    <t>48578</t>
  </si>
  <si>
    <t>GGPS TALIB WALA</t>
  </si>
  <si>
    <t>TALIB WALA - FEMALE</t>
  </si>
  <si>
    <t>Talib Wala</t>
  </si>
  <si>
    <t>Talib wala</t>
  </si>
  <si>
    <t>Gurna</t>
  </si>
  <si>
    <t>Farva Batool</t>
  </si>
  <si>
    <t>2669</t>
  </si>
  <si>
    <t>2502</t>
  </si>
  <si>
    <t>49367</t>
  </si>
  <si>
    <t>GGPS CHAK NO.81 NB MEHLU WALA</t>
  </si>
  <si>
    <t>81 nb Mahlowala</t>
  </si>
  <si>
    <t>81nb mahlowala</t>
  </si>
  <si>
    <t>Mahlowala</t>
  </si>
  <si>
    <t>67ANB</t>
  </si>
  <si>
    <t>Ayesha Hameed</t>
  </si>
  <si>
    <t>26001</t>
  </si>
  <si>
    <t>35160</t>
  </si>
  <si>
    <t>37774</t>
  </si>
  <si>
    <t>GPS 104/10-R JADEED, P/O 105/10-R, JAHANIAN</t>
  </si>
  <si>
    <t>Jahanisn</t>
  </si>
  <si>
    <t>Chak No. 104/10-R Jadeed P/O 105/10-R jahanian</t>
  </si>
  <si>
    <t>104/10-R Jadeed</t>
  </si>
  <si>
    <t>Chak 102</t>
  </si>
  <si>
    <t>Mubashar Ramzan</t>
  </si>
  <si>
    <t>6941</t>
  </si>
  <si>
    <t>28035</t>
  </si>
  <si>
    <t>GPS DERA TARNANA</t>
  </si>
  <si>
    <t>Dera tarnana</t>
  </si>
  <si>
    <t>dera tarnana bhikhi sharif</t>
  </si>
  <si>
    <t>Bhikhi Sharif</t>
  </si>
  <si>
    <t>11358</t>
  </si>
  <si>
    <t>38406</t>
  </si>
  <si>
    <t>27048</t>
  </si>
  <si>
    <t>3196</t>
  </si>
  <si>
    <t>41579</t>
  </si>
  <si>
    <t>GGHS MUSLIM TOWN RWP</t>
  </si>
  <si>
    <t>GGHS MUSLIM TOWN BEHARI COLONY RWP</t>
  </si>
  <si>
    <t>COLONAL YOUSAF COLONY</t>
  </si>
  <si>
    <t>Abida mukhtar</t>
  </si>
  <si>
    <t>boring</t>
  </si>
  <si>
    <t>1730</t>
  </si>
  <si>
    <t>314</t>
  </si>
  <si>
    <t>2137</t>
  </si>
  <si>
    <t>16883</t>
  </si>
  <si>
    <t>GGHS SHER CHAKER</t>
  </si>
  <si>
    <t>Haveli Sheikh Raju</t>
  </si>
  <si>
    <t>gghs sherchakir</t>
  </si>
  <si>
    <t>Sherchakir</t>
  </si>
  <si>
    <t>Rehana Bibi</t>
  </si>
  <si>
    <t>12182</t>
  </si>
  <si>
    <t>8305</t>
  </si>
  <si>
    <t>2513</t>
  </si>
  <si>
    <t>53678</t>
  </si>
  <si>
    <t>GPS CHAK NO 16/1L</t>
  </si>
  <si>
    <t>RENALA KHURD</t>
  </si>
  <si>
    <t>RENALA KHURD - MALE</t>
  </si>
  <si>
    <t>Chak no 16 1L</t>
  </si>
  <si>
    <t>Chak no 16 1L Renala Khurd</t>
  </si>
  <si>
    <t>Chak no 13 1L</t>
  </si>
  <si>
    <t>Mehtab Iqbal</t>
  </si>
  <si>
    <t>2880</t>
  </si>
  <si>
    <t>40995</t>
  </si>
  <si>
    <t>32190</t>
  </si>
  <si>
    <t>20540</t>
  </si>
  <si>
    <t>4857</t>
  </si>
  <si>
    <t>21255</t>
  </si>
  <si>
    <t>GMPS BURJ CHEEMA</t>
  </si>
  <si>
    <t>AHMAD NAGER 5 - FEMALE</t>
  </si>
  <si>
    <t>Ahmed Nager</t>
  </si>
  <si>
    <t>burjcheema teh wazirbad dist gujranwala</t>
  </si>
  <si>
    <t>Burj Cheema</t>
  </si>
  <si>
    <t>Dillawer Cheema</t>
  </si>
  <si>
    <t>Mehvish</t>
  </si>
  <si>
    <t>15790</t>
  </si>
  <si>
    <t>16737</t>
  </si>
  <si>
    <t>GES CHAK NO.612/GB</t>
  </si>
  <si>
    <t>Kot Toraiz</t>
  </si>
  <si>
    <t>Chak No 612 GB Tehsil Tandlianwala</t>
  </si>
  <si>
    <t>Chak NO 612 GB</t>
  </si>
  <si>
    <t>Chak No 617 GB</t>
  </si>
  <si>
    <t>MUHAMMAD ASLAM PERVEZ</t>
  </si>
  <si>
    <t>297</t>
  </si>
  <si>
    <t>702</t>
  </si>
  <si>
    <t>25452</t>
  </si>
  <si>
    <t>946</t>
  </si>
  <si>
    <t>25415</t>
  </si>
  <si>
    <t>51302</t>
  </si>
  <si>
    <t>GES BHAKHRAY WALI</t>
  </si>
  <si>
    <t>SAMBRIAL</t>
  </si>
  <si>
    <t>DHANAWALI - MALE</t>
  </si>
  <si>
    <t>Bhakhray wali</t>
  </si>
  <si>
    <t>P O box &amp; village Bhakhray wali  Teh Sambrial Dirt. Sialkot</t>
  </si>
  <si>
    <t>Majra kalan</t>
  </si>
  <si>
    <t>Ulfat Nazir Cheema</t>
  </si>
  <si>
    <t>15194</t>
  </si>
  <si>
    <t>34080</t>
  </si>
  <si>
    <t>47149</t>
  </si>
  <si>
    <t>38208</t>
  </si>
  <si>
    <t>49572</t>
  </si>
  <si>
    <t>38202</t>
  </si>
  <si>
    <t>53241</t>
  </si>
  <si>
    <t>GPS UTHWAL CHAKAR KAY</t>
  </si>
  <si>
    <t>UTHWAL JAGEER  NEW</t>
  </si>
  <si>
    <t>MOUZA UTHWAL JAGEER NEW,POST OFFICE KOHLA,TEHSIL &amp; DISTRICT OKARA</t>
  </si>
  <si>
    <t>UTHWAL JAGEER NEW</t>
  </si>
  <si>
    <t>RIAZ ALI</t>
  </si>
  <si>
    <t>980</t>
  </si>
  <si>
    <t>4365</t>
  </si>
  <si>
    <t>16538</t>
  </si>
  <si>
    <t>GPS BIRARY TANDLIANWALA</t>
  </si>
  <si>
    <t>Garh</t>
  </si>
  <si>
    <t>thatha bhurary moza Garh tehsil tandlianwala</t>
  </si>
  <si>
    <t>Thahta Bhurary</t>
  </si>
  <si>
    <t>Mahar Muhammad Aslam</t>
  </si>
  <si>
    <t>1113</t>
  </si>
  <si>
    <t>5187</t>
  </si>
  <si>
    <t>33170</t>
  </si>
  <si>
    <t>5859</t>
  </si>
  <si>
    <t>42772</t>
  </si>
  <si>
    <t>64800</t>
  </si>
  <si>
    <t>GPS Model Hosang</t>
  </si>
  <si>
    <t>KAUNTRILLA-FEMALE</t>
  </si>
  <si>
    <t>Hosang</t>
  </si>
  <si>
    <t>village hosang p\o Qutbal Teh Gujarkhan distt Rawalpindi</t>
  </si>
  <si>
    <t>Mohra Noori</t>
  </si>
  <si>
    <t>HANIFA BIBI</t>
  </si>
  <si>
    <t>2584</t>
  </si>
  <si>
    <t>10353</t>
  </si>
  <si>
    <t>16760</t>
  </si>
  <si>
    <t>982</t>
  </si>
  <si>
    <t>41207</t>
  </si>
  <si>
    <t>GGPS SALGRAN</t>
  </si>
  <si>
    <t>NARA - FEMALE</t>
  </si>
  <si>
    <t>Salgran</t>
  </si>
  <si>
    <t>village salgran via nara kahuta rawalpindi</t>
  </si>
  <si>
    <t>Lehri</t>
  </si>
  <si>
    <t>NOSHABA AKBER</t>
  </si>
  <si>
    <t>19575</t>
  </si>
  <si>
    <t>2472</t>
  </si>
  <si>
    <t>24140</t>
  </si>
  <si>
    <t>818</t>
  </si>
  <si>
    <t>4305</t>
  </si>
  <si>
    <t>39198</t>
  </si>
  <si>
    <t>GPS DHOK LANGRIAL</t>
  </si>
  <si>
    <t>GULYAL - MALE</t>
  </si>
  <si>
    <t>Fatuwala</t>
  </si>
  <si>
    <t>gbps dhoke langrial post office Gaggan tehsil fateh jang distt attock</t>
  </si>
  <si>
    <t>Dhokelangrial</t>
  </si>
  <si>
    <t>Gulyal</t>
  </si>
  <si>
    <t>Fozia Shaheen</t>
  </si>
  <si>
    <t>16444</t>
  </si>
  <si>
    <t>32143</t>
  </si>
  <si>
    <t>15700</t>
  </si>
  <si>
    <t>27988</t>
  </si>
  <si>
    <t>16756</t>
  </si>
  <si>
    <t>GGES 427 GB</t>
  </si>
  <si>
    <t>427 GB</t>
  </si>
  <si>
    <t>GGES 427GB Tandlianwala</t>
  </si>
  <si>
    <t>599Ghulam Ki Jhok</t>
  </si>
  <si>
    <t>Rehana manzoor</t>
  </si>
  <si>
    <t>39712</t>
  </si>
  <si>
    <t>1517</t>
  </si>
  <si>
    <t>25901</t>
  </si>
  <si>
    <t>GGES DHELLI</t>
  </si>
  <si>
    <t>Dhelli</t>
  </si>
  <si>
    <t>village dhelli p/o talwandi bhindran</t>
  </si>
  <si>
    <t>Datewal</t>
  </si>
  <si>
    <t>Maryam Javed</t>
  </si>
  <si>
    <t>3050</t>
  </si>
  <si>
    <t>11889</t>
  </si>
  <si>
    <t>9605</t>
  </si>
  <si>
    <t>GGES CHAK NO.492 TDA</t>
  </si>
  <si>
    <t>Shergarh</t>
  </si>
  <si>
    <t>chak no 492/t, tehsil chobara, dist layyah</t>
  </si>
  <si>
    <t>Chak No 492/T</t>
  </si>
  <si>
    <t>Nasim Khan</t>
  </si>
  <si>
    <t>12771</t>
  </si>
  <si>
    <t>16140</t>
  </si>
  <si>
    <t>GGES CHAK 116 JB</t>
  </si>
  <si>
    <t>GATWALA 1 - FEMALE</t>
  </si>
  <si>
    <t>Rara Tali</t>
  </si>
  <si>
    <t>chak no 116jb fsd</t>
  </si>
  <si>
    <t>116 Jb</t>
  </si>
  <si>
    <t>115 Jb Dial Garh</t>
  </si>
  <si>
    <t>Tasnim Kousar</t>
  </si>
  <si>
    <t>10073</t>
  </si>
  <si>
    <t>water pump and hand pump</t>
  </si>
  <si>
    <t>435</t>
  </si>
  <si>
    <t>5430</t>
  </si>
  <si>
    <t>19774</t>
  </si>
  <si>
    <t>58722</t>
  </si>
  <si>
    <t>GPS FATEH KOT TAJJAH</t>
  </si>
  <si>
    <t>AEO (M) BHOWANA NO.43</t>
  </si>
  <si>
    <t>Fateh Kot Taja</t>
  </si>
  <si>
    <t>fateh kot taja</t>
  </si>
  <si>
    <t>Kurk Muhammadi</t>
  </si>
  <si>
    <t>4503</t>
  </si>
  <si>
    <t>8690</t>
  </si>
  <si>
    <t>9156</t>
  </si>
  <si>
    <t>GGPS SNAWAN</t>
  </si>
  <si>
    <t>PAIGHA-FEMALE</t>
  </si>
  <si>
    <t>Gadai</t>
  </si>
  <si>
    <t>CHAH KOHRI WALA NEAR PUL SHORIA D.G.KHAN</t>
  </si>
  <si>
    <t>KOHRI WALA</t>
  </si>
  <si>
    <t>SADIA GHOUS</t>
  </si>
  <si>
    <t>9707</t>
  </si>
  <si>
    <t>GGPS CHAK NO 477 TDA</t>
  </si>
  <si>
    <t>477/TDA</t>
  </si>
  <si>
    <t>Ggps 477/TDA</t>
  </si>
  <si>
    <t>Zakia Mubeen</t>
  </si>
  <si>
    <t>2836</t>
  </si>
  <si>
    <t>3383</t>
  </si>
  <si>
    <t>15584</t>
  </si>
  <si>
    <t>GGPS CHAK 373 GB KARAM SAR SAMUNDRI</t>
  </si>
  <si>
    <t>Karm Ser</t>
  </si>
  <si>
    <t>g g p.s 373 gb 1 karm ser</t>
  </si>
  <si>
    <t>373 Gb1</t>
  </si>
  <si>
    <t>527 Gb</t>
  </si>
  <si>
    <t>Fozia Tabassum</t>
  </si>
  <si>
    <t>10736</t>
  </si>
  <si>
    <t>32440</t>
  </si>
  <si>
    <t>15136</t>
  </si>
  <si>
    <t>1246</t>
  </si>
  <si>
    <t>43483</t>
  </si>
  <si>
    <t>GGPS TAKIA SHAH MURAD</t>
  </si>
  <si>
    <t>DHUMMAN-I-FEMALE</t>
  </si>
  <si>
    <t>takia shah murad</t>
  </si>
  <si>
    <t>vpo takia shah murad</t>
  </si>
  <si>
    <t>choa gunj ali shah</t>
  </si>
  <si>
    <t>Shazia Perveen</t>
  </si>
  <si>
    <t>10673</t>
  </si>
  <si>
    <t>26152</t>
  </si>
  <si>
    <t>5009</t>
  </si>
  <si>
    <t>3208</t>
  </si>
  <si>
    <t>33582</t>
  </si>
  <si>
    <t>GHSS NUSRAT-UL-ISLAM NUSRAT ROAD OPP. MISSION HOSPITAL MULTAN</t>
  </si>
  <si>
    <t>Cantonment Board</t>
  </si>
  <si>
    <t>Nusrat Road Multan Cantt</t>
  </si>
  <si>
    <t>Cant Area</t>
  </si>
  <si>
    <t>muhammad siddique</t>
  </si>
  <si>
    <t>2408</t>
  </si>
  <si>
    <t>15555</t>
  </si>
  <si>
    <t>GGES CHAK 42 GB I SAMUNDRI</t>
  </si>
  <si>
    <t>NARADADA - FEMALE</t>
  </si>
  <si>
    <t>Lopoki</t>
  </si>
  <si>
    <t>Chak No 42 GB</t>
  </si>
  <si>
    <t>Chak No 41 GB</t>
  </si>
  <si>
    <t>Balqees   Akhter</t>
  </si>
  <si>
    <t>11152</t>
  </si>
  <si>
    <t>11506</t>
  </si>
  <si>
    <t>14588</t>
  </si>
  <si>
    <t>GGHS CRESCENT MODEL BOLE KE JOGI</t>
  </si>
  <si>
    <t>BOLE KE JOGI</t>
  </si>
  <si>
    <t>GGHS CRESCENT MODEL BOLE KE JOGI,Faisalabad</t>
  </si>
  <si>
    <t>NOOR PUR</t>
  </si>
  <si>
    <t>GHAZALA YASEEN</t>
  </si>
  <si>
    <t>1060</t>
  </si>
  <si>
    <t>10757</t>
  </si>
  <si>
    <t>11179</t>
  </si>
  <si>
    <t>324</t>
  </si>
  <si>
    <t>403</t>
  </si>
  <si>
    <t>49359</t>
  </si>
  <si>
    <t>GGES CHAK NO.190 NB TARKOTA</t>
  </si>
  <si>
    <t>tarkota</t>
  </si>
  <si>
    <t>chak num 190 nb tarkota district sargodha</t>
  </si>
  <si>
    <t>kolowal</t>
  </si>
  <si>
    <t>Bushra Saleem</t>
  </si>
  <si>
    <t>2527</t>
  </si>
  <si>
    <t>24400</t>
  </si>
  <si>
    <t>3614</t>
  </si>
  <si>
    <t>2604</t>
  </si>
  <si>
    <t>4028</t>
  </si>
  <si>
    <t>GPS DAHA MOCHIAN</t>
  </si>
  <si>
    <t>AHMADPUR EAST</t>
  </si>
  <si>
    <t>ALI KHARAK (A) - MALE</t>
  </si>
  <si>
    <t>Ploli</t>
  </si>
  <si>
    <t>daha mochian  paloli</t>
  </si>
  <si>
    <t>Daha Mochaian</t>
  </si>
  <si>
    <t>Hatheji</t>
  </si>
  <si>
    <t>1589</t>
  </si>
  <si>
    <t>38833</t>
  </si>
  <si>
    <t>GPS FATU CHAK</t>
  </si>
  <si>
    <t>KAMRA - MALE</t>
  </si>
  <si>
    <t>Fatu Chak</t>
  </si>
  <si>
    <t>VPO Fatu Chak Gondal Attock</t>
  </si>
  <si>
    <t>Kamra</t>
  </si>
  <si>
    <t>Nazeer Hussain Shah</t>
  </si>
  <si>
    <t>3964</t>
  </si>
  <si>
    <t>25574</t>
  </si>
  <si>
    <t>23565</t>
  </si>
  <si>
    <t>50849</t>
  </si>
  <si>
    <t>6388</t>
  </si>
  <si>
    <t>50600</t>
  </si>
  <si>
    <t>GGPS 24/14-L</t>
  </si>
  <si>
    <t>OKANWALA GHARBI-FEMALE</t>
  </si>
  <si>
    <t>24/14L</t>
  </si>
  <si>
    <t>chak no 24/14l</t>
  </si>
  <si>
    <t>23/14L</t>
  </si>
  <si>
    <t>Zeeshan Sarwar</t>
  </si>
  <si>
    <t>365</t>
  </si>
  <si>
    <t>5500</t>
  </si>
  <si>
    <t>372</t>
  </si>
  <si>
    <t>16272</t>
  </si>
  <si>
    <t>GPS 140 RB</t>
  </si>
  <si>
    <t>140 Rb Muthianwala</t>
  </si>
  <si>
    <t>Chak no 140 rb muthianwala</t>
  </si>
  <si>
    <t>140 Rb</t>
  </si>
  <si>
    <t>139 RB</t>
  </si>
  <si>
    <t>Muhammad Muzammal Akbar</t>
  </si>
  <si>
    <t>1770</t>
  </si>
  <si>
    <t>6849</t>
  </si>
  <si>
    <t>16374</t>
  </si>
  <si>
    <t>10375</t>
  </si>
  <si>
    <t>2312</t>
  </si>
  <si>
    <t>16534</t>
  </si>
  <si>
    <t>GPS THATHA KHOKHER</t>
  </si>
  <si>
    <t>Chak No 608 GB Mured Ka</t>
  </si>
  <si>
    <t>CHAK no 608 GB MURED KA</t>
  </si>
  <si>
    <t>muhammad farooq</t>
  </si>
  <si>
    <t>38960</t>
  </si>
  <si>
    <t>38661</t>
  </si>
  <si>
    <t>16198</t>
  </si>
  <si>
    <t>GHS CHAK 49 JB FSD</t>
  </si>
  <si>
    <t>49jb Bath</t>
  </si>
  <si>
    <t>chak no 49jb bath fsd</t>
  </si>
  <si>
    <t>Ghs49b</t>
  </si>
  <si>
    <t>50jb Boraywall</t>
  </si>
  <si>
    <t>khuram zaheer</t>
  </si>
  <si>
    <t>10820</t>
  </si>
  <si>
    <t>42664</t>
  </si>
  <si>
    <t>22173</t>
  </si>
  <si>
    <t>4076</t>
  </si>
  <si>
    <t>54277</t>
  </si>
  <si>
    <t>GGPS TUNNIAN WALI</t>
  </si>
  <si>
    <t>BOLA (FEMALE)</t>
  </si>
  <si>
    <t>GGPS TUNIANWALI</t>
  </si>
  <si>
    <t>Tunianwali</t>
  </si>
  <si>
    <t>Jabbi Sharif</t>
  </si>
  <si>
    <t>Shamim Akhter</t>
  </si>
  <si>
    <t>water suply scheme</t>
  </si>
  <si>
    <t>8251</t>
  </si>
  <si>
    <t>15509</t>
  </si>
  <si>
    <t>42363</t>
  </si>
  <si>
    <t>1154</t>
  </si>
  <si>
    <t>GGES CHAK NO 196 HB</t>
  </si>
  <si>
    <t>CHAK NO.196-HB P/O SAME</t>
  </si>
  <si>
    <t>196-HB</t>
  </si>
  <si>
    <t>Chak No204-9R</t>
  </si>
  <si>
    <t>Memoona Siddique</t>
  </si>
  <si>
    <t>5017</t>
  </si>
  <si>
    <t>49339</t>
  </si>
  <si>
    <t>44322</t>
  </si>
  <si>
    <t>935</t>
  </si>
  <si>
    <t>36307</t>
  </si>
  <si>
    <t>GPS CHAK NO. 63/KB</t>
  </si>
  <si>
    <t>63KB</t>
  </si>
  <si>
    <t>check 63KB</t>
  </si>
  <si>
    <t>Chak No 63/kB</t>
  </si>
  <si>
    <t>Sajjad Hussain</t>
  </si>
  <si>
    <t>4593</t>
  </si>
  <si>
    <t>1819</t>
  </si>
  <si>
    <t>41406</t>
  </si>
  <si>
    <t>3239</t>
  </si>
  <si>
    <t>15671</t>
  </si>
  <si>
    <t>GGHS CHAK NO 136 GB</t>
  </si>
  <si>
    <t>Chak 136 GB FSD</t>
  </si>
  <si>
    <t>Chak 136 GB</t>
  </si>
  <si>
    <t>Chak 527 GB</t>
  </si>
  <si>
    <t>SAADIA RIAZ CHEEMA</t>
  </si>
  <si>
    <t>9920</t>
  </si>
  <si>
    <t>36401</t>
  </si>
  <si>
    <t>45771</t>
  </si>
  <si>
    <t>5201</t>
  </si>
  <si>
    <t>7742</t>
  </si>
  <si>
    <t>GES SULTAN MEHMOOD WALA</t>
  </si>
  <si>
    <t>SHAH SADAR DIN WEST MALE</t>
  </si>
  <si>
    <t>Kot Mubarak Janobi</t>
  </si>
  <si>
    <t>union council kot mubarak tehsil and district dg khan</t>
  </si>
  <si>
    <t>Bagar Wala</t>
  </si>
  <si>
    <t>Kot Mubarak</t>
  </si>
  <si>
    <t>288</t>
  </si>
  <si>
    <t>Muhammad Ishfaq</t>
  </si>
  <si>
    <t>312</t>
  </si>
  <si>
    <t>2592</t>
  </si>
  <si>
    <t>10373</t>
  </si>
  <si>
    <t>26332</t>
  </si>
  <si>
    <t>GPS MAKORRI OLD</t>
  </si>
  <si>
    <t>WARAH SERHAN - MALE</t>
  </si>
  <si>
    <t>Wara Sehran</t>
  </si>
  <si>
    <t>Basti Wara Purana</t>
  </si>
  <si>
    <t>Wara Purana</t>
  </si>
  <si>
    <t>280</t>
  </si>
  <si>
    <t>Summar Abbas</t>
  </si>
  <si>
    <t>15131</t>
  </si>
  <si>
    <t>393</t>
  </si>
  <si>
    <t>36308</t>
  </si>
  <si>
    <t>GPS CHAK NO.62/KB</t>
  </si>
  <si>
    <t>Chak 62/KB</t>
  </si>
  <si>
    <t>1061</t>
  </si>
  <si>
    <t>16636</t>
  </si>
  <si>
    <t>16175</t>
  </si>
  <si>
    <t>4734</t>
  </si>
  <si>
    <t>10403</t>
  </si>
  <si>
    <t>GPS CHAK NO. 83-A TDA</t>
  </si>
  <si>
    <t>ROSHAN SHAH MALE</t>
  </si>
  <si>
    <t>Roshan Shah</t>
  </si>
  <si>
    <t>chak no 83.A TDA</t>
  </si>
  <si>
    <t>Chak No  83A TDA</t>
  </si>
  <si>
    <t>ZUBAIR IMTIAZ</t>
  </si>
  <si>
    <t>1269</t>
  </si>
  <si>
    <t>24973</t>
  </si>
  <si>
    <t>36494</t>
  </si>
  <si>
    <t>GPS CHAK NO. 72/WB NEW</t>
  </si>
  <si>
    <t>72wb</t>
  </si>
  <si>
    <t>chak no 72/wb new</t>
  </si>
  <si>
    <t>72/wb</t>
  </si>
  <si>
    <t>78/wb</t>
  </si>
  <si>
    <t>Shabaz Ali</t>
  </si>
  <si>
    <t>9991</t>
  </si>
  <si>
    <t>46508</t>
  </si>
  <si>
    <t>36311</t>
  </si>
  <si>
    <t>GPS QADIR ABAD</t>
  </si>
  <si>
    <t>Qadir Abad</t>
  </si>
  <si>
    <t>Basti pull qadir abad moza qadir abad</t>
  </si>
  <si>
    <t>Pull Qadir Abad</t>
  </si>
  <si>
    <t>Muhammad Imran</t>
  </si>
  <si>
    <t>385</t>
  </si>
  <si>
    <t>2366</t>
  </si>
  <si>
    <t>16489</t>
  </si>
  <si>
    <t>GES CHAK 420 GB TANDLIANWALA</t>
  </si>
  <si>
    <t>Chak 420 GB</t>
  </si>
  <si>
    <t>Muhammad Shafiq</t>
  </si>
  <si>
    <t>17082</t>
  </si>
  <si>
    <t>45432</t>
  </si>
  <si>
    <t>36433</t>
  </si>
  <si>
    <t>GGPS MAQSOOD ABAD</t>
  </si>
  <si>
    <t>Allah Abad</t>
  </si>
  <si>
    <t>maqsoodabad</t>
  </si>
  <si>
    <t>Maqsoodabad</t>
  </si>
  <si>
    <t>Sadaf Ilyas</t>
  </si>
  <si>
    <t>2841</t>
  </si>
  <si>
    <t>1429</t>
  </si>
  <si>
    <t>1400</t>
  </si>
  <si>
    <t>27250</t>
  </si>
  <si>
    <t>2236</t>
  </si>
  <si>
    <t>14601</t>
  </si>
  <si>
    <t>11437</t>
  </si>
  <si>
    <t>GGPS IQBAL MODEL DASTGEER COLONY AMIN TOWN</t>
  </si>
  <si>
    <t>CITY 1 - FEMALE</t>
  </si>
  <si>
    <t>Dastagir Colony</t>
  </si>
  <si>
    <t>street no 7 dastagir colony amin town</t>
  </si>
  <si>
    <t>Amin Town</t>
  </si>
  <si>
    <t>Razia Sultana</t>
  </si>
  <si>
    <t>On Rent</t>
  </si>
  <si>
    <t>810</t>
  </si>
  <si>
    <t>13876</t>
  </si>
  <si>
    <t>14504</t>
  </si>
  <si>
    <t>GES 222 RB RAJA PARK</t>
  </si>
  <si>
    <t>222rb Raja Park</t>
  </si>
  <si>
    <t>ges222 RB raja park faisalabad</t>
  </si>
  <si>
    <t>Sheikhan Wala</t>
  </si>
  <si>
    <t>Zulfiqar Ali</t>
  </si>
  <si>
    <t>3686</t>
  </si>
  <si>
    <t>private purchase</t>
  </si>
  <si>
    <t>2730</t>
  </si>
  <si>
    <t>36275</t>
  </si>
  <si>
    <t>54457</t>
  </si>
  <si>
    <t>GPS MITHA HUNJAN</t>
  </si>
  <si>
    <t>LUDDEN - MALE</t>
  </si>
  <si>
    <t>Mitha hunjan</t>
  </si>
  <si>
    <t>Moza Mitha hunjan</t>
  </si>
  <si>
    <t>Ludden</t>
  </si>
  <si>
    <t>Mushtaq Ahmad</t>
  </si>
  <si>
    <t>3680</t>
  </si>
  <si>
    <t>5124</t>
  </si>
  <si>
    <t>5193</t>
  </si>
  <si>
    <t>33523</t>
  </si>
  <si>
    <t>GGES RATIAN SUKHAN CHAK NO.5/RB</t>
  </si>
  <si>
    <t>Ratian Sukhan</t>
  </si>
  <si>
    <t>ratian sukhan chak no 05</t>
  </si>
  <si>
    <t>Marh Balochan</t>
  </si>
  <si>
    <t>Umm-e-kalsoom</t>
  </si>
  <si>
    <t>18782</t>
  </si>
  <si>
    <t>3160</t>
  </si>
  <si>
    <t>40302</t>
  </si>
  <si>
    <t>GGHS TOBAH</t>
  </si>
  <si>
    <t>Tobah</t>
  </si>
  <si>
    <t>v.p.o tobah teh p.d.khan dist jhelum1952</t>
  </si>
  <si>
    <t>Saima Nighat Sherazi</t>
  </si>
  <si>
    <t>7767</t>
  </si>
  <si>
    <t>487</t>
  </si>
  <si>
    <t>28760</t>
  </si>
  <si>
    <t>2197</t>
  </si>
  <si>
    <t>36266</t>
  </si>
  <si>
    <t>GPS CHAK NO.42/WB</t>
  </si>
  <si>
    <t>Chak NO 42/WB</t>
  </si>
  <si>
    <t>GPS 42/wb vehari</t>
  </si>
  <si>
    <t>42wb Vehari</t>
  </si>
  <si>
    <t>56wb Vehari</t>
  </si>
  <si>
    <t>2326</t>
  </si>
  <si>
    <t>346</t>
  </si>
  <si>
    <t>22048</t>
  </si>
  <si>
    <t>21702</t>
  </si>
  <si>
    <t>4861</t>
  </si>
  <si>
    <t>20941</t>
  </si>
  <si>
    <t>GGES BHOMAN BATH</t>
  </si>
  <si>
    <t>ALI PUR CHATHA 4 - FEMALE</t>
  </si>
  <si>
    <t>Bhoman Batth</t>
  </si>
  <si>
    <t>bhoman batth</t>
  </si>
  <si>
    <t>Saman Yaqoob</t>
  </si>
  <si>
    <t>42968</t>
  </si>
  <si>
    <t>9240</t>
  </si>
  <si>
    <t>45030</t>
  </si>
  <si>
    <t>36260</t>
  </si>
  <si>
    <t>GPS CHAK NO.80/WB ADDA GHULAM HUSSAIN</t>
  </si>
  <si>
    <t>80/wb</t>
  </si>
  <si>
    <t>Chak no 80/w.b P/O add a ghulam Hussain district Vehari</t>
  </si>
  <si>
    <t>Chak No 80/wb</t>
  </si>
  <si>
    <t>Chak No 78/wb</t>
  </si>
  <si>
    <t>17593</t>
  </si>
  <si>
    <t>36202</t>
  </si>
  <si>
    <t>24485</t>
  </si>
  <si>
    <t>GGES KHAN JAJJA</t>
  </si>
  <si>
    <t>Khan Jajja</t>
  </si>
  <si>
    <t>village khan jajja tehsil pasrur district Sialkot Pakistan</t>
  </si>
  <si>
    <t>Saukin Wind</t>
  </si>
  <si>
    <t>Amreen Ghafoor</t>
  </si>
  <si>
    <t>10064</t>
  </si>
  <si>
    <t>255</t>
  </si>
  <si>
    <t>45980</t>
  </si>
  <si>
    <t>36132</t>
  </si>
  <si>
    <t>9369</t>
  </si>
  <si>
    <t>36264</t>
  </si>
  <si>
    <t>GPS CHAK NO.72/WB</t>
  </si>
  <si>
    <t>Thingi</t>
  </si>
  <si>
    <t>chak 72/wb old</t>
  </si>
  <si>
    <t>72/wb Old</t>
  </si>
  <si>
    <t>78/WB</t>
  </si>
  <si>
    <t>Muhammad Irshad Khan</t>
  </si>
  <si>
    <t>4672</t>
  </si>
  <si>
    <t>10440</t>
  </si>
  <si>
    <t>8610</t>
  </si>
  <si>
    <t>46410</t>
  </si>
  <si>
    <t>30730</t>
  </si>
  <si>
    <t>GGES DOGACH</t>
  </si>
  <si>
    <t>Dogach</t>
  </si>
  <si>
    <t>Bata pur dogach Lahore</t>
  </si>
  <si>
    <t>Asmat Hanif</t>
  </si>
  <si>
    <t>27822</t>
  </si>
  <si>
    <t>30370</t>
  </si>
  <si>
    <t>29322</t>
  </si>
  <si>
    <t>GPS PIAL KALAN NO. 2</t>
  </si>
  <si>
    <t>DHOLAN HITHAR - MALE</t>
  </si>
  <si>
    <t>Pial Kalan</t>
  </si>
  <si>
    <t>pial kalan post office usman wala tehsil  and district Kasur</t>
  </si>
  <si>
    <t>Ali Sher</t>
  </si>
  <si>
    <t>3812</t>
  </si>
  <si>
    <t>40158</t>
  </si>
  <si>
    <t>16815</t>
  </si>
  <si>
    <t>34513</t>
  </si>
  <si>
    <t>13370</t>
  </si>
  <si>
    <t>3445</t>
  </si>
  <si>
    <t>24512</t>
  </si>
  <si>
    <t>GGPS GAKHAR WALI</t>
  </si>
  <si>
    <t>GGPS GAKHARWALI</t>
  </si>
  <si>
    <t>Ghakharwali</t>
  </si>
  <si>
    <t>Qila Kalar Wala</t>
  </si>
  <si>
    <t>Madiha Altaf</t>
  </si>
  <si>
    <t>18332</t>
  </si>
  <si>
    <t>36677</t>
  </si>
  <si>
    <t>2106</t>
  </si>
  <si>
    <t>36404</t>
  </si>
  <si>
    <t>54605</t>
  </si>
  <si>
    <t>GGES 83 WB</t>
  </si>
  <si>
    <t>PIPLI - FEMALE</t>
  </si>
  <si>
    <t>83wb</t>
  </si>
  <si>
    <t>ch no83 wb</t>
  </si>
  <si>
    <t>87wb</t>
  </si>
  <si>
    <t>Abida Sultana Gen</t>
  </si>
  <si>
    <t>19747</t>
  </si>
  <si>
    <t>36747</t>
  </si>
  <si>
    <t>21263</t>
  </si>
  <si>
    <t>38392</t>
  </si>
  <si>
    <t>GPMS ISMAIL PUR</t>
  </si>
  <si>
    <t>KAROR PACCA</t>
  </si>
  <si>
    <t>BAHAWALGARH - FEMALE</t>
  </si>
  <si>
    <t>Ismailpur</t>
  </si>
  <si>
    <t>ismailpur</t>
  </si>
  <si>
    <t>Tibbi Wadan</t>
  </si>
  <si>
    <t>226</t>
  </si>
  <si>
    <t>Rukkaya baigum</t>
  </si>
  <si>
    <t>31860</t>
  </si>
  <si>
    <t>16492</t>
  </si>
  <si>
    <t>GPS MEHAR SHAHNA</t>
  </si>
  <si>
    <t>Mehar Shahan</t>
  </si>
  <si>
    <t>Pindi Shaikh Musa</t>
  </si>
  <si>
    <t>Muhammad Ashraf</t>
  </si>
  <si>
    <t>448</t>
  </si>
  <si>
    <t>3725</t>
  </si>
  <si>
    <t>796</t>
  </si>
  <si>
    <t>19220</t>
  </si>
  <si>
    <t>5396</t>
  </si>
  <si>
    <t>38069</t>
  </si>
  <si>
    <t>GGPS HAR DIL WALA</t>
  </si>
  <si>
    <t>MIRAN PUR - FEMALE</t>
  </si>
  <si>
    <t>Har Dil Wala</t>
  </si>
  <si>
    <t>har dil wala gaily wall</t>
  </si>
  <si>
    <t>Her Dil Wala</t>
  </si>
  <si>
    <t>Rwani</t>
  </si>
  <si>
    <t>Humera Noor</t>
  </si>
  <si>
    <t>1884</t>
  </si>
  <si>
    <t>2480</t>
  </si>
  <si>
    <t>36759</t>
  </si>
  <si>
    <t>GGES CHAK NO.16/GD</t>
  </si>
  <si>
    <t>JABOOKA - FEMALE</t>
  </si>
  <si>
    <t>g g e s 16 gd</t>
  </si>
  <si>
    <t>Chak NO 16 / GD</t>
  </si>
  <si>
    <t>14 Gd</t>
  </si>
  <si>
    <t>Ejaz Fatima</t>
  </si>
  <si>
    <t>1856</t>
  </si>
  <si>
    <t>11200</t>
  </si>
  <si>
    <t>3799</t>
  </si>
  <si>
    <t>43557</t>
  </si>
  <si>
    <t>68006</t>
  </si>
  <si>
    <t>GGPS BAGHZER</t>
  </si>
  <si>
    <t>MANGWAL-FEMALE</t>
  </si>
  <si>
    <t>4km</t>
  </si>
  <si>
    <t>Baghzer</t>
  </si>
  <si>
    <t>Sumera Javed</t>
  </si>
  <si>
    <t>1878</t>
  </si>
  <si>
    <t>15971</t>
  </si>
  <si>
    <t>15609</t>
  </si>
  <si>
    <t>42996</t>
  </si>
  <si>
    <t>42496</t>
  </si>
  <si>
    <t>25939</t>
  </si>
  <si>
    <t>GGPS JAHDA</t>
  </si>
  <si>
    <t>Jhada</t>
  </si>
  <si>
    <t>village Jhada P/O Talwandi Bhindran Teh&amp;Diss Narowal</t>
  </si>
  <si>
    <t>Datywal</t>
  </si>
  <si>
    <t>Safiya Ramzan</t>
  </si>
  <si>
    <t>3040</t>
  </si>
  <si>
    <t>19620</t>
  </si>
  <si>
    <t>16726</t>
  </si>
  <si>
    <t>10376</t>
  </si>
  <si>
    <t>GPS MULTANI</t>
  </si>
  <si>
    <t>P/o wara sehran tehsil karor Lal eson district layyah</t>
  </si>
  <si>
    <t>Multani</t>
  </si>
  <si>
    <t>Mehboob Hussain</t>
  </si>
  <si>
    <t>2451</t>
  </si>
  <si>
    <t>40238</t>
  </si>
  <si>
    <t>GGPS RATHIAN</t>
  </si>
  <si>
    <t>GHARMALA-FEMALE</t>
  </si>
  <si>
    <t>Rathian</t>
  </si>
  <si>
    <t>village rathian p.o kashmir colony jhelum</t>
  </si>
  <si>
    <t>Jada</t>
  </si>
  <si>
    <t>Sumbla chaman</t>
  </si>
  <si>
    <t>1454</t>
  </si>
  <si>
    <t>4615</t>
  </si>
  <si>
    <t>7900</t>
  </si>
  <si>
    <t>3285</t>
  </si>
  <si>
    <t>8418</t>
  </si>
  <si>
    <t>5879</t>
  </si>
  <si>
    <t>3132</t>
  </si>
  <si>
    <t>29983</t>
  </si>
  <si>
    <t>GGHS GHANIAA KEY PO. KOT RADH KISHAN</t>
  </si>
  <si>
    <t>Ghniakey</t>
  </si>
  <si>
    <t>ghniakey, tehsil krk</t>
  </si>
  <si>
    <t>Handal</t>
  </si>
  <si>
    <t>Fatima Jabeen</t>
  </si>
  <si>
    <t>43158</t>
  </si>
  <si>
    <t>50007</t>
  </si>
  <si>
    <t>3407</t>
  </si>
  <si>
    <t>30572</t>
  </si>
  <si>
    <t>GGPS DEVSANI</t>
  </si>
  <si>
    <t>HADIARA-FEMALE</t>
  </si>
  <si>
    <t>Devsani</t>
  </si>
  <si>
    <t>Barki noor villa Lahore cantt</t>
  </si>
  <si>
    <t>Hadira</t>
  </si>
  <si>
    <t>Shagufta Maryam</t>
  </si>
  <si>
    <t>2404</t>
  </si>
  <si>
    <t>29303</t>
  </si>
  <si>
    <t>26919</t>
  </si>
  <si>
    <t>699</t>
  </si>
  <si>
    <t>15476</t>
  </si>
  <si>
    <t>GPS ASHRAF ABAD SAMUNDRI</t>
  </si>
  <si>
    <t>Ashrafabad</t>
  </si>
  <si>
    <t>GPS ASHRAFABAD SAMMUNDRI</t>
  </si>
  <si>
    <t>UMM-E-SALAM</t>
  </si>
  <si>
    <t>3282</t>
  </si>
  <si>
    <t>13950</t>
  </si>
  <si>
    <t>46472</t>
  </si>
  <si>
    <t>10319</t>
  </si>
  <si>
    <t>45578</t>
  </si>
  <si>
    <t>6588</t>
  </si>
  <si>
    <t>GGES CHAK NO.17/TDA</t>
  </si>
  <si>
    <t>DAGGER WAGWARAH- FEMALE</t>
  </si>
  <si>
    <t>waghwarah</t>
  </si>
  <si>
    <t>chak no 17tda dagar leel</t>
  </si>
  <si>
    <t>17tda</t>
  </si>
  <si>
    <t>Dagger Waghwara</t>
  </si>
  <si>
    <t>tahreem gull niazi</t>
  </si>
  <si>
    <t>45351</t>
  </si>
  <si>
    <t>34974</t>
  </si>
  <si>
    <t>3476</t>
  </si>
  <si>
    <t>38618</t>
  </si>
  <si>
    <t>GMPS RAMZAN WALA</t>
  </si>
  <si>
    <t>SULTAN AYOUB QATAL-FEMALE</t>
  </si>
  <si>
    <t>249 Wb</t>
  </si>
  <si>
    <t>chak 249 qb</t>
  </si>
  <si>
    <t>Chak 249 Wb</t>
  </si>
  <si>
    <t>237 Wb</t>
  </si>
  <si>
    <t>NAJAMA KHURSHEED</t>
  </si>
  <si>
    <t>17841</t>
  </si>
  <si>
    <t>2944</t>
  </si>
  <si>
    <t>53631</t>
  </si>
  <si>
    <t>GGPS CHAH ABDUL SATTAR</t>
  </si>
  <si>
    <t>MANA MORE - FEMALE</t>
  </si>
  <si>
    <t>36kb</t>
  </si>
  <si>
    <t>Chah Abdul Sattar chak no 36kb jamlera</t>
  </si>
  <si>
    <t>Chah Abdul Sattar</t>
  </si>
  <si>
    <t>Noshehra Jamlera</t>
  </si>
  <si>
    <t>Shazia Rafi</t>
  </si>
  <si>
    <t>1664</t>
  </si>
  <si>
    <t>348</t>
  </si>
  <si>
    <t>27214</t>
  </si>
  <si>
    <t>16295</t>
  </si>
  <si>
    <t>GPS 163 RB</t>
  </si>
  <si>
    <t>163 RB</t>
  </si>
  <si>
    <t>chak no. 163 rb</t>
  </si>
  <si>
    <t>BALAGAN</t>
  </si>
  <si>
    <t>panwan</t>
  </si>
  <si>
    <t>Ejaz hussain</t>
  </si>
  <si>
    <t>2824</t>
  </si>
  <si>
    <t>13988</t>
  </si>
  <si>
    <t>14327</t>
  </si>
  <si>
    <t>17683</t>
  </si>
  <si>
    <t>1580</t>
  </si>
  <si>
    <t>38813</t>
  </si>
  <si>
    <t>GPS (MC) ATTOCK NO.3</t>
  </si>
  <si>
    <t>ATTOCK SADDAR - MALE</t>
  </si>
  <si>
    <t>moh.shed eid gah road attock</t>
  </si>
  <si>
    <t>moh.shed</t>
  </si>
  <si>
    <t>MC Attock</t>
  </si>
  <si>
    <t>Mukhtar Ahmad Qureshi</t>
  </si>
  <si>
    <t>27940</t>
  </si>
  <si>
    <t>27192</t>
  </si>
  <si>
    <t>13398</t>
  </si>
  <si>
    <t>28081</t>
  </si>
  <si>
    <t>GGHS RAKH BALOUCH KALAN</t>
  </si>
  <si>
    <t>Rakh Blouch Kalan</t>
  </si>
  <si>
    <t>govt girls high school rakh Bloch Kalan teh distt Mandi bahaud din</t>
  </si>
  <si>
    <t>Rakh Bloch Kalan</t>
  </si>
  <si>
    <t>Anjum Iqbal</t>
  </si>
  <si>
    <t>40126</t>
  </si>
  <si>
    <t>GPS BHAI LUDDEN</t>
  </si>
  <si>
    <t>Bhai Loden</t>
  </si>
  <si>
    <t>bhai loden</t>
  </si>
  <si>
    <t>Dara Pur</t>
  </si>
  <si>
    <t>Nadia Fazal</t>
  </si>
  <si>
    <t>4133</t>
  </si>
  <si>
    <t>22980</t>
  </si>
  <si>
    <t>21935</t>
  </si>
  <si>
    <t>2923</t>
  </si>
  <si>
    <t>30047</t>
  </si>
  <si>
    <t>GGCMS BOHAR</t>
  </si>
  <si>
    <t>KRK CITY - FEMALE</t>
  </si>
  <si>
    <t>Bohar</t>
  </si>
  <si>
    <t>ggcms bohar</t>
  </si>
  <si>
    <t>Nathoki</t>
  </si>
  <si>
    <t>Zahida Nasreen</t>
  </si>
  <si>
    <t>332</t>
  </si>
  <si>
    <t>3880</t>
  </si>
  <si>
    <t>54398</t>
  </si>
  <si>
    <t>8068</t>
  </si>
  <si>
    <t>GPS SHAH ALI</t>
  </si>
  <si>
    <t>Ranwan</t>
  </si>
  <si>
    <t>Basti khuhawar , Moza Ranwan.</t>
  </si>
  <si>
    <t>Pir Adil</t>
  </si>
  <si>
    <t>19949</t>
  </si>
  <si>
    <t>GPS MC THATHIAN</t>
  </si>
  <si>
    <t>Mohallah Thatti Gharbi Tehsil and District Chiniot</t>
  </si>
  <si>
    <t>Mc Chiniot</t>
  </si>
  <si>
    <t>Azam Ali</t>
  </si>
  <si>
    <t>10422</t>
  </si>
  <si>
    <t>44364</t>
  </si>
  <si>
    <t>3699</t>
  </si>
  <si>
    <t>34798</t>
  </si>
  <si>
    <t>GGES DARKHAN WALA (FAIZABAD)</t>
  </si>
  <si>
    <t>JALALPUR PIRWALA</t>
  </si>
  <si>
    <t>BAIT KAITCH - FEMALE</t>
  </si>
  <si>
    <t>Bait Kaitch</t>
  </si>
  <si>
    <t>basti lar janubi</t>
  </si>
  <si>
    <t>Faizabad</t>
  </si>
  <si>
    <t>Bait Kaitch Janubi</t>
  </si>
  <si>
    <t>Nadia Parveen</t>
  </si>
  <si>
    <t>1028</t>
  </si>
  <si>
    <t>43628</t>
  </si>
  <si>
    <t>42600</t>
  </si>
  <si>
    <t>5924</t>
  </si>
  <si>
    <t>50273</t>
  </si>
  <si>
    <t>GGES 69/12-L</t>
  </si>
  <si>
    <t>KAMAND-FEMALE</t>
  </si>
  <si>
    <t>Kamand</t>
  </si>
  <si>
    <t>69/12L</t>
  </si>
  <si>
    <t>Asia Yazdani</t>
  </si>
  <si>
    <t>13492</t>
  </si>
  <si>
    <t>34399</t>
  </si>
  <si>
    <t>46153</t>
  </si>
  <si>
    <t>874</t>
  </si>
  <si>
    <t>618</t>
  </si>
  <si>
    <t>1825</t>
  </si>
  <si>
    <t>37095</t>
  </si>
  <si>
    <t>GES 5/9-R YAROWALA, KACHA KHUH</t>
  </si>
  <si>
    <t>KACHA KHUH - MALE</t>
  </si>
  <si>
    <t>Chak 5/9-R</t>
  </si>
  <si>
    <t>chak 5/9-R khanewal</t>
  </si>
  <si>
    <t>Chak 16/9-R</t>
  </si>
  <si>
    <t>Munir Hussain</t>
  </si>
  <si>
    <t>23052</t>
  </si>
  <si>
    <t>22960</t>
  </si>
  <si>
    <t>21091</t>
  </si>
  <si>
    <t>29988</t>
  </si>
  <si>
    <t>GGES NO. 1 KOT RADHA KISHAN</t>
  </si>
  <si>
    <t>KRK</t>
  </si>
  <si>
    <t>Kot Radha Kishan</t>
  </si>
  <si>
    <t>Khalida Chaudhry</t>
  </si>
  <si>
    <t>1260</t>
  </si>
  <si>
    <t>1240</t>
  </si>
  <si>
    <t>10368</t>
  </si>
  <si>
    <t>GPS CHEENA</t>
  </si>
  <si>
    <t>Wadhaywali</t>
  </si>
  <si>
    <t>MOUZA WADDHYWALI P/o war a sehran teh karor dist layyah</t>
  </si>
  <si>
    <t>Bastion Cheena</t>
  </si>
  <si>
    <t>War a Sehran</t>
  </si>
  <si>
    <t>Muhammad Shahjahan</t>
  </si>
  <si>
    <t>51933</t>
  </si>
  <si>
    <t>GPS 73 EB P/O CHAK NO 75/EB</t>
  </si>
  <si>
    <t>Chak No 73 EB</t>
  </si>
  <si>
    <t>chak no 73 EB tehsil arifwala</t>
  </si>
  <si>
    <t>Chak No 75 EB</t>
  </si>
  <si>
    <t>Yasir Sarwar</t>
  </si>
  <si>
    <t>4058</t>
  </si>
  <si>
    <t>1150</t>
  </si>
  <si>
    <t>36890</t>
  </si>
  <si>
    <t>35740</t>
  </si>
  <si>
    <t>33375</t>
  </si>
  <si>
    <t>GHS KOTLA KAHALWAN CHAK NO. 44/RB</t>
  </si>
  <si>
    <t>KOTLA KAHALWAN</t>
  </si>
  <si>
    <t>CHAK NO.44/RB KOTLA KAHALWAN TEHSIL SHAHKOT DISTT. NNS</t>
  </si>
  <si>
    <t>DALLAH CHANDA SING</t>
  </si>
  <si>
    <t>Qamar Yaseen</t>
  </si>
  <si>
    <t>2899</t>
  </si>
  <si>
    <t>1563</t>
  </si>
  <si>
    <t>15498</t>
  </si>
  <si>
    <t>GPS 466 GB</t>
  </si>
  <si>
    <t>Shahpur</t>
  </si>
  <si>
    <t>chak 466 gb samundri</t>
  </si>
  <si>
    <t>Chak 466 Gb</t>
  </si>
  <si>
    <t>Ali Imran</t>
  </si>
  <si>
    <t>1692</t>
  </si>
  <si>
    <t>17210</t>
  </si>
  <si>
    <t>16902</t>
  </si>
  <si>
    <t>16025</t>
  </si>
  <si>
    <t>GGPS CHAK 249 RB</t>
  </si>
  <si>
    <t>Shota Balochwala</t>
  </si>
  <si>
    <t>chak no249rbii</t>
  </si>
  <si>
    <t>249rb ii</t>
  </si>
  <si>
    <t>Chak248 RB</t>
  </si>
  <si>
    <t>Haleema Bibi</t>
  </si>
  <si>
    <t>14254</t>
  </si>
  <si>
    <t>48804</t>
  </si>
  <si>
    <t>34550</t>
  </si>
  <si>
    <t>11647</t>
  </si>
  <si>
    <t>10005</t>
  </si>
  <si>
    <t>GES BAIT MOONGER</t>
  </si>
  <si>
    <t>Bait Moonger</t>
  </si>
  <si>
    <t>GES BAIT MOONGER P/O WARAH SEHRHAN</t>
  </si>
  <si>
    <t>Warah Sehrhan</t>
  </si>
  <si>
    <t>allah ditta</t>
  </si>
  <si>
    <t>19450</t>
  </si>
  <si>
    <t>19210</t>
  </si>
  <si>
    <t>51917</t>
  </si>
  <si>
    <t>GPS ARABIA FAROOQIA ARIFWALA J BLOCK</t>
  </si>
  <si>
    <t>J block Arifwala</t>
  </si>
  <si>
    <t>Arifwala City</t>
  </si>
  <si>
    <t>Ward No 13</t>
  </si>
  <si>
    <t>Khuram Rashid</t>
  </si>
  <si>
    <t>445</t>
  </si>
  <si>
    <t>5806</t>
  </si>
  <si>
    <t>5063</t>
  </si>
  <si>
    <t>32502</t>
  </si>
  <si>
    <t>2764</t>
  </si>
  <si>
    <t>32420</t>
  </si>
  <si>
    <t>15502</t>
  </si>
  <si>
    <t>GPS FACTIRY AREA</t>
  </si>
  <si>
    <t>FactoryArea</t>
  </si>
  <si>
    <t>Factory area,samundri</t>
  </si>
  <si>
    <t>Ward No1</t>
  </si>
  <si>
    <t>M Sarwar</t>
  </si>
  <si>
    <t>7744</t>
  </si>
  <si>
    <t>GES BAHADUR GARH</t>
  </si>
  <si>
    <t>Bahadur Garh</t>
  </si>
  <si>
    <t>Bahadur garh, Kot Mubarak, D. G. Khan</t>
  </si>
  <si>
    <t>Irshad Ahmad</t>
  </si>
  <si>
    <t>32625</t>
  </si>
  <si>
    <t>5143</t>
  </si>
  <si>
    <t>8520</t>
  </si>
  <si>
    <t>16066</t>
  </si>
  <si>
    <t>GGPS CHAK 89 JB RATUN</t>
  </si>
  <si>
    <t>Chak No 89jb Ratan</t>
  </si>
  <si>
    <t>chak no 89jb Ratan fsd</t>
  </si>
  <si>
    <t>Chak No 89/Jb Fsd</t>
  </si>
  <si>
    <t>Chak No 88 Jb Fsd</t>
  </si>
  <si>
    <t>Farzana Kousar</t>
  </si>
  <si>
    <t>8150</t>
  </si>
  <si>
    <t>17280</t>
  </si>
  <si>
    <t>20100</t>
  </si>
  <si>
    <t>5934</t>
  </si>
  <si>
    <t>50474</t>
  </si>
  <si>
    <t>GPS 21/14-L</t>
  </si>
  <si>
    <t>SHAHKOT GHARBI-MALE</t>
  </si>
  <si>
    <t>21/14L</t>
  </si>
  <si>
    <t>CHAK NO 21/14L</t>
  </si>
  <si>
    <t>CHAK NO 20/14L</t>
  </si>
  <si>
    <t>MAZHAR HUSSAIN</t>
  </si>
  <si>
    <t>37655</t>
  </si>
  <si>
    <t>37464</t>
  </si>
  <si>
    <t>2432</t>
  </si>
  <si>
    <t>15495</t>
  </si>
  <si>
    <t>GPS CHAK 463 GB II SAMUNDRI</t>
  </si>
  <si>
    <t>KANIANBANGLAW - MALE</t>
  </si>
  <si>
    <t>CHAK NO. 463 GB II</t>
  </si>
  <si>
    <t>CHAK NO. 463 GB</t>
  </si>
  <si>
    <t>MUHAMMAD FAROOQ AMJAD</t>
  </si>
  <si>
    <t>2317</t>
  </si>
  <si>
    <t>9954</t>
  </si>
  <si>
    <t>GES MOHSIN SHAH</t>
  </si>
  <si>
    <t>Wara Sehra</t>
  </si>
  <si>
    <t>basti mosan shah</t>
  </si>
  <si>
    <t>Mosan Shah</t>
  </si>
  <si>
    <t>manzoor hussain</t>
  </si>
  <si>
    <t>1937</t>
  </si>
  <si>
    <t>3110</t>
  </si>
  <si>
    <t>25084</t>
  </si>
  <si>
    <t>19324</t>
  </si>
  <si>
    <t>1399</t>
  </si>
  <si>
    <t>16503</t>
  </si>
  <si>
    <t>GPS CHAK NO 425 GB N</t>
  </si>
  <si>
    <t>Chak No 425gbn</t>
  </si>
  <si>
    <t>chak no 425 gb n tehsil tandlianwala district Faisalabad</t>
  </si>
  <si>
    <t>Chak No 422GB</t>
  </si>
  <si>
    <t>Rizwan Aslam Khan</t>
  </si>
  <si>
    <t>2630</t>
  </si>
  <si>
    <t>589</t>
  </si>
  <si>
    <t>14641</t>
  </si>
  <si>
    <t>15503</t>
  </si>
  <si>
    <t>GPS NAI SAMUNDRI</t>
  </si>
  <si>
    <t>Nai Samundri</t>
  </si>
  <si>
    <t>GPS Nai Samundri</t>
  </si>
  <si>
    <t>Nai Smd</t>
  </si>
  <si>
    <t>MC Smd</t>
  </si>
  <si>
    <t>Muhammad Haleem</t>
  </si>
  <si>
    <t>canal</t>
  </si>
  <si>
    <t>12153</t>
  </si>
  <si>
    <t>7911</t>
  </si>
  <si>
    <t>2632</t>
  </si>
  <si>
    <t>14796</t>
  </si>
  <si>
    <t>GGPS REHMAT ABAD CHAK 58 JB</t>
  </si>
  <si>
    <t>MIRANWALA - FEMALE</t>
  </si>
  <si>
    <t>58 Jb</t>
  </si>
  <si>
    <t>chak no  58 jb Rehmatabad</t>
  </si>
  <si>
    <t>58jb Rehmatabad</t>
  </si>
  <si>
    <t>58 Jb Lehal</t>
  </si>
  <si>
    <t>Gulshad Ghafoor</t>
  </si>
  <si>
    <t>4430</t>
  </si>
  <si>
    <t>54848</t>
  </si>
  <si>
    <t>50418</t>
  </si>
  <si>
    <t>50005</t>
  </si>
  <si>
    <t>36966</t>
  </si>
  <si>
    <t>GGPS DALIL WALA, NAWAN SHEHR</t>
  </si>
  <si>
    <t>Saif Pur</t>
  </si>
  <si>
    <t>Maankot tehsil kaber wala Khanewal</t>
  </si>
  <si>
    <t>Dalail Wala</t>
  </si>
  <si>
    <t>Salarwahan Nau</t>
  </si>
  <si>
    <t>5252</t>
  </si>
  <si>
    <t>24900</t>
  </si>
  <si>
    <t>44074</t>
  </si>
  <si>
    <t>GGHS DULMIAL</t>
  </si>
  <si>
    <t>dulmial</t>
  </si>
  <si>
    <t>vpo dulmial tehsil cs shah distt chakwal</t>
  </si>
  <si>
    <t>Safina Akhtar</t>
  </si>
  <si>
    <t>11145</t>
  </si>
  <si>
    <t>355</t>
  </si>
  <si>
    <t>1175</t>
  </si>
  <si>
    <t>22264</t>
  </si>
  <si>
    <t>GGHS CAPT JAWAD SHAEED KALRA KALAN</t>
  </si>
  <si>
    <t>KALRA KALAN</t>
  </si>
  <si>
    <t>KALRA KALAN GUJRAT</t>
  </si>
  <si>
    <t>Javaria Bashir</t>
  </si>
  <si>
    <t>49550</t>
  </si>
  <si>
    <t>732</t>
  </si>
  <si>
    <t>1743</t>
  </si>
  <si>
    <t>48068</t>
  </si>
  <si>
    <t>GHS NASEER PUR KALAN</t>
  </si>
  <si>
    <t>naseer pur kalan</t>
  </si>
  <si>
    <t>ghs naseer pur kalan tehsil kotmomin distt sargodha</t>
  </si>
  <si>
    <t>Zafar Hayat</t>
  </si>
  <si>
    <t>1930</t>
  </si>
  <si>
    <t>8704</t>
  </si>
  <si>
    <t>49626</t>
  </si>
  <si>
    <t>3042</t>
  </si>
  <si>
    <t>3185</t>
  </si>
  <si>
    <t>42388</t>
  </si>
  <si>
    <t>GGHS USMAN ZADA ADRA</t>
  </si>
  <si>
    <t>Usman Zada Adra</t>
  </si>
  <si>
    <t>GGHS Usman Zada Adra Vill &amp; PO Usman Zada Adra</t>
  </si>
  <si>
    <t>Daultala 2</t>
  </si>
  <si>
    <t>Najma Yasmin</t>
  </si>
  <si>
    <t>48865</t>
  </si>
  <si>
    <t>617</t>
  </si>
  <si>
    <t>2055</t>
  </si>
  <si>
    <t>5884</t>
  </si>
  <si>
    <t>41924</t>
  </si>
  <si>
    <t>GGPS FEROZY</t>
  </si>
  <si>
    <t>JATHA HATHIAL -FEMALE</t>
  </si>
  <si>
    <t>Ferozy</t>
  </si>
  <si>
    <t>village ferozy dhoke bhatian</t>
  </si>
  <si>
    <t>Banda</t>
  </si>
  <si>
    <t>Sadia Qayum</t>
  </si>
  <si>
    <t>11300</t>
  </si>
  <si>
    <t>29812</t>
  </si>
  <si>
    <t>15376</t>
  </si>
  <si>
    <t>GHS 107/RB</t>
  </si>
  <si>
    <t>chak No 107 RB fsd</t>
  </si>
  <si>
    <t>Chudhariwala</t>
  </si>
  <si>
    <t>106 RB</t>
  </si>
  <si>
    <t>zahoor mohy ud din</t>
  </si>
  <si>
    <t>7942</t>
  </si>
  <si>
    <t>423</t>
  </si>
  <si>
    <t>3220</t>
  </si>
  <si>
    <t>23618</t>
  </si>
  <si>
    <t>GMHS DASKA</t>
  </si>
  <si>
    <t>Daska</t>
  </si>
  <si>
    <t>kuchahry chowk Daska</t>
  </si>
  <si>
    <t>Humaira Hafeez</t>
  </si>
  <si>
    <t>20179</t>
  </si>
  <si>
    <t>1850</t>
  </si>
  <si>
    <t>6242</t>
  </si>
  <si>
    <t>3676</t>
  </si>
  <si>
    <t>347</t>
  </si>
  <si>
    <t>16870</t>
  </si>
  <si>
    <t>GGHSS SATELLITE TOWN</t>
  </si>
  <si>
    <t>A block satellite town jhang</t>
  </si>
  <si>
    <t>Satellite Town</t>
  </si>
  <si>
    <t>Rubina Shabahat</t>
  </si>
  <si>
    <t>1955</t>
  </si>
  <si>
    <t>11838</t>
  </si>
  <si>
    <t>2288</t>
  </si>
  <si>
    <t>4367</t>
  </si>
  <si>
    <t>13076</t>
  </si>
  <si>
    <t>30851</t>
  </si>
  <si>
    <t>GGHS SHAHAB-UD-DIN RAWAN SHAH KAMAL ROAD ICHHRA</t>
  </si>
  <si>
    <t>Clifton Colony</t>
  </si>
  <si>
    <t>Rawan Shah Kamal Road, Ichhra, LHR</t>
  </si>
  <si>
    <t>Shah Kamal</t>
  </si>
  <si>
    <t>Razia Zareen</t>
  </si>
  <si>
    <t>1075</t>
  </si>
  <si>
    <t>2781</t>
  </si>
  <si>
    <t>1586</t>
  </si>
  <si>
    <t>GHS CHAK NO. 155/3L</t>
  </si>
  <si>
    <t>CHAK NO 155/3L,POST OFFICE FAQIRWALI TEHSIL HAROONABAD DISTRICT BAHAWALNAGAR</t>
  </si>
  <si>
    <t>155/3L</t>
  </si>
  <si>
    <t>152/2L</t>
  </si>
  <si>
    <t>Shahid Mahmood</t>
  </si>
  <si>
    <t>32670</t>
  </si>
  <si>
    <t>44046</t>
  </si>
  <si>
    <t>13840</t>
  </si>
  <si>
    <t>52269</t>
  </si>
  <si>
    <t>GPS NO. 1 HUJRA</t>
  </si>
  <si>
    <t>HUJRA SHAH MUQEEM - MALE</t>
  </si>
  <si>
    <t>Hujra Shah muqeem</t>
  </si>
  <si>
    <t>main bazaar hujra shah muqeem</t>
  </si>
  <si>
    <t>Municipal committee hujra</t>
  </si>
  <si>
    <t>Riaz Ahmad</t>
  </si>
  <si>
    <t>1828</t>
  </si>
  <si>
    <t>3981</t>
  </si>
  <si>
    <t>13532</t>
  </si>
  <si>
    <t>GPS RANA NAGAR</t>
  </si>
  <si>
    <t>DAJAL - MALE</t>
  </si>
  <si>
    <t>Wah Saidan</t>
  </si>
  <si>
    <t>tibbi silgi tehsil jampur</t>
  </si>
  <si>
    <t>Tibbi Solgi</t>
  </si>
  <si>
    <t>Wah Lishari</t>
  </si>
  <si>
    <t>Zahid Hussain</t>
  </si>
  <si>
    <t>4245</t>
  </si>
  <si>
    <t>40195</t>
  </si>
  <si>
    <t>GGPS NO. 3 JEHLUM</t>
  </si>
  <si>
    <t>CHAK KHASA-FEMALE</t>
  </si>
  <si>
    <t>Jhelum</t>
  </si>
  <si>
    <t>ggps no 3 near to islamia boys school kacheri road</t>
  </si>
  <si>
    <t>Muhammadi Chok</t>
  </si>
  <si>
    <t>Adrish Naseer</t>
  </si>
  <si>
    <t>1339</t>
  </si>
  <si>
    <t>52567</t>
  </si>
  <si>
    <t>24925</t>
  </si>
  <si>
    <t>6550</t>
  </si>
  <si>
    <t>15999</t>
  </si>
  <si>
    <t>2153</t>
  </si>
  <si>
    <t>31406</t>
  </si>
  <si>
    <t>GES BHULAY BANEWAL</t>
  </si>
  <si>
    <t>FEROZWALA-I - MALE</t>
  </si>
  <si>
    <t>Bhullay Banewal</t>
  </si>
  <si>
    <t>Bhullay Banewal Ferlzewala</t>
  </si>
  <si>
    <t>Ferozewala</t>
  </si>
  <si>
    <t>Umar Hayat</t>
  </si>
  <si>
    <t>27909</t>
  </si>
  <si>
    <t>GGHS WAPDA COLONY</t>
  </si>
  <si>
    <t>Mandibhauddin</t>
  </si>
  <si>
    <t>gghswapdacolony</t>
  </si>
  <si>
    <t>Wapda Colony</t>
  </si>
  <si>
    <t>Pindibhauddin</t>
  </si>
  <si>
    <t>khalida taj</t>
  </si>
  <si>
    <t>12795</t>
  </si>
  <si>
    <t>30133</t>
  </si>
  <si>
    <t>39097</t>
  </si>
  <si>
    <t>524</t>
  </si>
  <si>
    <t>40781</t>
  </si>
  <si>
    <t>GGCMS DHOK MUGHLAN</t>
  </si>
  <si>
    <t>SOHAWA-FEMALE</t>
  </si>
  <si>
    <t>Sohawa</t>
  </si>
  <si>
    <t>GGCMS DHOKE MUGHLAN</t>
  </si>
  <si>
    <t>Dhoke Mughlan</t>
  </si>
  <si>
    <t>Pind Maty Khan</t>
  </si>
  <si>
    <t>SHAISTA SIDDIQ</t>
  </si>
  <si>
    <t>48002</t>
  </si>
  <si>
    <t>2539</t>
  </si>
  <si>
    <t>29581</t>
  </si>
  <si>
    <t>59400</t>
  </si>
  <si>
    <t>GES SARHALI KHURD</t>
  </si>
  <si>
    <t>MUSTAFA ABAD - MALE</t>
  </si>
  <si>
    <t>Sarhali Khurd</t>
  </si>
  <si>
    <t>Sarhali khurd post office Mustafa bad tehsil and district kasur</t>
  </si>
  <si>
    <t>Sarhali</t>
  </si>
  <si>
    <t>Hafiz Asif Shahzad</t>
  </si>
  <si>
    <t>293</t>
  </si>
  <si>
    <t>17753</t>
  </si>
  <si>
    <t>730</t>
  </si>
  <si>
    <t>3181</t>
  </si>
  <si>
    <t>22927</t>
  </si>
  <si>
    <t>GHS KARARI WALA KALAN</t>
  </si>
  <si>
    <t>KHARIAN</t>
  </si>
  <si>
    <t>Karariwala Kalan</t>
  </si>
  <si>
    <t>Village &amp; p/o karariwala kalan</t>
  </si>
  <si>
    <t>Noonawali</t>
  </si>
  <si>
    <t>Qasim Ali</t>
  </si>
  <si>
    <t>8187</t>
  </si>
  <si>
    <t>327</t>
  </si>
  <si>
    <t>29973</t>
  </si>
  <si>
    <t>GHS RAKH BUTT</t>
  </si>
  <si>
    <t>rakh butt</t>
  </si>
  <si>
    <t>chak55</t>
  </si>
  <si>
    <t>Muhammad Zahid</t>
  </si>
  <si>
    <t>21613</t>
  </si>
  <si>
    <t>20035</t>
  </si>
  <si>
    <t>GGPS KOT KHUDA YAR</t>
  </si>
  <si>
    <t>Talib</t>
  </si>
  <si>
    <t>kot Khuda yar</t>
  </si>
  <si>
    <t>Kot Khuda Yar</t>
  </si>
  <si>
    <t>Chak No 125 Jappy</t>
  </si>
  <si>
    <t>Tahira Batool</t>
  </si>
  <si>
    <t>3061</t>
  </si>
  <si>
    <t>30568</t>
  </si>
  <si>
    <t>30500</t>
  </si>
  <si>
    <t>311</t>
  </si>
  <si>
    <t>2805</t>
  </si>
  <si>
    <t>2090</t>
  </si>
  <si>
    <t>GHSS MANDI SADIQ GANJ</t>
  </si>
  <si>
    <t>MANDI SADIQ GUNJ</t>
  </si>
  <si>
    <t>GHAZNAVIA</t>
  </si>
  <si>
    <t>MUHAMMAD JAVED</t>
  </si>
  <si>
    <t>39294</t>
  </si>
  <si>
    <t>4113</t>
  </si>
  <si>
    <t>3180</t>
  </si>
  <si>
    <t>4736</t>
  </si>
  <si>
    <t>10332</t>
  </si>
  <si>
    <t>26195</t>
  </si>
  <si>
    <t>GGCMES CHAK NO. 307 TDA</t>
  </si>
  <si>
    <t>QAZIA ABAD FEMALE</t>
  </si>
  <si>
    <t>Chak No 307/TDA</t>
  </si>
  <si>
    <t>chak no.307/tda teh karor (Layyah)</t>
  </si>
  <si>
    <t>chak no.307/tda</t>
  </si>
  <si>
    <t>Noshara Thal Kalan</t>
  </si>
  <si>
    <t>Arshad Ghafoor</t>
  </si>
  <si>
    <t>24175</t>
  </si>
  <si>
    <t>25273</t>
  </si>
  <si>
    <t>1035</t>
  </si>
  <si>
    <t>3844</t>
  </si>
  <si>
    <t>32071</t>
  </si>
  <si>
    <t>GPS DERA ALI ABAS SHAH</t>
  </si>
  <si>
    <t>SHEIKHUPURA-XVIII - MALE</t>
  </si>
  <si>
    <t>Dera Bazigran</t>
  </si>
  <si>
    <t>lahore sergodha road dera bazigran</t>
  </si>
  <si>
    <t>Kot Sonda</t>
  </si>
  <si>
    <t>Abdul Jabbar</t>
  </si>
  <si>
    <t>20150</t>
  </si>
  <si>
    <t>24200</t>
  </si>
  <si>
    <t>12700</t>
  </si>
  <si>
    <t>3183</t>
  </si>
  <si>
    <t>6908</t>
  </si>
  <si>
    <t>23118</t>
  </si>
  <si>
    <t>19270</t>
  </si>
  <si>
    <t>16844</t>
  </si>
  <si>
    <t>GHS HAVELI LAL</t>
  </si>
  <si>
    <t>Haveli Lal</t>
  </si>
  <si>
    <t>Moza Haveli   lal P/o same tehsil and distt jhang</t>
  </si>
  <si>
    <t>SOHAIL IRSHAD</t>
  </si>
  <si>
    <t>32640</t>
  </si>
  <si>
    <t>1489</t>
  </si>
  <si>
    <t>242</t>
  </si>
  <si>
    <t>6549</t>
  </si>
  <si>
    <t>41195</t>
  </si>
  <si>
    <t>GGCMS KACHA</t>
  </si>
  <si>
    <t>AMAAN GARH - FEMALE</t>
  </si>
  <si>
    <t>Kacha</t>
  </si>
  <si>
    <t>Basti Kacha</t>
  </si>
  <si>
    <t>Aman Garh</t>
  </si>
  <si>
    <t>Sardar Akhter</t>
  </si>
  <si>
    <t>water cans</t>
  </si>
  <si>
    <t>19079</t>
  </si>
  <si>
    <t>14906</t>
  </si>
  <si>
    <t>GES NOOR JAMAL</t>
  </si>
  <si>
    <t>PHARIAN WALI - MALE</t>
  </si>
  <si>
    <t>Noor Jamal</t>
  </si>
  <si>
    <t>GES Noor Jamal</t>
  </si>
  <si>
    <t>Haslanwala</t>
  </si>
  <si>
    <t>7072</t>
  </si>
  <si>
    <t>3154</t>
  </si>
  <si>
    <t>21695</t>
  </si>
  <si>
    <t>GGHS GUNNA AUR</t>
  </si>
  <si>
    <t>Gunna Aur</t>
  </si>
  <si>
    <t>Gunna Aur tehsil kamoke district gujranwala</t>
  </si>
  <si>
    <t>Shamaila Arif</t>
  </si>
  <si>
    <t>40446</t>
  </si>
  <si>
    <t>GGHS DAULAT PUR</t>
  </si>
  <si>
    <t>doulat pur</t>
  </si>
  <si>
    <t>v.p.o. daulat pur tehsil pind dadan khan district jhelum</t>
  </si>
  <si>
    <t>Sadia Arshad</t>
  </si>
  <si>
    <t>789512</t>
  </si>
  <si>
    <t>368</t>
  </si>
  <si>
    <t>36427</t>
  </si>
  <si>
    <t>15691</t>
  </si>
  <si>
    <t>GHS CM CHAK 462 GB SAMUNDRI FSD</t>
  </si>
  <si>
    <t>CHAK NO 462 GB FSD</t>
  </si>
  <si>
    <t>CHAK NO 462 GB SAMUNDRI FSD</t>
  </si>
  <si>
    <t>CHAK NO 463 GB FSD</t>
  </si>
  <si>
    <t>AKRAM UL HAQ</t>
  </si>
  <si>
    <t>10912</t>
  </si>
  <si>
    <t>1112</t>
  </si>
  <si>
    <t>GHS CHAK 303/HR</t>
  </si>
  <si>
    <t>303/HR</t>
  </si>
  <si>
    <t>chak No.303-HR</t>
  </si>
  <si>
    <t>303 / HR</t>
  </si>
  <si>
    <t>Chak 304 /HR</t>
  </si>
  <si>
    <t>Abdul Hameed</t>
  </si>
  <si>
    <t>397</t>
  </si>
  <si>
    <t>27783</t>
  </si>
  <si>
    <t>53001</t>
  </si>
  <si>
    <t>31022</t>
  </si>
  <si>
    <t>3226</t>
  </si>
  <si>
    <t>3613</t>
  </si>
  <si>
    <t>2649</t>
  </si>
  <si>
    <t>3872</t>
  </si>
  <si>
    <t>GPS SHEIKH ROSHAN</t>
  </si>
  <si>
    <t>SUKHAIL - MALE</t>
  </si>
  <si>
    <t>Sheikh Roshan</t>
  </si>
  <si>
    <t>Basti Sheikh Roshan</t>
  </si>
  <si>
    <t>1575</t>
  </si>
  <si>
    <t>44404</t>
  </si>
  <si>
    <t>GES GUJJA</t>
  </si>
  <si>
    <t>SIAL - MALE</t>
  </si>
  <si>
    <t>Gujja</t>
  </si>
  <si>
    <t>Gujja post office Hussain Abad Bhakkar</t>
  </si>
  <si>
    <t>Sial</t>
  </si>
  <si>
    <t>Hafiz Rahmat Ullah</t>
  </si>
  <si>
    <t>10345</t>
  </si>
  <si>
    <t>1642</t>
  </si>
  <si>
    <t>23380</t>
  </si>
  <si>
    <t>22892</t>
  </si>
  <si>
    <t>1731</t>
  </si>
  <si>
    <t>4260</t>
  </si>
  <si>
    <t>32342</t>
  </si>
  <si>
    <t>GGPS DINGA KORAI</t>
  </si>
  <si>
    <t>JATOI</t>
  </si>
  <si>
    <t>BELAY WALA- FEMALE</t>
  </si>
  <si>
    <t>Dinga Korai</t>
  </si>
  <si>
    <t>Basti ramzan khan p/o shehr sultan jatoi road</t>
  </si>
  <si>
    <t>Basti Lghari</t>
  </si>
  <si>
    <t>Cotla Gamon</t>
  </si>
  <si>
    <t>272</t>
  </si>
  <si>
    <t>rakhshanda uzma</t>
  </si>
  <si>
    <t>41528</t>
  </si>
  <si>
    <t>GHS MC CENTRAL MODEL MILLAT COLONY</t>
  </si>
  <si>
    <t>MILLAT COLONY RAWALPINDI</t>
  </si>
  <si>
    <t>MILLAT COLONY</t>
  </si>
  <si>
    <t>ch shahbaz ahmed</t>
  </si>
  <si>
    <t>925</t>
  </si>
  <si>
    <t>22235</t>
  </si>
  <si>
    <t>24593</t>
  </si>
  <si>
    <t>88040</t>
  </si>
  <si>
    <t>4792</t>
  </si>
  <si>
    <t>20645</t>
  </si>
  <si>
    <t>GGES SHAH PUR KHEHALI</t>
  </si>
  <si>
    <t>GUJRANWALA CITY 4 - FEMALE</t>
  </si>
  <si>
    <t>khiali</t>
  </si>
  <si>
    <t>main bazar shahpur, strret no. 4, opposite Jamia masjid Faiz-e-madina, shahpur khiali, gujranwala</t>
  </si>
  <si>
    <t>shahpur</t>
  </si>
  <si>
    <t>shahpur khiali</t>
  </si>
  <si>
    <t>AYESHA ABDUL HAMEED</t>
  </si>
  <si>
    <t>1100</t>
  </si>
  <si>
    <t>18927</t>
  </si>
  <si>
    <t>9746</t>
  </si>
  <si>
    <t>2168</t>
  </si>
  <si>
    <t>31547</t>
  </si>
  <si>
    <t>GES HARDO LADHEKE</t>
  </si>
  <si>
    <t>MURIDKE-IV - MALE</t>
  </si>
  <si>
    <t>Ladheke</t>
  </si>
  <si>
    <t>Ladheke post office same via narang</t>
  </si>
  <si>
    <t>Yasir Arfat</t>
  </si>
  <si>
    <t>1925</t>
  </si>
  <si>
    <t>15167</t>
  </si>
  <si>
    <t>5334</t>
  </si>
  <si>
    <t>29970</t>
  </si>
  <si>
    <t>GES GHANYA KAY</t>
  </si>
  <si>
    <t>Ghaniakey</t>
  </si>
  <si>
    <t>MUHAMMAD AHMAD</t>
  </si>
  <si>
    <t>Filter Plant</t>
  </si>
  <si>
    <t>12681</t>
  </si>
  <si>
    <t>39622</t>
  </si>
  <si>
    <t>90000</t>
  </si>
  <si>
    <t>27897</t>
  </si>
  <si>
    <t>GGHS MANGAT</t>
  </si>
  <si>
    <t>mangat</t>
  </si>
  <si>
    <t>v.p.o.mangat</t>
  </si>
  <si>
    <t>Ghazala chaudhary</t>
  </si>
  <si>
    <t>21216</t>
  </si>
  <si>
    <t>1120</t>
  </si>
  <si>
    <t>1261</t>
  </si>
  <si>
    <t>406</t>
  </si>
  <si>
    <t>20242</t>
  </si>
  <si>
    <t>GMPS BHUTTIAN WALA</t>
  </si>
  <si>
    <t>Chk Jhera Dhab</t>
  </si>
  <si>
    <t>chk jhera dhab</t>
  </si>
  <si>
    <t>Dhab</t>
  </si>
  <si>
    <t>Barana</t>
  </si>
  <si>
    <t>Sarfraz Khan</t>
  </si>
  <si>
    <t>14403</t>
  </si>
  <si>
    <t>5832</t>
  </si>
  <si>
    <t>5390</t>
  </si>
  <si>
    <t>442</t>
  </si>
  <si>
    <t>43079</t>
  </si>
  <si>
    <t>GHS KALAS</t>
  </si>
  <si>
    <t>Chakora</t>
  </si>
  <si>
    <t>GHS Kalas(Chakwal)</t>
  </si>
  <si>
    <t>Mogla</t>
  </si>
  <si>
    <t>amjad nawaz</t>
  </si>
  <si>
    <t>335</t>
  </si>
  <si>
    <t>51487</t>
  </si>
  <si>
    <t>18722</t>
  </si>
  <si>
    <t>50044</t>
  </si>
  <si>
    <t>21064</t>
  </si>
  <si>
    <t>GPS MANDIALA CHATHA</t>
  </si>
  <si>
    <t>Mandiala Chattha</t>
  </si>
  <si>
    <t>mandiala Chattha teh. wazir abad distt. Gujranwala</t>
  </si>
  <si>
    <t>Jamkey Chattha</t>
  </si>
  <si>
    <t>Farzana Khatoon</t>
  </si>
  <si>
    <t>4495</t>
  </si>
  <si>
    <t>25169</t>
  </si>
  <si>
    <t>15593</t>
  </si>
  <si>
    <t>GGES CHAK 466 GB SAMUNDRI</t>
  </si>
  <si>
    <t>GGES 466 GB</t>
  </si>
  <si>
    <t>466 GB</t>
  </si>
  <si>
    <t>Ward No 4</t>
  </si>
  <si>
    <t>PARVEEN ANJUM</t>
  </si>
  <si>
    <t>279</t>
  </si>
  <si>
    <t>60000</t>
  </si>
  <si>
    <t>1809</t>
  </si>
  <si>
    <t>37377</t>
  </si>
  <si>
    <t>GGCMS 79/15-L, KACHA KHUH</t>
  </si>
  <si>
    <t>CHOWK JAMAL - FEMALE</t>
  </si>
  <si>
    <t>79/15L</t>
  </si>
  <si>
    <t>chak#79/15L</t>
  </si>
  <si>
    <t>Chak#79/15L</t>
  </si>
  <si>
    <t>78/15L</t>
  </si>
  <si>
    <t>209</t>
  </si>
  <si>
    <t>Misbah Aftab</t>
  </si>
  <si>
    <t>9349</t>
  </si>
  <si>
    <t>837</t>
  </si>
  <si>
    <t>19833</t>
  </si>
  <si>
    <t>GGPS KOTLA SHEHZADA</t>
  </si>
  <si>
    <t>AEO (W) BHOWANA NO.24</t>
  </si>
  <si>
    <t>Kotla Shehzada</t>
  </si>
  <si>
    <t>Kotla shehzada p/o Muhammadi sharif Tehsil Bhowana District Chiniot</t>
  </si>
  <si>
    <t>Kotla Shahzada</t>
  </si>
  <si>
    <t>Samundar</t>
  </si>
  <si>
    <t>Shagufta Perveen</t>
  </si>
  <si>
    <t>10669</t>
  </si>
  <si>
    <t>2234</t>
  </si>
  <si>
    <t>1142</t>
  </si>
  <si>
    <t>2834</t>
  </si>
  <si>
    <t>54301</t>
  </si>
  <si>
    <t>GGPS CHAK NO 31 MB</t>
  </si>
  <si>
    <t>31mb</t>
  </si>
  <si>
    <t>31mb teh quaid abad</t>
  </si>
  <si>
    <t>Hameeda Begum</t>
  </si>
  <si>
    <t>3390</t>
  </si>
  <si>
    <t>21106</t>
  </si>
  <si>
    <t>10307</t>
  </si>
  <si>
    <t>GGHS CHAK NO. 109 ML WAKIL WALA</t>
  </si>
  <si>
    <t>Chak No109ml</t>
  </si>
  <si>
    <t>CHAK NO:109ML TEH:KAROR DISTT:LAYYAH</t>
  </si>
  <si>
    <t>CHAK NO109ML WAKEEL WALA</t>
  </si>
  <si>
    <t>CHAK NO .112ML</t>
  </si>
  <si>
    <t>nasreen bibi</t>
  </si>
  <si>
    <t>29214</t>
  </si>
  <si>
    <t>12945</t>
  </si>
  <si>
    <t>38123</t>
  </si>
  <si>
    <t>29132</t>
  </si>
  <si>
    <t>GGES RAJJI WALA ARAIAN</t>
  </si>
  <si>
    <t>RAJJI WALA</t>
  </si>
  <si>
    <t>SEHJRA</t>
  </si>
  <si>
    <t>Shaheena Rahim</t>
  </si>
  <si>
    <t>27725</t>
  </si>
  <si>
    <t>31590</t>
  </si>
  <si>
    <t>40122</t>
  </si>
  <si>
    <t>GPS GUJAR MAIRA</t>
  </si>
  <si>
    <t>Choi Gujjaran</t>
  </si>
  <si>
    <t>Village GUJJAR MAIRA post office pind swika Tehsil &amp; district jhelum</t>
  </si>
  <si>
    <t>GUJJAR MAIRA</t>
  </si>
  <si>
    <t>Naka Khurd</t>
  </si>
  <si>
    <t>Saddam Hussain</t>
  </si>
  <si>
    <t>1222</t>
  </si>
  <si>
    <t>6802</t>
  </si>
  <si>
    <t>33450</t>
  </si>
  <si>
    <t>5410</t>
  </si>
  <si>
    <t>GGPS 37/M NO.2</t>
  </si>
  <si>
    <t>CHAK NO. 37/M - FEMALE</t>
  </si>
  <si>
    <t>Chak No 37/m</t>
  </si>
  <si>
    <t>Chak No 37/m P/O 35/m Tehsil Dunyapur District Lodhran</t>
  </si>
  <si>
    <t>Siraj Wala</t>
  </si>
  <si>
    <t>Saima Naz</t>
  </si>
  <si>
    <t>43365</t>
  </si>
  <si>
    <t>GES SARKAL KASSAR</t>
  </si>
  <si>
    <t>Sarkal Kassar</t>
  </si>
  <si>
    <t>vpo sarkal kassar teh distt chakwal</t>
  </si>
  <si>
    <t>SIRAL</t>
  </si>
  <si>
    <t>8250</t>
  </si>
  <si>
    <t>26080</t>
  </si>
  <si>
    <t>4233</t>
  </si>
  <si>
    <t>11291</t>
  </si>
  <si>
    <t>GPS MULLAN WALI JADEED</t>
  </si>
  <si>
    <t>ALI PUR-I- MALE</t>
  </si>
  <si>
    <t>Aliwali</t>
  </si>
  <si>
    <t>Basti Mazarwala Mauza Aliwali tehsil Alipur</t>
  </si>
  <si>
    <t>Basti Mazar Wala</t>
  </si>
  <si>
    <t>Muntazir Mehdi</t>
  </si>
  <si>
    <t>11420</t>
  </si>
  <si>
    <t>3485</t>
  </si>
  <si>
    <t>3023</t>
  </si>
  <si>
    <t>GPS TANZEEM MUNEER SHAHEED</t>
  </si>
  <si>
    <t>NONARI - MALE</t>
  </si>
  <si>
    <t>Haiderpur</t>
  </si>
  <si>
    <t>basti Malik haiderpur</t>
  </si>
  <si>
    <t>Basti Malik</t>
  </si>
  <si>
    <t>Dhorkot</t>
  </si>
  <si>
    <t>Muhammad Usman</t>
  </si>
  <si>
    <t>2271</t>
  </si>
  <si>
    <t>52037</t>
  </si>
  <si>
    <t>38243</t>
  </si>
  <si>
    <t>GGES 18/EB</t>
  </si>
  <si>
    <t>ARIFWALA 3 - FEMALE</t>
  </si>
  <si>
    <t>18/EB</t>
  </si>
  <si>
    <t>chak no 18eb</t>
  </si>
  <si>
    <t>Chak No 18/EB</t>
  </si>
  <si>
    <t>50sp</t>
  </si>
  <si>
    <t>Khadija Tul Kubra</t>
  </si>
  <si>
    <t>2601</t>
  </si>
  <si>
    <t>20201</t>
  </si>
  <si>
    <t>6201</t>
  </si>
  <si>
    <t>17600</t>
  </si>
  <si>
    <t>28655</t>
  </si>
  <si>
    <t>22830</t>
  </si>
  <si>
    <t>GGPS MOIN-UD-DIN PUR</t>
  </si>
  <si>
    <t>Moin U Din Pur</t>
  </si>
  <si>
    <t>moin u din pur</t>
  </si>
  <si>
    <t>Gulfam Shehzadi</t>
  </si>
  <si>
    <t>4679</t>
  </si>
  <si>
    <t>24313</t>
  </si>
  <si>
    <t>22943</t>
  </si>
  <si>
    <t>20644</t>
  </si>
  <si>
    <t>GGES SHAHEEN ABAD</t>
  </si>
  <si>
    <t>Shaheenabad</t>
  </si>
  <si>
    <t>govt.girls elementary school shaheenabad.GRW</t>
  </si>
  <si>
    <t>Iram Kashfa</t>
  </si>
  <si>
    <t>44045</t>
  </si>
  <si>
    <t>2711</t>
  </si>
  <si>
    <t>17496</t>
  </si>
  <si>
    <t>GMPS BEHARI COLONY</t>
  </si>
  <si>
    <t>SATELLITE TOWN - FEMALE</t>
  </si>
  <si>
    <t>MC AREA</t>
  </si>
  <si>
    <t>GMPS Behari Colony Jhang</t>
  </si>
  <si>
    <t>Alia Kousar</t>
  </si>
  <si>
    <t>32160</t>
  </si>
  <si>
    <t>30756</t>
  </si>
  <si>
    <t>3021</t>
  </si>
  <si>
    <t>GPS BASHIR ABAD</t>
  </si>
  <si>
    <t>Dhoor Koot</t>
  </si>
  <si>
    <t>basti jaanwar dhoorkoo</t>
  </si>
  <si>
    <t>Basti Jannwar</t>
  </si>
  <si>
    <t>Muhammad Usman Hussain Aun</t>
  </si>
  <si>
    <t>54567</t>
  </si>
  <si>
    <t>4236</t>
  </si>
  <si>
    <t>32002</t>
  </si>
  <si>
    <t>GES KAHEERY</t>
  </si>
  <si>
    <t>ALI PUR-IV- MALE</t>
  </si>
  <si>
    <t>Khair Pur Sadat</t>
  </si>
  <si>
    <t>basti kaheeri po khair pur</t>
  </si>
  <si>
    <t>Kaheeri</t>
  </si>
  <si>
    <t>Muhammad Faheem Akhtar</t>
  </si>
  <si>
    <t>30219</t>
  </si>
  <si>
    <t>30166</t>
  </si>
  <si>
    <t>52036</t>
  </si>
  <si>
    <t>GGPS 20 EB POST OFFICE 30 EB</t>
  </si>
  <si>
    <t>20/eb</t>
  </si>
  <si>
    <t>chak no 20eb post office 30eb</t>
  </si>
  <si>
    <t>Sumra Saeed</t>
  </si>
  <si>
    <t>3649</t>
  </si>
  <si>
    <t>19020</t>
  </si>
  <si>
    <t>19898</t>
  </si>
  <si>
    <t>48770</t>
  </si>
  <si>
    <t>52405</t>
  </si>
  <si>
    <t>GPS PIR VONA</t>
  </si>
  <si>
    <t>HUJRA SHAH MUQEEM</t>
  </si>
  <si>
    <t>NEAR CANEL REST HOUSE</t>
  </si>
  <si>
    <t>HUJRA</t>
  </si>
  <si>
    <t>MC HUJRA</t>
  </si>
  <si>
    <t>Muhammad Nadeem  Akbar Tahir</t>
  </si>
  <si>
    <t>44690</t>
  </si>
  <si>
    <t>41769</t>
  </si>
  <si>
    <t>11298</t>
  </si>
  <si>
    <t>GPS JADEED QURESHI</t>
  </si>
  <si>
    <t>Piru Wali</t>
  </si>
  <si>
    <t>basti noshera qureshi mouza piru wali tehsile alipur district m.garh</t>
  </si>
  <si>
    <t>Noshera Qureshi</t>
  </si>
  <si>
    <t>Banday Shah</t>
  </si>
  <si>
    <t>Maher Sabir Hussain</t>
  </si>
  <si>
    <t>535</t>
  </si>
  <si>
    <t>16860</t>
  </si>
  <si>
    <t>20960</t>
  </si>
  <si>
    <t>2742</t>
  </si>
  <si>
    <t>GPS ARABIC SHABBIR ABAD</t>
  </si>
  <si>
    <t>Nonari</t>
  </si>
  <si>
    <t>Basti nonari post kharpurdha ahmedpur east bahawalpur</t>
  </si>
  <si>
    <t>Basti Shabbir Abad</t>
  </si>
  <si>
    <t>Abdul Majid Akhtar</t>
  </si>
  <si>
    <t>680</t>
  </si>
  <si>
    <t>705</t>
  </si>
  <si>
    <t>2740</t>
  </si>
  <si>
    <t>GPS LOHARI WALI</t>
  </si>
  <si>
    <t>Moza nonari basti lohari Wali</t>
  </si>
  <si>
    <t>Lohari Wali</t>
  </si>
  <si>
    <t>Rafiq Ahmad</t>
  </si>
  <si>
    <t>16153</t>
  </si>
  <si>
    <t>GGES CHAK NO 83 GB</t>
  </si>
  <si>
    <t>83 GB</t>
  </si>
  <si>
    <t>govt girls elementary school 83 GB</t>
  </si>
  <si>
    <t>91 GB Jagt Pur</t>
  </si>
  <si>
    <t>Mussarat Perveen</t>
  </si>
  <si>
    <t>53900</t>
  </si>
  <si>
    <t>1249</t>
  </si>
  <si>
    <t>624</t>
  </si>
  <si>
    <t>3484</t>
  </si>
  <si>
    <t>GPS ABBAS ARBI</t>
  </si>
  <si>
    <t>TIBBI IZZAT - MALE</t>
  </si>
  <si>
    <t>Abbas Arbi</t>
  </si>
  <si>
    <t>Gps Abbas Arbi Mouza Abbas Arbi</t>
  </si>
  <si>
    <t>Basti Ghunian</t>
  </si>
  <si>
    <t>Khuda Bux Mahar</t>
  </si>
  <si>
    <t>Muhammad Sulman</t>
  </si>
  <si>
    <t>24614</t>
  </si>
  <si>
    <t>15975</t>
  </si>
  <si>
    <t>GGPS CHAK NO 74 JB II</t>
  </si>
  <si>
    <t>Thikriwala</t>
  </si>
  <si>
    <t>chak no.  74 jbII thikriwala</t>
  </si>
  <si>
    <t>Rabia Khaliq</t>
  </si>
  <si>
    <t>17323</t>
  </si>
  <si>
    <t>44290</t>
  </si>
  <si>
    <t>38372</t>
  </si>
  <si>
    <t>24820</t>
  </si>
  <si>
    <t>13552</t>
  </si>
  <si>
    <t>16065</t>
  </si>
  <si>
    <t>GGPS CHAK NO 88 JB</t>
  </si>
  <si>
    <t>Hassiana</t>
  </si>
  <si>
    <t>Govt Girls Primary school 88jb tehsile saddar district faisalabad</t>
  </si>
  <si>
    <t>88jb</t>
  </si>
  <si>
    <t>Kashmala Semmer</t>
  </si>
  <si>
    <t>mashki</t>
  </si>
  <si>
    <t>38055</t>
  </si>
  <si>
    <t>4350</t>
  </si>
  <si>
    <t>28051</t>
  </si>
  <si>
    <t>26920</t>
  </si>
  <si>
    <t>1531</t>
  </si>
  <si>
    <t>26520</t>
  </si>
  <si>
    <t>16064</t>
  </si>
  <si>
    <t>GGPS CHAK 87 JB</t>
  </si>
  <si>
    <t>chk 87 j.b</t>
  </si>
  <si>
    <t>Chk 87 Jb</t>
  </si>
  <si>
    <t>Chk 88 Jb</t>
  </si>
  <si>
    <t>SHAKILA TARIQ</t>
  </si>
  <si>
    <t>1085</t>
  </si>
  <si>
    <t>21180</t>
  </si>
  <si>
    <t>21000</t>
  </si>
  <si>
    <t>49401</t>
  </si>
  <si>
    <t>16097</t>
  </si>
  <si>
    <t>GGHS CHAK NO 215 RB</t>
  </si>
  <si>
    <t>Nathery</t>
  </si>
  <si>
    <t>215 rb nathery</t>
  </si>
  <si>
    <t>Kakuana</t>
  </si>
  <si>
    <t>musarrat afza</t>
  </si>
  <si>
    <t>24300</t>
  </si>
  <si>
    <t>914</t>
  </si>
  <si>
    <t>1054</t>
  </si>
  <si>
    <t>2664</t>
  </si>
  <si>
    <t>30643</t>
  </si>
  <si>
    <t>GGPS BHANI DHILWAN</t>
  </si>
  <si>
    <t>BHASEEN - FEMALE</t>
  </si>
  <si>
    <t>village</t>
  </si>
  <si>
    <t>village bhaini dhilwa p/o batapur.lahore cantt</t>
  </si>
  <si>
    <t>bhaini dhilwa</t>
  </si>
  <si>
    <t>awan dhai wala</t>
  </si>
  <si>
    <t>Adeela Rasheed</t>
  </si>
  <si>
    <t>4692</t>
  </si>
  <si>
    <t>33100</t>
  </si>
  <si>
    <t>36351</t>
  </si>
  <si>
    <t>25212</t>
  </si>
  <si>
    <t>GGPS GUNA KHURD</t>
  </si>
  <si>
    <t>Gunna Khurd</t>
  </si>
  <si>
    <t>village gunna khurd  p.o Gunna Kalan tehsil sialkot</t>
  </si>
  <si>
    <t>Prag Pur</t>
  </si>
  <si>
    <t>Nazia Ghlam Rasool</t>
  </si>
  <si>
    <t>3811</t>
  </si>
  <si>
    <t>8056</t>
  </si>
  <si>
    <t>20466</t>
  </si>
  <si>
    <t>31806</t>
  </si>
  <si>
    <t>4724</t>
  </si>
  <si>
    <t>45252</t>
  </si>
  <si>
    <t>25090</t>
  </si>
  <si>
    <t>3925</t>
  </si>
  <si>
    <t>51418</t>
  </si>
  <si>
    <t>38383</t>
  </si>
  <si>
    <t>GPS 3 EB P.O 7 EB</t>
  </si>
  <si>
    <t>PAKPATTAN 3 - MALE</t>
  </si>
  <si>
    <t>3/EB</t>
  </si>
  <si>
    <t>Chak No.3/E.B  P/O  7/E.B  Teh.&amp;Disst. Pakpattan</t>
  </si>
  <si>
    <t>Chak No3/EB</t>
  </si>
  <si>
    <t>Pacca Sidhar</t>
  </si>
  <si>
    <t>AZIZ ULLAH FARIDI</t>
  </si>
  <si>
    <t>41900</t>
  </si>
  <si>
    <t>41788</t>
  </si>
  <si>
    <t>15592</t>
  </si>
  <si>
    <t>GGES CHAK 440 GB SAMUNDRI</t>
  </si>
  <si>
    <t>Faizpur</t>
  </si>
  <si>
    <t>chak no 440 GB</t>
  </si>
  <si>
    <t>440GB</t>
  </si>
  <si>
    <t>Sadanwala</t>
  </si>
  <si>
    <t>Saira Arshad</t>
  </si>
  <si>
    <t>9121</t>
  </si>
  <si>
    <t>40101</t>
  </si>
  <si>
    <t>1790</t>
  </si>
  <si>
    <t>39383</t>
  </si>
  <si>
    <t>1162</t>
  </si>
  <si>
    <t>GGES SARWAYA</t>
  </si>
  <si>
    <t>TOOT - FEMALE</t>
  </si>
  <si>
    <t>Sarwaya</t>
  </si>
  <si>
    <t>govt g e/s sarwaya pindi gheb attock</t>
  </si>
  <si>
    <t>Chakki</t>
  </si>
  <si>
    <t>Zahida Sultana</t>
  </si>
  <si>
    <t>mezyle motet</t>
  </si>
  <si>
    <t>10779</t>
  </si>
  <si>
    <t>GPS SAEED ABAD</t>
  </si>
  <si>
    <t>chak no.139/tda</t>
  </si>
  <si>
    <t>Lodhra</t>
  </si>
  <si>
    <t>ansar rehman Chan</t>
  </si>
  <si>
    <t>896</t>
  </si>
  <si>
    <t>3324</t>
  </si>
  <si>
    <t>53105</t>
  </si>
  <si>
    <t>616</t>
  </si>
  <si>
    <t>40833</t>
  </si>
  <si>
    <t>GPS DHOK HASSA</t>
  </si>
  <si>
    <t>GATTAR - MALE</t>
  </si>
  <si>
    <t>Bangial</t>
  </si>
  <si>
    <t>Thala Mughlan teh:sohawa,District: Jhelum,p/o: Bangial</t>
  </si>
  <si>
    <t>Dhok Hassa</t>
  </si>
  <si>
    <t>Adrana</t>
  </si>
  <si>
    <t>Khuram Raza</t>
  </si>
  <si>
    <t>12113</t>
  </si>
  <si>
    <t>44243</t>
  </si>
  <si>
    <t>32130</t>
  </si>
  <si>
    <t>47120</t>
  </si>
  <si>
    <t>11174</t>
  </si>
  <si>
    <t>GPS CHAK NO. 151-A TDA</t>
  </si>
  <si>
    <t>Kunal Thal Jandi</t>
  </si>
  <si>
    <t>chak #151/A TDA Mandi wala</t>
  </si>
  <si>
    <t>Chak # 151/A TDA</t>
  </si>
  <si>
    <t>Jaman Shah</t>
  </si>
  <si>
    <t>Hafiz Nasrullah</t>
  </si>
  <si>
    <t>443</t>
  </si>
  <si>
    <t>26278</t>
  </si>
  <si>
    <t>40808</t>
  </si>
  <si>
    <t>GGPS  ARAL</t>
  </si>
  <si>
    <t>Aral</t>
  </si>
  <si>
    <t>village aral teh sohawa distt jhelum</t>
  </si>
  <si>
    <t>Mc Sohawa</t>
  </si>
  <si>
    <t>Nazia Jabeen</t>
  </si>
  <si>
    <t>29580</t>
  </si>
  <si>
    <t>53580</t>
  </si>
  <si>
    <t>10782</t>
  </si>
  <si>
    <t>GPS CHAK NO 153 TDA</t>
  </si>
  <si>
    <t>Jandi</t>
  </si>
  <si>
    <t>post office 279 TDA Chak No 153 TDA Layyah</t>
  </si>
  <si>
    <t>Chak No 153 TDA</t>
  </si>
  <si>
    <t>Ladhana</t>
  </si>
  <si>
    <t>Allah Ditta</t>
  </si>
  <si>
    <t>3730</t>
  </si>
  <si>
    <t>30989</t>
  </si>
  <si>
    <t>GGES WAZIR MODEL SANDA ROAD LHR</t>
  </si>
  <si>
    <t>Sanda</t>
  </si>
  <si>
    <t>49 sanda road lhore</t>
  </si>
  <si>
    <t>Muhammad Ali Road</t>
  </si>
  <si>
    <t>Ummul Baneen</t>
  </si>
  <si>
    <t>386</t>
  </si>
  <si>
    <t>3764</t>
  </si>
  <si>
    <t>29625</t>
  </si>
  <si>
    <t>GES PATTOKI NEAR IMAM BARGAH CHUNIAN ROAD PATTOKI</t>
  </si>
  <si>
    <t>Pattoki</t>
  </si>
  <si>
    <t>old mandi pattoki near imam bargah</t>
  </si>
  <si>
    <t>MC Pattoki</t>
  </si>
  <si>
    <t>Mian Aziz Ur Rehman</t>
  </si>
  <si>
    <t>10125</t>
  </si>
  <si>
    <t>Filtered Water Plant</t>
  </si>
  <si>
    <t>677</t>
  </si>
  <si>
    <t>4757</t>
  </si>
  <si>
    <t>46769</t>
  </si>
  <si>
    <t>GPS SHAH ALAM WALA</t>
  </si>
  <si>
    <t>KOT CHANDANA-MALE</t>
  </si>
  <si>
    <t>Tani Khel</t>
  </si>
  <si>
    <t>Wandha Shah alam wala p/o kamar mushani Tehsil isa khel District mianwali</t>
  </si>
  <si>
    <t>Shah Alam Wala</t>
  </si>
  <si>
    <t>Mureed Abbas Khan</t>
  </si>
  <si>
    <t>10499</t>
  </si>
  <si>
    <t>10151</t>
  </si>
  <si>
    <t>10199</t>
  </si>
  <si>
    <t>1259</t>
  </si>
  <si>
    <t>53468</t>
  </si>
  <si>
    <t>GGPS DIL BAGH RAI</t>
  </si>
  <si>
    <t>SOUTH CITY - FEMALE</t>
  </si>
  <si>
    <t>Dil Bag Ray</t>
  </si>
  <si>
    <t>moza dil bag ray</t>
  </si>
  <si>
    <t>18 Gd</t>
  </si>
  <si>
    <t>2402</t>
  </si>
  <si>
    <t>4280</t>
  </si>
  <si>
    <t>3689</t>
  </si>
  <si>
    <t>619</t>
  </si>
  <si>
    <t>44925</t>
  </si>
  <si>
    <t>GPS DERA AHMAD DHAMRAYA</t>
  </si>
  <si>
    <t>SOHA Jhunj</t>
  </si>
  <si>
    <t>dera Ahmad dhamraya post office chak no 56 db tehsil kaloor kot district bhakkar</t>
  </si>
  <si>
    <t>Dera Ahmad Dhamraya</t>
  </si>
  <si>
    <t>63 DB</t>
  </si>
  <si>
    <t>Muhammad Zubair</t>
  </si>
  <si>
    <t>1536</t>
  </si>
  <si>
    <t>34799</t>
  </si>
  <si>
    <t>23165</t>
  </si>
  <si>
    <t>4337</t>
  </si>
  <si>
    <t>11966</t>
  </si>
  <si>
    <t>GGPS KHIRKI WALA</t>
  </si>
  <si>
    <t>PIRHAR SHARQI- FEMALE</t>
  </si>
  <si>
    <t>Choudhary</t>
  </si>
  <si>
    <t>Basti Khirki mouza choudhary</t>
  </si>
  <si>
    <t>Khirki Wala</t>
  </si>
  <si>
    <t>1025</t>
  </si>
  <si>
    <t>13860</t>
  </si>
  <si>
    <t>3700</t>
  </si>
  <si>
    <t>10160</t>
  </si>
  <si>
    <t>37272</t>
  </si>
  <si>
    <t>GGMES KOT HAQ NAWAZ, OLD KHANEWAL</t>
  </si>
  <si>
    <t>KHANEWAL - FEMALE</t>
  </si>
  <si>
    <t>16-v Kwl</t>
  </si>
  <si>
    <t>basti kot haq nawaz kwl</t>
  </si>
  <si>
    <t>Kot Haq Nawaz Kwl</t>
  </si>
  <si>
    <t>Chak No 16-v Kwl</t>
  </si>
  <si>
    <t>Zubaida Jabeen</t>
  </si>
  <si>
    <t>8092</t>
  </si>
  <si>
    <t>16173</t>
  </si>
  <si>
    <t>44922</t>
  </si>
  <si>
    <t>GPS CHAK NO. 55 DB</t>
  </si>
  <si>
    <t>Chak No 55 D B</t>
  </si>
  <si>
    <t>Chak No 55DB P/O KHAS tehsil kaloor kot distt. Bhakkar</t>
  </si>
  <si>
    <t>Sadar Khan</t>
  </si>
  <si>
    <t>2132</t>
  </si>
  <si>
    <t>2343</t>
  </si>
  <si>
    <t>11270</t>
  </si>
  <si>
    <t>50551</t>
  </si>
  <si>
    <t>3101</t>
  </si>
  <si>
    <t>33777</t>
  </si>
  <si>
    <t>GGES RASHEED ABAD</t>
  </si>
  <si>
    <t>GULGASHT COLONY- FEMALE</t>
  </si>
  <si>
    <t>Juma Khalsa</t>
  </si>
  <si>
    <t>G.G.E/S Rashidabad Multan</t>
  </si>
  <si>
    <t>Rashidabad</t>
  </si>
  <si>
    <t>Yasmeen Ahmed</t>
  </si>
  <si>
    <t>5660</t>
  </si>
  <si>
    <t>3211</t>
  </si>
  <si>
    <t>34312</t>
  </si>
  <si>
    <t>GGHS 5-MR P/O 5 M R</t>
  </si>
  <si>
    <t>MULTAN SADAR</t>
  </si>
  <si>
    <t>5 MR</t>
  </si>
  <si>
    <t>chak 5 MR P.O Makhdoom Rasheed Multan</t>
  </si>
  <si>
    <t>Chak 5 MR</t>
  </si>
  <si>
    <t>2 MR</t>
  </si>
  <si>
    <t>Fehmida Bibi</t>
  </si>
  <si>
    <t>27811</t>
  </si>
  <si>
    <t>824</t>
  </si>
  <si>
    <t>15290</t>
  </si>
  <si>
    <t>GES CHAK 459 GB PO 128 GB JARANWALA</t>
  </si>
  <si>
    <t>Bholi Di Jhok</t>
  </si>
  <si>
    <t>chk no 459 gb</t>
  </si>
  <si>
    <t>Chk No 459 Gb</t>
  </si>
  <si>
    <t>Chk No 147 Gb</t>
  </si>
  <si>
    <t>25430</t>
  </si>
  <si>
    <t>24396</t>
  </si>
  <si>
    <t>45532</t>
  </si>
  <si>
    <t>GGPS MOUZA DALA</t>
  </si>
  <si>
    <t>Dala</t>
  </si>
  <si>
    <t>Mouza Dala P/O Dullewala Bhakkar</t>
  </si>
  <si>
    <t>Mouza Dala 7RD</t>
  </si>
  <si>
    <t>Dullewala Rural</t>
  </si>
  <si>
    <t>khurshid khanam</t>
  </si>
  <si>
    <t>52966</t>
  </si>
  <si>
    <t>GMMS KOT WAHID BUKSH</t>
  </si>
  <si>
    <t>JAN PURA-MALE</t>
  </si>
  <si>
    <t>Kot Wahid bakhash</t>
  </si>
  <si>
    <t>Kot wahid bakhash</t>
  </si>
  <si>
    <t>Kot wahid Bukhash</t>
  </si>
  <si>
    <t>Jhujh Kalan</t>
  </si>
  <si>
    <t>Niaz Ahmad</t>
  </si>
  <si>
    <t>5872</t>
  </si>
  <si>
    <t>43032</t>
  </si>
  <si>
    <t>GGPS GHAZAN ABAD</t>
  </si>
  <si>
    <t>GHAZANABAD -FEMALE</t>
  </si>
  <si>
    <t>Ghazan Abad</t>
  </si>
  <si>
    <t>ggpsghazan abad po shah bagh tehsil kallar distt rwp</t>
  </si>
  <si>
    <t>Saima Shaheen</t>
  </si>
  <si>
    <t>9666</t>
  </si>
  <si>
    <t>27280</t>
  </si>
  <si>
    <t>23570</t>
  </si>
  <si>
    <t>50471</t>
  </si>
  <si>
    <t>GPS 94/12-L</t>
  </si>
  <si>
    <t>94/12L</t>
  </si>
  <si>
    <t>chak no 94/12.L</t>
  </si>
  <si>
    <t>93/12L</t>
  </si>
  <si>
    <t>1456</t>
  </si>
  <si>
    <t>860</t>
  </si>
  <si>
    <t>7800</t>
  </si>
  <si>
    <t>7400</t>
  </si>
  <si>
    <t>1436</t>
  </si>
  <si>
    <t>1133</t>
  </si>
  <si>
    <t>1396</t>
  </si>
  <si>
    <t>14618</t>
  </si>
  <si>
    <t>GGPS 80 MURABBA</t>
  </si>
  <si>
    <t>80 Murabba</t>
  </si>
  <si>
    <t>80 Murabba 203 RB</t>
  </si>
  <si>
    <t>203RB</t>
  </si>
  <si>
    <t>Sabina Town</t>
  </si>
  <si>
    <t>Razia Akhtar</t>
  </si>
  <si>
    <t>47122</t>
  </si>
  <si>
    <t>43700</t>
  </si>
  <si>
    <t>11325</t>
  </si>
  <si>
    <t>GPS BAQIR SHAH SHUMALI</t>
  </si>
  <si>
    <t>Baqir Shah Shumali</t>
  </si>
  <si>
    <t>Khairpur road basti baqir shah shumali</t>
  </si>
  <si>
    <t>Baqir shah shumali</t>
  </si>
  <si>
    <t>baz wala</t>
  </si>
  <si>
    <t>Fazal Abbas</t>
  </si>
  <si>
    <t>1354</t>
  </si>
  <si>
    <t>48354</t>
  </si>
  <si>
    <t>48185</t>
  </si>
  <si>
    <t>47000</t>
  </si>
  <si>
    <t>6327</t>
  </si>
  <si>
    <t>GPS DADOO MUMONKA</t>
  </si>
  <si>
    <t>MALE-17</t>
  </si>
  <si>
    <t>Dadu Mammunka</t>
  </si>
  <si>
    <t>GPS dadu mammunka P/O DUNGA BUNGA BWN</t>
  </si>
  <si>
    <t>Dadu Mammaunka</t>
  </si>
  <si>
    <t>Khaitranwala</t>
  </si>
  <si>
    <t>Muhammad Khan</t>
  </si>
  <si>
    <t>10695</t>
  </si>
  <si>
    <t>2387</t>
  </si>
  <si>
    <t>31425</t>
  </si>
  <si>
    <t>6331</t>
  </si>
  <si>
    <t>1288</t>
  </si>
  <si>
    <t>GPS CHAK 204/HB</t>
  </si>
  <si>
    <t>FTS-18-MALE</t>
  </si>
  <si>
    <t>204/HB</t>
  </si>
  <si>
    <t>Chak 204/HB, Tehsil FortAbbas Distt Bahawalnagar</t>
  </si>
  <si>
    <t>204/9R</t>
  </si>
  <si>
    <t>Amanullah</t>
  </si>
  <si>
    <t>18780</t>
  </si>
  <si>
    <t>17672</t>
  </si>
  <si>
    <t>1750</t>
  </si>
  <si>
    <t>37885</t>
  </si>
  <si>
    <t>GMES 173/10-R, JAHANIAN</t>
  </si>
  <si>
    <t>JUNGLE MARYALA - FEMALE</t>
  </si>
  <si>
    <t>173/10-R</t>
  </si>
  <si>
    <t>GMMS173/10-R jadeed jahania</t>
  </si>
  <si>
    <t>157/10-R</t>
  </si>
  <si>
    <t>Azra Perveen</t>
  </si>
  <si>
    <t>8296</t>
  </si>
  <si>
    <t>8840</t>
  </si>
  <si>
    <t>21220</t>
  </si>
  <si>
    <t>5976</t>
  </si>
  <si>
    <t>GPS JAGEER BHATTI DAHRI</t>
  </si>
  <si>
    <t>Chak No13/BC</t>
  </si>
  <si>
    <t>Basti  Gardran  Chak No. 13/BC Bahawalpur Saddar</t>
  </si>
  <si>
    <t>Basti Gardran</t>
  </si>
  <si>
    <t>Chak No12/BC</t>
  </si>
  <si>
    <t>MUHAMMAD  IDREES</t>
  </si>
  <si>
    <t>43560</t>
  </si>
  <si>
    <t>2564</t>
  </si>
  <si>
    <t>GES JOIYA ABAD</t>
  </si>
  <si>
    <t>Patti Chan</t>
  </si>
  <si>
    <t>GES JOIYABAD MOZA PATTI CHANG PO KOTLA MUSA KHAN</t>
  </si>
  <si>
    <t>Joiyabad</t>
  </si>
  <si>
    <t>khalil ahmed</t>
  </si>
  <si>
    <t>4499</t>
  </si>
  <si>
    <t>7771</t>
  </si>
  <si>
    <t>GGES BASTI CLAIRY</t>
  </si>
  <si>
    <t>SADAR NORTH-FEMALE</t>
  </si>
  <si>
    <t>Churhatta Pajadh</t>
  </si>
  <si>
    <t>Basti Clairy kot haibat Dera Ghazi Khan</t>
  </si>
  <si>
    <t>Basti Clairy</t>
  </si>
  <si>
    <t>Vador</t>
  </si>
  <si>
    <t>MUSSARAT ZULFIQAR</t>
  </si>
  <si>
    <t>19581</t>
  </si>
  <si>
    <t>11272</t>
  </si>
  <si>
    <t>GGES SULTAN PUR</t>
  </si>
  <si>
    <t>sultan pur</t>
  </si>
  <si>
    <t>p/o sultan pur</t>
  </si>
  <si>
    <t>Adila Iqbal</t>
  </si>
  <si>
    <t>51960</t>
  </si>
  <si>
    <t>3020</t>
  </si>
  <si>
    <t>GPS MEHROO WALI</t>
  </si>
  <si>
    <t>NONARI</t>
  </si>
  <si>
    <t>BASTI MEHER WALI UC NONARI</t>
  </si>
  <si>
    <t>MEHAR WALI</t>
  </si>
  <si>
    <t>Muhammad Ilyas Bhatti</t>
  </si>
  <si>
    <t>16733</t>
  </si>
  <si>
    <t>GES CHAK NO.607/GB</t>
  </si>
  <si>
    <t>607 gb</t>
  </si>
  <si>
    <t>607gb</t>
  </si>
  <si>
    <t>Tatha Baig</t>
  </si>
  <si>
    <t>Shah Nawaz</t>
  </si>
  <si>
    <t>525</t>
  </si>
  <si>
    <t>3953</t>
  </si>
  <si>
    <t>3547</t>
  </si>
  <si>
    <t>4249</t>
  </si>
  <si>
    <t>GGPS IQRA CHAK NO. 60/DB</t>
  </si>
  <si>
    <t>GONDAL TOWN - FEMALE</t>
  </si>
  <si>
    <t>Chak 60db</t>
  </si>
  <si>
    <t>chak no 60 d.b</t>
  </si>
  <si>
    <t>Chak 60 Db</t>
  </si>
  <si>
    <t>117 Db</t>
  </si>
  <si>
    <t>Rukhsana Ashraf</t>
  </si>
  <si>
    <t>11016</t>
  </si>
  <si>
    <t>11011</t>
  </si>
  <si>
    <t>4892</t>
  </si>
  <si>
    <t>21008</t>
  </si>
  <si>
    <t>GPS BAGHAT GARH</t>
  </si>
  <si>
    <t>GHAKHAR 2 - MALE</t>
  </si>
  <si>
    <t>Bhagat Garh</t>
  </si>
  <si>
    <t>bhagat garh dak khana badoki Tehsil wazirabad</t>
  </si>
  <si>
    <t>Cantt Area</t>
  </si>
  <si>
    <t>Muhammad Basheer Ahmed</t>
  </si>
  <si>
    <t>Property Of Any Other Institution Besides The Municipal Institution</t>
  </si>
  <si>
    <t>54164</t>
  </si>
  <si>
    <t>2067</t>
  </si>
  <si>
    <t>34116</t>
  </si>
  <si>
    <t>GMPS MOHAN PUR</t>
  </si>
  <si>
    <t>MATOTLI - FEMALE</t>
  </si>
  <si>
    <t>Mouza Mohan  Pur Sharqi</t>
  </si>
  <si>
    <t>Chan Sammy wala moza mohan pur sharqi shujabad</t>
  </si>
  <si>
    <t>Sammay Wala</t>
  </si>
  <si>
    <t>Mohan Pur</t>
  </si>
  <si>
    <t>5052</t>
  </si>
  <si>
    <t>48644</t>
  </si>
  <si>
    <t>GGES MELOWAL</t>
  </si>
  <si>
    <t>Melowal</t>
  </si>
  <si>
    <t>GGES Melowal tehsil Bhera district Sargodha</t>
  </si>
  <si>
    <t>Fateh Garah</t>
  </si>
  <si>
    <t>SAMRINA JAVED</t>
  </si>
  <si>
    <t>7274</t>
  </si>
  <si>
    <t>52000</t>
  </si>
  <si>
    <t>25335</t>
  </si>
  <si>
    <t>GMES NAI ABADI NOOR PURA</t>
  </si>
  <si>
    <t>Noor Pura</t>
  </si>
  <si>
    <t>noor pura pasroor road sialkot</t>
  </si>
  <si>
    <t>Dehira Sandha</t>
  </si>
  <si>
    <t>Fouzia Tabassum</t>
  </si>
  <si>
    <t>50535</t>
  </si>
  <si>
    <t>23220</t>
  </si>
  <si>
    <t>47641</t>
  </si>
  <si>
    <t>23170</t>
  </si>
  <si>
    <t>3857</t>
  </si>
  <si>
    <t>33335</t>
  </si>
  <si>
    <t>49129</t>
  </si>
  <si>
    <t>GGPS MATABA BOOTA SINGH</t>
  </si>
  <si>
    <t>SAFDARABAD-IV - FEMALE</t>
  </si>
  <si>
    <t>mataba boota Singh chak no 9 safdrabad</t>
  </si>
  <si>
    <t>Mataba Boota Singh</t>
  </si>
  <si>
    <t>Dhaban Kalan</t>
  </si>
  <si>
    <t>Nabeela Ramzan</t>
  </si>
  <si>
    <t>7895</t>
  </si>
  <si>
    <t>8364</t>
  </si>
  <si>
    <t>27462</t>
  </si>
  <si>
    <t>19098</t>
  </si>
  <si>
    <t>9895</t>
  </si>
  <si>
    <t>5949</t>
  </si>
  <si>
    <t>51711</t>
  </si>
  <si>
    <t>7822</t>
  </si>
  <si>
    <t>43844</t>
  </si>
  <si>
    <t>GPS DHOK CHANDI</t>
  </si>
  <si>
    <t>KOT SARANG-MALE</t>
  </si>
  <si>
    <t>Dhok Chandi</t>
  </si>
  <si>
    <t>village muthrala dhok chandi talagang</t>
  </si>
  <si>
    <t>Muthrala</t>
  </si>
  <si>
    <t>Naraghi</t>
  </si>
  <si>
    <t>Iftikhar Hussain</t>
  </si>
  <si>
    <t>14067</t>
  </si>
  <si>
    <t>16440</t>
  </si>
  <si>
    <t>29389</t>
  </si>
  <si>
    <t>69424</t>
  </si>
  <si>
    <t>15567</t>
  </si>
  <si>
    <t>GGCMS CHAK 176 GB SAMUNDRI</t>
  </si>
  <si>
    <t>Peelay</t>
  </si>
  <si>
    <t>176 GB tehsil summandri</t>
  </si>
  <si>
    <t>176GB</t>
  </si>
  <si>
    <t>Mangera</t>
  </si>
  <si>
    <t>Saadia Tahira Munir</t>
  </si>
  <si>
    <t>10799</t>
  </si>
  <si>
    <t>canal side</t>
  </si>
  <si>
    <t>964</t>
  </si>
  <si>
    <t>20868</t>
  </si>
  <si>
    <t>GHS SOHDRA</t>
  </si>
  <si>
    <t>SOHDRA</t>
  </si>
  <si>
    <t>MAIN SIALKOT ROAD,SOHDRA MORE</t>
  </si>
  <si>
    <t>muhammad afzal Ghumn</t>
  </si>
  <si>
    <t>1928</t>
  </si>
  <si>
    <t>4912</t>
  </si>
  <si>
    <t>51065</t>
  </si>
  <si>
    <t>1208</t>
  </si>
  <si>
    <t>51416</t>
  </si>
  <si>
    <t>GPS BHAWAN SHAH</t>
  </si>
  <si>
    <t>Bhawan Shah</t>
  </si>
  <si>
    <t>bhawan shah</t>
  </si>
  <si>
    <t>Muhammad Zaheer Ud Din</t>
  </si>
  <si>
    <t>1670</t>
  </si>
  <si>
    <t>45471</t>
  </si>
  <si>
    <t>28014</t>
  </si>
  <si>
    <t>44971</t>
  </si>
  <si>
    <t>37425</t>
  </si>
  <si>
    <t>GHS 7/8-R, TULAMBA</t>
  </si>
  <si>
    <t>CHAK NO 7/8-R</t>
  </si>
  <si>
    <t>CHAK NO 7/8-R  VIA TULAMBA TEHSIL MIAN CHANNU DISTRICT KHANEWAL</t>
  </si>
  <si>
    <t>ROTTLA</t>
  </si>
  <si>
    <t>Muhammad Sohail Javed</t>
  </si>
  <si>
    <t>29195</t>
  </si>
  <si>
    <t>42015</t>
  </si>
  <si>
    <t>GGHS ARIYA MOHALLAH</t>
  </si>
  <si>
    <t>GGHS ARIYA MOHALLA RWP</t>
  </si>
  <si>
    <t>ARIYA MOHALLA</t>
  </si>
  <si>
    <t>DK. FARMAN ALI</t>
  </si>
  <si>
    <t>NAHEED ZAHRA</t>
  </si>
  <si>
    <t>20419</t>
  </si>
  <si>
    <t>38190</t>
  </si>
  <si>
    <t>51078</t>
  </si>
  <si>
    <t>1146</t>
  </si>
  <si>
    <t>GGHS CHAK NO. 303/HR</t>
  </si>
  <si>
    <t>CHAK NO 303 HR</t>
  </si>
  <si>
    <t>chak no. 303 HR tehsil fortabbas district bahawalagar</t>
  </si>
  <si>
    <t>CHAK NO 304 HR</t>
  </si>
  <si>
    <t>Gulshan Ijaz</t>
  </si>
  <si>
    <t>48188</t>
  </si>
  <si>
    <t>26611</t>
  </si>
  <si>
    <t>31377</t>
  </si>
  <si>
    <t>30770</t>
  </si>
  <si>
    <t>607</t>
  </si>
  <si>
    <t>31688</t>
  </si>
  <si>
    <t>4267</t>
  </si>
  <si>
    <t>13308</t>
  </si>
  <si>
    <t>GGPS BULLAY WALA</t>
  </si>
  <si>
    <t>DAMMAR WALA- FEMALE</t>
  </si>
  <si>
    <t>Bair Band</t>
  </si>
  <si>
    <t>Basti Bhaily wala near union council</t>
  </si>
  <si>
    <t>Bhaily Wala</t>
  </si>
  <si>
    <t>Mehrin Iqbal</t>
  </si>
  <si>
    <t>39478</t>
  </si>
  <si>
    <t>GHS KANI</t>
  </si>
  <si>
    <t>Kani</t>
  </si>
  <si>
    <t>vpo kani jand attock</t>
  </si>
  <si>
    <t>Makhad</t>
  </si>
  <si>
    <t>aslam javed</t>
  </si>
  <si>
    <t>38650</t>
  </si>
  <si>
    <t>49800</t>
  </si>
  <si>
    <t>3176</t>
  </si>
  <si>
    <t>13875</t>
  </si>
  <si>
    <t>GHS KOTLA EASAN</t>
  </si>
  <si>
    <t>Kotla Essan</t>
  </si>
  <si>
    <t>Indus Highway, Kotla Essan District Rajanpur</t>
  </si>
  <si>
    <t>295</t>
  </si>
  <si>
    <t>Muhammad Abdullah Khan</t>
  </si>
  <si>
    <t>1886</t>
  </si>
  <si>
    <t>44376</t>
  </si>
  <si>
    <t>1155</t>
  </si>
  <si>
    <t>45057</t>
  </si>
  <si>
    <t>GGPS EID GAH GHARBI</t>
  </si>
  <si>
    <t>URBAN JANDAN WALA - FEMALE</t>
  </si>
  <si>
    <t>jandanwala Teh.k.kot dist bhakar</t>
  </si>
  <si>
    <t>Jandanwala Mc</t>
  </si>
  <si>
    <t>Sameena Gul Khan</t>
  </si>
  <si>
    <t>5080</t>
  </si>
  <si>
    <t>38608</t>
  </si>
  <si>
    <t>47364</t>
  </si>
  <si>
    <t>3148</t>
  </si>
  <si>
    <t>44177</t>
  </si>
  <si>
    <t>GGHS KALLAR KAHAR</t>
  </si>
  <si>
    <t>kallar kahar</t>
  </si>
  <si>
    <t>govt girls high school kallar kahar</t>
  </si>
  <si>
    <t>Syeda Viqar-un-nisa</t>
  </si>
  <si>
    <t>14160</t>
  </si>
  <si>
    <t>678</t>
  </si>
  <si>
    <t>2372</t>
  </si>
  <si>
    <t>51914</t>
  </si>
  <si>
    <t>GPS ARIF WALA NO 4</t>
  </si>
  <si>
    <t>GPS No 4 (A) Block Arifwala</t>
  </si>
  <si>
    <t>Ward NO 11</t>
  </si>
  <si>
    <t>Muhammad Mustafa</t>
  </si>
  <si>
    <t>14528</t>
  </si>
  <si>
    <t>36082</t>
  </si>
  <si>
    <t>33982</t>
  </si>
  <si>
    <t>36819</t>
  </si>
  <si>
    <t>53601</t>
  </si>
  <si>
    <t>3118</t>
  </si>
  <si>
    <t>36567</t>
  </si>
  <si>
    <t>GGHS SARAI SIDHU</t>
  </si>
  <si>
    <t>sarai sidhu</t>
  </si>
  <si>
    <t>Govt. Girls High School Sarai Sidhu.</t>
  </si>
  <si>
    <t>Sarai Sidhu</t>
  </si>
  <si>
    <t>NIGHAT SHAHEEN</t>
  </si>
  <si>
    <t>16734</t>
  </si>
  <si>
    <t>1161</t>
  </si>
  <si>
    <t>35567</t>
  </si>
  <si>
    <t>45739</t>
  </si>
  <si>
    <t>2550</t>
  </si>
  <si>
    <t>GES CHAH YOUSUF WALA</t>
  </si>
  <si>
    <t>Ali Muhammad Wala</t>
  </si>
  <si>
    <t>Chah Yousuf Wala</t>
  </si>
  <si>
    <t>Abdul aziz</t>
  </si>
  <si>
    <t>5060</t>
  </si>
  <si>
    <t>12540</t>
  </si>
  <si>
    <t>12260</t>
  </si>
  <si>
    <t>24999</t>
  </si>
  <si>
    <t>1027</t>
  </si>
  <si>
    <t>781</t>
  </si>
  <si>
    <t>3200</t>
  </si>
  <si>
    <t>31356</t>
  </si>
  <si>
    <t>GGHS KHANPUR</t>
  </si>
  <si>
    <t>Khanpur</t>
  </si>
  <si>
    <t>Govt Girls High School, khanpur, sheikhupura.</t>
  </si>
  <si>
    <t>Bushra Batool</t>
  </si>
  <si>
    <t>13068</t>
  </si>
  <si>
    <t>604</t>
  </si>
  <si>
    <t>597</t>
  </si>
  <si>
    <t>20810</t>
  </si>
  <si>
    <t>GGPS MC NO. 24 GUJRANWALA</t>
  </si>
  <si>
    <t>Islam pura</t>
  </si>
  <si>
    <t>street no 10 kachi Islam pura depo wala gala gujranwala</t>
  </si>
  <si>
    <t>nil</t>
  </si>
  <si>
    <t>municipal corporation</t>
  </si>
  <si>
    <t>Rubina firdos</t>
  </si>
  <si>
    <t>17920</t>
  </si>
  <si>
    <t>53920</t>
  </si>
  <si>
    <t>48920</t>
  </si>
  <si>
    <t>48917</t>
  </si>
  <si>
    <t>1011</t>
  </si>
  <si>
    <t>15011</t>
  </si>
  <si>
    <t>35178</t>
  </si>
  <si>
    <t>GPS CHAK NO.423 EB</t>
  </si>
  <si>
    <t>423/EB</t>
  </si>
  <si>
    <t>chak no 423/EB</t>
  </si>
  <si>
    <t>425/EB</t>
  </si>
  <si>
    <t>Muhammad Allah yar Anjum</t>
  </si>
  <si>
    <t>11641</t>
  </si>
  <si>
    <t>11666</t>
  </si>
  <si>
    <t>4307</t>
  </si>
  <si>
    <t>39035</t>
  </si>
  <si>
    <t>GES GAKHAR</t>
  </si>
  <si>
    <t>JHANG - MALE</t>
  </si>
  <si>
    <t>GAKHAR</t>
  </si>
  <si>
    <t>GBES GAKHAR</t>
  </si>
  <si>
    <t>Dhreak</t>
  </si>
  <si>
    <t>Mahmood Khan</t>
  </si>
  <si>
    <t>3840</t>
  </si>
  <si>
    <t>4902</t>
  </si>
  <si>
    <t>31107</t>
  </si>
  <si>
    <t>GGPS JUNIOR MODEL HAVELI PATHRANWALI MOCHI GATE LHR</t>
  </si>
  <si>
    <t>LAHORE KHAS - FEMALE</t>
  </si>
  <si>
    <t>Chowk Nawab Sahab</t>
  </si>
  <si>
    <t>Govt. Junior M/S Haveli pathranwali mochigate Lhr.</t>
  </si>
  <si>
    <t>Mochigate</t>
  </si>
  <si>
    <t>1650</t>
  </si>
  <si>
    <t>5267</t>
  </si>
  <si>
    <t>19524</t>
  </si>
  <si>
    <t>829</t>
  </si>
  <si>
    <t>9602</t>
  </si>
  <si>
    <t>GGHSS NAWAN KOT</t>
  </si>
  <si>
    <t>Nawan Kot</t>
  </si>
  <si>
    <t>govt.girls higher secondary school Nawan kot</t>
  </si>
  <si>
    <t>ABIDA KHANUM</t>
  </si>
  <si>
    <t>hand pump and electricty cooler</t>
  </si>
  <si>
    <t>734</t>
  </si>
  <si>
    <t>49180</t>
  </si>
  <si>
    <t>5731</t>
  </si>
  <si>
    <t>1859</t>
  </si>
  <si>
    <t>GGPS 75/4-R</t>
  </si>
  <si>
    <t>HND-1-FEMALE</t>
  </si>
  <si>
    <t>75/4-R</t>
  </si>
  <si>
    <t>75/4-r haroon abad</t>
  </si>
  <si>
    <t>Town Committee</t>
  </si>
  <si>
    <t>Shaheen Kousar</t>
  </si>
  <si>
    <t>1090</t>
  </si>
  <si>
    <t>7267</t>
  </si>
  <si>
    <t>41923</t>
  </si>
  <si>
    <t>GGPS DHUDIAN</t>
  </si>
  <si>
    <t>Dhudian</t>
  </si>
  <si>
    <t>P.o jhatta hathial vill dhudian teh &amp; distt rwp</t>
  </si>
  <si>
    <t>Jhatta Hathial</t>
  </si>
  <si>
    <t>Nagina Malik</t>
  </si>
  <si>
    <t>15541</t>
  </si>
  <si>
    <t>13053</t>
  </si>
  <si>
    <t>47095</t>
  </si>
  <si>
    <t>2894</t>
  </si>
  <si>
    <t>15718</t>
  </si>
  <si>
    <t>GHS CHAK 476 GB SAMUNDRI FSD</t>
  </si>
  <si>
    <t>bazurgwal</t>
  </si>
  <si>
    <t>CHAK NO. 476 GB TEHSIL SAMUNDARI DISTT.FAISALABAD</t>
  </si>
  <si>
    <t>chak no. 476 gb</t>
  </si>
  <si>
    <t>chak no.475 gb</t>
  </si>
  <si>
    <t>Muhammad Shahid Iqbal</t>
  </si>
  <si>
    <t>1948</t>
  </si>
  <si>
    <t>17952</t>
  </si>
  <si>
    <t>18628</t>
  </si>
  <si>
    <t>3256</t>
  </si>
  <si>
    <t>43170</t>
  </si>
  <si>
    <t>GGES PHOTAKI</t>
  </si>
  <si>
    <t>Photaki</t>
  </si>
  <si>
    <t>photaki</t>
  </si>
  <si>
    <t>Mulhal Mughlan</t>
  </si>
  <si>
    <t>Sarwat Parveen</t>
  </si>
  <si>
    <t>3567</t>
  </si>
  <si>
    <t>19673</t>
  </si>
  <si>
    <t>14280</t>
  </si>
  <si>
    <t>1913</t>
  </si>
  <si>
    <t>GGPS MALHU</t>
  </si>
  <si>
    <t>Ferozwala</t>
  </si>
  <si>
    <t>village mallhu</t>
  </si>
  <si>
    <t>Mallhu</t>
  </si>
  <si>
    <t>Moman Pura</t>
  </si>
  <si>
    <t>Farkhanda Shaheen</t>
  </si>
  <si>
    <t>2230</t>
  </si>
  <si>
    <t>14610</t>
  </si>
  <si>
    <t>54400</t>
  </si>
  <si>
    <t>52058</t>
  </si>
  <si>
    <t>GGPS WARD NO 5</t>
  </si>
  <si>
    <t>Quboola</t>
  </si>
  <si>
    <t>GGPS ward no 5 Quboola,Arifwalal.</t>
  </si>
  <si>
    <t>Qurat-ul-ain</t>
  </si>
  <si>
    <t>18704</t>
  </si>
  <si>
    <t>54062</t>
  </si>
  <si>
    <t>7377</t>
  </si>
  <si>
    <t>46636</t>
  </si>
  <si>
    <t>GHS KUNDAL</t>
  </si>
  <si>
    <t>Kundal Paka</t>
  </si>
  <si>
    <t>p/o and village kundal thesil  esa khel and ditrict mianwali</t>
  </si>
  <si>
    <t>Kundal</t>
  </si>
  <si>
    <t>Khaglawala</t>
  </si>
  <si>
    <t>558</t>
  </si>
  <si>
    <t>4060</t>
  </si>
  <si>
    <t>8230</t>
  </si>
  <si>
    <t>2209</t>
  </si>
  <si>
    <t>16398</t>
  </si>
  <si>
    <t>GGPS CHAK 163 RB</t>
  </si>
  <si>
    <t>SALARWALA - FEMALE</t>
  </si>
  <si>
    <t>Balagun</t>
  </si>
  <si>
    <t>chak no.163/rb</t>
  </si>
  <si>
    <t>163/rb</t>
  </si>
  <si>
    <t>Shagufta Yasmin</t>
  </si>
  <si>
    <t>6449</t>
  </si>
  <si>
    <t>40867</t>
  </si>
  <si>
    <t>40640</t>
  </si>
  <si>
    <t>43890</t>
  </si>
  <si>
    <t>29797</t>
  </si>
  <si>
    <t>4068</t>
  </si>
  <si>
    <t>13870</t>
  </si>
  <si>
    <t>GES RAKH REIKH</t>
  </si>
  <si>
    <t>PIR BUX EAST - MALE</t>
  </si>
  <si>
    <t>Rakh Raikh</t>
  </si>
  <si>
    <t>Ges Rakh Raikh teh&amp; dist Rajanpur</t>
  </si>
  <si>
    <t>Pir Bux East</t>
  </si>
  <si>
    <t>5637</t>
  </si>
  <si>
    <t>646</t>
  </si>
  <si>
    <t>GPS SULEMANIA CHISHTIAN</t>
  </si>
  <si>
    <t>CHISHTIAN</t>
  </si>
  <si>
    <t>CTN-I-MALE</t>
  </si>
  <si>
    <t>Ctn</t>
  </si>
  <si>
    <t>Near TMA office Chishtian</t>
  </si>
  <si>
    <t>MC CTN</t>
  </si>
  <si>
    <t>Muhammad Sarwar</t>
  </si>
  <si>
    <t>21960</t>
  </si>
  <si>
    <t>35694</t>
  </si>
  <si>
    <t>GPS CHAK BASSI PO ASHRAF SHAH</t>
  </si>
  <si>
    <t>MAILSI WEST - MALE</t>
  </si>
  <si>
    <t>Chak Bassi</t>
  </si>
  <si>
    <t>chak basi</t>
  </si>
  <si>
    <t>Ali Wah</t>
  </si>
  <si>
    <t>NAZIR AHMAD</t>
  </si>
  <si>
    <t>42332</t>
  </si>
  <si>
    <t>GHSS MC GUJAR KHAN</t>
  </si>
  <si>
    <t>Gujar Khan</t>
  </si>
  <si>
    <t>Main G.T road Gujar Khan</t>
  </si>
  <si>
    <t>Gujar Khan City</t>
  </si>
  <si>
    <t>Waqar Ahmed Qazi</t>
  </si>
  <si>
    <t>52224</t>
  </si>
  <si>
    <t>1292</t>
  </si>
  <si>
    <t>3643</t>
  </si>
  <si>
    <t>28643</t>
  </si>
  <si>
    <t>3942</t>
  </si>
  <si>
    <t>52170</t>
  </si>
  <si>
    <t>GPS LAL SHAH</t>
  </si>
  <si>
    <t>QABOOLA 2 - MALE</t>
  </si>
  <si>
    <t>Lal Shah</t>
  </si>
  <si>
    <t>lal shah p/o Noora rath Arifwala Pakpattan</t>
  </si>
  <si>
    <t>Noora Rath</t>
  </si>
  <si>
    <t>Zafar Ali Niazi</t>
  </si>
  <si>
    <t>686</t>
  </si>
  <si>
    <t>28734</t>
  </si>
  <si>
    <t>28034</t>
  </si>
  <si>
    <t>863</t>
  </si>
  <si>
    <t>1607</t>
  </si>
  <si>
    <t>38994</t>
  </si>
  <si>
    <t>GES PIND FAZAL KHAN</t>
  </si>
  <si>
    <t>BAHTER - MALE</t>
  </si>
  <si>
    <t>Pind Fazal Khan</t>
  </si>
  <si>
    <t>village Pind Fazal khan, tehsil Fateh jang, Attock</t>
  </si>
  <si>
    <t>Rustam Khan</t>
  </si>
  <si>
    <t>36764</t>
  </si>
  <si>
    <t>43435</t>
  </si>
  <si>
    <t>GGPS JANDALA BAKHRAL</t>
  </si>
  <si>
    <t>Jandala Pakhral</t>
  </si>
  <si>
    <t>GMPS Jandala Pakhral</t>
  </si>
  <si>
    <t>NAVIDA TARIQ</t>
  </si>
  <si>
    <t>16812</t>
  </si>
  <si>
    <t>16720</t>
  </si>
  <si>
    <t>15698</t>
  </si>
  <si>
    <t>GHS CHAK 390 GB SAMUNDRI FSD</t>
  </si>
  <si>
    <t>390GB</t>
  </si>
  <si>
    <t>Teh Samundri Distt Faisalabad</t>
  </si>
  <si>
    <t>390Gb</t>
  </si>
  <si>
    <t>138 Gb</t>
  </si>
  <si>
    <t>Nadeem Ahmad Shahid</t>
  </si>
  <si>
    <t>13328</t>
  </si>
  <si>
    <t>539</t>
  </si>
  <si>
    <t>120000</t>
  </si>
  <si>
    <t>13189</t>
  </si>
  <si>
    <t>32310</t>
  </si>
  <si>
    <t>GGPS JHUGGI WALA NO. 2</t>
  </si>
  <si>
    <t>JHUGGI WALA- FEMALE</t>
  </si>
  <si>
    <t>Jhuggi wala</t>
  </si>
  <si>
    <t>jhuggi wala no 2</t>
  </si>
  <si>
    <t>Nazia Mumtaz Khan</t>
  </si>
  <si>
    <t>6224</t>
  </si>
  <si>
    <t>5920</t>
  </si>
  <si>
    <t>GPS THERI ZABTI</t>
  </si>
  <si>
    <t>Theri Zabti</t>
  </si>
  <si>
    <t>Basti Dharala, Mouza Theri Zabti, APE</t>
  </si>
  <si>
    <t>Sukhail</t>
  </si>
  <si>
    <t>Saif Ullah</t>
  </si>
  <si>
    <t>2044</t>
  </si>
  <si>
    <t>35675</t>
  </si>
  <si>
    <t>42255</t>
  </si>
  <si>
    <t>27180</t>
  </si>
  <si>
    <t>41176</t>
  </si>
  <si>
    <t>GGPS BHALOT</t>
  </si>
  <si>
    <t>Bhalot</t>
  </si>
  <si>
    <t>Distt RWP teh Kahuta village bhalot</t>
  </si>
  <si>
    <t>Matore</t>
  </si>
  <si>
    <t>Maryam Bibi</t>
  </si>
  <si>
    <t>7090</t>
  </si>
  <si>
    <t>1029</t>
  </si>
  <si>
    <t>42013</t>
  </si>
  <si>
    <t>GGHS SHER ZAMAN COLONY</t>
  </si>
  <si>
    <t>Sher zaman colony Tulsa road Rawalpindi</t>
  </si>
  <si>
    <t>Tulsa</t>
  </si>
  <si>
    <t>Cantt</t>
  </si>
  <si>
    <t>kaneez zanub</t>
  </si>
  <si>
    <t>46235</t>
  </si>
  <si>
    <t>1482</t>
  </si>
  <si>
    <t>1783</t>
  </si>
  <si>
    <t>36840</t>
  </si>
  <si>
    <t>GGPS ARRIYAN WALA, KABIRWALA</t>
  </si>
  <si>
    <t>MARI SAHU - FEMALE</t>
  </si>
  <si>
    <t>5 Kassi</t>
  </si>
  <si>
    <t>arriyan Wala 5 kassi kabirwala khanewal</t>
  </si>
  <si>
    <t>Arriyan Wala</t>
  </si>
  <si>
    <t>Tasneem Kauser</t>
  </si>
  <si>
    <t>2475</t>
  </si>
  <si>
    <t>25620</t>
  </si>
  <si>
    <t>16443</t>
  </si>
  <si>
    <t>GGHS CHAK NO. 20 JB</t>
  </si>
  <si>
    <t>Khan K 20jb</t>
  </si>
  <si>
    <t>chak 20jb khan k</t>
  </si>
  <si>
    <t>Khan K</t>
  </si>
  <si>
    <t>Ansa Manzoor</t>
  </si>
  <si>
    <t>22006</t>
  </si>
  <si>
    <t>806</t>
  </si>
  <si>
    <t>2638</t>
  </si>
  <si>
    <t>31153</t>
  </si>
  <si>
    <t>24494</t>
  </si>
  <si>
    <t>GGPS DINA NATH MULTAN ROAD</t>
  </si>
  <si>
    <t>NIAZBAIG - FEMALE</t>
  </si>
  <si>
    <t>Dina Nath</t>
  </si>
  <si>
    <t>multan road</t>
  </si>
  <si>
    <t>EME Society</t>
  </si>
  <si>
    <t>Shahida Shaheen</t>
  </si>
  <si>
    <t>16266</t>
  </si>
  <si>
    <t>41418</t>
  </si>
  <si>
    <t>5095</t>
  </si>
  <si>
    <t>35176</t>
  </si>
  <si>
    <t>GPS CHAK NO.419</t>
  </si>
  <si>
    <t>Chak No 419/eb</t>
  </si>
  <si>
    <t>chack no 419/EB burewala disrict vehari</t>
  </si>
  <si>
    <t>Chack No 419/eb</t>
  </si>
  <si>
    <t>2747</t>
  </si>
  <si>
    <t>4641</t>
  </si>
  <si>
    <t>31850</t>
  </si>
  <si>
    <t>518</t>
  </si>
  <si>
    <t>1484</t>
  </si>
  <si>
    <t>21626</t>
  </si>
  <si>
    <t>GMPS SAECH KALAR</t>
  </si>
  <si>
    <t>WAHNDO - FEMALE</t>
  </si>
  <si>
    <t>Saech Kalar</t>
  </si>
  <si>
    <t>saech kalar</t>
  </si>
  <si>
    <t>Wahndo</t>
  </si>
  <si>
    <t>Saba Farooq</t>
  </si>
  <si>
    <t>5260</t>
  </si>
  <si>
    <t>1840</t>
  </si>
  <si>
    <t>19716</t>
  </si>
  <si>
    <t>GMES BARKHURDAR</t>
  </si>
  <si>
    <t>Barkhurdar</t>
  </si>
  <si>
    <t>moza barkhurdar tehs il bhowana dist chiniot</t>
  </si>
  <si>
    <t>Sammandar</t>
  </si>
  <si>
    <t>SADIA  SARWAR</t>
  </si>
  <si>
    <t>16930</t>
  </si>
  <si>
    <t>14668</t>
  </si>
  <si>
    <t>41832</t>
  </si>
  <si>
    <t>3123</t>
  </si>
  <si>
    <t>38971</t>
  </si>
  <si>
    <t>GGHS JHANG</t>
  </si>
  <si>
    <t>Jhang</t>
  </si>
  <si>
    <t>Govt.girls high school jhang</t>
  </si>
  <si>
    <t>Jabeen Kausar Kahoot</t>
  </si>
  <si>
    <t>5226</t>
  </si>
  <si>
    <t>833</t>
  </si>
  <si>
    <t>43482</t>
  </si>
  <si>
    <t>GGPS KURPAL</t>
  </si>
  <si>
    <t>Kurpal</t>
  </si>
  <si>
    <t>Village Kurpal P.O Dhumman Tehsil, and District Chakwal</t>
  </si>
  <si>
    <t>Duhman</t>
  </si>
  <si>
    <t>Sidra Tazeem</t>
  </si>
  <si>
    <t>13224</t>
  </si>
  <si>
    <t>12400</t>
  </si>
  <si>
    <t>3262</t>
  </si>
  <si>
    <t>39297</t>
  </si>
  <si>
    <t>5418</t>
  </si>
  <si>
    <t>36818</t>
  </si>
  <si>
    <t>GGPS SULTAN ABAD, KABIRWALA</t>
  </si>
  <si>
    <t>BUTTA KOT - FEMALE</t>
  </si>
  <si>
    <t>Sultanabad</t>
  </si>
  <si>
    <t>GGPS Sultanabad</t>
  </si>
  <si>
    <t>Naorang Shah</t>
  </si>
  <si>
    <t>Salma Yasmeen</t>
  </si>
  <si>
    <t>4628</t>
  </si>
  <si>
    <t>14500</t>
  </si>
  <si>
    <t>8461</t>
  </si>
  <si>
    <t>52648</t>
  </si>
  <si>
    <t>38575</t>
  </si>
  <si>
    <t>27360</t>
  </si>
  <si>
    <t>GGES 24 M</t>
  </si>
  <si>
    <t>24/M</t>
  </si>
  <si>
    <t>CHAK NO 24/M</t>
  </si>
  <si>
    <t>DUNYA PUR DEHI</t>
  </si>
  <si>
    <t>IQRA ISHFAQ</t>
  </si>
  <si>
    <t>4320</t>
  </si>
  <si>
    <t>39549</t>
  </si>
  <si>
    <t>38866</t>
  </si>
  <si>
    <t>35801</t>
  </si>
  <si>
    <t>GES ALI WAH</t>
  </si>
  <si>
    <t>mouza Ali wah tehsil mailsi</t>
  </si>
  <si>
    <t>13915</t>
  </si>
  <si>
    <t>7380</t>
  </si>
  <si>
    <t>41089</t>
  </si>
  <si>
    <t>GGES MAIRA VILLAGE</t>
  </si>
  <si>
    <t>Maira</t>
  </si>
  <si>
    <t>GGES Maira Village Tehsil Kahuta District Rawalpindi</t>
  </si>
  <si>
    <t>Rashida Fatima</t>
  </si>
  <si>
    <t>1058</t>
  </si>
  <si>
    <t>44568</t>
  </si>
  <si>
    <t>881</t>
  </si>
  <si>
    <t>4264</t>
  </si>
  <si>
    <t>13313</t>
  </si>
  <si>
    <t>32391</t>
  </si>
  <si>
    <t>GGPS QAYYUM ABAD</t>
  </si>
  <si>
    <t>SHAHER SULTAN- FEMALE</t>
  </si>
  <si>
    <t>Shaher Sultan</t>
  </si>
  <si>
    <t>basti seho singh shaher sultan</t>
  </si>
  <si>
    <t>Seho Singh</t>
  </si>
  <si>
    <t>Bilqees Sadiq</t>
  </si>
  <si>
    <t>40235</t>
  </si>
  <si>
    <t>GGES CHOUNTRA</t>
  </si>
  <si>
    <t>Kolpur</t>
  </si>
  <si>
    <t>Govt.Girls Elementary School Chountra</t>
  </si>
  <si>
    <t>Chak Khasa</t>
  </si>
  <si>
    <t>Fozia Bushra</t>
  </si>
  <si>
    <t>5990</t>
  </si>
  <si>
    <t>38778</t>
  </si>
  <si>
    <t>13240</t>
  </si>
  <si>
    <t>24499</t>
  </si>
  <si>
    <t>16616</t>
  </si>
  <si>
    <t>GPS CHAK 510 GB II MAMUNKANJAN</t>
  </si>
  <si>
    <t>Abadi Sindhu</t>
  </si>
  <si>
    <t>Chak510/2GB MAMUNKANJAN Fsd</t>
  </si>
  <si>
    <t>510/2GB</t>
  </si>
  <si>
    <t>Chak 514 GB</t>
  </si>
  <si>
    <t>NASIR Ali Khan Abid</t>
  </si>
  <si>
    <t>1540</t>
  </si>
  <si>
    <t>2415</t>
  </si>
  <si>
    <t>17873</t>
  </si>
  <si>
    <t>15458</t>
  </si>
  <si>
    <t>53000</t>
  </si>
  <si>
    <t>484</t>
  </si>
  <si>
    <t>3115</t>
  </si>
  <si>
    <t>26902</t>
  </si>
  <si>
    <t>GHS SOOIAN WALA</t>
  </si>
  <si>
    <t>HAFIZABAD</t>
  </si>
  <si>
    <t>Sooianwala</t>
  </si>
  <si>
    <t>sooianwala post office qadirabad colony teh &amp; District Hafizabad</t>
  </si>
  <si>
    <t>Ishtiaq Ahmad</t>
  </si>
  <si>
    <t>16528</t>
  </si>
  <si>
    <t>6248</t>
  </si>
  <si>
    <t>3001</t>
  </si>
  <si>
    <t>GMPS CHAK SITTIA</t>
  </si>
  <si>
    <t>Chaksittia</t>
  </si>
  <si>
    <t>chak sittia</t>
  </si>
  <si>
    <t>Chak Sittia</t>
  </si>
  <si>
    <t>Winjowali</t>
  </si>
  <si>
    <t>Tanzeela Nazli</t>
  </si>
  <si>
    <t>33600</t>
  </si>
  <si>
    <t>28972</t>
  </si>
  <si>
    <t>21558</t>
  </si>
  <si>
    <t>43663</t>
  </si>
  <si>
    <t>GGHS CHINJI VILL &amp; P/O CHINJI</t>
  </si>
  <si>
    <t>Chinji</t>
  </si>
  <si>
    <t>vpo chinji</t>
  </si>
  <si>
    <t>Bhilomar</t>
  </si>
  <si>
    <t>Arshad Begum</t>
  </si>
  <si>
    <t>446</t>
  </si>
  <si>
    <t>15535</t>
  </si>
  <si>
    <t>GGCMS CHAK 222 GB SAMUNDRI</t>
  </si>
  <si>
    <t>Chak # 222 GB</t>
  </si>
  <si>
    <t>chak # 222 GB</t>
  </si>
  <si>
    <t>222 GB</t>
  </si>
  <si>
    <t>Chak # 225 GB</t>
  </si>
  <si>
    <t>Anum Hayat</t>
  </si>
  <si>
    <t>5171</t>
  </si>
  <si>
    <t>2243</t>
  </si>
  <si>
    <t>52319</t>
  </si>
  <si>
    <t>43515</t>
  </si>
  <si>
    <t>1237</t>
  </si>
  <si>
    <t>18270</t>
  </si>
  <si>
    <t>GGHS SHARIF ABAD</t>
  </si>
  <si>
    <t>Gilkala</t>
  </si>
  <si>
    <t>sharifabad</t>
  </si>
  <si>
    <t>Sharifabad</t>
  </si>
  <si>
    <t>duri gondal</t>
  </si>
  <si>
    <t>Bashiran</t>
  </si>
  <si>
    <t>5620</t>
  </si>
  <si>
    <t>electric water coolor and hand pump</t>
  </si>
  <si>
    <t>3360</t>
  </si>
  <si>
    <t>16511</t>
  </si>
  <si>
    <t>GPS CHAK NO 592 GB</t>
  </si>
  <si>
    <t>592gb</t>
  </si>
  <si>
    <t>Chak No 592 GB</t>
  </si>
  <si>
    <t>592 GB</t>
  </si>
  <si>
    <t>599GB</t>
  </si>
  <si>
    <t>Irfan Bashir</t>
  </si>
  <si>
    <t>1392</t>
  </si>
  <si>
    <t>6949</t>
  </si>
  <si>
    <t>22198</t>
  </si>
  <si>
    <t>44509</t>
  </si>
  <si>
    <t>GPS NAWANI PO SHAHNI</t>
  </si>
  <si>
    <t>Gps nawani p/o shahani Bhakkar</t>
  </si>
  <si>
    <t>Nawani</t>
  </si>
  <si>
    <t>Budiani</t>
  </si>
  <si>
    <t>Basheer Ahmad</t>
  </si>
  <si>
    <t>2823</t>
  </si>
  <si>
    <t>9910</t>
  </si>
  <si>
    <t>8650</t>
  </si>
  <si>
    <t>43384</t>
  </si>
  <si>
    <t>42027</t>
  </si>
  <si>
    <t>GGPS BANDA NAGIAL</t>
  </si>
  <si>
    <t>Banda Nagial</t>
  </si>
  <si>
    <t>ggps Banda nagial</t>
  </si>
  <si>
    <t>Dhamial</t>
  </si>
  <si>
    <t>bore</t>
  </si>
  <si>
    <t>21207</t>
  </si>
  <si>
    <t>6464</t>
  </si>
  <si>
    <t>5938</t>
  </si>
  <si>
    <t>50218</t>
  </si>
  <si>
    <t>GGES 22/11-L</t>
  </si>
  <si>
    <t>SHER WALA-A-FEMALE</t>
  </si>
  <si>
    <t>Chak 22/11-L</t>
  </si>
  <si>
    <t>chak no 22/11-L</t>
  </si>
  <si>
    <t>22/11-L</t>
  </si>
  <si>
    <t>23/11-L</t>
  </si>
  <si>
    <t>Shazia Akram</t>
  </si>
  <si>
    <t>3412</t>
  </si>
  <si>
    <t>392</t>
  </si>
  <si>
    <t>701</t>
  </si>
  <si>
    <t>4858</t>
  </si>
  <si>
    <t>21198</t>
  </si>
  <si>
    <t>GMPS SAID NAGAR</t>
  </si>
  <si>
    <t>ALI PUR CHATHA 1 - FEMALE</t>
  </si>
  <si>
    <t>said nagar</t>
  </si>
  <si>
    <t>Farah Shazia</t>
  </si>
  <si>
    <t>571725</t>
  </si>
  <si>
    <t>16900</t>
  </si>
  <si>
    <t>46400</t>
  </si>
  <si>
    <t>18323</t>
  </si>
  <si>
    <t>18175</t>
  </si>
  <si>
    <t>2282</t>
  </si>
  <si>
    <t>16035</t>
  </si>
  <si>
    <t>GGPS CHAK 254 MW I</t>
  </si>
  <si>
    <t>DIJKOT 2 - FEMALE</t>
  </si>
  <si>
    <t>chak no 254 rb mazhabiwala</t>
  </si>
  <si>
    <t>Mazhabiwala</t>
  </si>
  <si>
    <t>Shagufta Parveen</t>
  </si>
  <si>
    <t>10140</t>
  </si>
  <si>
    <t>3400</t>
  </si>
  <si>
    <t>26120</t>
  </si>
  <si>
    <t>19077</t>
  </si>
  <si>
    <t>5857</t>
  </si>
  <si>
    <t>42642</t>
  </si>
  <si>
    <t>GGES MOHRI KHATRAIL</t>
  </si>
  <si>
    <t>JERMOT KALLAN-FEMALE</t>
  </si>
  <si>
    <t>MOHRI KHATRIL</t>
  </si>
  <si>
    <t>Village and P.O. MOHRI KHATRIL Tehsil Gujarkhan Distt Rawalpindi</t>
  </si>
  <si>
    <t>Jero Ratial</t>
  </si>
  <si>
    <t>Ayesha Majeed</t>
  </si>
  <si>
    <t>5270</t>
  </si>
  <si>
    <t>27546</t>
  </si>
  <si>
    <t>41570</t>
  </si>
  <si>
    <t>35145</t>
  </si>
  <si>
    <t>16831</t>
  </si>
  <si>
    <t>13452</t>
  </si>
  <si>
    <t>GES BOLAY WALA</t>
  </si>
  <si>
    <t>Boolay Wala</t>
  </si>
  <si>
    <t>Aadhi Wala UC Boolay wala P/O Muhammadpur Tehsil Jampur District Rajanpur</t>
  </si>
  <si>
    <t>Aadhi Wala</t>
  </si>
  <si>
    <t>Fida Hussain</t>
  </si>
  <si>
    <t>16506</t>
  </si>
  <si>
    <t>GPS CHAK NO 427 GB</t>
  </si>
  <si>
    <t>427gb</t>
  </si>
  <si>
    <t>GPS Chak No 427 GB tehsil tandlianwala district Faisalabad</t>
  </si>
  <si>
    <t>Chak No 427 GB</t>
  </si>
  <si>
    <t>Chak No 599 GB</t>
  </si>
  <si>
    <t>Muhammad Akhtar Ali</t>
  </si>
  <si>
    <t>1900</t>
  </si>
  <si>
    <t>41386</t>
  </si>
  <si>
    <t>40523</t>
  </si>
  <si>
    <t>43114</t>
  </si>
  <si>
    <t>GGHSS KHAN PUR</t>
  </si>
  <si>
    <t>KHANPUR</t>
  </si>
  <si>
    <t>VILLAGE AND POST OFICE KHANPUR, TEHSIL AND DISTRICT CHAKWAL</t>
  </si>
  <si>
    <t>DHUMAN</t>
  </si>
  <si>
    <t>SHEHNAZ BEGUM</t>
  </si>
  <si>
    <t>23414</t>
  </si>
  <si>
    <t>1117</t>
  </si>
  <si>
    <t>728</t>
  </si>
  <si>
    <t>211</t>
  </si>
  <si>
    <t>49659</t>
  </si>
  <si>
    <t>GGHS CHAK NO. 64 SB</t>
  </si>
  <si>
    <t>Chak No 64SB</t>
  </si>
  <si>
    <t>CHAK NO 64 SB SILLANWALI SARGODHA</t>
  </si>
  <si>
    <t>Chak 49 SB</t>
  </si>
  <si>
    <t>Samreen Tahir</t>
  </si>
  <si>
    <t>963</t>
  </si>
  <si>
    <t>43254</t>
  </si>
  <si>
    <t>GPS SADYALI</t>
  </si>
  <si>
    <t>Sadyali</t>
  </si>
  <si>
    <t>village sadyali po mulhal mughlan dist&amp;teh chakwal</t>
  </si>
  <si>
    <t>Moghla</t>
  </si>
  <si>
    <t>NABEELA QAMAR</t>
  </si>
  <si>
    <t>6096</t>
  </si>
  <si>
    <t>1441</t>
  </si>
  <si>
    <t>33895</t>
  </si>
  <si>
    <t>GPS KOMHARAN WALA</t>
  </si>
  <si>
    <t>SOUTH - MALE</t>
  </si>
  <si>
    <t>Bahawal Pur Sukha</t>
  </si>
  <si>
    <t>kumharan wala Multan</t>
  </si>
  <si>
    <t>Kumharan Wala</t>
  </si>
  <si>
    <t>Kayan Pur</t>
  </si>
  <si>
    <t>212</t>
  </si>
  <si>
    <t>16507</t>
  </si>
  <si>
    <t>GPS 428 GB</t>
  </si>
  <si>
    <t>Jhoke Rano</t>
  </si>
  <si>
    <t>chak no 428 gb</t>
  </si>
  <si>
    <t>Chak No 428gb</t>
  </si>
  <si>
    <t>Chak No 429gb</t>
  </si>
  <si>
    <t>Muhammad Awais Nazir</t>
  </si>
  <si>
    <t>20404</t>
  </si>
  <si>
    <t>21577</t>
  </si>
  <si>
    <t>579</t>
  </si>
  <si>
    <t>2345</t>
  </si>
  <si>
    <t>15338</t>
  </si>
  <si>
    <t>GGES CHAK NO 102/RB</t>
  </si>
  <si>
    <t>ALI PUR BANGLA - FEMALE</t>
  </si>
  <si>
    <t>Chak num 102 RB</t>
  </si>
  <si>
    <t>Chak.   no.    102.   rb.     Jaranwala.   Faisalabad</t>
  </si>
  <si>
    <t>Chak num  102    RB</t>
  </si>
  <si>
    <t>Chak   No  99   RB</t>
  </si>
  <si>
    <t>Asma Masrat</t>
  </si>
  <si>
    <t>343</t>
  </si>
  <si>
    <t>25782</t>
  </si>
  <si>
    <t>30233</t>
  </si>
  <si>
    <t>GGHS GOPAL NAGAR</t>
  </si>
  <si>
    <t>NASEERABAD</t>
  </si>
  <si>
    <t>GGHS GOPAL NAGAR GULBERG III LAHORE</t>
  </si>
  <si>
    <t>gopal nagar lahore</t>
  </si>
  <si>
    <t>NASEERA BAD</t>
  </si>
  <si>
    <t>206</t>
  </si>
  <si>
    <t>Ghazala Yasmeen</t>
  </si>
  <si>
    <t>1493</t>
  </si>
  <si>
    <t>25990</t>
  </si>
  <si>
    <t>1411</t>
  </si>
  <si>
    <t>20098</t>
  </si>
  <si>
    <t>375</t>
  </si>
  <si>
    <t>16477</t>
  </si>
  <si>
    <t>GPS CHAK 401 GB TANDLIANWALA</t>
  </si>
  <si>
    <t>Sheraza</t>
  </si>
  <si>
    <t>chak no 401 gb</t>
  </si>
  <si>
    <t>401 Gb</t>
  </si>
  <si>
    <t>400 Gb</t>
  </si>
  <si>
    <t>Muhammad Ashraf Sajid</t>
  </si>
  <si>
    <t>3581</t>
  </si>
  <si>
    <t>17744</t>
  </si>
  <si>
    <t>18388</t>
  </si>
  <si>
    <t>9937</t>
  </si>
  <si>
    <t>GHS CHAK NO 236 TDA</t>
  </si>
  <si>
    <t>CHAK NO.236/TDA</t>
  </si>
  <si>
    <t>GHS CHAK NO.236/TDA TEHSIL KAROR LAYYAH</t>
  </si>
  <si>
    <t>SHAOKAT ABAD</t>
  </si>
  <si>
    <t>IJAZ HUSSAIN</t>
  </si>
  <si>
    <t>7655</t>
  </si>
  <si>
    <t>12186</t>
  </si>
  <si>
    <t>16133</t>
  </si>
  <si>
    <t>GGHS CHAK 56 JB</t>
  </si>
  <si>
    <t>56jb</t>
  </si>
  <si>
    <t>chak 56 jb faisalabad</t>
  </si>
  <si>
    <t>56 Jb</t>
  </si>
  <si>
    <t>Chak 56 Jb</t>
  </si>
  <si>
    <t>Atifa Iftikhar</t>
  </si>
  <si>
    <t>49692</t>
  </si>
  <si>
    <t>1170</t>
  </si>
  <si>
    <t>5887</t>
  </si>
  <si>
    <t>41886</t>
  </si>
  <si>
    <t>44916</t>
  </si>
  <si>
    <t>GGPS REHMANIA SADIQABAD</t>
  </si>
  <si>
    <t>PIR WADHAI - FEMALE</t>
  </si>
  <si>
    <t>Sadiqabad</t>
  </si>
  <si>
    <t>Transformer Chowk Sadiqabad Service Road Rawalpindi</t>
  </si>
  <si>
    <t>Rawalpindi</t>
  </si>
  <si>
    <t>Dhok Ali Akbar</t>
  </si>
  <si>
    <t>Noreen Tabassum</t>
  </si>
  <si>
    <t>Wapda</t>
  </si>
  <si>
    <t>14756</t>
  </si>
  <si>
    <t>GGHS MC ISLAM NAGAR NO.1 FAISALABAD</t>
  </si>
  <si>
    <t>Islamnagar</t>
  </si>
  <si>
    <t>islamnagar fsd</t>
  </si>
  <si>
    <t>Ayesha Zaib</t>
  </si>
  <si>
    <t>21386</t>
  </si>
  <si>
    <t>1780</t>
  </si>
  <si>
    <t>16142</t>
  </si>
  <si>
    <t>GGES CHAK 118 JB</t>
  </si>
  <si>
    <t>chak no 118 j.b bhathan fsd</t>
  </si>
  <si>
    <t>118jb Bhathan</t>
  </si>
  <si>
    <t>115jb Dyalgarr</t>
  </si>
  <si>
    <t>Sajidah Perveen</t>
  </si>
  <si>
    <t>8189</t>
  </si>
  <si>
    <t>497</t>
  </si>
  <si>
    <t>39210</t>
  </si>
  <si>
    <t>30577</t>
  </si>
  <si>
    <t>GGPS SYED NATIONAL SADI PARK LAHORE</t>
  </si>
  <si>
    <t>Fateh Shair Road</t>
  </si>
  <si>
    <t>Govt Syed National G/P/S Sadi Park, Fateh shair road, Mozang, Lahore.</t>
  </si>
  <si>
    <t>Ganga ram</t>
  </si>
  <si>
    <t>Nusrat Parveen</t>
  </si>
  <si>
    <t>3814</t>
  </si>
  <si>
    <t>32059</t>
  </si>
  <si>
    <t>15443</t>
  </si>
  <si>
    <t>15424</t>
  </si>
  <si>
    <t>GGHSS CHAK 94 GB</t>
  </si>
  <si>
    <t>94GB</t>
  </si>
  <si>
    <t>Chak No. 94/GB, jARANWALA</t>
  </si>
  <si>
    <t>94/GB Shankar</t>
  </si>
  <si>
    <t>CHAK NO. 97/GB</t>
  </si>
  <si>
    <t>SHABANA BABAR</t>
  </si>
  <si>
    <t>12690</t>
  </si>
  <si>
    <t>37375</t>
  </si>
  <si>
    <t>1073</t>
  </si>
  <si>
    <t>87046</t>
  </si>
  <si>
    <t>2929</t>
  </si>
  <si>
    <t>35269</t>
  </si>
  <si>
    <t>GES 321 EB</t>
  </si>
  <si>
    <t>DEWAN SAHIB - MALE</t>
  </si>
  <si>
    <t>321/EB</t>
  </si>
  <si>
    <t>Chak no. 321/EB</t>
  </si>
  <si>
    <t>Chak No 321/EB</t>
  </si>
  <si>
    <t>Chak No 327</t>
  </si>
  <si>
    <t>4632</t>
  </si>
  <si>
    <t>11123</t>
  </si>
  <si>
    <t>GPS RAZA ABAD</t>
  </si>
  <si>
    <t>Raza Abad</t>
  </si>
  <si>
    <t>RazaAbad</t>
  </si>
  <si>
    <t>Muhammad Shaban</t>
  </si>
  <si>
    <t>21600</t>
  </si>
  <si>
    <t>filter water</t>
  </si>
  <si>
    <t>36580</t>
  </si>
  <si>
    <t>30580</t>
  </si>
  <si>
    <t>GGHS MODEL WAHDAT COLONY</t>
  </si>
  <si>
    <t>Umer Block</t>
  </si>
  <si>
    <t>GGHS MODEL WAHDAT COLONY LHR</t>
  </si>
  <si>
    <t>wahdat colony</t>
  </si>
  <si>
    <t>NEELAM BLOCK</t>
  </si>
  <si>
    <t>Zubedah Khatoon</t>
  </si>
  <si>
    <t>56250</t>
  </si>
  <si>
    <t>987</t>
  </si>
  <si>
    <t>725</t>
  </si>
  <si>
    <t>14745</t>
  </si>
  <si>
    <t>GGHS MC AZAFI NO.1 PEOPLES COLONY NO.2</t>
  </si>
  <si>
    <t>PEOPLES COLONY NO 2</t>
  </si>
  <si>
    <t>GGHS AZAFI NO.1 PEOPLES COLONY NO.2 FAISALABAD.</t>
  </si>
  <si>
    <t>PEOPLES COLONY No.2</t>
  </si>
  <si>
    <t>BATALA COLONY</t>
  </si>
  <si>
    <t>SHAHNAZ AKHTAR</t>
  </si>
  <si>
    <t>60205</t>
  </si>
  <si>
    <t>1334</t>
  </si>
  <si>
    <t>20331</t>
  </si>
  <si>
    <t>475</t>
  </si>
  <si>
    <t>16044</t>
  </si>
  <si>
    <t>GGPS CHAK 263 RB I</t>
  </si>
  <si>
    <t>263 R/B Dijkot</t>
  </si>
  <si>
    <t>263 R/B</t>
  </si>
  <si>
    <t>Municipal Town Committee Dijkot</t>
  </si>
  <si>
    <t>Mrs Shazia Kramat</t>
  </si>
  <si>
    <t>3810</t>
  </si>
  <si>
    <t>517</t>
  </si>
  <si>
    <t>36554</t>
  </si>
  <si>
    <t>16105</t>
  </si>
  <si>
    <t>GGES 233 RB HARI SINGH WALA</t>
  </si>
  <si>
    <t>Harisingh Wala</t>
  </si>
  <si>
    <t>233rbHarisinghwala Fsd</t>
  </si>
  <si>
    <t>233RbHarisinghwala</t>
  </si>
  <si>
    <t>233Rb1</t>
  </si>
  <si>
    <t>Maqsooda</t>
  </si>
  <si>
    <t>1165</t>
  </si>
  <si>
    <t>14701</t>
  </si>
  <si>
    <t>GGHS NOOR UL AMIN COLONY FSD</t>
  </si>
  <si>
    <t>Gokhowall</t>
  </si>
  <si>
    <t>Govt. Girls High School Noor ul Amin Colony Fsd</t>
  </si>
  <si>
    <t>Noor ul Amin Colony</t>
  </si>
  <si>
    <t>121JB</t>
  </si>
  <si>
    <t>1188</t>
  </si>
  <si>
    <t>1232</t>
  </si>
  <si>
    <t>14645</t>
  </si>
  <si>
    <t>GES CHAK 220 RB JUDGE WALA FSD</t>
  </si>
  <si>
    <t>220 RB Judge wala</t>
  </si>
  <si>
    <t>220 RB judge wala</t>
  </si>
  <si>
    <t>judge wala</t>
  </si>
  <si>
    <t>Muhammad ashraf</t>
  </si>
  <si>
    <t>19832</t>
  </si>
  <si>
    <t>81920</t>
  </si>
  <si>
    <t>39406</t>
  </si>
  <si>
    <t>1303</t>
  </si>
  <si>
    <t>469</t>
  </si>
  <si>
    <t>933</t>
  </si>
  <si>
    <t>43822</t>
  </si>
  <si>
    <t>GPS DHOK SHER KHAN</t>
  </si>
  <si>
    <t>TALAGANG-MALE</t>
  </si>
  <si>
    <t>Dk Sher Khan</t>
  </si>
  <si>
    <t>vpo pira fatehal,tehsil talagang distt chakwal</t>
  </si>
  <si>
    <t>Pira Fatehal</t>
  </si>
  <si>
    <t>JAVIRIA SADIQ</t>
  </si>
  <si>
    <t>1837</t>
  </si>
  <si>
    <t>4686</t>
  </si>
  <si>
    <t>35127</t>
  </si>
  <si>
    <t>13287</t>
  </si>
  <si>
    <t>GGPS CHAK NO.56/DB-A</t>
  </si>
  <si>
    <t>Chak No 56/DB A</t>
  </si>
  <si>
    <t>Muncipal Comittee</t>
  </si>
  <si>
    <t>Rukhsana Bashir</t>
  </si>
  <si>
    <t>33661</t>
  </si>
  <si>
    <t>5942</t>
  </si>
  <si>
    <t>50883</t>
  </si>
  <si>
    <t>GPS 136/9-L</t>
  </si>
  <si>
    <t>DERA RAHIM-A-MALE</t>
  </si>
  <si>
    <t>136/9-L</t>
  </si>
  <si>
    <t>chak no 136/9-L Sahiwal</t>
  </si>
  <si>
    <t>134/9-L</t>
  </si>
  <si>
    <t>MUHAMMAD BOOTA NAEEM</t>
  </si>
  <si>
    <t>31132</t>
  </si>
  <si>
    <t>10155</t>
  </si>
  <si>
    <t>3149</t>
  </si>
  <si>
    <t>30107</t>
  </si>
  <si>
    <t>GGHSS SHEIKH SARDAR MUHAMMAD GARHI SHAHU</t>
  </si>
  <si>
    <t>lahore</t>
  </si>
  <si>
    <t>96 ALLAMA IQBAL ROAD GARHI SHAHU LHR</t>
  </si>
  <si>
    <t>HABIB ULLAH ROAD</t>
  </si>
  <si>
    <t>Hafiz a Nuzhat Sadiq</t>
  </si>
  <si>
    <t>835</t>
  </si>
  <si>
    <t>35093</t>
  </si>
  <si>
    <t>6001</t>
  </si>
  <si>
    <t>22977</t>
  </si>
  <si>
    <t>GGHS NAGRIAN</t>
  </si>
  <si>
    <t>Nagrian</t>
  </si>
  <si>
    <t>VPO Nagrian Tehsil Kharian District Gujrat</t>
  </si>
  <si>
    <t>Sabour</t>
  </si>
  <si>
    <t>ASMA SHAHEEN</t>
  </si>
  <si>
    <t>29316</t>
  </si>
  <si>
    <t>46172</t>
  </si>
  <si>
    <t>GGHSS NAUSHERA</t>
  </si>
  <si>
    <t>MC Naushera</t>
  </si>
  <si>
    <t>Afshan Zafar</t>
  </si>
  <si>
    <t>21658</t>
  </si>
  <si>
    <t>543</t>
  </si>
  <si>
    <t>2333</t>
  </si>
  <si>
    <t>16922</t>
  </si>
  <si>
    <t>GHS GILMALA</t>
  </si>
  <si>
    <t>Gilmala</t>
  </si>
  <si>
    <t>moza gilmala jhang</t>
  </si>
  <si>
    <t>Muhammad Iqbal Asif</t>
  </si>
  <si>
    <t>43231</t>
  </si>
  <si>
    <t>973</t>
  </si>
  <si>
    <t>39334</t>
  </si>
  <si>
    <t>GGPS DHOK PATWARI</t>
  </si>
  <si>
    <t>Dhullian</t>
  </si>
  <si>
    <t>Dk patwari</t>
  </si>
  <si>
    <t>Dk Patwari</t>
  </si>
  <si>
    <t>Ghareebwal</t>
  </si>
  <si>
    <t>Nisar Begum</t>
  </si>
  <si>
    <t>14780</t>
  </si>
  <si>
    <t>28000</t>
  </si>
  <si>
    <t>26681</t>
  </si>
  <si>
    <t>GGPS JHANIAN</t>
  </si>
  <si>
    <t>Jahanian</t>
  </si>
  <si>
    <t>GGPS jahanian</t>
  </si>
  <si>
    <t>Tariq Hafeez</t>
  </si>
  <si>
    <t>2185</t>
  </si>
  <si>
    <t>31200</t>
  </si>
  <si>
    <t>37413</t>
  </si>
  <si>
    <t>GHS 115/15-L, MIAN CHANNU</t>
  </si>
  <si>
    <t>115/15L</t>
  </si>
  <si>
    <t>Chak No. 115/15-L Mian Channu</t>
  </si>
  <si>
    <t>115/15-L</t>
  </si>
  <si>
    <t>AYAZ MAHMOOD</t>
  </si>
  <si>
    <t>610</t>
  </si>
  <si>
    <t>2847</t>
  </si>
  <si>
    <t>29438</t>
  </si>
  <si>
    <t>1358</t>
  </si>
  <si>
    <t>20886</t>
  </si>
  <si>
    <t>GHS FAKHAR-E-ISLAM KATHORE KALAN</t>
  </si>
  <si>
    <t>KATHORE KALAN</t>
  </si>
  <si>
    <t>KATHORE KALAN TEHSIL.WAZIRABAD DISTT.GUJRANWALA</t>
  </si>
  <si>
    <t>MANSOORWALI</t>
  </si>
  <si>
    <t>MUHAMMAD RAMZAN</t>
  </si>
  <si>
    <t>38080</t>
  </si>
  <si>
    <t>526</t>
  </si>
  <si>
    <t>672</t>
  </si>
  <si>
    <t>22731</t>
  </si>
  <si>
    <t>GGPS JATTO WAKAL</t>
  </si>
  <si>
    <t>Jattuwakal</t>
  </si>
  <si>
    <t>jattuwakal gujrat</t>
  </si>
  <si>
    <t>Parveen Akhter</t>
  </si>
  <si>
    <t>3539</t>
  </si>
  <si>
    <t>772</t>
  </si>
  <si>
    <t>33595</t>
  </si>
  <si>
    <t>36313</t>
  </si>
  <si>
    <t>7329</t>
  </si>
  <si>
    <t>4402</t>
  </si>
  <si>
    <t>11678</t>
  </si>
  <si>
    <t>33179</t>
  </si>
  <si>
    <t>GES SINAWAN</t>
  </si>
  <si>
    <t>SINAWAN-II- MALE</t>
  </si>
  <si>
    <t>Sinawan</t>
  </si>
  <si>
    <t>sinawan city</t>
  </si>
  <si>
    <t>MC Sinawan</t>
  </si>
  <si>
    <t>278</t>
  </si>
  <si>
    <t>1894</t>
  </si>
  <si>
    <t>43745</t>
  </si>
  <si>
    <t>45745</t>
  </si>
  <si>
    <t>29582</t>
  </si>
  <si>
    <t>GGHS MC BASTI CHIRAGH SHAH KASUR</t>
  </si>
  <si>
    <t>Kasur</t>
  </si>
  <si>
    <t>basti chiragh shah kasur</t>
  </si>
  <si>
    <t>kot murad khan kasur</t>
  </si>
  <si>
    <t>SAIMA SHOKAT</t>
  </si>
  <si>
    <t>11250</t>
  </si>
  <si>
    <t>693</t>
  </si>
  <si>
    <t>19040</t>
  </si>
  <si>
    <t>6066</t>
  </si>
  <si>
    <t>26264</t>
  </si>
  <si>
    <t>35544</t>
  </si>
  <si>
    <t>GGPS TAIRHA GUJRAN</t>
  </si>
  <si>
    <t>SHAKARGARH (NORTH)-FEMALE</t>
  </si>
  <si>
    <t>Tehragujran</t>
  </si>
  <si>
    <t>ggpstehragujran</t>
  </si>
  <si>
    <t>Tehra gujran</t>
  </si>
  <si>
    <t>Phallwarri</t>
  </si>
  <si>
    <t>Samina Noor</t>
  </si>
  <si>
    <t>34868</t>
  </si>
  <si>
    <t>4574</t>
  </si>
  <si>
    <t>8267</t>
  </si>
  <si>
    <t>GGPS GAMOON WALA</t>
  </si>
  <si>
    <t>GHOUS ABAD-FEMALE</t>
  </si>
  <si>
    <t>Haider Wahn</t>
  </si>
  <si>
    <t>basti gammon wala tehsil kot chutta district dgk</t>
  </si>
  <si>
    <t>Gammon wala</t>
  </si>
  <si>
    <t>Haider Qureshi</t>
  </si>
  <si>
    <t>Samia Noureen</t>
  </si>
  <si>
    <t>3920</t>
  </si>
  <si>
    <t>GGHS CHAK NO.41/DB</t>
  </si>
  <si>
    <t>yazman</t>
  </si>
  <si>
    <t>chak 41 db west tehsil yazman dist. bahawalpur</t>
  </si>
  <si>
    <t>41 db</t>
  </si>
  <si>
    <t>44 db</t>
  </si>
  <si>
    <t>Sadaf Shafique</t>
  </si>
  <si>
    <t>16692</t>
  </si>
  <si>
    <t>GGCMS 453/GB</t>
  </si>
  <si>
    <t>Akanwala</t>
  </si>
  <si>
    <t>chak no 453 gb</t>
  </si>
  <si>
    <t>453 Gb</t>
  </si>
  <si>
    <t>454 Gb</t>
  </si>
  <si>
    <t>12807</t>
  </si>
  <si>
    <t>48448</t>
  </si>
  <si>
    <t>54455</t>
  </si>
  <si>
    <t>3246</t>
  </si>
  <si>
    <t>GHS HASILPUR NO.2</t>
  </si>
  <si>
    <t>HASILPUR OLD</t>
  </si>
  <si>
    <t>Taj Muhammad</t>
  </si>
  <si>
    <t>11979</t>
  </si>
  <si>
    <t>9875</t>
  </si>
  <si>
    <t>4973</t>
  </si>
  <si>
    <t>37754</t>
  </si>
  <si>
    <t>GES 152/10-R, JAHANIAN</t>
  </si>
  <si>
    <t>152/10R</t>
  </si>
  <si>
    <t>chak no 152/10.R</t>
  </si>
  <si>
    <t>174/10R</t>
  </si>
  <si>
    <t>Muhammad Munir</t>
  </si>
  <si>
    <t>15725</t>
  </si>
  <si>
    <t>GGHS CHAK NO 228 GB</t>
  </si>
  <si>
    <t>gghs228gb</t>
  </si>
  <si>
    <t>Chak No 228GB</t>
  </si>
  <si>
    <t>228GB</t>
  </si>
  <si>
    <t>Samina Hassan</t>
  </si>
  <si>
    <t>12240</t>
  </si>
  <si>
    <t>37827</t>
  </si>
  <si>
    <t>601</t>
  </si>
  <si>
    <t>2056</t>
  </si>
  <si>
    <t>22669</t>
  </si>
  <si>
    <t>GGES ADOWAL</t>
  </si>
  <si>
    <t>Adowal</t>
  </si>
  <si>
    <t>RAFIA JABEEN</t>
  </si>
  <si>
    <t>3712</t>
  </si>
  <si>
    <t>35972</t>
  </si>
  <si>
    <t>GGPS JALAL QUM</t>
  </si>
  <si>
    <t>SHATAB GARH-FEMALE</t>
  </si>
  <si>
    <t>Jalal Quham</t>
  </si>
  <si>
    <t>Moza Jalal Quham teh mailsi district vehari</t>
  </si>
  <si>
    <t>Sargana</t>
  </si>
  <si>
    <t>Sumaira Naz</t>
  </si>
  <si>
    <t>9170</t>
  </si>
  <si>
    <t>3127</t>
  </si>
  <si>
    <t>39895</t>
  </si>
  <si>
    <t>GGHS HAZRO NO.1</t>
  </si>
  <si>
    <t>Hazro</t>
  </si>
  <si>
    <t>Fawara chowk Tehsil Hazro Distt.Attock</t>
  </si>
  <si>
    <t>Mrs Farriha Tasadque</t>
  </si>
  <si>
    <t>7968</t>
  </si>
  <si>
    <t>Boring</t>
  </si>
  <si>
    <t>576</t>
  </si>
  <si>
    <t>1796</t>
  </si>
  <si>
    <t>36640</t>
  </si>
  <si>
    <t>GGES ARJANI WALA NO. 2</t>
  </si>
  <si>
    <t>BAGAR SARGANA - FEMALE</t>
  </si>
  <si>
    <t>Arjani Wala</t>
  </si>
  <si>
    <t>Govt Girls Elementary School Arjani Wala No. 2, P/O Sarai Sidhu, Tehsil Kabirwala, Khanewal</t>
  </si>
  <si>
    <t>Sarwar Wala</t>
  </si>
  <si>
    <t>Kot Gohar Muhammad Muhammad</t>
  </si>
  <si>
    <t>Huma Naz</t>
  </si>
  <si>
    <t>34480</t>
  </si>
  <si>
    <t>3337</t>
  </si>
  <si>
    <t>19563</t>
  </si>
  <si>
    <t>GGES CHAK 286 GB I</t>
  </si>
  <si>
    <t>RAJANA FEMALE</t>
  </si>
  <si>
    <t>Chak No286 GB 1</t>
  </si>
  <si>
    <t>chak no.286 GB 1</t>
  </si>
  <si>
    <t>Chak No285 GB</t>
  </si>
  <si>
    <t>Zanib Nazar</t>
  </si>
  <si>
    <t>8167</t>
  </si>
  <si>
    <t>17742</t>
  </si>
  <si>
    <t>54606</t>
  </si>
  <si>
    <t>10621</t>
  </si>
  <si>
    <t>GGHS CHAK NO 135 TDA</t>
  </si>
  <si>
    <t>sumrah nashab thal jandi</t>
  </si>
  <si>
    <t>Chak  no135 Tda Layyah</t>
  </si>
  <si>
    <t>Chak No 135 TDA</t>
  </si>
  <si>
    <t>mandi town</t>
  </si>
  <si>
    <t>Kalsoom Mustafa</t>
  </si>
  <si>
    <t>4057</t>
  </si>
  <si>
    <t>32580</t>
  </si>
  <si>
    <t>32642</t>
  </si>
  <si>
    <t>GHS IQBAL MODEL BUCHEKI</t>
  </si>
  <si>
    <t>Bucheki</t>
  </si>
  <si>
    <t>Nankana Road Bucheki Teh and dist Nankana sahib</t>
  </si>
  <si>
    <t>10731</t>
  </si>
  <si>
    <t>13257</t>
  </si>
  <si>
    <t>4445</t>
  </si>
  <si>
    <t>12392</t>
  </si>
  <si>
    <t>GES WAN PITAFI</t>
  </si>
  <si>
    <t>BASEERA- MALE</t>
  </si>
  <si>
    <t>Wan Pitafi</t>
  </si>
  <si>
    <t>Basti Wan Pitafi P/O BasiraTeh&amp;Distt Muzaffar Garh</t>
  </si>
  <si>
    <t>WAN Pitafi</t>
  </si>
  <si>
    <t>M Ayyaz Zaki</t>
  </si>
  <si>
    <t>8734</t>
  </si>
  <si>
    <t>4488</t>
  </si>
  <si>
    <t>23359</t>
  </si>
  <si>
    <t>GMPS LOSAR</t>
  </si>
  <si>
    <t>LALAMUSA-V-FEMALE</t>
  </si>
  <si>
    <t>Lohsar</t>
  </si>
  <si>
    <t>p.o hunj village lohsar</t>
  </si>
  <si>
    <t>Khawaspur</t>
  </si>
  <si>
    <t>Muqadas Khalid</t>
  </si>
  <si>
    <t>17019</t>
  </si>
  <si>
    <t>39100</t>
  </si>
  <si>
    <t>53251</t>
  </si>
  <si>
    <t>GPS KOT SULTAN PUR</t>
  </si>
  <si>
    <t>KOT SULTAN PUR</t>
  </si>
  <si>
    <t>MOUZA KOT SULTAN PUR P, O JABOKA TEHSIL &amp; DISTRICT OKARA</t>
  </si>
  <si>
    <t>Mushtaq Ahmed</t>
  </si>
  <si>
    <t>10560</t>
  </si>
  <si>
    <t>43498</t>
  </si>
  <si>
    <t>2429</t>
  </si>
  <si>
    <t>15631</t>
  </si>
  <si>
    <t>GES SAMUNDRI</t>
  </si>
  <si>
    <t>SAMMUNDRI 2 - MALE</t>
  </si>
  <si>
    <t>circular road Samundri</t>
  </si>
  <si>
    <t>Qasim Bazaar</t>
  </si>
  <si>
    <t>Mc Samundri</t>
  </si>
  <si>
    <t>Zahid Mehmood</t>
  </si>
  <si>
    <t>405</t>
  </si>
  <si>
    <t>1172</t>
  </si>
  <si>
    <t>36817</t>
  </si>
  <si>
    <t>GGPS LAL WALA, KABIRWALA</t>
  </si>
  <si>
    <t>chak sher khan</t>
  </si>
  <si>
    <t>kho lal wala</t>
  </si>
  <si>
    <t>lal wala</t>
  </si>
  <si>
    <t>narhal</t>
  </si>
  <si>
    <t>Aisha Zafar</t>
  </si>
  <si>
    <t>17634</t>
  </si>
  <si>
    <t>3776</t>
  </si>
  <si>
    <t>52145</t>
  </si>
  <si>
    <t>GPS CHAK 352 JB</t>
  </si>
  <si>
    <t>SHAH PUR-MALE</t>
  </si>
  <si>
    <t>govt. primary school 352/J.B -1</t>
  </si>
  <si>
    <t>Chak No. 352/J. B</t>
  </si>
  <si>
    <t>Chak No 349/ JB</t>
  </si>
  <si>
    <t>Muhammad Kashif Khan</t>
  </si>
  <si>
    <t>1451</t>
  </si>
  <si>
    <t>27402</t>
  </si>
  <si>
    <t>27052</t>
  </si>
  <si>
    <t>25951</t>
  </si>
  <si>
    <t>13951</t>
  </si>
  <si>
    <t>25243</t>
  </si>
  <si>
    <t>39468</t>
  </si>
  <si>
    <t>GHS SAGHRI</t>
  </si>
  <si>
    <t>SAGHRI</t>
  </si>
  <si>
    <t>VPO SAGHRI</t>
  </si>
  <si>
    <t>SAEED ASHRAF</t>
  </si>
  <si>
    <t>361</t>
  </si>
  <si>
    <t>36697</t>
  </si>
  <si>
    <t>8361</t>
  </si>
  <si>
    <t>GGPS JAN MUHAMMAD ZANGLANI</t>
  </si>
  <si>
    <t>Paigah</t>
  </si>
  <si>
    <t>basti peer wala post office paigah</t>
  </si>
  <si>
    <t>Peer Wala</t>
  </si>
  <si>
    <t>Nasira Ejaz</t>
  </si>
  <si>
    <t>12500</t>
  </si>
  <si>
    <t>43698</t>
  </si>
  <si>
    <t>GGHS BUDHIAL</t>
  </si>
  <si>
    <t>Budhial</t>
  </si>
  <si>
    <t>asma raffique</t>
  </si>
  <si>
    <t>2351</t>
  </si>
  <si>
    <t>16765</t>
  </si>
  <si>
    <t>GGHS 492 GB</t>
  </si>
  <si>
    <t>Konkpur</t>
  </si>
  <si>
    <t>chak no 492gb</t>
  </si>
  <si>
    <t>Chak No 492gb</t>
  </si>
  <si>
    <t>Chak No 490 Gb</t>
  </si>
  <si>
    <t>YasminTahira</t>
  </si>
  <si>
    <t>13237</t>
  </si>
  <si>
    <t>481</t>
  </si>
  <si>
    <t>1758</t>
  </si>
  <si>
    <t>27053</t>
  </si>
  <si>
    <t>941</t>
  </si>
  <si>
    <t>21736</t>
  </si>
  <si>
    <t>GHS MARI BHINDRAN</t>
  </si>
  <si>
    <t>mari bhindran</t>
  </si>
  <si>
    <t>village and p/o mari bhindran tehsil nowshera virkan gujranwala</t>
  </si>
  <si>
    <t>23900</t>
  </si>
  <si>
    <t>1412</t>
  </si>
  <si>
    <t>9701</t>
  </si>
  <si>
    <t>GGPS CHAK NO 473 TDA</t>
  </si>
  <si>
    <t>Chak No 473TDA</t>
  </si>
  <si>
    <t>chak no 473tda tehsil chobara district layyah</t>
  </si>
  <si>
    <t>Saharan 452</t>
  </si>
  <si>
    <t>Azra Bibi</t>
  </si>
  <si>
    <t>10582</t>
  </si>
  <si>
    <t>5800</t>
  </si>
  <si>
    <t>44672</t>
  </si>
  <si>
    <t>36672</t>
  </si>
  <si>
    <t>10519</t>
  </si>
  <si>
    <t>GHS CHAK NO.122-A TDA</t>
  </si>
  <si>
    <t>122-A/TDA</t>
  </si>
  <si>
    <t>Chak No. 122-A/TDA Hafiz Abad Layyah</t>
  </si>
  <si>
    <t>Chak No. 122-A/TDA</t>
  </si>
  <si>
    <t>Kotla Haji Shah</t>
  </si>
  <si>
    <t>Muhammad Shakeel Anwar</t>
  </si>
  <si>
    <t>24500</t>
  </si>
  <si>
    <t>24502</t>
  </si>
  <si>
    <t>1875</t>
  </si>
  <si>
    <t>304</t>
  </si>
  <si>
    <t>21770</t>
  </si>
  <si>
    <t>GHS MAJU CHAK</t>
  </si>
  <si>
    <t>Maju Chak</t>
  </si>
  <si>
    <t>maju chak</t>
  </si>
  <si>
    <t>Gulzar Ahmad</t>
  </si>
  <si>
    <t>13097</t>
  </si>
  <si>
    <t>53447</t>
  </si>
  <si>
    <t>GGPS FATEH NOOR TOWN</t>
  </si>
  <si>
    <t>fateh noor town Gali number 3</t>
  </si>
  <si>
    <t>Fateh Noor Town</t>
  </si>
  <si>
    <t>Shamsia Colony</t>
  </si>
  <si>
    <t>924</t>
  </si>
  <si>
    <t>Asia mushtaq</t>
  </si>
  <si>
    <t>2339</t>
  </si>
  <si>
    <t>24251</t>
  </si>
  <si>
    <t>20850</t>
  </si>
  <si>
    <t>3119</t>
  </si>
  <si>
    <t>37064</t>
  </si>
  <si>
    <t>GHS 33/10-R, KACHA KHUH</t>
  </si>
  <si>
    <t>33/10-R</t>
  </si>
  <si>
    <t>chak no 33/10-R</t>
  </si>
  <si>
    <t>30/10-R</t>
  </si>
  <si>
    <t>Najam-Ul-Hassan</t>
  </si>
  <si>
    <t>16597</t>
  </si>
  <si>
    <t>5777</t>
  </si>
  <si>
    <t>3995</t>
  </si>
  <si>
    <t>13815</t>
  </si>
  <si>
    <t>GPS KARIM ABAD</t>
  </si>
  <si>
    <t>HARRAND - MALE</t>
  </si>
  <si>
    <t>Kotli Jamal</t>
  </si>
  <si>
    <t>GPS Karim Abad Basti ikhtayar Khan uc tibbi lundan tehsil jampur district Rajan Pur</t>
  </si>
  <si>
    <t>Basti Ikhtiar Khan</t>
  </si>
  <si>
    <t>Tibbi Lundan</t>
  </si>
  <si>
    <t>Siraj Ahmed</t>
  </si>
  <si>
    <t>1591</t>
  </si>
  <si>
    <t>27878</t>
  </si>
  <si>
    <t>GHS IQBAL CHAK NO.14</t>
  </si>
  <si>
    <t>CHAK NO. 14</t>
  </si>
  <si>
    <t>GOVT IQBAL HIGH SCHOOL CHAK NO. 14, TE. &amp; DISTT. MANDI BAHAUDDIN</t>
  </si>
  <si>
    <t>AKI</t>
  </si>
  <si>
    <t>Shahbaz Ali</t>
  </si>
  <si>
    <t>24272</t>
  </si>
  <si>
    <t>51796</t>
  </si>
  <si>
    <t>GHS 111 EB</t>
  </si>
  <si>
    <t>chack no. 111/EB</t>
  </si>
  <si>
    <t>111/EB</t>
  </si>
  <si>
    <t>chack no. 111/eB</t>
  </si>
  <si>
    <t>109/EB</t>
  </si>
  <si>
    <t>Irfan Ul Haq</t>
  </si>
  <si>
    <t>510</t>
  </si>
  <si>
    <t>45708</t>
  </si>
  <si>
    <t>1483</t>
  </si>
  <si>
    <t>GGHS CHAK NO.6/FW</t>
  </si>
  <si>
    <t>6Fw</t>
  </si>
  <si>
    <t>chak no 6fw p/o bakhshun khan</t>
  </si>
  <si>
    <t>5FW</t>
  </si>
  <si>
    <t>SOBIA ASLAM</t>
  </si>
  <si>
    <t>33184</t>
  </si>
  <si>
    <t>412</t>
  </si>
  <si>
    <t>39700</t>
  </si>
  <si>
    <t>16287</t>
  </si>
  <si>
    <t>GES 157 RB I</t>
  </si>
  <si>
    <t>CHAK#157 RB GOJRA TEHSIL CHAK JHUMRA DIST FAISALABAD</t>
  </si>
  <si>
    <t>157 RB GOJRA</t>
  </si>
  <si>
    <t>CHAK NO 159 RB SOBAY CHAK</t>
  </si>
  <si>
    <t>Muhammad Abdullah</t>
  </si>
  <si>
    <t>2152</t>
  </si>
  <si>
    <t>3029</t>
  </si>
  <si>
    <t>28626</t>
  </si>
  <si>
    <t>GGHS KANGAN PUR</t>
  </si>
  <si>
    <t>Kangan Pur</t>
  </si>
  <si>
    <t>kangan pur</t>
  </si>
  <si>
    <t>KANGANPUR</t>
  </si>
  <si>
    <t>1813</t>
  </si>
  <si>
    <t>1458</t>
  </si>
  <si>
    <t>32635</t>
  </si>
  <si>
    <t>GHS BANDEKI JAGIR</t>
  </si>
  <si>
    <t>Bandeki Jageer</t>
  </si>
  <si>
    <t>bandeki jageer teh. and dist. nankana sahib</t>
  </si>
  <si>
    <t>Kot Namdar</t>
  </si>
  <si>
    <t>Muhammad siddique</t>
  </si>
  <si>
    <t>17648</t>
  </si>
  <si>
    <t>48915</t>
  </si>
  <si>
    <t>48110</t>
  </si>
  <si>
    <t>917</t>
  </si>
  <si>
    <t>9737</t>
  </si>
  <si>
    <t>GGCMS CHAK NO 482 TDA</t>
  </si>
  <si>
    <t>482/t da</t>
  </si>
  <si>
    <t>Chak no.482/t.da</t>
  </si>
  <si>
    <t>Sobia sabahat</t>
  </si>
  <si>
    <t>4140</t>
  </si>
  <si>
    <t>49879</t>
  </si>
  <si>
    <t>15740</t>
  </si>
  <si>
    <t>GGHS CHAK NO 483 GB</t>
  </si>
  <si>
    <t>483 GB</t>
  </si>
  <si>
    <t>CHAK NO 483 GB</t>
  </si>
  <si>
    <t>rubina kousar</t>
  </si>
  <si>
    <t>6726</t>
  </si>
  <si>
    <t>2175</t>
  </si>
  <si>
    <t>32430</t>
  </si>
  <si>
    <t>GPS MC KHOKHAR TOWN</t>
  </si>
  <si>
    <t>SHEIKHUPURA-I - MALE</t>
  </si>
  <si>
    <t>Khokhar Town</t>
  </si>
  <si>
    <t>Bhikhi Road,Khokhar Town,Sheikhupura</t>
  </si>
  <si>
    <t>Sheikhupura</t>
  </si>
  <si>
    <t>New abadi Arrianwala arrianwala</t>
  </si>
  <si>
    <t>Saifullah</t>
  </si>
  <si>
    <t>50270</t>
  </si>
  <si>
    <t>2120</t>
  </si>
  <si>
    <t>22646</t>
  </si>
  <si>
    <t>GGCMS LADHA</t>
  </si>
  <si>
    <t>KUNJAH III - FEMALE</t>
  </si>
  <si>
    <t>Ladha</t>
  </si>
  <si>
    <t>village  ladha p/o machiana t/d Gujrat</t>
  </si>
  <si>
    <t>Machiana</t>
  </si>
  <si>
    <t>Maryam Shehzadi</t>
  </si>
  <si>
    <t>5037</t>
  </si>
  <si>
    <t>12140</t>
  </si>
  <si>
    <t>31000</t>
  </si>
  <si>
    <t>48237</t>
  </si>
  <si>
    <t>51869</t>
  </si>
  <si>
    <t>GPS JALAL SHAH</t>
  </si>
  <si>
    <t>JALAL SHAH - MALE</t>
  </si>
  <si>
    <t>Jalal Shah</t>
  </si>
  <si>
    <t>moza jalal shah po bangla jevan shah arifwala</t>
  </si>
  <si>
    <t>Jevan Shah</t>
  </si>
  <si>
    <t>2935</t>
  </si>
  <si>
    <t>4720</t>
  </si>
  <si>
    <t>460</t>
  </si>
  <si>
    <t>16438</t>
  </si>
  <si>
    <t>GGES CHAK 159 RB</t>
  </si>
  <si>
    <t>159rb</t>
  </si>
  <si>
    <t>GGES159rb</t>
  </si>
  <si>
    <t>Tahira Jabeen</t>
  </si>
  <si>
    <t>33580</t>
  </si>
  <si>
    <t>32300</t>
  </si>
  <si>
    <t>3168</t>
  </si>
  <si>
    <t>53119</t>
  </si>
  <si>
    <t>GGHS CHAK NO.44/2-L</t>
  </si>
  <si>
    <t>44/2L</t>
  </si>
  <si>
    <t>chak 44.2L</t>
  </si>
  <si>
    <t>Chak 44/2L</t>
  </si>
  <si>
    <t>442L</t>
  </si>
  <si>
    <t>Salma Naheed</t>
  </si>
  <si>
    <t>51239</t>
  </si>
  <si>
    <t>3212</t>
  </si>
  <si>
    <t>33917</t>
  </si>
  <si>
    <t>GHS KOTLI NIJABAT</t>
  </si>
  <si>
    <t>KOTLI NIJABAT</t>
  </si>
  <si>
    <t>QAMAR ABBAS</t>
  </si>
  <si>
    <t>18191</t>
  </si>
  <si>
    <t>591</t>
  </si>
  <si>
    <t>23830</t>
  </si>
  <si>
    <t>46000</t>
  </si>
  <si>
    <t>3133</t>
  </si>
  <si>
    <t>29687</t>
  </si>
  <si>
    <t>GGHS JUMBER KALAN</t>
  </si>
  <si>
    <t>Jamber Kalan</t>
  </si>
  <si>
    <t>GOVT. GIRLS HIGH SCHOOL JAMBER KALAN (KASUR)</t>
  </si>
  <si>
    <t>SAMINA AKHTER RANA</t>
  </si>
  <si>
    <t>22500</t>
  </si>
  <si>
    <t>32322</t>
  </si>
  <si>
    <t>306</t>
  </si>
  <si>
    <t>4440</t>
  </si>
  <si>
    <t>12629</t>
  </si>
  <si>
    <t>33412</t>
  </si>
  <si>
    <t>GPS DIN WALA</t>
  </si>
  <si>
    <t>MEHAR PUR- MALE</t>
  </si>
  <si>
    <t>Tibbi Ninari</t>
  </si>
  <si>
    <t>Basti deen wala moza tibbi nunari tehsil/district muzaffar garh</t>
  </si>
  <si>
    <t>Deen Wala</t>
  </si>
  <si>
    <t>Basti Kharak</t>
  </si>
  <si>
    <t>Muhammad Fiaz</t>
  </si>
  <si>
    <t>2850</t>
  </si>
  <si>
    <t>3435</t>
  </si>
  <si>
    <t>10630</t>
  </si>
  <si>
    <t>GGHS DURATTA</t>
  </si>
  <si>
    <t>Doratta</t>
  </si>
  <si>
    <t>gghs doratta</t>
  </si>
  <si>
    <t>116A/TDA</t>
  </si>
  <si>
    <t>Shadoo Khan</t>
  </si>
  <si>
    <t>NUSRAT SHAHEEN</t>
  </si>
  <si>
    <t>13340</t>
  </si>
  <si>
    <t>10152</t>
  </si>
  <si>
    <t>6145</t>
  </si>
  <si>
    <t>52600</t>
  </si>
  <si>
    <t>GPS DAULA PUKHTA</t>
  </si>
  <si>
    <t>FARID KOT-MALE</t>
  </si>
  <si>
    <t>Daula Pukhta</t>
  </si>
  <si>
    <t>Daula Pukhta P/O Same Tehsil Depalpur District Okara</t>
  </si>
  <si>
    <t>Muhammad Zafarullah</t>
  </si>
  <si>
    <t>7570</t>
  </si>
  <si>
    <t>6829</t>
  </si>
  <si>
    <t>14008</t>
  </si>
  <si>
    <t>2061</t>
  </si>
  <si>
    <t>3158</t>
  </si>
  <si>
    <t>40282</t>
  </si>
  <si>
    <t>GGHS DHOK WAHAB DIN</t>
  </si>
  <si>
    <t>Dhok Wahab Din</t>
  </si>
  <si>
    <t>gghs wahab colony jhelum</t>
  </si>
  <si>
    <t>Kotla Faqir</t>
  </si>
  <si>
    <t>shamim akhtar</t>
  </si>
  <si>
    <t>14196</t>
  </si>
  <si>
    <t>903</t>
  </si>
  <si>
    <t>3228</t>
  </si>
  <si>
    <t>18844</t>
  </si>
  <si>
    <t>GHS CHAK 736 GB</t>
  </si>
  <si>
    <t>chak no.736gb.</t>
  </si>
  <si>
    <t>Chak No 736 Gb</t>
  </si>
  <si>
    <t>Jakhar</t>
  </si>
  <si>
    <t>zia-u-allah</t>
  </si>
  <si>
    <t>11241</t>
  </si>
  <si>
    <t>12671</t>
  </si>
  <si>
    <t>38863</t>
  </si>
  <si>
    <t>GGPS SAQA ABAD</t>
  </si>
  <si>
    <t>Saqa abad</t>
  </si>
  <si>
    <t>Ggps saqaabad attock</t>
  </si>
  <si>
    <t>Bolianwal</t>
  </si>
  <si>
    <t>Afsheen Akhtar</t>
  </si>
  <si>
    <t>33756</t>
  </si>
  <si>
    <t>11290</t>
  </si>
  <si>
    <t>GPS MAKWAL JADEED</t>
  </si>
  <si>
    <t>Alipur</t>
  </si>
  <si>
    <t>fathpur road alipur</t>
  </si>
  <si>
    <t>Channar Wala</t>
  </si>
  <si>
    <t>Fathpur Janubi</t>
  </si>
  <si>
    <t>Muhammad Kashif Aslam</t>
  </si>
  <si>
    <t>16234</t>
  </si>
  <si>
    <t>18400</t>
  </si>
  <si>
    <t>44996</t>
  </si>
  <si>
    <t>3190</t>
  </si>
  <si>
    <t>38462</t>
  </si>
  <si>
    <t>GGHS 281-83/WB</t>
  </si>
  <si>
    <t>281 83wb</t>
  </si>
  <si>
    <t>chak 281.83wb dunya pur lodhran</t>
  </si>
  <si>
    <t>Chak NO 281-83/WB</t>
  </si>
  <si>
    <t>Jandeerwah</t>
  </si>
  <si>
    <t>Noreen Khan Tareen</t>
  </si>
  <si>
    <t>electric colar</t>
  </si>
  <si>
    <t>5091</t>
  </si>
  <si>
    <t>2659</t>
  </si>
  <si>
    <t>35379</t>
  </si>
  <si>
    <t>GGPS 193 EB</t>
  </si>
  <si>
    <t>193/E B</t>
  </si>
  <si>
    <t>chak no 193/eb</t>
  </si>
  <si>
    <t>193/EB</t>
  </si>
  <si>
    <t>Shazia Kousar</t>
  </si>
  <si>
    <t>3267</t>
  </si>
  <si>
    <t>19055</t>
  </si>
  <si>
    <t>45405</t>
  </si>
  <si>
    <t>571</t>
  </si>
  <si>
    <t>18238</t>
  </si>
  <si>
    <t>GHS SULTAN BAHOO</t>
  </si>
  <si>
    <t>SULTAN BAHOO</t>
  </si>
  <si>
    <t>GHS SULTAN BAHOO TEHSILAHMAD PUR SIAL JHANG</t>
  </si>
  <si>
    <t>Haq Nawaz</t>
  </si>
  <si>
    <t>22258</t>
  </si>
  <si>
    <t>34278</t>
  </si>
  <si>
    <t>23893</t>
  </si>
  <si>
    <t>50316</t>
  </si>
  <si>
    <t>GGPS TAHLI WALA</t>
  </si>
  <si>
    <t>SALLHOKEY - FEMALE</t>
  </si>
  <si>
    <t>Tahli Wala</t>
  </si>
  <si>
    <t>Tahli wala p o wadala sandhwan tahsil daska distt Sialkot</t>
  </si>
  <si>
    <t>Akber</t>
  </si>
  <si>
    <t>Saima Bibi</t>
  </si>
  <si>
    <t>2772</t>
  </si>
  <si>
    <t>3440</t>
  </si>
  <si>
    <t>43916</t>
  </si>
  <si>
    <t>GGHS DHERMOND</t>
  </si>
  <si>
    <t>DHERMOND</t>
  </si>
  <si>
    <t>VPO DHERMOND</t>
  </si>
  <si>
    <t>BUSHRA PARVEEN</t>
  </si>
  <si>
    <t>7350</t>
  </si>
  <si>
    <t>17302</t>
  </si>
  <si>
    <t>729</t>
  </si>
  <si>
    <t>22180</t>
  </si>
  <si>
    <t>GGHS SOOK KALAN</t>
  </si>
  <si>
    <t>sook  kalan</t>
  </si>
  <si>
    <t>G.G.H School sook kalan Gujrat</t>
  </si>
  <si>
    <t>sook kalan</t>
  </si>
  <si>
    <t>Sook kalan Gujrat</t>
  </si>
  <si>
    <t>Nabila Ashraf</t>
  </si>
  <si>
    <t>8403</t>
  </si>
  <si>
    <t>9641</t>
  </si>
  <si>
    <t>13801</t>
  </si>
  <si>
    <t>GPS RAQBA LUNDAN NO. 2</t>
  </si>
  <si>
    <t>Raqba Lundan</t>
  </si>
  <si>
    <t>raqba lundan Uc tibi lundan jampur disrtic rajanpur</t>
  </si>
  <si>
    <t>Tibi Lundan</t>
  </si>
  <si>
    <t>Muhammad Sarfaraz yameen</t>
  </si>
  <si>
    <t>daily fresh water is taken from nearly agricultral water piont</t>
  </si>
  <si>
    <t>39838</t>
  </si>
  <si>
    <t>GGPS TASS</t>
  </si>
  <si>
    <t>Tass</t>
  </si>
  <si>
    <t>Burhan</t>
  </si>
  <si>
    <t>Sadia Khalid</t>
  </si>
  <si>
    <t>11333</t>
  </si>
  <si>
    <t>30800</t>
  </si>
  <si>
    <t>3351</t>
  </si>
  <si>
    <t>43472</t>
  </si>
  <si>
    <t>GGPS DHOK MALKAN P/O MOLHAL MUGHLAN</t>
  </si>
  <si>
    <t>Dk malkan</t>
  </si>
  <si>
    <t>village dk malkan p/o joor Teh&amp;Distt  Chakwal</t>
  </si>
  <si>
    <t>jand</t>
  </si>
  <si>
    <t>Sobia Salim</t>
  </si>
  <si>
    <t>8137</t>
  </si>
  <si>
    <t>6505</t>
  </si>
  <si>
    <t>46490</t>
  </si>
  <si>
    <t>GMPS BHAN MARDOO</t>
  </si>
  <si>
    <t>okhli mohla</t>
  </si>
  <si>
    <t>Riffat shaheen</t>
  </si>
  <si>
    <t>8428</t>
  </si>
  <si>
    <t>13539</t>
  </si>
  <si>
    <t>GPS KALA GANDHA</t>
  </si>
  <si>
    <t>Basti Nawab</t>
  </si>
  <si>
    <t>p/o Harrand tehsil Jampur Rajanpur</t>
  </si>
  <si>
    <t>Basti Gulbaig</t>
  </si>
  <si>
    <t>Harrand</t>
  </si>
  <si>
    <t>16010</t>
  </si>
  <si>
    <t>GGPS CHAK 244 RB</t>
  </si>
  <si>
    <t>Waseeran</t>
  </si>
  <si>
    <t>Chak No 244 RB</t>
  </si>
  <si>
    <t>244 RB</t>
  </si>
  <si>
    <t>82 GB</t>
  </si>
  <si>
    <t>Zarina Kousar</t>
  </si>
  <si>
    <t>21103</t>
  </si>
  <si>
    <t>5115</t>
  </si>
  <si>
    <t>4523</t>
  </si>
  <si>
    <t>47071</t>
  </si>
  <si>
    <t>64855</t>
  </si>
  <si>
    <t>GES MARI CITY</t>
  </si>
  <si>
    <t>DAUD KHEL-MALE</t>
  </si>
  <si>
    <t>Mari City tehsil &amp; District Mianwali</t>
  </si>
  <si>
    <t>Mari City</t>
  </si>
  <si>
    <t>MUHAMMAD JAMSHED AKHTER</t>
  </si>
  <si>
    <t>10936</t>
  </si>
  <si>
    <t>2158</t>
  </si>
  <si>
    <t>20383</t>
  </si>
  <si>
    <t>GGES BURJ BABHAL</t>
  </si>
  <si>
    <t>LALIAN MARKAZ NO.02 - FEMALE</t>
  </si>
  <si>
    <t>BURJ BAHBAL</t>
  </si>
  <si>
    <t>burj bahbal near chenab nagar Teh Lalian District Chiniot</t>
  </si>
  <si>
    <t>burj bahbal</t>
  </si>
  <si>
    <t>Ahmad nagar</t>
  </si>
  <si>
    <t>Ghazala Bhatti</t>
  </si>
  <si>
    <t>37536</t>
  </si>
  <si>
    <t>390</t>
  </si>
  <si>
    <t>1742</t>
  </si>
  <si>
    <t>16832</t>
  </si>
  <si>
    <t>501</t>
  </si>
  <si>
    <t>5662</t>
  </si>
  <si>
    <t>878</t>
  </si>
  <si>
    <t>GGPS CHAK NO. 52/F MASOOD ABAD, CHISHTIAN</t>
  </si>
  <si>
    <t>CTN -XII-FEMALE</t>
  </si>
  <si>
    <t>54/f</t>
  </si>
  <si>
    <t>52/f Masood Abad</t>
  </si>
  <si>
    <t>Javairia Ilyas</t>
  </si>
  <si>
    <t>30654</t>
  </si>
  <si>
    <t>19822</t>
  </si>
  <si>
    <t>GMPS AMINPUR BANGLA</t>
  </si>
  <si>
    <t>Azafi Abadi Aminpur Banglaw</t>
  </si>
  <si>
    <t>Rest houe Aminpur Banglaw</t>
  </si>
  <si>
    <t>Chak Sial</t>
  </si>
  <si>
    <t>Ansa Shheen</t>
  </si>
  <si>
    <t>4275</t>
  </si>
  <si>
    <t>17703</t>
  </si>
  <si>
    <t>440</t>
  </si>
  <si>
    <t>1821</t>
  </si>
  <si>
    <t>37325</t>
  </si>
  <si>
    <t>GGPS 35/10-R, KACHA KHUH</t>
  </si>
  <si>
    <t>KACHA KHUH(GHARBI) - FEMALE</t>
  </si>
  <si>
    <t>35/10-R</t>
  </si>
  <si>
    <t>36/10-R</t>
  </si>
  <si>
    <t>Syeda Samrah Bukhari</t>
  </si>
  <si>
    <t>801</t>
  </si>
  <si>
    <t>6393</t>
  </si>
  <si>
    <t>11310</t>
  </si>
  <si>
    <t>GPS BAZ WALA</t>
  </si>
  <si>
    <t>near basti saeed khan, baz wala</t>
  </si>
  <si>
    <t>Muhammad Riaz</t>
  </si>
  <si>
    <t>1732</t>
  </si>
  <si>
    <t>43412</t>
  </si>
  <si>
    <t>GGHS CHAKORA CHAKWAL</t>
  </si>
  <si>
    <t>village chakora post office ghaziabad tehsil and district chakwal</t>
  </si>
  <si>
    <t>Oudherwal</t>
  </si>
  <si>
    <t>Nosheen Gul</t>
  </si>
  <si>
    <t>31986</t>
  </si>
  <si>
    <t>34504</t>
  </si>
  <si>
    <t>645</t>
  </si>
  <si>
    <t>GES DAIM WALA</t>
  </si>
  <si>
    <t>Daimwalaa</t>
  </si>
  <si>
    <t>basti chatta ahmedpur east moza daimwalaa</t>
  </si>
  <si>
    <t>Maddpeerwaah</t>
  </si>
  <si>
    <t>Muhammad Waseem  Manzoor</t>
  </si>
  <si>
    <t>797</t>
  </si>
  <si>
    <t>16523</t>
  </si>
  <si>
    <t>GPS CHAK NO 609 GB</t>
  </si>
  <si>
    <t>Kot Raham</t>
  </si>
  <si>
    <t>chak no 609 G.B</t>
  </si>
  <si>
    <t>609GB</t>
  </si>
  <si>
    <t>Muhammad Asif</t>
  </si>
  <si>
    <t>12100</t>
  </si>
  <si>
    <t>557</t>
  </si>
  <si>
    <t>5368</t>
  </si>
  <si>
    <t>33537</t>
  </si>
  <si>
    <t>34741</t>
  </si>
  <si>
    <t>GGPS DHEER CHAK 29/RB</t>
  </si>
  <si>
    <t>LONGOWAL-FEMALE</t>
  </si>
  <si>
    <t>Dheer 29</t>
  </si>
  <si>
    <t>Dheer ch 29 tehseel sangla district nankana sahib</t>
  </si>
  <si>
    <t>Dheer ch29</t>
  </si>
  <si>
    <t>jhuggian 292</t>
  </si>
  <si>
    <t>Kanwal Ashfaq</t>
  </si>
  <si>
    <t>2631</t>
  </si>
  <si>
    <t>23840</t>
  </si>
  <si>
    <t>23226</t>
  </si>
  <si>
    <t>41907</t>
  </si>
  <si>
    <t>GGPS KHAINGAR KALAN</t>
  </si>
  <si>
    <t>Khinger Kalan</t>
  </si>
  <si>
    <t>village Khinger Kalan post office jhatta Hathial teh distt Rawalpindi</t>
  </si>
  <si>
    <t>Nafisa Kalsoom</t>
  </si>
  <si>
    <t>pipeline from near by well</t>
  </si>
  <si>
    <t>6817</t>
  </si>
  <si>
    <t>8804</t>
  </si>
  <si>
    <t>10283</t>
  </si>
  <si>
    <t>30103</t>
  </si>
  <si>
    <t>40546</t>
  </si>
  <si>
    <t>2081</t>
  </si>
  <si>
    <t>36148</t>
  </si>
  <si>
    <t>GGES CHAK NO. 75 WB</t>
  </si>
  <si>
    <t>PEER MURAD - FEMALE</t>
  </si>
  <si>
    <t>75wb</t>
  </si>
  <si>
    <t>chak # 75/wb</t>
  </si>
  <si>
    <t>Chak #75/wb</t>
  </si>
  <si>
    <t>Azra Firdous</t>
  </si>
  <si>
    <t>41120</t>
  </si>
  <si>
    <t>480</t>
  </si>
  <si>
    <t>41903</t>
  </si>
  <si>
    <t>GGPS UNPUR</t>
  </si>
  <si>
    <t>Unpur</t>
  </si>
  <si>
    <t>village Unpur p/o Ghogra Teh &amp; district Rawalpindi</t>
  </si>
  <si>
    <t>Trahia</t>
  </si>
  <si>
    <t>Rukhsana Perveen</t>
  </si>
  <si>
    <t>8851</t>
  </si>
  <si>
    <t>7575</t>
  </si>
  <si>
    <t>GGPS BAIT BAT WALA</t>
  </si>
  <si>
    <t>BAIT BATE WALA</t>
  </si>
  <si>
    <t>GOVT.GIRLS PRIMARY SCHOOL BAIT BATE WALA P/O SHAH JAMAL TAHSIL KOT CHUTTA DISTRICT D.G.KHAN</t>
  </si>
  <si>
    <t>TAHIRA PERVEEN</t>
  </si>
  <si>
    <t>1003</t>
  </si>
  <si>
    <t>41177</t>
  </si>
  <si>
    <t>GGPS BANATHI</t>
  </si>
  <si>
    <t>BEOR - FEMALE</t>
  </si>
  <si>
    <t>Jawra</t>
  </si>
  <si>
    <t>village bahnati, tehsil kahuta, distr rawalpindi.</t>
  </si>
  <si>
    <t>Bahnati</t>
  </si>
  <si>
    <t>Beor</t>
  </si>
  <si>
    <t>Yasmeen Kousar</t>
  </si>
  <si>
    <t>1248</t>
  </si>
  <si>
    <t>5844</t>
  </si>
  <si>
    <t>358</t>
  </si>
  <si>
    <t>54873</t>
  </si>
  <si>
    <t>GGPS RAKH BALOUCH KHURD</t>
  </si>
  <si>
    <t>Rakh Baloch Khurd</t>
  </si>
  <si>
    <t>Rakh Balouch Khurd</t>
  </si>
  <si>
    <t>Rakh Balouch Kalan</t>
  </si>
  <si>
    <t>Tanzeela javaid</t>
  </si>
  <si>
    <t>26045</t>
  </si>
  <si>
    <t>3136</t>
  </si>
  <si>
    <t>44337</t>
  </si>
  <si>
    <t>GGHS CHAK NO. 47/TDA</t>
  </si>
  <si>
    <t>47 TDA</t>
  </si>
  <si>
    <t>chak no 47 tDA</t>
  </si>
  <si>
    <t>Chak No 47/TDA</t>
  </si>
  <si>
    <t>chak no 45 TDA</t>
  </si>
  <si>
    <t>Naseema Masud</t>
  </si>
  <si>
    <t>888</t>
  </si>
  <si>
    <t>2131</t>
  </si>
  <si>
    <t>34022</t>
  </si>
  <si>
    <t>36010</t>
  </si>
  <si>
    <t>2782</t>
  </si>
  <si>
    <t>3170</t>
  </si>
  <si>
    <t>46358</t>
  </si>
  <si>
    <t>GGHS KHATWAN</t>
  </si>
  <si>
    <t>Khatwan</t>
  </si>
  <si>
    <t>khatwan tehsil noor pur thal</t>
  </si>
  <si>
    <t>Naseem Bi Bi</t>
  </si>
  <si>
    <t>34948</t>
  </si>
  <si>
    <t>5775</t>
  </si>
  <si>
    <t>2424</t>
  </si>
  <si>
    <t>3687</t>
  </si>
  <si>
    <t>GGES BASTI LUQMAN</t>
  </si>
  <si>
    <t>MCD 13-FEMALE</t>
  </si>
  <si>
    <t>Idlana Dhudi</t>
  </si>
  <si>
    <t>basti luqman</t>
  </si>
  <si>
    <t>Basti Luqman</t>
  </si>
  <si>
    <t>Lalaka</t>
  </si>
  <si>
    <t>Afifa Anjum</t>
  </si>
  <si>
    <t>43449</t>
  </si>
  <si>
    <t>GGES SAID PUR</t>
  </si>
  <si>
    <t>Saidpur</t>
  </si>
  <si>
    <t>vpo saidpur tehsil and district chakwal</t>
  </si>
  <si>
    <t>Choa Ganj Ali Shah</t>
  </si>
  <si>
    <t>Uzma Shaheen</t>
  </si>
  <si>
    <t>18860</t>
  </si>
  <si>
    <t>42722</t>
  </si>
  <si>
    <t>33039</t>
  </si>
  <si>
    <t>34449</t>
  </si>
  <si>
    <t>GGPS  MODEL LADDOANA FATAH THATHA</t>
  </si>
  <si>
    <t>NANKANA SADAR - FEMALE</t>
  </si>
  <si>
    <t>Ladoana</t>
  </si>
  <si>
    <t>ladoana</t>
  </si>
  <si>
    <t>Fateh Thatta</t>
  </si>
  <si>
    <t>Nargis Perveen</t>
  </si>
  <si>
    <t>2297</t>
  </si>
  <si>
    <t>10800</t>
  </si>
  <si>
    <t>9800</t>
  </si>
  <si>
    <t>40976</t>
  </si>
  <si>
    <t>42436</t>
  </si>
  <si>
    <t>GGES PURANAY RATIAL</t>
  </si>
  <si>
    <t>Puranay Rattial</t>
  </si>
  <si>
    <t>puranay Rattial</t>
  </si>
  <si>
    <t>Jairoratial</t>
  </si>
  <si>
    <t>Lubna Firdous</t>
  </si>
  <si>
    <t>53300</t>
  </si>
  <si>
    <t>822</t>
  </si>
  <si>
    <t>20203</t>
  </si>
  <si>
    <t>GPS NO. 3 LALIAN</t>
  </si>
  <si>
    <t>AEO (M) LALIAN NO.34</t>
  </si>
  <si>
    <t>mohallah jamia masjid lalian</t>
  </si>
  <si>
    <t>Lalian</t>
  </si>
  <si>
    <t>MC Lalian</t>
  </si>
  <si>
    <t>11550</t>
  </si>
  <si>
    <t>15426</t>
  </si>
  <si>
    <t>GGHS LUNDIANWALA</t>
  </si>
  <si>
    <t>Lundianwala</t>
  </si>
  <si>
    <t>Adda Lundianwala</t>
  </si>
  <si>
    <t>Lumdianwala</t>
  </si>
  <si>
    <t>Chak# 650/1</t>
  </si>
  <si>
    <t>Rani Shugfta Sultana</t>
  </si>
  <si>
    <t>46282</t>
  </si>
  <si>
    <t>35401</t>
  </si>
  <si>
    <t>GGPS 373 EB</t>
  </si>
  <si>
    <t>Chak no 373/EB</t>
  </si>
  <si>
    <t>373/EB</t>
  </si>
  <si>
    <t>Sheikh Fazal</t>
  </si>
  <si>
    <t>33294</t>
  </si>
  <si>
    <t>11189</t>
  </si>
  <si>
    <t>10781</t>
  </si>
  <si>
    <t>3639</t>
  </si>
  <si>
    <t>11637</t>
  </si>
  <si>
    <t>45887</t>
  </si>
  <si>
    <t>53961</t>
  </si>
  <si>
    <t>GPS CHAH LANGAR KAY</t>
  </si>
  <si>
    <t>chak no 609 gb</t>
  </si>
  <si>
    <t>Chah Langar Kay</t>
  </si>
  <si>
    <t>Muhammad Mansha</t>
  </si>
  <si>
    <t>27287</t>
  </si>
  <si>
    <t>25979</t>
  </si>
  <si>
    <t>472</t>
  </si>
  <si>
    <t>6289</t>
  </si>
  <si>
    <t>49880</t>
  </si>
  <si>
    <t>GES SAHIBA BALOCHAN</t>
  </si>
  <si>
    <t>CHOHAL - MALE</t>
  </si>
  <si>
    <t>Sahiba Balochan</t>
  </si>
  <si>
    <t>Sahiwal</t>
  </si>
  <si>
    <t>Azmat Wala</t>
  </si>
  <si>
    <t>Zafar Iqbal Khan</t>
  </si>
  <si>
    <t>5880</t>
  </si>
  <si>
    <t>18277</t>
  </si>
  <si>
    <t>52413</t>
  </si>
  <si>
    <t>356</t>
  </si>
  <si>
    <t>814</t>
  </si>
  <si>
    <t>9599</t>
  </si>
  <si>
    <t>GGES CHAK NO.475 TDA</t>
  </si>
  <si>
    <t>Sher Garh</t>
  </si>
  <si>
    <t>CHAK NO.475 TDA TEHSIL CHAUBARA DISTT.LAYYAH</t>
  </si>
  <si>
    <t>Chak 475 TDA</t>
  </si>
  <si>
    <t>Saharan Chak 452 TDA</t>
  </si>
  <si>
    <t>Shahida Batool</t>
  </si>
  <si>
    <t>11146</t>
  </si>
  <si>
    <t>25880</t>
  </si>
  <si>
    <t>18263</t>
  </si>
  <si>
    <t>GHS TIBBA GEHLI</t>
  </si>
  <si>
    <t>Tibba Gehli</t>
  </si>
  <si>
    <t>Tibba Gehli Post office Hassu Balail Tehsil A.p.sial Disst. Jhang</t>
  </si>
  <si>
    <t>Hassu Balail</t>
  </si>
  <si>
    <t>29104</t>
  </si>
  <si>
    <t>48037</t>
  </si>
  <si>
    <t>2737</t>
  </si>
  <si>
    <t>GPS HALEEM PUR</t>
  </si>
  <si>
    <t>Haleem Pur</t>
  </si>
  <si>
    <t>mauza haleem pur</t>
  </si>
  <si>
    <t>Uch Bukhari</t>
  </si>
  <si>
    <t>Amir Hussain</t>
  </si>
  <si>
    <t>2411</t>
  </si>
  <si>
    <t>15600</t>
  </si>
  <si>
    <t>GGPS POWER LOOM BASTI SAMUNDRI</t>
  </si>
  <si>
    <t>SAMMUNDRI 2 - FEMALE</t>
  </si>
  <si>
    <t>Smd</t>
  </si>
  <si>
    <t>Power Loom basti</t>
  </si>
  <si>
    <t>City Samundri</t>
  </si>
  <si>
    <t>120 City Smd</t>
  </si>
  <si>
    <t>Kalsoom Fatima</t>
  </si>
  <si>
    <t>1546</t>
  </si>
  <si>
    <t>45315</t>
  </si>
  <si>
    <t>29704</t>
  </si>
  <si>
    <t>GPS NAROKI THATA</t>
  </si>
  <si>
    <t>Naroki Thatha</t>
  </si>
  <si>
    <t>Naroki thatha</t>
  </si>
  <si>
    <t>Javed Mehmood</t>
  </si>
  <si>
    <t>9090</t>
  </si>
  <si>
    <t>13030</t>
  </si>
  <si>
    <t>15585</t>
  </si>
  <si>
    <t>GGPS CHAK 386 GB SAMUNDRI</t>
  </si>
  <si>
    <t>chak no 386 gb tehsil samundri distt faisalabad</t>
  </si>
  <si>
    <t>386 Gb</t>
  </si>
  <si>
    <t>Madiha Latif</t>
  </si>
  <si>
    <t>54181</t>
  </si>
  <si>
    <t>28860</t>
  </si>
  <si>
    <t>11457</t>
  </si>
  <si>
    <t>15359</t>
  </si>
  <si>
    <t>15976</t>
  </si>
  <si>
    <t>GGPS CHAK NO 79 JB</t>
  </si>
  <si>
    <t>govt girls primary school 79 jb faisalabad</t>
  </si>
  <si>
    <t>79 Jb</t>
  </si>
  <si>
    <t>78 Jb Jawadi</t>
  </si>
  <si>
    <t>Mussart Jabeen</t>
  </si>
  <si>
    <t>1476</t>
  </si>
  <si>
    <t>37496</t>
  </si>
  <si>
    <t>16732</t>
  </si>
  <si>
    <t>GES CHAK NO.601/GB</t>
  </si>
  <si>
    <t>603</t>
  </si>
  <si>
    <t>601gb</t>
  </si>
  <si>
    <t>Shahid Hussain</t>
  </si>
  <si>
    <t>39048</t>
  </si>
  <si>
    <t>16532</t>
  </si>
  <si>
    <t>GPS THATHA BAIG</t>
  </si>
  <si>
    <t>Thatha Baig Bahlak</t>
  </si>
  <si>
    <t>Bahlak Ali</t>
  </si>
  <si>
    <t>991</t>
  </si>
  <si>
    <t>35700</t>
  </si>
  <si>
    <t>34709</t>
  </si>
  <si>
    <t>3166</t>
  </si>
  <si>
    <t>52238</t>
  </si>
  <si>
    <t>GHS ROHELA TAJEKA</t>
  </si>
  <si>
    <t>Rohela Tejeka</t>
  </si>
  <si>
    <t>Post office same, Rohela Tejeka</t>
  </si>
  <si>
    <t>Rohela Tejaka</t>
  </si>
  <si>
    <t>Safdar Javed</t>
  </si>
  <si>
    <t>39930</t>
  </si>
  <si>
    <t>35136</t>
  </si>
  <si>
    <t>2278</t>
  </si>
  <si>
    <t>15784</t>
  </si>
  <si>
    <t>GPS CHAK 191 RB EAST FSD</t>
  </si>
  <si>
    <t>GATWALA 1 - MALE</t>
  </si>
  <si>
    <t>Moloani Baran</t>
  </si>
  <si>
    <t>chak no 191 rb E</t>
  </si>
  <si>
    <t>191 RB East</t>
  </si>
  <si>
    <t>191 RB</t>
  </si>
  <si>
    <t>Najeeb Ahmad</t>
  </si>
  <si>
    <t>2378</t>
  </si>
  <si>
    <t>25907</t>
  </si>
  <si>
    <t>4812</t>
  </si>
  <si>
    <t>52303</t>
  </si>
  <si>
    <t>GES CHAK NO. 55/BD</t>
  </si>
  <si>
    <t>55/BD</t>
  </si>
  <si>
    <t>chak no 55/BD tehsil Depalpur, Okara</t>
  </si>
  <si>
    <t>Piplipahar</t>
  </si>
  <si>
    <t>Muhammad Eisa</t>
  </si>
  <si>
    <t>22715</t>
  </si>
  <si>
    <t>26610</t>
  </si>
  <si>
    <t>19318</t>
  </si>
  <si>
    <t>4876</t>
  </si>
  <si>
    <t>21473</t>
  </si>
  <si>
    <t>GPS CHEIAN WALI GHARBI</t>
  </si>
  <si>
    <t>EMINABAD - MALE</t>
  </si>
  <si>
    <t>Chianwali Gharbi</t>
  </si>
  <si>
    <t>chianwali Gujranwala</t>
  </si>
  <si>
    <t>China Wali Gharbi</t>
  </si>
  <si>
    <t>Chianwali</t>
  </si>
  <si>
    <t>Zaheer Ahmad Bhopali</t>
  </si>
  <si>
    <t>2560</t>
  </si>
  <si>
    <t>GGPS SHERY WALA</t>
  </si>
  <si>
    <t>AALI WALA</t>
  </si>
  <si>
    <t>basti shery wala</t>
  </si>
  <si>
    <t>Shery wala</t>
  </si>
  <si>
    <t>Sajda Noreen</t>
  </si>
  <si>
    <t>GGMPS BABER WALA</t>
  </si>
  <si>
    <t>hussain computers d g kgan</t>
  </si>
  <si>
    <t>Chah Babber Wala</t>
  </si>
  <si>
    <t>Shazma Dilshad</t>
  </si>
  <si>
    <t>5625</t>
  </si>
  <si>
    <t>36415</t>
  </si>
  <si>
    <t>GGPS CHAK NO.157/WB</t>
  </si>
  <si>
    <t>157wb</t>
  </si>
  <si>
    <t>chack no 157wb vehari</t>
  </si>
  <si>
    <t>157/wb</t>
  </si>
  <si>
    <t>Chak No 155 Wb</t>
  </si>
  <si>
    <t>Munwar Nadeem</t>
  </si>
  <si>
    <t>6815</t>
  </si>
  <si>
    <t>11110</t>
  </si>
  <si>
    <t>7963</t>
  </si>
  <si>
    <t>30018</t>
  </si>
  <si>
    <t>GPS HAVELI GATHIAN WALI</t>
  </si>
  <si>
    <t>Ahmad Pur</t>
  </si>
  <si>
    <t>Ahmad pur haveli gathian wali</t>
  </si>
  <si>
    <t>Haveli Gathian Wali</t>
  </si>
  <si>
    <t>Broon Raja Jang</t>
  </si>
  <si>
    <t>272251</t>
  </si>
  <si>
    <t>3504</t>
  </si>
  <si>
    <t>19800</t>
  </si>
  <si>
    <t>18711</t>
  </si>
  <si>
    <t>26313</t>
  </si>
  <si>
    <t>15514</t>
  </si>
  <si>
    <t>GPS 204 GB</t>
  </si>
  <si>
    <t>Blochpur</t>
  </si>
  <si>
    <t>chak no 204 GB</t>
  </si>
  <si>
    <t>204 GB</t>
  </si>
  <si>
    <t>Ch Mehmood Ul Hassan Zafar</t>
  </si>
  <si>
    <t>7526</t>
  </si>
  <si>
    <t>906</t>
  </si>
  <si>
    <t>3683</t>
  </si>
  <si>
    <t>34598</t>
  </si>
  <si>
    <t>GGES BAKHT ALI WALA</t>
  </si>
  <si>
    <t>5-FAIZ - FEMALE</t>
  </si>
  <si>
    <t>Bakhat Ali Wala</t>
  </si>
  <si>
    <t>Ada Bakhat Ali wala</t>
  </si>
  <si>
    <t>BAKHAT Ali Wala</t>
  </si>
  <si>
    <t>Qadir Pur Lar</t>
  </si>
  <si>
    <t>Nargis Zaffar</t>
  </si>
  <si>
    <t>16598</t>
  </si>
  <si>
    <t>GPS CHAK 496 GB TANDLIANWAA</t>
  </si>
  <si>
    <t>Panjlasa</t>
  </si>
  <si>
    <t>Chak no 496 GB PO m.knjn, teh. tandlianwala, District FSD</t>
  </si>
  <si>
    <t>Chak No 496 GB</t>
  </si>
  <si>
    <t>490 GB</t>
  </si>
  <si>
    <t>M Sadiq Shakir</t>
  </si>
  <si>
    <t>4371</t>
  </si>
  <si>
    <t>22679</t>
  </si>
  <si>
    <t>875</t>
  </si>
  <si>
    <t>38848</t>
  </si>
  <si>
    <t>GES PINDWAL</t>
  </si>
  <si>
    <t>Pindwal</t>
  </si>
  <si>
    <t>pindwal</t>
  </si>
  <si>
    <t>Sarwala</t>
  </si>
  <si>
    <t>Rubina Iqbal</t>
  </si>
  <si>
    <t>11406</t>
  </si>
  <si>
    <t>53470</t>
  </si>
  <si>
    <t>42134</t>
  </si>
  <si>
    <t>36352</t>
  </si>
  <si>
    <t>GGPS 49 WB</t>
  </si>
  <si>
    <t>Nill</t>
  </si>
  <si>
    <t>49 wb vehari</t>
  </si>
  <si>
    <t>49 W/b</t>
  </si>
  <si>
    <t>53 W/b</t>
  </si>
  <si>
    <t>Rukhsana Qadir</t>
  </si>
  <si>
    <t>5178</t>
  </si>
  <si>
    <t>12300</t>
  </si>
  <si>
    <t>12200</t>
  </si>
  <si>
    <t>50622</t>
  </si>
  <si>
    <t>GGPS 88/12 L KALAN</t>
  </si>
  <si>
    <t>88/12 L</t>
  </si>
  <si>
    <t>chak no 8812 Tehsil chIchawatni distt sahiwal</t>
  </si>
  <si>
    <t>Chak No 8812 L</t>
  </si>
  <si>
    <t>Razia Kousar</t>
  </si>
  <si>
    <t>4900</t>
  </si>
  <si>
    <t>3775</t>
  </si>
  <si>
    <t>16661</t>
  </si>
  <si>
    <t>GGPS 596 GB</t>
  </si>
  <si>
    <t>596 GB</t>
  </si>
  <si>
    <t>GGPS Chak No 596 GB</t>
  </si>
  <si>
    <t>Chak no 596 GB</t>
  </si>
  <si>
    <t>Rifat Nawaz</t>
  </si>
  <si>
    <t>14600</t>
  </si>
  <si>
    <t>1696</t>
  </si>
  <si>
    <t>7693</t>
  </si>
  <si>
    <t>3668</t>
  </si>
  <si>
    <t>24780</t>
  </si>
  <si>
    <t>GGES SYEDAN WALI</t>
  </si>
  <si>
    <t>URA - FEMALE</t>
  </si>
  <si>
    <t>Syedanwali</t>
  </si>
  <si>
    <t>syedanwali post office sialkot cantt</t>
  </si>
  <si>
    <t>Iqra Waleed</t>
  </si>
  <si>
    <t>10200</t>
  </si>
  <si>
    <t>48400</t>
  </si>
  <si>
    <t>48200</t>
  </si>
  <si>
    <t>16603</t>
  </si>
  <si>
    <t>GPS CHAK 498 GB MAMUNKANJAN</t>
  </si>
  <si>
    <t>Noor Moqemana</t>
  </si>
  <si>
    <t>chak498 GB Mamunkanjan Fsd</t>
  </si>
  <si>
    <t>498GB</t>
  </si>
  <si>
    <t>Syed Zeshan Shabbir</t>
  </si>
  <si>
    <t>1635</t>
  </si>
  <si>
    <t>4054</t>
  </si>
  <si>
    <t>44436</t>
  </si>
  <si>
    <t>44002</t>
  </si>
  <si>
    <t>434</t>
  </si>
  <si>
    <t>39948</t>
  </si>
  <si>
    <t>4423</t>
  </si>
  <si>
    <t>12875</t>
  </si>
  <si>
    <t>GGPS PANDHI WALA</t>
  </si>
  <si>
    <t>KHURSHID ABAD- FEMALE</t>
  </si>
  <si>
    <t>Dolut Pur</t>
  </si>
  <si>
    <t>basti pandhiwala post office mondka muzaffargarh</t>
  </si>
  <si>
    <t>Pandhiwala</t>
  </si>
  <si>
    <t>Nohin Wali</t>
  </si>
  <si>
    <t>Asma Iqbal</t>
  </si>
  <si>
    <t>16695</t>
  </si>
  <si>
    <t>53553</t>
  </si>
  <si>
    <t>GGPS MC NO. 1 RAIL BAZAR</t>
  </si>
  <si>
    <t>Okara</t>
  </si>
  <si>
    <t>GGPS MC C Block Rail Bazar Okara</t>
  </si>
  <si>
    <t>City III Okara</t>
  </si>
  <si>
    <t>Shahida Bano</t>
  </si>
  <si>
    <t>26899</t>
  </si>
  <si>
    <t>50940</t>
  </si>
  <si>
    <t>15940</t>
  </si>
  <si>
    <t>37350</t>
  </si>
  <si>
    <t>33198</t>
  </si>
  <si>
    <t>GES MIAN ALI DOGARAN</t>
  </si>
  <si>
    <t>SAFDARABAD-I - MALE</t>
  </si>
  <si>
    <t>Mian Ali Dogran</t>
  </si>
  <si>
    <t>mian Ali Dogran</t>
  </si>
  <si>
    <t>Sallar Bhattian</t>
  </si>
  <si>
    <t>Abu Sufyan</t>
  </si>
  <si>
    <t>23360</t>
  </si>
  <si>
    <t>1121</t>
  </si>
  <si>
    <t>19938</t>
  </si>
  <si>
    <t>709</t>
  </si>
  <si>
    <t>5891</t>
  </si>
  <si>
    <t>41974</t>
  </si>
  <si>
    <t>GGES PIND HABTAL</t>
  </si>
  <si>
    <t>SIHAL-FEMALE</t>
  </si>
  <si>
    <t>Pind Habtal</t>
  </si>
  <si>
    <t>GGES PindHabtal</t>
  </si>
  <si>
    <t>Sihal</t>
  </si>
  <si>
    <t>Khalida Nasreen</t>
  </si>
  <si>
    <t>48010</t>
  </si>
  <si>
    <t>36772</t>
  </si>
  <si>
    <t>5022</t>
  </si>
  <si>
    <t>6356</t>
  </si>
  <si>
    <t>19148</t>
  </si>
  <si>
    <t>GGPS TIBBI SAYDAN NO.2 KHAJOORA</t>
  </si>
  <si>
    <t>TIBBI SYEDAN-FEMALE</t>
  </si>
  <si>
    <t>Khajoora</t>
  </si>
  <si>
    <t>Moza khajoora</t>
  </si>
  <si>
    <t>Chak No 712 Gb Jhakkar</t>
  </si>
  <si>
    <t>Akbari Parveen</t>
  </si>
  <si>
    <t>20145</t>
  </si>
  <si>
    <t>16500</t>
  </si>
  <si>
    <t>3645</t>
  </si>
  <si>
    <t>21197</t>
  </si>
  <si>
    <t>GMPS BAOLI ABADIAN</t>
  </si>
  <si>
    <t>Abadian</t>
  </si>
  <si>
    <t>village Baoli Abadian  p.o said nager  teh.wazirabad disst. Gujranwala</t>
  </si>
  <si>
    <t>Baoli Abadian</t>
  </si>
  <si>
    <t>Said Nager</t>
  </si>
  <si>
    <t>Sana Matloob</t>
  </si>
  <si>
    <t>5224</t>
  </si>
  <si>
    <t>29340</t>
  </si>
  <si>
    <t>727</t>
  </si>
  <si>
    <t>3210</t>
  </si>
  <si>
    <t>49435</t>
  </si>
  <si>
    <t>GGHS KALRA</t>
  </si>
  <si>
    <t>Kalra</t>
  </si>
  <si>
    <t>kalra</t>
  </si>
  <si>
    <t>30676</t>
  </si>
  <si>
    <t>4895</t>
  </si>
  <si>
    <t>21062</t>
  </si>
  <si>
    <t>14563</t>
  </si>
  <si>
    <t>GPS DAPHI HASSAN WALI</t>
  </si>
  <si>
    <t>SAROKE CHEEMA - MALE</t>
  </si>
  <si>
    <t>Dhapai Hassan Wali</t>
  </si>
  <si>
    <t>dhapai hassan wali p/o jatti shah rehman wazirabad</t>
  </si>
  <si>
    <t>Jamke Chatha</t>
  </si>
  <si>
    <t>AFTAB AHMAD</t>
  </si>
  <si>
    <t>3830</t>
  </si>
  <si>
    <t>13360</t>
  </si>
  <si>
    <t>9530</t>
  </si>
  <si>
    <t>51024</t>
  </si>
  <si>
    <t>GPS 105/9-L</t>
  </si>
  <si>
    <t>105/9-L</t>
  </si>
  <si>
    <t>105/9-L Sahiwal</t>
  </si>
  <si>
    <t>129/9-L</t>
  </si>
  <si>
    <t>Noor Muhammad</t>
  </si>
  <si>
    <t>6032</t>
  </si>
  <si>
    <t>6980</t>
  </si>
  <si>
    <t>5286</t>
  </si>
  <si>
    <t>25520</t>
  </si>
  <si>
    <t>51164</t>
  </si>
  <si>
    <t>GGPS HADOKAY</t>
  </si>
  <si>
    <t>KOTHA CHISTIAN - FEMALE</t>
  </si>
  <si>
    <t>Haddokey</t>
  </si>
  <si>
    <t>Jethikay</t>
  </si>
  <si>
    <t>Qamar U Nisa</t>
  </si>
  <si>
    <t>1153</t>
  </si>
  <si>
    <t>14877</t>
  </si>
  <si>
    <t>45376</t>
  </si>
  <si>
    <t>19437</t>
  </si>
  <si>
    <t>37488</t>
  </si>
  <si>
    <t>20231</t>
  </si>
  <si>
    <t>GPS COLONY NO. 1 KANWAY WALA</t>
  </si>
  <si>
    <t>Kanveen Wala</t>
  </si>
  <si>
    <t>colony no 1 Kanveen wala</t>
  </si>
  <si>
    <t>Colony No 1</t>
  </si>
  <si>
    <t>Sher Muhammad</t>
  </si>
  <si>
    <t>4950</t>
  </si>
  <si>
    <t>17222</t>
  </si>
  <si>
    <t>26012</t>
  </si>
  <si>
    <t>3203</t>
  </si>
  <si>
    <t>48125</t>
  </si>
  <si>
    <t>GHS SHER MUHAMMAD WALA</t>
  </si>
  <si>
    <t>Sher Muhammad Wala</t>
  </si>
  <si>
    <t>po sher muhammad wala tehsil bhera distt sargodha</t>
  </si>
  <si>
    <t>Noor Pur</t>
  </si>
  <si>
    <t>13421</t>
  </si>
  <si>
    <t>1313</t>
  </si>
  <si>
    <t>3866</t>
  </si>
  <si>
    <t>30624</t>
  </si>
  <si>
    <t>GGES DOGRAI KALAN</t>
  </si>
  <si>
    <t>SHALIMAR-FEMALE</t>
  </si>
  <si>
    <t>Dogray Kala Jallo More</t>
  </si>
  <si>
    <t>dogray kalan jallo more lahore</t>
  </si>
  <si>
    <t>Dogray Kalan</t>
  </si>
  <si>
    <t>MS MUBAH BEENISH</t>
  </si>
  <si>
    <t>19847</t>
  </si>
  <si>
    <t>49421</t>
  </si>
  <si>
    <t>GGHS BAKHARBAR</t>
  </si>
  <si>
    <t>Bakhar Bar</t>
  </si>
  <si>
    <t>v.p.o.bakhar bar .shah pur.distt.sgd</t>
  </si>
  <si>
    <t>FAIZ BATOOL</t>
  </si>
  <si>
    <t>37590</t>
  </si>
  <si>
    <t>1680</t>
  </si>
  <si>
    <t>2576</t>
  </si>
  <si>
    <t>721</t>
  </si>
  <si>
    <t>3229</t>
  </si>
  <si>
    <t>18926</t>
  </si>
  <si>
    <t>GGHS CHAK 683/24 GB</t>
  </si>
  <si>
    <t>PIR MAHAL</t>
  </si>
  <si>
    <t>Chak. No. 683/24 Gb teh. pirmahal</t>
  </si>
  <si>
    <t>chak no 683/24 gb</t>
  </si>
  <si>
    <t>chak no 674/15 gb</t>
  </si>
  <si>
    <t>7138</t>
  </si>
  <si>
    <t>40026</t>
  </si>
  <si>
    <t>21171</t>
  </si>
  <si>
    <t>GGPS BASTI PURANA TALAB</t>
  </si>
  <si>
    <t>ggps basti purana talab ali pur chatha</t>
  </si>
  <si>
    <t>Shumaila Butt</t>
  </si>
  <si>
    <t>10235</t>
  </si>
  <si>
    <t>34700</t>
  </si>
  <si>
    <t>5945</t>
  </si>
  <si>
    <t>50953</t>
  </si>
  <si>
    <t>GPS HARAPPA NO.2</t>
  </si>
  <si>
    <t>HARAPPA-A-MALE</t>
  </si>
  <si>
    <t>Harappa</t>
  </si>
  <si>
    <t>Lakanwala</t>
  </si>
  <si>
    <t>Ghulam Murtaza</t>
  </si>
  <si>
    <t>14337</t>
  </si>
  <si>
    <t>1257</t>
  </si>
  <si>
    <t>23431</t>
  </si>
  <si>
    <t>GHS SARAI ALAMGIR</t>
  </si>
  <si>
    <t>SARAI ALAM GIR</t>
  </si>
  <si>
    <t>Sarai Alamgir</t>
  </si>
  <si>
    <t>GT Road Sarai Alamgir District Gujrat</t>
  </si>
  <si>
    <t>Town Committee Sarai Alamgir</t>
  </si>
  <si>
    <t>MUNAWAR HUSAIN</t>
  </si>
  <si>
    <t>1868</t>
  </si>
  <si>
    <t>4324</t>
  </si>
  <si>
    <t>39337</t>
  </si>
  <si>
    <t>1216</t>
  </si>
  <si>
    <t>GGES GANDAKAS</t>
  </si>
  <si>
    <t>AHMDAL - FEMALE</t>
  </si>
  <si>
    <t>Gandakass</t>
  </si>
  <si>
    <t>vpo ganadakas</t>
  </si>
  <si>
    <t>Kamrial</t>
  </si>
  <si>
    <t>Aadrish Saeed</t>
  </si>
  <si>
    <t>29188</t>
  </si>
  <si>
    <t>GES KAISER GARH</t>
  </si>
  <si>
    <t>CARE COLONY - MALE</t>
  </si>
  <si>
    <t>Kaiser Garh Kasur</t>
  </si>
  <si>
    <t>Ges kaiser garh kasur</t>
  </si>
  <si>
    <t>Farid Yameen</t>
  </si>
  <si>
    <t>4017</t>
  </si>
  <si>
    <t>47314</t>
  </si>
  <si>
    <t>48169</t>
  </si>
  <si>
    <t>3230</t>
  </si>
  <si>
    <t>19353</t>
  </si>
  <si>
    <t>GGHS CHAK 324 JB</t>
  </si>
  <si>
    <t>Parra</t>
  </si>
  <si>
    <t>Govt Girls High School 324 JB TT SINGH</t>
  </si>
  <si>
    <t>Rubina Naheed</t>
  </si>
  <si>
    <t>620</t>
  </si>
  <si>
    <t>29671</t>
  </si>
  <si>
    <t>2399</t>
  </si>
  <si>
    <t>15559</t>
  </si>
  <si>
    <t>GGES CHAK 468 GB SAMUNDRI</t>
  </si>
  <si>
    <t>Raghbirpura</t>
  </si>
  <si>
    <t>Chak no. 468 G.B</t>
  </si>
  <si>
    <t>468 G B</t>
  </si>
  <si>
    <t>Riffat Rehana</t>
  </si>
  <si>
    <t>can water</t>
  </si>
  <si>
    <t>39773</t>
  </si>
  <si>
    <t>36900</t>
  </si>
  <si>
    <t>463</t>
  </si>
  <si>
    <t>34111</t>
  </si>
  <si>
    <t>GGPS ARAY WALA SHUJABAD DISTT. MULTAN</t>
  </si>
  <si>
    <t>Thath Ghalwan</t>
  </si>
  <si>
    <t>basti peer Wala moza thath ghalwan post office peer Wala tehsi Shujabad district multan</t>
  </si>
  <si>
    <t>Basti Peer Wala</t>
  </si>
  <si>
    <t>seemab murtaza</t>
  </si>
  <si>
    <t>52073</t>
  </si>
  <si>
    <t>2161</t>
  </si>
  <si>
    <t>31574</t>
  </si>
  <si>
    <t>48906</t>
  </si>
  <si>
    <t>GGES JEWAN GORYIA</t>
  </si>
  <si>
    <t>MURIDKE-II - FEMALE</t>
  </si>
  <si>
    <t>Jewan goraya teh muridky distt skp</t>
  </si>
  <si>
    <t>Jewan Goraya</t>
  </si>
  <si>
    <t>Gharyal</t>
  </si>
  <si>
    <t>Shumaila Kaouser</t>
  </si>
  <si>
    <t>29993</t>
  </si>
  <si>
    <t>27144</t>
  </si>
  <si>
    <t>32304</t>
  </si>
  <si>
    <t>602</t>
  </si>
  <si>
    <t>3343</t>
  </si>
  <si>
    <t>43792</t>
  </si>
  <si>
    <t>GPS DHOK BABRAAL NO.1</t>
  </si>
  <si>
    <t>LAWA</t>
  </si>
  <si>
    <t>LAWA-MALE</t>
  </si>
  <si>
    <t>Babral</t>
  </si>
  <si>
    <t>dhok babral vpo lawa</t>
  </si>
  <si>
    <t>Lawa</t>
  </si>
  <si>
    <t>Lawa Rural</t>
  </si>
  <si>
    <t>Riaz Ahmed</t>
  </si>
  <si>
    <t>1024</t>
  </si>
  <si>
    <t>30523</t>
  </si>
  <si>
    <t>30125</t>
  </si>
  <si>
    <t>27282</t>
  </si>
  <si>
    <t>21300</t>
  </si>
  <si>
    <t>GGPS JURA</t>
  </si>
  <si>
    <t>Jura</t>
  </si>
  <si>
    <t>Jura wed grw</t>
  </si>
  <si>
    <t>Kalianwala</t>
  </si>
  <si>
    <t>Sadia Mukhtar</t>
  </si>
  <si>
    <t>30136</t>
  </si>
  <si>
    <t>3172</t>
  </si>
  <si>
    <t>46591</t>
  </si>
  <si>
    <t>GHS CHAK NO. 4 TDA</t>
  </si>
  <si>
    <t>CHAK NO. 4TDA</t>
  </si>
  <si>
    <t>CHAK NO. 4TDA TEHSIL QUAIDABAD DISTT KHUSHAB</t>
  </si>
  <si>
    <t>CHAK NO. 14 MB</t>
  </si>
  <si>
    <t>Muhammad Arshad</t>
  </si>
  <si>
    <t>37300</t>
  </si>
  <si>
    <t>1233</t>
  </si>
  <si>
    <t>23440</t>
  </si>
  <si>
    <t>GHS BHAG NAGAR</t>
  </si>
  <si>
    <t>BHAG NAGAR</t>
  </si>
  <si>
    <t>VPO BHAG NAGAR TEHSIL SARAI ALAM GIR DISTT GIRARD</t>
  </si>
  <si>
    <t>m javed iqbal</t>
  </si>
  <si>
    <t>19134</t>
  </si>
  <si>
    <t>2622</t>
  </si>
  <si>
    <t>10938</t>
  </si>
  <si>
    <t>GGPS CHAK NO.125B/T JATTAY WALA</t>
  </si>
  <si>
    <t>MANDI TOWN - FEMALE</t>
  </si>
  <si>
    <t>Thal Jhandi</t>
  </si>
  <si>
    <t>125B jattay wala</t>
  </si>
  <si>
    <t>125B Jattay Wala</t>
  </si>
  <si>
    <t>Mandi Town</t>
  </si>
  <si>
    <t>Fozia Shabeer</t>
  </si>
  <si>
    <t>2201</t>
  </si>
  <si>
    <t>3151</t>
  </si>
  <si>
    <t>3100</t>
  </si>
  <si>
    <t>3841</t>
  </si>
  <si>
    <t>28534</t>
  </si>
  <si>
    <t>GGPS DHUNNI KHURD</t>
  </si>
  <si>
    <t>CHAK SHAHBAZ - FEMALE</t>
  </si>
  <si>
    <t>Dhunni khurd</t>
  </si>
  <si>
    <t>Dhunni khurd p.o Dhunni kalan Teh phalia distt MB Din punjab Pakistan</t>
  </si>
  <si>
    <t>Dhunni kalan</t>
  </si>
  <si>
    <t>Abida Jabeen</t>
  </si>
  <si>
    <t>2079</t>
  </si>
  <si>
    <t>9359</t>
  </si>
  <si>
    <t>9300</t>
  </si>
  <si>
    <t>29711</t>
  </si>
  <si>
    <t>10003</t>
  </si>
  <si>
    <t>GES DUPPHI MOKARI</t>
  </si>
  <si>
    <t>dupphi mokori</t>
  </si>
  <si>
    <t>dapphi mokori p/o gara jan muhammad</t>
  </si>
  <si>
    <t>dapphi</t>
  </si>
  <si>
    <t>wara sehran</t>
  </si>
  <si>
    <t>SAJJAD SADIQ</t>
  </si>
  <si>
    <t>1604</t>
  </si>
  <si>
    <t>13177</t>
  </si>
  <si>
    <t>11573</t>
  </si>
  <si>
    <t>1316</t>
  </si>
  <si>
    <t>51563</t>
  </si>
  <si>
    <t>GGPS CHAK NO.31 SP</t>
  </si>
  <si>
    <t>MALKA HANS 1 - FEMALE</t>
  </si>
  <si>
    <t>Bodla Farm</t>
  </si>
  <si>
    <t>ggps chak no31\sp pakpattan</t>
  </si>
  <si>
    <t>31sp</t>
  </si>
  <si>
    <t>abida parveen</t>
  </si>
  <si>
    <t>11269</t>
  </si>
  <si>
    <t>10847</t>
  </si>
  <si>
    <t>15764</t>
  </si>
  <si>
    <t>35098</t>
  </si>
  <si>
    <t>GGES 503 EB</t>
  </si>
  <si>
    <t>chak no.503 EB Burewala</t>
  </si>
  <si>
    <t>503eb</t>
  </si>
  <si>
    <t>Chak 499</t>
  </si>
  <si>
    <t>Rizwana Waris</t>
  </si>
  <si>
    <t>22404</t>
  </si>
  <si>
    <t>39584</t>
  </si>
  <si>
    <t>26194</t>
  </si>
  <si>
    <t>25442</t>
  </si>
  <si>
    <t>752</t>
  </si>
  <si>
    <t>12704</t>
  </si>
  <si>
    <t>40055</t>
  </si>
  <si>
    <t>GHS TABLIGH UL ISLAM JHELUM</t>
  </si>
  <si>
    <t>CIVIL LINE JHELUM</t>
  </si>
  <si>
    <t>PIRAAN GHAIB</t>
  </si>
  <si>
    <t>JHELUM -II</t>
  </si>
  <si>
    <t>MUHAMMAD NAEEM QURESHI</t>
  </si>
  <si>
    <t>42382</t>
  </si>
  <si>
    <t>1342</t>
  </si>
  <si>
    <t>42354</t>
  </si>
  <si>
    <t>GHS DHONG</t>
  </si>
  <si>
    <t>Dhoong</t>
  </si>
  <si>
    <t>vpo dhoong tehsil gujar khan</t>
  </si>
  <si>
    <t>Ahdi</t>
  </si>
  <si>
    <t>BABAR SAEED</t>
  </si>
  <si>
    <t>1882</t>
  </si>
  <si>
    <t>1318</t>
  </si>
  <si>
    <t>1622</t>
  </si>
  <si>
    <t>4634</t>
  </si>
  <si>
    <t>GPS MAKHAN BELA</t>
  </si>
  <si>
    <t>JAJJAH ABBASIAN - MALE</t>
  </si>
  <si>
    <t>Makhan Bela</t>
  </si>
  <si>
    <t>Moza makhan bela</t>
  </si>
  <si>
    <t>Jam Pur</t>
  </si>
  <si>
    <t>Mohammad Akram</t>
  </si>
  <si>
    <t>5684</t>
  </si>
  <si>
    <t>48358</t>
  </si>
  <si>
    <t>GPS CHAK NO.2 SB</t>
  </si>
  <si>
    <t>SALAM - MALE</t>
  </si>
  <si>
    <t>Chak 2 S/B</t>
  </si>
  <si>
    <t>Chak 2S/B Teh Bhalwal Dist Sargodha</t>
  </si>
  <si>
    <t>Chak 2  Sb</t>
  </si>
  <si>
    <t>Dhori</t>
  </si>
  <si>
    <t>8183</t>
  </si>
  <si>
    <t>16487</t>
  </si>
  <si>
    <t>20700</t>
  </si>
  <si>
    <t>51030</t>
  </si>
  <si>
    <t>1712</t>
  </si>
  <si>
    <t>39999</t>
  </si>
  <si>
    <t>GMPS WALIA</t>
  </si>
  <si>
    <t>AWAN ABAD - FEMALE</t>
  </si>
  <si>
    <t>Walia</t>
  </si>
  <si>
    <t>village walia post office shadi khan tehsil hazro district Attock</t>
  </si>
  <si>
    <t>Formuli</t>
  </si>
  <si>
    <t>Batool Fatima</t>
  </si>
  <si>
    <t>19745</t>
  </si>
  <si>
    <t>22780</t>
  </si>
  <si>
    <t>3035</t>
  </si>
  <si>
    <t>6520</t>
  </si>
  <si>
    <t>49520</t>
  </si>
  <si>
    <t>32663</t>
  </si>
  <si>
    <t>GGHS BINAT-UL-ISLAM WARBURTON</t>
  </si>
  <si>
    <t>warburton</t>
  </si>
  <si>
    <t>warburton city</t>
  </si>
  <si>
    <t>Mst. Azra  Naheed</t>
  </si>
  <si>
    <t>1548</t>
  </si>
  <si>
    <t>11343</t>
  </si>
  <si>
    <t>41680</t>
  </si>
  <si>
    <t>GGHS RAJAR</t>
  </si>
  <si>
    <t>Rajar</t>
  </si>
  <si>
    <t>vill &amp; PO Rajar teh &amp; distt. Rawalpindi</t>
  </si>
  <si>
    <t>Chahan</t>
  </si>
  <si>
    <t>Aqsa Bibi</t>
  </si>
  <si>
    <t>51500</t>
  </si>
  <si>
    <t>51551</t>
  </si>
  <si>
    <t>GPS THATHAI RANGRAN P/O CHAK BEDI PAPATTAN</t>
  </si>
  <si>
    <t>HUSSAIN KOT - MALE</t>
  </si>
  <si>
    <t>Chak Bedi Khurd</t>
  </si>
  <si>
    <t>GPS Thattha Rangran P. O Chak  Bedi Tehsil and District Pakpattan</t>
  </si>
  <si>
    <t>Chak Bedi</t>
  </si>
  <si>
    <t>Nasim Ahmad</t>
  </si>
  <si>
    <t>13020</t>
  </si>
  <si>
    <t>18217</t>
  </si>
  <si>
    <t>27617</t>
  </si>
  <si>
    <t>GHSS BOSAL</t>
  </si>
  <si>
    <t>bosal</t>
  </si>
  <si>
    <t>bosal sukha teh Malakwal Distt M.B.Din</t>
  </si>
  <si>
    <t>Bosal</t>
  </si>
  <si>
    <t>KHALID MAHMAOOD</t>
  </si>
  <si>
    <t>778</t>
  </si>
  <si>
    <t>1885</t>
  </si>
  <si>
    <t>3344</t>
  </si>
  <si>
    <t>16803</t>
  </si>
  <si>
    <t>GGHS CHAK NO 426 GB</t>
  </si>
  <si>
    <t>Chak No 426 GB</t>
  </si>
  <si>
    <t>426 gb</t>
  </si>
  <si>
    <t>Chak No 429</t>
  </si>
  <si>
    <t>Zarina Akhter</t>
  </si>
  <si>
    <t>11435</t>
  </si>
  <si>
    <t>2023</t>
  </si>
  <si>
    <t>545</t>
  </si>
  <si>
    <t>11323</t>
  </si>
  <si>
    <t>GPS LODHRAY WALA</t>
  </si>
  <si>
    <t>Near qadra nala khair pur road alipur district Muzaffar garh</t>
  </si>
  <si>
    <t>Basti Araien</t>
  </si>
  <si>
    <t>Muhammad Asadullah</t>
  </si>
  <si>
    <t>43251</t>
  </si>
  <si>
    <t>GPS KAHALA</t>
  </si>
  <si>
    <t>Kahala</t>
  </si>
  <si>
    <t>vill kahala p/o jandala raika</t>
  </si>
  <si>
    <t>Rukhsana kousar</t>
  </si>
  <si>
    <t>13817</t>
  </si>
  <si>
    <t>12775</t>
  </si>
  <si>
    <t>2196</t>
  </si>
  <si>
    <t>34436</t>
  </si>
  <si>
    <t>9736</t>
  </si>
  <si>
    <t>GGPS CHAK NO 454 TDA</t>
  </si>
  <si>
    <t>chak no.454tda</t>
  </si>
  <si>
    <t>Chak No 454/tda No454tdaNo454tda</t>
  </si>
  <si>
    <t>Sahraan</t>
  </si>
  <si>
    <t>Rukhshanda Jabeen</t>
  </si>
  <si>
    <t>6199</t>
  </si>
  <si>
    <t>12570</t>
  </si>
  <si>
    <t>5257</t>
  </si>
  <si>
    <t>23823</t>
  </si>
  <si>
    <t>GGPS KOT JANDU</t>
  </si>
  <si>
    <t>BURJ CHEEMA - FEMALE</t>
  </si>
  <si>
    <t>Kot Jandu</t>
  </si>
  <si>
    <t>kot jandu</t>
  </si>
  <si>
    <t>Babanwala</t>
  </si>
  <si>
    <t>Raheela Bushra</t>
  </si>
  <si>
    <t>10500</t>
  </si>
  <si>
    <t>6676</t>
  </si>
  <si>
    <t>50256</t>
  </si>
  <si>
    <t>1747</t>
  </si>
  <si>
    <t>37860</t>
  </si>
  <si>
    <t>21959</t>
  </si>
  <si>
    <t>GGPS 115/10-R BARI WALA, JAHANIAN</t>
  </si>
  <si>
    <t>JAHANIAN - FEMALE</t>
  </si>
  <si>
    <t>Beri wala</t>
  </si>
  <si>
    <t>115/10R Beri wala</t>
  </si>
  <si>
    <t>115/10R</t>
  </si>
  <si>
    <t>115/10 R</t>
  </si>
  <si>
    <t>4631</t>
  </si>
  <si>
    <t>51831</t>
  </si>
  <si>
    <t>52900</t>
  </si>
  <si>
    <t>37057</t>
  </si>
  <si>
    <t>GHS 30/10-R, KACHA KHUH</t>
  </si>
  <si>
    <t>30/10R</t>
  </si>
  <si>
    <t>Chak No 30/10R P/O 30/10R Kacha khuh Khanewal</t>
  </si>
  <si>
    <t>Chak No 30/10R</t>
  </si>
  <si>
    <t>muhammad Ishaq</t>
  </si>
  <si>
    <t>15252</t>
  </si>
  <si>
    <t>GGPS CHAK NO 63 RB II</t>
  </si>
  <si>
    <t>Qaima</t>
  </si>
  <si>
    <t>GGPS 63 RB II</t>
  </si>
  <si>
    <t>Chak 63 RB II</t>
  </si>
  <si>
    <t>Chak 58 Rata Joya</t>
  </si>
  <si>
    <t>Sumra Shahzadi</t>
  </si>
  <si>
    <t>40629</t>
  </si>
  <si>
    <t>19992</t>
  </si>
  <si>
    <t>38334</t>
  </si>
  <si>
    <t>37514</t>
  </si>
  <si>
    <t>4830</t>
  </si>
  <si>
    <t>21664</t>
  </si>
  <si>
    <t>GMPS FAZAL PUR</t>
  </si>
  <si>
    <t>MANDIALA TEGA - FEMALE</t>
  </si>
  <si>
    <t>Fazal Pur</t>
  </si>
  <si>
    <t>fazal pur tehsil kamoki district Gujranwala</t>
  </si>
  <si>
    <t>Mandiala Tega</t>
  </si>
  <si>
    <t>Saira Nazir</t>
  </si>
  <si>
    <t>3243</t>
  </si>
  <si>
    <t>GHS UTTERA</t>
  </si>
  <si>
    <t>UTTERA</t>
  </si>
  <si>
    <t>THESIL AHMAD PUR EAST DISTRICT BAHAWALPUR</t>
  </si>
  <si>
    <t>KHURRAM PUR</t>
  </si>
  <si>
    <t>MUNIR AHMAD</t>
  </si>
  <si>
    <t>23698</t>
  </si>
  <si>
    <t>53220</t>
  </si>
  <si>
    <t>48302</t>
  </si>
  <si>
    <t>GMPS CHAH MIANA</t>
  </si>
  <si>
    <t>Chah Miana</t>
  </si>
  <si>
    <t>chah Miana, Teh. Kotmuman,  Distt. Sargodha.</t>
  </si>
  <si>
    <t>Ghulla Pur</t>
  </si>
  <si>
    <t>Muhammad Abbas</t>
  </si>
  <si>
    <t>16250</t>
  </si>
  <si>
    <t>18250</t>
  </si>
  <si>
    <t>3708</t>
  </si>
  <si>
    <t>35364</t>
  </si>
  <si>
    <t>GMPS 233 EB</t>
  </si>
  <si>
    <t>GAGGOO WEST-FEMALE</t>
  </si>
  <si>
    <t>chak no 233eb gaggoo mandi tehsil burewala district vehari</t>
  </si>
  <si>
    <t>233eb</t>
  </si>
  <si>
    <t>223 Eb</t>
  </si>
  <si>
    <t>Irshad Parveen</t>
  </si>
  <si>
    <t>30636</t>
  </si>
  <si>
    <t>45507</t>
  </si>
  <si>
    <t>3182</t>
  </si>
  <si>
    <t>50220</t>
  </si>
  <si>
    <t>GGHS 24/11-L</t>
  </si>
  <si>
    <t>chak No 24/11L</t>
  </si>
  <si>
    <t>chak no 24/11L Chichawatni sahiwal</t>
  </si>
  <si>
    <t>24/11L</t>
  </si>
  <si>
    <t>23/11L</t>
  </si>
  <si>
    <t>NASREEN AKHTAR</t>
  </si>
  <si>
    <t>51357</t>
  </si>
  <si>
    <t>46270</t>
  </si>
  <si>
    <t>54879</t>
  </si>
  <si>
    <t>41237</t>
  </si>
  <si>
    <t>GGES LEHRI</t>
  </si>
  <si>
    <t>p.o lehri village lehri</t>
  </si>
  <si>
    <t>Tallat Perveen</t>
  </si>
  <si>
    <t>4491</t>
  </si>
  <si>
    <t>46667</t>
  </si>
  <si>
    <t>507</t>
  </si>
  <si>
    <t>42738</t>
  </si>
  <si>
    <t>GGPS KHARALI KHINGER</t>
  </si>
  <si>
    <t>Kharali</t>
  </si>
  <si>
    <t>vill.  kharali. khinger.  p/o. kharali. bangial</t>
  </si>
  <si>
    <t>Kharali Khinger</t>
  </si>
  <si>
    <t>Kauntrila</t>
  </si>
  <si>
    <t>SOBIA USMAN HAIDER</t>
  </si>
  <si>
    <t>20351</t>
  </si>
  <si>
    <t>22700</t>
  </si>
  <si>
    <t>10550</t>
  </si>
  <si>
    <t>GES IJAZ WALA</t>
  </si>
  <si>
    <t>Bait Wasawa Shumali</t>
  </si>
  <si>
    <t>bait wasawa shumali</t>
  </si>
  <si>
    <t>Muhammad Zafar Iqbal</t>
  </si>
  <si>
    <t>5787</t>
  </si>
  <si>
    <t>21426</t>
  </si>
  <si>
    <t>18853</t>
  </si>
  <si>
    <t>18305</t>
  </si>
  <si>
    <t>GPS CHAK NO. 4/4-L</t>
  </si>
  <si>
    <t>Chak No4/4L</t>
  </si>
  <si>
    <t>Chak no. 4/4_L</t>
  </si>
  <si>
    <t>Chak No 4/4L</t>
  </si>
  <si>
    <t>Samanduana</t>
  </si>
  <si>
    <t>Iqbal Hussain</t>
  </si>
  <si>
    <t>6178</t>
  </si>
  <si>
    <t>42491</t>
  </si>
  <si>
    <t>4308</t>
  </si>
  <si>
    <t>39125</t>
  </si>
  <si>
    <t>GMES LUDHIAL</t>
  </si>
  <si>
    <t>JANGLE - FEMALE</t>
  </si>
  <si>
    <t>Ludhial</t>
  </si>
  <si>
    <t>ludhial,tehsil fateh jang</t>
  </si>
  <si>
    <t>Jangle</t>
  </si>
  <si>
    <t>Adila Anwar</t>
  </si>
  <si>
    <t>18619</t>
  </si>
  <si>
    <t>46655</t>
  </si>
  <si>
    <t>45840</t>
  </si>
  <si>
    <t>3247</t>
  </si>
  <si>
    <t>4329</t>
  </si>
  <si>
    <t>GGHS KHAIRPUR TAMEWALI</t>
  </si>
  <si>
    <t>Khairpur Tamewali</t>
  </si>
  <si>
    <t>Govt.Girls High School Khairpur Tamewali</t>
  </si>
  <si>
    <t>Kishwar Nazir</t>
  </si>
  <si>
    <t>1273</t>
  </si>
  <si>
    <t>30036</t>
  </si>
  <si>
    <t>942</t>
  </si>
  <si>
    <t>40942</t>
  </si>
  <si>
    <t>4447</t>
  </si>
  <si>
    <t>12933</t>
  </si>
  <si>
    <t>GPS TARIQ ABAD</t>
  </si>
  <si>
    <t>FAZIL KALROO- MALE</t>
  </si>
  <si>
    <t>Sultan Khar</t>
  </si>
  <si>
    <t>GPS tariq abad basti tariq abad mouza sultan khar Muzaffargarh</t>
  </si>
  <si>
    <t>Tariq Abad</t>
  </si>
  <si>
    <t>Fazil Kalroo</t>
  </si>
  <si>
    <t>Muhammad Salman Aslam</t>
  </si>
  <si>
    <t>5820</t>
  </si>
  <si>
    <t>19265</t>
  </si>
  <si>
    <t>GGHS CHAK 388 JB</t>
  </si>
  <si>
    <t>Chakno388jbtts</t>
  </si>
  <si>
    <t>chak no 388 jb tts</t>
  </si>
  <si>
    <t>Chakno388jb</t>
  </si>
  <si>
    <t>MAQADDAS RANA</t>
  </si>
  <si>
    <t>7813</t>
  </si>
  <si>
    <t>746</t>
  </si>
  <si>
    <t>18494</t>
  </si>
  <si>
    <t>GHS CHAK 301 JB</t>
  </si>
  <si>
    <t>Chak No 301 Jb</t>
  </si>
  <si>
    <t>Chak No. 301 JB Tehsil Gojra Dist. Toba Tek Singh</t>
  </si>
  <si>
    <t>Chak No 301 JB</t>
  </si>
  <si>
    <t>22869</t>
  </si>
  <si>
    <t>GHS RARIALA</t>
  </si>
  <si>
    <t>RARIALA</t>
  </si>
  <si>
    <t>V.P.O: RARIALA, Tehsil: Kharian, District: Gujrat</t>
  </si>
  <si>
    <t>DOGA</t>
  </si>
  <si>
    <t>MUNIR AHMED</t>
  </si>
  <si>
    <t>Faulty Wiring</t>
  </si>
  <si>
    <t>48482</t>
  </si>
  <si>
    <t>61000</t>
  </si>
  <si>
    <t>GPS THATHA TARHANA</t>
  </si>
  <si>
    <t>KILLIANAWALA</t>
  </si>
  <si>
    <t>THATHA TARHANA TEHSEIL  TANDLIANWALA  FAISALABAD</t>
  </si>
  <si>
    <t>THATHA TARHANA</t>
  </si>
  <si>
    <t>Muhammad Sabir</t>
  </si>
  <si>
    <t>3088</t>
  </si>
  <si>
    <t>11571</t>
  </si>
  <si>
    <t>5107</t>
  </si>
  <si>
    <t>31240</t>
  </si>
  <si>
    <t>3566</t>
  </si>
  <si>
    <t>4428</t>
  </si>
  <si>
    <t>5121</t>
  </si>
  <si>
    <t>GGMPS GUDDAN</t>
  </si>
  <si>
    <t>ISRANI - FEMALE</t>
  </si>
  <si>
    <t>Guddan</t>
  </si>
  <si>
    <t>lal sohanrah</t>
  </si>
  <si>
    <t>19428</t>
  </si>
  <si>
    <t>16248</t>
  </si>
  <si>
    <t>GGHS CHAK 275 RB DIJKOT FSD</t>
  </si>
  <si>
    <t>kartat pur</t>
  </si>
  <si>
    <t>GOVT. GIRLS H/S 275 RB FAISALABAD.</t>
  </si>
  <si>
    <t>chak no 275 rb kartarpur</t>
  </si>
  <si>
    <t>CHAK NO 275 RB KARTARPUR</t>
  </si>
  <si>
    <t>MISBAH NAZIR</t>
  </si>
  <si>
    <t>8395</t>
  </si>
  <si>
    <t>975</t>
  </si>
  <si>
    <t>2519</t>
  </si>
  <si>
    <t>28765</t>
  </si>
  <si>
    <t>GPS TIBBI DIAL SINGH</t>
  </si>
  <si>
    <t>CHANGA MANGA - MALE</t>
  </si>
  <si>
    <t>Budhoki</t>
  </si>
  <si>
    <t>Tibbi dial singh P/O Budhoki Teh.chunian distt. kasur</t>
  </si>
  <si>
    <t>Tibbi Dial Singh</t>
  </si>
  <si>
    <t>Mojoki</t>
  </si>
  <si>
    <t>Ikram Ud Din</t>
  </si>
  <si>
    <t>4960</t>
  </si>
  <si>
    <t>4690</t>
  </si>
  <si>
    <t>15244</t>
  </si>
  <si>
    <t>GGPS 57 RB II</t>
  </si>
  <si>
    <t>Rajay Wala Khurd</t>
  </si>
  <si>
    <t>57 rb ll rajay wala khurd</t>
  </si>
  <si>
    <t>57 RB II</t>
  </si>
  <si>
    <t>54 RB Sarhali</t>
  </si>
  <si>
    <t>Bushra Tabassum</t>
  </si>
  <si>
    <t>14007</t>
  </si>
  <si>
    <t>30938</t>
  </si>
  <si>
    <t>GGHS KINNAIRD 4-EMPRESS ROAD, LAHORE</t>
  </si>
  <si>
    <t>Empress road</t>
  </si>
  <si>
    <t>govt.kinnaird high school for girls empress road Lahore</t>
  </si>
  <si>
    <t>Bibi Pak Daman</t>
  </si>
  <si>
    <t>Dr rizwana khalil</t>
  </si>
  <si>
    <t>1864</t>
  </si>
  <si>
    <t>135576</t>
  </si>
  <si>
    <t>2792</t>
  </si>
  <si>
    <t>10297</t>
  </si>
  <si>
    <t>6425</t>
  </si>
  <si>
    <t>1700</t>
  </si>
  <si>
    <t>3141</t>
  </si>
  <si>
    <t>44862</t>
  </si>
  <si>
    <t>GGHS CHAK NO. 63 DB</t>
  </si>
  <si>
    <t>CHAK NO 63 DB</t>
  </si>
  <si>
    <t>GGHS63DB</t>
  </si>
  <si>
    <t>MUMTAZ AKHTAR</t>
  </si>
  <si>
    <t>486</t>
  </si>
  <si>
    <t>31255</t>
  </si>
  <si>
    <t>37060</t>
  </si>
  <si>
    <t>GHS 27/10-R, KACHA KHUH</t>
  </si>
  <si>
    <t>CHAK NO 27/10.R</t>
  </si>
  <si>
    <t>GHS 27/10.R, VEHARI ROAD KHANEWAL</t>
  </si>
  <si>
    <t>RAO NISAR AHMAD</t>
  </si>
  <si>
    <t>16389</t>
  </si>
  <si>
    <t>2997</t>
  </si>
  <si>
    <t>5914</t>
  </si>
  <si>
    <t>50166</t>
  </si>
  <si>
    <t>GES MC CHICHAWATNI BLOCK NO. 11</t>
  </si>
  <si>
    <t>CHICHAWATNI SADAR A-MALE</t>
  </si>
  <si>
    <t>Block#11</t>
  </si>
  <si>
    <t>Block11</t>
  </si>
  <si>
    <t>Urban 2</t>
  </si>
  <si>
    <t>5836</t>
  </si>
  <si>
    <t>563</t>
  </si>
  <si>
    <t>573</t>
  </si>
  <si>
    <t>1046</t>
  </si>
  <si>
    <t>4549</t>
  </si>
  <si>
    <t>16919</t>
  </si>
  <si>
    <t>GES MADDUKI</t>
  </si>
  <si>
    <t>MADDUKI-MALE</t>
  </si>
  <si>
    <t>Madduki</t>
  </si>
  <si>
    <t>GES Madduki</t>
  </si>
  <si>
    <t>Lack Badhar</t>
  </si>
  <si>
    <t>8725</t>
  </si>
  <si>
    <t>12437</t>
  </si>
  <si>
    <t>12145</t>
  </si>
  <si>
    <t>43417</t>
  </si>
  <si>
    <t>GGCMS CHAK BHONE</t>
  </si>
  <si>
    <t>Chak Bhoun</t>
  </si>
  <si>
    <t>GGCMS CHAK BHOUN CHAKWAL</t>
  </si>
  <si>
    <t>Maingan</t>
  </si>
  <si>
    <t>Farzana Rehna</t>
  </si>
  <si>
    <t>8349</t>
  </si>
  <si>
    <t>34180</t>
  </si>
  <si>
    <t>6386</t>
  </si>
  <si>
    <t>50417</t>
  </si>
  <si>
    <t>GPS 41/14-L</t>
  </si>
  <si>
    <t>KASSOWAL-SOUTH-MALE</t>
  </si>
  <si>
    <t>41/14</t>
  </si>
  <si>
    <t>chak no 41/14.l teh cci distt sahiwal</t>
  </si>
  <si>
    <t>39/14L</t>
  </si>
  <si>
    <t>UZMA SHAHZADI</t>
  </si>
  <si>
    <t>17147</t>
  </si>
  <si>
    <t>34615</t>
  </si>
  <si>
    <t>28833</t>
  </si>
  <si>
    <t>16139</t>
  </si>
  <si>
    <t>GGES CHAK 112 JB</t>
  </si>
  <si>
    <t>chak no.112 j.b</t>
  </si>
  <si>
    <t>chak no 112 j.b Faisalabad</t>
  </si>
  <si>
    <t>chak no.112 j.b FSD</t>
  </si>
  <si>
    <t>chak no.113 j.b</t>
  </si>
  <si>
    <t>nazia parveen</t>
  </si>
  <si>
    <t>12923</t>
  </si>
  <si>
    <t>3224</t>
  </si>
  <si>
    <t>35143</t>
  </si>
  <si>
    <t>GGHS 329 EB</t>
  </si>
  <si>
    <t>Sahuka North</t>
  </si>
  <si>
    <t>chak no. 329/eb burewala</t>
  </si>
  <si>
    <t>329/EB</t>
  </si>
  <si>
    <t>Chak No. 495/EB</t>
  </si>
  <si>
    <t>Farhat Yasmeen</t>
  </si>
  <si>
    <t>5566</t>
  </si>
  <si>
    <t>15417</t>
  </si>
  <si>
    <t>GGHS CHAK 65 GB</t>
  </si>
  <si>
    <t>65gb</t>
  </si>
  <si>
    <t>chak no 65gb</t>
  </si>
  <si>
    <t>Chak No 65gb</t>
  </si>
  <si>
    <t>Chak No 67gb</t>
  </si>
  <si>
    <t>RUBINA SHAHEEN</t>
  </si>
  <si>
    <t>46886</t>
  </si>
  <si>
    <t>14761</t>
  </si>
  <si>
    <t>GGHS AL KAREEM PEOPLES COLONY NO 1 FSD</t>
  </si>
  <si>
    <t>peoples colony</t>
  </si>
  <si>
    <t>peoples colony no 01 fsd</t>
  </si>
  <si>
    <t>Peoples Colony</t>
  </si>
  <si>
    <t>muhammad nagar</t>
  </si>
  <si>
    <t>sidrah till muntaha</t>
  </si>
  <si>
    <t>1812</t>
  </si>
  <si>
    <t>37081</t>
  </si>
  <si>
    <t>22807</t>
  </si>
  <si>
    <t>GES MC NO.6-B, RAILWAY COLONY, KHANEWAL</t>
  </si>
  <si>
    <t>KHANEWAL - MALE</t>
  </si>
  <si>
    <t>Khanewal</t>
  </si>
  <si>
    <t>ges mc 6bkhanewal</t>
  </si>
  <si>
    <t>Mc city Khanewal</t>
  </si>
  <si>
    <t>Arif Javed Shakir</t>
  </si>
  <si>
    <t>14960</t>
  </si>
  <si>
    <t>621</t>
  </si>
  <si>
    <t>17141</t>
  </si>
  <si>
    <t>22187</t>
  </si>
  <si>
    <t>1697</t>
  </si>
  <si>
    <t>31320</t>
  </si>
  <si>
    <t>GGHS NAIN SUKH SHAHDARA</t>
  </si>
  <si>
    <t>NAIN SUKH</t>
  </si>
  <si>
    <t>GGHS NAIN SUKH</t>
  </si>
  <si>
    <t>BEGUM KOT</t>
  </si>
  <si>
    <t>TAYYABA SIDDIQA</t>
  </si>
  <si>
    <t>16106</t>
  </si>
  <si>
    <t>GGHS 233 RB TIKE WALA</t>
  </si>
  <si>
    <t>233/RB Tikkey  Wala</t>
  </si>
  <si>
    <t>chak no 233/RB Tikkey Wala FSD</t>
  </si>
  <si>
    <t>233/RB Tikkey Wala FSD</t>
  </si>
  <si>
    <t>233/RB HariSingh Wala</t>
  </si>
  <si>
    <t>Mutnaza Afzal</t>
  </si>
  <si>
    <t>9507</t>
  </si>
  <si>
    <t>498</t>
  </si>
  <si>
    <t>5813</t>
  </si>
  <si>
    <t>36139</t>
  </si>
  <si>
    <t>2582</t>
  </si>
  <si>
    <t>14685</t>
  </si>
  <si>
    <t>GGHS SHADAB COLONY</t>
  </si>
  <si>
    <t>Shadab colony</t>
  </si>
  <si>
    <t>Street # 2 shadab colony fsd</t>
  </si>
  <si>
    <t>shadab colony</t>
  </si>
  <si>
    <t>gulfishan colony</t>
  </si>
  <si>
    <t>SABAHAT RIAZ</t>
  </si>
  <si>
    <t>25895</t>
  </si>
  <si>
    <t>14714</t>
  </si>
  <si>
    <t>GHS MC FACTORY AREA LAL MILLS ROAD FSD</t>
  </si>
  <si>
    <t>FACTORY AREA</t>
  </si>
  <si>
    <t>LAL MILL CHOWK  FACTORY AREA FAISALABAD</t>
  </si>
  <si>
    <t>MUAZZAM ALI KHAN</t>
  </si>
  <si>
    <t>20924</t>
  </si>
  <si>
    <t>1683</t>
  </si>
  <si>
    <t>3257</t>
  </si>
  <si>
    <t>34268</t>
  </si>
  <si>
    <t>GES LOHAR WALA P/O JALL WALA</t>
  </si>
  <si>
    <t>MATITAL - MALE</t>
  </si>
  <si>
    <t>Mouza Lohar Wala</t>
  </si>
  <si>
    <t>Mouza Lohar Wala P.O Jal Wala Tehsile Multan Saddar District Multan</t>
  </si>
  <si>
    <t>Lohar Wala</t>
  </si>
  <si>
    <t>Jangal Kalran Wala</t>
  </si>
  <si>
    <t>M Saeed  Akhter</t>
  </si>
  <si>
    <t>5670</t>
  </si>
  <si>
    <t>25915</t>
  </si>
  <si>
    <t>GGES SAIDOKE</t>
  </si>
  <si>
    <t>saidoke</t>
  </si>
  <si>
    <t>Village saidoke Tehsil &amp; Distric Narowal</t>
  </si>
  <si>
    <t>Manik</t>
  </si>
  <si>
    <t>Rukhsana Kousar</t>
  </si>
  <si>
    <t>4970</t>
  </si>
  <si>
    <t>5595</t>
  </si>
  <si>
    <t>41915</t>
  </si>
  <si>
    <t>29611</t>
  </si>
  <si>
    <t>3079</t>
  </si>
  <si>
    <t>GGHS MC KAJAL PURA BAHAWALPUR</t>
  </si>
  <si>
    <t>govt MC Girls High School Kajjalpura Bahawalpur</t>
  </si>
  <si>
    <t>N/A</t>
  </si>
  <si>
    <t>BWP City</t>
  </si>
  <si>
    <t>NAILA ASLAM</t>
  </si>
  <si>
    <t>15103</t>
  </si>
  <si>
    <t>GPS BASTI BAHLOOL</t>
  </si>
  <si>
    <t>Basti Bahlol Moza Ali wah  Mailsi</t>
  </si>
  <si>
    <t>Basti Bahlol</t>
  </si>
  <si>
    <t>Intezar Ahmed</t>
  </si>
  <si>
    <t>864</t>
  </si>
  <si>
    <t>4258</t>
  </si>
  <si>
    <t>13187</t>
  </si>
  <si>
    <t>GGPS FAIZ PUR JADEED</t>
  </si>
  <si>
    <t>JATOI CITY- FEMALE</t>
  </si>
  <si>
    <t>Qasir Ghazlani</t>
  </si>
  <si>
    <t>basti qasir ghazlani</t>
  </si>
  <si>
    <t>MC Jatoi</t>
  </si>
  <si>
    <t>Musarrat Jabeen</t>
  </si>
  <si>
    <t>2995</t>
  </si>
  <si>
    <t>2950</t>
  </si>
  <si>
    <t>40741</t>
  </si>
  <si>
    <t>46408</t>
  </si>
  <si>
    <t>GGHS PELOWAINCE</t>
  </si>
  <si>
    <t>Pelowaince</t>
  </si>
  <si>
    <t>GGHS Pelowaince Tehsil Noorpur Thal District Khushab</t>
  </si>
  <si>
    <t>Mahmooda khatoon</t>
  </si>
  <si>
    <t>12320</t>
  </si>
  <si>
    <t>328</t>
  </si>
  <si>
    <t>47070</t>
  </si>
  <si>
    <t>GES GULLAN KHEL</t>
  </si>
  <si>
    <t>Gullan Khel</t>
  </si>
  <si>
    <t>Po gullen khel mianwali</t>
  </si>
  <si>
    <t>gullen Khel</t>
  </si>
  <si>
    <t>Daud Khel Rural</t>
  </si>
  <si>
    <t>Ghazanfar Ullah Shah</t>
  </si>
  <si>
    <t>7770</t>
  </si>
  <si>
    <t>921</t>
  </si>
  <si>
    <t>4472</t>
  </si>
  <si>
    <t>22621</t>
  </si>
  <si>
    <t>GGPS KHOKHER GHERBI</t>
  </si>
  <si>
    <t>GUJRAT-VIII-FEMALE</t>
  </si>
  <si>
    <t>Khokhar Gharbi</t>
  </si>
  <si>
    <t>GMPS khokhar gharbi tehsil and district Gujrat</t>
  </si>
  <si>
    <t>Narowali</t>
  </si>
  <si>
    <t>Aasma Inayat</t>
  </si>
  <si>
    <t>5612</t>
  </si>
  <si>
    <t>32098</t>
  </si>
  <si>
    <t>25720</t>
  </si>
  <si>
    <t>6378</t>
  </si>
  <si>
    <t>1037</t>
  </si>
  <si>
    <t>37399</t>
  </si>
  <si>
    <t>GHS MODEL MIAN CHANNU</t>
  </si>
  <si>
    <t>mian channu city</t>
  </si>
  <si>
    <t>govt.model high school mianchannu</t>
  </si>
  <si>
    <t>municipal commeete</t>
  </si>
  <si>
    <t>1657</t>
  </si>
  <si>
    <t>8312</t>
  </si>
  <si>
    <t>40663</t>
  </si>
  <si>
    <t>GPS GHAZIOT</t>
  </si>
  <si>
    <t>Ghaziot</t>
  </si>
  <si>
    <t>village and p/o Ghaziot teh sohawa dist jhelum</t>
  </si>
  <si>
    <t>Nagial</t>
  </si>
  <si>
    <t>muhammad adnan zafar</t>
  </si>
  <si>
    <t>46179</t>
  </si>
  <si>
    <t>10994</t>
  </si>
  <si>
    <t>9420</t>
  </si>
  <si>
    <t>1574</t>
  </si>
  <si>
    <t>4156</t>
  </si>
  <si>
    <t>46291</t>
  </si>
  <si>
    <t>GPS LAGHARI</t>
  </si>
  <si>
    <t>JURA KALAN (EAST) (MALE)</t>
  </si>
  <si>
    <t>Laghari</t>
  </si>
  <si>
    <t>vpo laghari, tehseel noor pur thal , district khushab.</t>
  </si>
  <si>
    <t>Jaura Kalan</t>
  </si>
  <si>
    <t>Manzoor Qadir</t>
  </si>
  <si>
    <t>43266</t>
  </si>
  <si>
    <t>15643</t>
  </si>
  <si>
    <t>GGES CHAK NO 220 GB</t>
  </si>
  <si>
    <t>chak#220gb tehsil Samundri</t>
  </si>
  <si>
    <t>220GB</t>
  </si>
  <si>
    <t>225GB</t>
  </si>
  <si>
    <t>uzma akbar</t>
  </si>
  <si>
    <t>6633</t>
  </si>
  <si>
    <t>4311</t>
  </si>
  <si>
    <t>40023</t>
  </si>
  <si>
    <t>GGES KUDLATHI</t>
  </si>
  <si>
    <t>HAZRO 2 - FEMALE</t>
  </si>
  <si>
    <t>Kudlathi</t>
  </si>
  <si>
    <t>kudlathi, hazro, attock</t>
  </si>
  <si>
    <t>Musa</t>
  </si>
  <si>
    <t>Tasleem Kausar</t>
  </si>
  <si>
    <t>23502</t>
  </si>
  <si>
    <t>22797</t>
  </si>
  <si>
    <t>GGPS MEHLU</t>
  </si>
  <si>
    <t>Mehlu</t>
  </si>
  <si>
    <t>G GPS MEHLU</t>
  </si>
  <si>
    <t>Sofia Mushtaq</t>
  </si>
  <si>
    <t>17942</t>
  </si>
  <si>
    <t>8988</t>
  </si>
  <si>
    <t>8500</t>
  </si>
  <si>
    <t>10815</t>
  </si>
  <si>
    <t>2334</t>
  </si>
  <si>
    <t>12083</t>
  </si>
  <si>
    <t>32569</t>
  </si>
  <si>
    <t>GGES BHAIDAN WALI</t>
  </si>
  <si>
    <t>D.D. PANAH-I - FEMALE</t>
  </si>
  <si>
    <t>Bhaidan Wali</t>
  </si>
  <si>
    <t>hanjrai ghair mustakil durmiani baet  bhaidan wali</t>
  </si>
  <si>
    <t>Ahsan Pur</t>
  </si>
  <si>
    <t>Hanjrai</t>
  </si>
  <si>
    <t>Kalsoom Akhtar</t>
  </si>
  <si>
    <t>17057</t>
  </si>
  <si>
    <t>26657</t>
  </si>
  <si>
    <t>9597</t>
  </si>
  <si>
    <t>5785</t>
  </si>
  <si>
    <t>GPS LASH ARIAN</t>
  </si>
  <si>
    <t>MND-VIII-MALE</t>
  </si>
  <si>
    <t>Nawab wala</t>
  </si>
  <si>
    <t>GPS Lasharian</t>
  </si>
  <si>
    <t>Giria Abad</t>
  </si>
  <si>
    <t>Muhammad Umar</t>
  </si>
  <si>
    <t>28443</t>
  </si>
  <si>
    <t>GGHS SANDAN WALA</t>
  </si>
  <si>
    <t>Sandhanwala</t>
  </si>
  <si>
    <t>sandhanwala, teh phalia, dist m.b.din</t>
  </si>
  <si>
    <t>Mah Noor</t>
  </si>
  <si>
    <t>41568</t>
  </si>
  <si>
    <t>10309</t>
  </si>
  <si>
    <t>24454</t>
  </si>
  <si>
    <t>43817</t>
  </si>
  <si>
    <t>GPS DHOK UJRAL</t>
  </si>
  <si>
    <t>Dhoke Ujral</t>
  </si>
  <si>
    <t>g p s dhoke ujral</t>
  </si>
  <si>
    <t>Fouzia Noreen</t>
  </si>
  <si>
    <t>9995</t>
  </si>
  <si>
    <t>5173</t>
  </si>
  <si>
    <t>462</t>
  </si>
  <si>
    <t>16873</t>
  </si>
  <si>
    <t>15342</t>
  </si>
  <si>
    <t>GGES CHAK NO 205 RB I</t>
  </si>
  <si>
    <t>chak no.205RB thakarwala</t>
  </si>
  <si>
    <t>Thakarwala</t>
  </si>
  <si>
    <t>Saleem Akhter</t>
  </si>
  <si>
    <t>6509</t>
  </si>
  <si>
    <t>53700</t>
  </si>
  <si>
    <t>8232</t>
  </si>
  <si>
    <t>598</t>
  </si>
  <si>
    <t>562</t>
  </si>
  <si>
    <t>GHS FAZIL KHAIRPUR TAMEWALI (DE-GRADE)</t>
  </si>
  <si>
    <t>Khirpur Tamewali</t>
  </si>
  <si>
    <t>Main circular road near eid gah khairpur tamewali</t>
  </si>
  <si>
    <t>SYED JAVAID AKHTAR</t>
  </si>
  <si>
    <t>46891</t>
  </si>
  <si>
    <t>638</t>
  </si>
  <si>
    <t>18951</t>
  </si>
  <si>
    <t>1755</t>
  </si>
  <si>
    <t>10898</t>
  </si>
  <si>
    <t>GGPS KHAN WALA</t>
  </si>
  <si>
    <t>BHAKHRI AHMED KHAN FEMALE</t>
  </si>
  <si>
    <t>Khan Wala</t>
  </si>
  <si>
    <t>bait wasawa shumali moza khan wala</t>
  </si>
  <si>
    <t>Bait Waswa Shumali</t>
  </si>
  <si>
    <t>Azra Manzoor</t>
  </si>
  <si>
    <t>3271</t>
  </si>
  <si>
    <t>GGPS DHOK TOOR</t>
  </si>
  <si>
    <t>Dhok Toor</t>
  </si>
  <si>
    <t>vill, dhok toor
p/o  dumman
teh &amp; dist  chakwal</t>
  </si>
  <si>
    <t>Jund Khanzada</t>
  </si>
  <si>
    <t>Saima Talat</t>
  </si>
  <si>
    <t>12779</t>
  </si>
  <si>
    <t>30156</t>
  </si>
  <si>
    <t>37172</t>
  </si>
  <si>
    <t>GPS 15/V NO.2 KHANEWAL</t>
  </si>
  <si>
    <t>Khanewal Kohna</t>
  </si>
  <si>
    <t>chak #15v khanewal</t>
  </si>
  <si>
    <t>Chak15v Aadhiwala</t>
  </si>
  <si>
    <t>16v</t>
  </si>
  <si>
    <t>362</t>
  </si>
  <si>
    <t>31263</t>
  </si>
  <si>
    <t>GPS MC JUNIOR MODEL RIWAZ GARDEN</t>
  </si>
  <si>
    <t>Rewaz Garden</t>
  </si>
  <si>
    <t>cdg junior model school rewaz garden,near post office lhr</t>
  </si>
  <si>
    <t>Rewaz  Garden</t>
  </si>
  <si>
    <t>Tahira Syed</t>
  </si>
  <si>
    <t>22987</t>
  </si>
  <si>
    <t>7804</t>
  </si>
  <si>
    <t>7253</t>
  </si>
  <si>
    <t>38947</t>
  </si>
  <si>
    <t>GHS SHAH RAI SADULLAH</t>
  </si>
  <si>
    <t>Shah Rai Sadullah</t>
  </si>
  <si>
    <t>Village shah rai sadullah teh fateh jang</t>
  </si>
  <si>
    <t>Shehr Rai Sadullah</t>
  </si>
  <si>
    <t>Mubashir Javed</t>
  </si>
  <si>
    <t>17151</t>
  </si>
  <si>
    <t>24143</t>
  </si>
  <si>
    <t>823</t>
  </si>
  <si>
    <t>15463</t>
  </si>
  <si>
    <t>GHS CHAK 469 GB SAMUNDRI</t>
  </si>
  <si>
    <t>Chak No 469 GB Grewal Samundri</t>
  </si>
  <si>
    <t>Muhammad Asif Tahseen</t>
  </si>
  <si>
    <t>41061</t>
  </si>
  <si>
    <t>GGHS NARA</t>
  </si>
  <si>
    <t>NARA</t>
  </si>
  <si>
    <t>vill &amp; p/o nara tehsil kahuta</t>
  </si>
  <si>
    <t>kanzay khan</t>
  </si>
  <si>
    <t>50071</t>
  </si>
  <si>
    <t>477</t>
  </si>
  <si>
    <t>6382</t>
  </si>
  <si>
    <t>50170</t>
  </si>
  <si>
    <t>GES  105/12-L</t>
  </si>
  <si>
    <t>KOTLA ADEEB SHAHEED-MALE</t>
  </si>
  <si>
    <t>105/12-l</t>
  </si>
  <si>
    <t>50/12-l</t>
  </si>
  <si>
    <t>muhammad farhan niaz</t>
  </si>
  <si>
    <t>5944</t>
  </si>
  <si>
    <t>3077</t>
  </si>
  <si>
    <t>35888</t>
  </si>
  <si>
    <t>32810</t>
  </si>
  <si>
    <t>11423</t>
  </si>
  <si>
    <t>43480</t>
  </si>
  <si>
    <t>GGPS SOSCIAN</t>
  </si>
  <si>
    <t>Soscian</t>
  </si>
  <si>
    <t>village Soscian post office dhuman tehsil and distt chakwal</t>
  </si>
  <si>
    <t>Dhuman</t>
  </si>
  <si>
    <t>Yasmeen Akhter</t>
  </si>
  <si>
    <t>motor</t>
  </si>
  <si>
    <t>2035</t>
  </si>
  <si>
    <t>3520</t>
  </si>
  <si>
    <t>1785</t>
  </si>
  <si>
    <t>36676</t>
  </si>
  <si>
    <t>22281</t>
  </si>
  <si>
    <t>GGES IBRAHIM PUR, NAWAN SHEHR</t>
  </si>
  <si>
    <t>MONGA WALA - FEMALE</t>
  </si>
  <si>
    <t>Ibrahimpur</t>
  </si>
  <si>
    <t>govt girlls m/s lbrahimpur teh.kabirwala</t>
  </si>
  <si>
    <t>Ibrahimp</t>
  </si>
  <si>
    <t>Falaknaz</t>
  </si>
  <si>
    <t>34524</t>
  </si>
  <si>
    <t>18213</t>
  </si>
  <si>
    <t>27636</t>
  </si>
  <si>
    <t>GGHS BAR MUSA</t>
  </si>
  <si>
    <t>barmusa</t>
  </si>
  <si>
    <t>vpo barmusa</t>
  </si>
  <si>
    <t>fauzia khan</t>
  </si>
  <si>
    <t>46029</t>
  </si>
  <si>
    <t>2212</t>
  </si>
  <si>
    <t>16421</t>
  </si>
  <si>
    <t>GES CHAK 102 JB FSD</t>
  </si>
  <si>
    <t>BARNALA - MALE</t>
  </si>
  <si>
    <t>BURJ PIND</t>
  </si>
  <si>
    <t>CHAK NO 102 JB BURJ</t>
  </si>
  <si>
    <t>BURJ</t>
  </si>
  <si>
    <t>M Anser</t>
  </si>
  <si>
    <t>16453</t>
  </si>
  <si>
    <t>1068</t>
  </si>
  <si>
    <t>846</t>
  </si>
  <si>
    <t>50705</t>
  </si>
  <si>
    <t>GHS 129/9-L</t>
  </si>
  <si>
    <t>Chak No. 129/9L, Sahiwal.</t>
  </si>
  <si>
    <t>Chak No. 129/9L</t>
  </si>
  <si>
    <t>129/9L</t>
  </si>
  <si>
    <t>29524</t>
  </si>
  <si>
    <t>1553</t>
  </si>
  <si>
    <t>2173</t>
  </si>
  <si>
    <t>16125</t>
  </si>
  <si>
    <t>GGES CHAK NO 72 JB</t>
  </si>
  <si>
    <t>72jb</t>
  </si>
  <si>
    <t>chak no 72 jb</t>
  </si>
  <si>
    <t>Chak No 72jb</t>
  </si>
  <si>
    <t>41jb</t>
  </si>
  <si>
    <t>Nudrat Sultana</t>
  </si>
  <si>
    <t>11968</t>
  </si>
  <si>
    <t>10223</t>
  </si>
  <si>
    <t>45236</t>
  </si>
  <si>
    <t>626</t>
  </si>
  <si>
    <t>39736</t>
  </si>
  <si>
    <t>38417</t>
  </si>
  <si>
    <t>GGHSS JALLAH ARIAN</t>
  </si>
  <si>
    <t>Jallaha Arain</t>
  </si>
  <si>
    <t>po jallah arain lodhran</t>
  </si>
  <si>
    <t>Jallah Arain</t>
  </si>
  <si>
    <t>mrs. tasleem fatima</t>
  </si>
  <si>
    <t>916</t>
  </si>
  <si>
    <t>45401</t>
  </si>
  <si>
    <t>29084</t>
  </si>
  <si>
    <t>GHS NOOR PUR DOGRAN</t>
  </si>
  <si>
    <t>Noor Pur Dogran</t>
  </si>
  <si>
    <t>Govt. Boys High School Noor Pur Dogran (Kasur)</t>
  </si>
  <si>
    <t>Shaukat Ali Chaudhary</t>
  </si>
  <si>
    <t>16602</t>
  </si>
  <si>
    <t>50374</t>
  </si>
  <si>
    <t>GPS 171/9-L</t>
  </si>
  <si>
    <t>171/9l</t>
  </si>
  <si>
    <t>chak 171/9l</t>
  </si>
  <si>
    <t>30/11l</t>
  </si>
  <si>
    <t>ABDUL RAZZAQ</t>
  </si>
  <si>
    <t>1196</t>
  </si>
  <si>
    <t>29600</t>
  </si>
  <si>
    <t>29904</t>
  </si>
  <si>
    <t>15187</t>
  </si>
  <si>
    <t>GGPS CHAK 118 GB SATIANA</t>
  </si>
  <si>
    <t>AWAGAT 2 - FEMALE</t>
  </si>
  <si>
    <t>118gb</t>
  </si>
  <si>
    <t>ggps 118gb jaranwala</t>
  </si>
  <si>
    <t>Chak118gb</t>
  </si>
  <si>
    <t>115Gb</t>
  </si>
  <si>
    <t>clean  water from  government  tap</t>
  </si>
  <si>
    <t>37473</t>
  </si>
  <si>
    <t>3225</t>
  </si>
  <si>
    <t>35564</t>
  </si>
  <si>
    <t>GHS COLONY ROAD MAILSI</t>
  </si>
  <si>
    <t>mailsi</t>
  </si>
  <si>
    <t>COLONY ROAD MAILSI</t>
  </si>
  <si>
    <t>MOHALLAH PETWARIAN MAILSI</t>
  </si>
  <si>
    <t>east mailsi</t>
  </si>
  <si>
    <t>MIAN SARDAR AHMAD</t>
  </si>
  <si>
    <t>31280</t>
  </si>
  <si>
    <t>775</t>
  </si>
  <si>
    <t>15618</t>
  </si>
  <si>
    <t>GGPS CHAK 216 GB I MAMUNKANJAN</t>
  </si>
  <si>
    <t>Jalal Abad</t>
  </si>
  <si>
    <t>chak no 216gb</t>
  </si>
  <si>
    <t>216gb</t>
  </si>
  <si>
    <t>214gb</t>
  </si>
  <si>
    <t>Mavra Ahmad</t>
  </si>
  <si>
    <t>5610</t>
  </si>
  <si>
    <t>34884</t>
  </si>
  <si>
    <t>3587</t>
  </si>
  <si>
    <t>2771</t>
  </si>
  <si>
    <t>4089</t>
  </si>
  <si>
    <t>GES ARABIC CHAK KEHAL</t>
  </si>
  <si>
    <t>BUKHTIARI - MALE</t>
  </si>
  <si>
    <t>Chak Kehal</t>
  </si>
  <si>
    <t>Basti Bidani Mouza Chak Kehal  P/O Gumaani</t>
  </si>
  <si>
    <t>Chak  Kehal</t>
  </si>
  <si>
    <t>Sadiq Abad</t>
  </si>
  <si>
    <t>Muhammad Shahid</t>
  </si>
  <si>
    <t>4034</t>
  </si>
  <si>
    <t>2202</t>
  </si>
  <si>
    <t>32517</t>
  </si>
  <si>
    <t>GPS PURANI BHAINI</t>
  </si>
  <si>
    <t>SHARAQPUR</t>
  </si>
  <si>
    <t>SHARAQPUR-II - MALE</t>
  </si>
  <si>
    <t>Purani Bhenni</t>
  </si>
  <si>
    <t>GPS PURANI BHENNI ,POST OFFICE SHARAQ PUR SHRIF</t>
  </si>
  <si>
    <t>Sahjowal</t>
  </si>
  <si>
    <t>Arshad Mehmood</t>
  </si>
  <si>
    <t>2300</t>
  </si>
  <si>
    <t>38970</t>
  </si>
  <si>
    <t>36254</t>
  </si>
  <si>
    <t>GPS CHAK NO.83/WB</t>
  </si>
  <si>
    <t>83/wb</t>
  </si>
  <si>
    <t>Chak No, 83/WB Vehari</t>
  </si>
  <si>
    <t>87/wb</t>
  </si>
  <si>
    <t>6473</t>
  </si>
  <si>
    <t>5150</t>
  </si>
  <si>
    <t>22072</t>
  </si>
  <si>
    <t>10968</t>
  </si>
  <si>
    <t>2072</t>
  </si>
  <si>
    <t>5707</t>
  </si>
  <si>
    <t>49961</t>
  </si>
  <si>
    <t>GPS RABANA</t>
  </si>
  <si>
    <t>THATTI JALAL - MALE</t>
  </si>
  <si>
    <t>Rabana</t>
  </si>
  <si>
    <t>Rabana Tehsil Sahiwal District Sargodha</t>
  </si>
  <si>
    <t>Noor E Wala</t>
  </si>
  <si>
    <t>Muhammad Sher</t>
  </si>
  <si>
    <t>3313</t>
  </si>
  <si>
    <t>41829</t>
  </si>
  <si>
    <t>52917</t>
  </si>
  <si>
    <t>33256</t>
  </si>
  <si>
    <t>GPS TIBBI CHOCHKAN</t>
  </si>
  <si>
    <t>Tibbi Chochkan</t>
  </si>
  <si>
    <t>Rehman Abad</t>
  </si>
  <si>
    <t>Haroon Shah</t>
  </si>
  <si>
    <t>886</t>
  </si>
  <si>
    <t>50891</t>
  </si>
  <si>
    <t>GPS 132/9-L</t>
  </si>
  <si>
    <t>132/9l</t>
  </si>
  <si>
    <t>132/9l sahiwal</t>
  </si>
  <si>
    <t>133/9l</t>
  </si>
  <si>
    <t>riaz hussain</t>
  </si>
  <si>
    <t>6072</t>
  </si>
  <si>
    <t>16113</t>
  </si>
  <si>
    <t>994</t>
  </si>
  <si>
    <t>41389</t>
  </si>
  <si>
    <t>GMPS CHAKA BEGWAL</t>
  </si>
  <si>
    <t>GULEHRA GALI - FEMALE</t>
  </si>
  <si>
    <t>Chakka Begwal</t>
  </si>
  <si>
    <t>Village and post office chukka Begwal</t>
  </si>
  <si>
    <t>Angoori</t>
  </si>
  <si>
    <t>Asma Quyyum</t>
  </si>
  <si>
    <t>1760</t>
  </si>
  <si>
    <t>chashma</t>
  </si>
  <si>
    <t>17164</t>
  </si>
  <si>
    <t>18160</t>
  </si>
  <si>
    <t>29615</t>
  </si>
  <si>
    <t>4381</t>
  </si>
  <si>
    <t>GGES NAI WALA CHATHA</t>
  </si>
  <si>
    <t>Naiwala Chattha</t>
  </si>
  <si>
    <t>POB naiwala chattha tehsil: wazirabad district: gujranwala</t>
  </si>
  <si>
    <t>Jattan Wali</t>
  </si>
  <si>
    <t>Hina Muzaffar</t>
  </si>
  <si>
    <t>14374</t>
  </si>
  <si>
    <t>22374</t>
  </si>
  <si>
    <t>39698</t>
  </si>
  <si>
    <t>48069</t>
  </si>
  <si>
    <t>GHS DODHA</t>
  </si>
  <si>
    <t>DODAH</t>
  </si>
  <si>
    <t>VILLAGE &amp; PO DODAH TEHSIL KOTMOMAN DISTRICT SARGODHA</t>
  </si>
  <si>
    <t>MUHAMMAD ASLAM</t>
  </si>
  <si>
    <t>10128</t>
  </si>
  <si>
    <t>48726</t>
  </si>
  <si>
    <t>GGHSS CHAK NO.45 SB</t>
  </si>
  <si>
    <t>45 Sb Sgd</t>
  </si>
  <si>
    <t>Chak No 45 sb tehsil &amp; district sargodha</t>
  </si>
  <si>
    <t>46 Sb Sgd</t>
  </si>
  <si>
    <t>NUZHAT ASMA</t>
  </si>
  <si>
    <t>25296</t>
  </si>
  <si>
    <t>1385</t>
  </si>
  <si>
    <t>38198</t>
  </si>
  <si>
    <t>GPS KHAN WALA</t>
  </si>
  <si>
    <t>MEHARABAD - MALE</t>
  </si>
  <si>
    <t>wigha mall</t>
  </si>
  <si>
    <t>moza wahi wigha mall Lodhran</t>
  </si>
  <si>
    <t>sherpur</t>
  </si>
  <si>
    <t>Muhammad Jaffar</t>
  </si>
  <si>
    <t>52856</t>
  </si>
  <si>
    <t>1765</t>
  </si>
  <si>
    <t>39242</t>
  </si>
  <si>
    <t>GES LANGRIAL</t>
  </si>
  <si>
    <t>MIANWALA - MALE</t>
  </si>
  <si>
    <t>Langrial</t>
  </si>
  <si>
    <t>langrial teh pindigheb attock</t>
  </si>
  <si>
    <t>Dandi</t>
  </si>
  <si>
    <t>Khizar Hayat</t>
  </si>
  <si>
    <t>30728</t>
  </si>
  <si>
    <t>33700</t>
  </si>
  <si>
    <t>4250</t>
  </si>
  <si>
    <t>40475</t>
  </si>
  <si>
    <t>GGPS NAWAN LOKE</t>
  </si>
  <si>
    <t>PINANWAL-FEMALE</t>
  </si>
  <si>
    <t>Pinanwal</t>
  </si>
  <si>
    <t>nawanloke p. o.box pinanwal tehsil p d khan district Jhelum</t>
  </si>
  <si>
    <t>Nawanloke</t>
  </si>
  <si>
    <t>Chakshadi</t>
  </si>
  <si>
    <t>Kouser Shaheen</t>
  </si>
  <si>
    <t>1332</t>
  </si>
  <si>
    <t>5951</t>
  </si>
  <si>
    <t>3560</t>
  </si>
  <si>
    <t>2479</t>
  </si>
  <si>
    <t>16605</t>
  </si>
  <si>
    <t>GPS CHAK 500 GB I MAMUNKANJAN</t>
  </si>
  <si>
    <t>MAMUNKANJAN-II - MALE</t>
  </si>
  <si>
    <t>Jhoke Bahli</t>
  </si>
  <si>
    <t>Chak no 500/1 gb mamukanjan Tehsil Tandlianwala</t>
  </si>
  <si>
    <t>Chak No 500/1</t>
  </si>
  <si>
    <t>Chak 498</t>
  </si>
  <si>
    <t>Maqsood Ahmed</t>
  </si>
  <si>
    <t>1872</t>
  </si>
  <si>
    <t>35682</t>
  </si>
  <si>
    <t>GPS SAEE GUNMB  PO JALLAH JEEM</t>
  </si>
  <si>
    <t>SYPHON-MALE</t>
  </si>
  <si>
    <t>Saee Gumb</t>
  </si>
  <si>
    <t>basti Saee Gunmb p/o jallah jeem tehsil mailsi</t>
  </si>
  <si>
    <t>Saee Gunmb</t>
  </si>
  <si>
    <t>Jallah Jeem</t>
  </si>
  <si>
    <t>ARSHAD IQBAL</t>
  </si>
  <si>
    <t>902</t>
  </si>
  <si>
    <t>817</t>
  </si>
  <si>
    <t>4202</t>
  </si>
  <si>
    <t>GGPS CHAK NO.52/DB (E)</t>
  </si>
  <si>
    <t>CHAK NO 117/DB</t>
  </si>
  <si>
    <t>Yasmeen Akbar</t>
  </si>
  <si>
    <t>4460</t>
  </si>
  <si>
    <t>5918</t>
  </si>
  <si>
    <t>4339</t>
  </si>
  <si>
    <t>11890</t>
  </si>
  <si>
    <t>GGPS CHAK NO. 590 TDA</t>
  </si>
  <si>
    <t>CHOWK SARWAR SHAHEED- FEMALE</t>
  </si>
  <si>
    <t>chak no 590/TDA</t>
  </si>
  <si>
    <t>GGPS 590/TDA</t>
  </si>
  <si>
    <t>590/TDA</t>
  </si>
  <si>
    <t>wander</t>
  </si>
  <si>
    <t>Nasira Kausar</t>
  </si>
  <si>
    <t>2528</t>
  </si>
  <si>
    <t>25514</t>
  </si>
  <si>
    <t>GMPS CHAK NO. 69 ML</t>
  </si>
  <si>
    <t>CHAK NO.67/ML-FEMALE</t>
  </si>
  <si>
    <t>69ml</t>
  </si>
  <si>
    <t>chak 69ml.P/O 69ML</t>
  </si>
  <si>
    <t>67ml</t>
  </si>
  <si>
    <t>Sajida Akram</t>
  </si>
  <si>
    <t>6857</t>
  </si>
  <si>
    <t>12180</t>
  </si>
  <si>
    <t>22105</t>
  </si>
  <si>
    <t>49036</t>
  </si>
  <si>
    <t>2571</t>
  </si>
  <si>
    <t>19489</t>
  </si>
  <si>
    <t>GPS CHAK 267 GB</t>
  </si>
  <si>
    <t>KOT KHITRAN MALE</t>
  </si>
  <si>
    <t>chak no 267gb</t>
  </si>
  <si>
    <t>Chak No 262 Gb</t>
  </si>
  <si>
    <t>2052</t>
  </si>
  <si>
    <t>19529</t>
  </si>
  <si>
    <t>19723</t>
  </si>
  <si>
    <t>41466</t>
  </si>
  <si>
    <t>GGPS DHANDI</t>
  </si>
  <si>
    <t>GEHL - FEMALE</t>
  </si>
  <si>
    <t>Dhandi</t>
  </si>
  <si>
    <t>village bilgaran p/o dhanda</t>
  </si>
  <si>
    <t>Dhanda</t>
  </si>
  <si>
    <t>Ghel</t>
  </si>
  <si>
    <t>Saima Imtiaz</t>
  </si>
  <si>
    <t>19261</t>
  </si>
  <si>
    <t>41656</t>
  </si>
  <si>
    <t>GGES MURREE ROAD RWP</t>
  </si>
  <si>
    <t>Dhoke Ellahi  Bakhsh</t>
  </si>
  <si>
    <t>GGES Murree Road, Dhoke Ellahi Bakhsh, Umer Road, near Committee Choke, Rawalpindi</t>
  </si>
  <si>
    <t>Mrs Waheeda Khanam</t>
  </si>
  <si>
    <t>29180</t>
  </si>
  <si>
    <t>2471</t>
  </si>
  <si>
    <t>53395</t>
  </si>
  <si>
    <t>GMPS 56 2L</t>
  </si>
  <si>
    <t>33/2R - FEMALE</t>
  </si>
  <si>
    <t>56/2L</t>
  </si>
  <si>
    <t>govt.model primary school 56/2L</t>
  </si>
  <si>
    <t>54/2l</t>
  </si>
  <si>
    <t>Rana Gluzar Ahmed</t>
  </si>
  <si>
    <t>6600</t>
  </si>
  <si>
    <t>51544</t>
  </si>
  <si>
    <t>GPS AKAL GARH P.O KARTAR PUR</t>
  </si>
  <si>
    <t>Akal Garh</t>
  </si>
  <si>
    <t>akalgarh</t>
  </si>
  <si>
    <t>Aklgarh</t>
  </si>
  <si>
    <t>Tiwana Kalin</t>
  </si>
  <si>
    <t>Intazar Ali</t>
  </si>
  <si>
    <t>2797</t>
  </si>
  <si>
    <t>28175</t>
  </si>
  <si>
    <t>19175</t>
  </si>
  <si>
    <t>2921</t>
  </si>
  <si>
    <t>29850</t>
  </si>
  <si>
    <t>GGPS CHAK NO 69</t>
  </si>
  <si>
    <t>BHOPAYWAL - FEMALE</t>
  </si>
  <si>
    <t>Chak 69 Sarkot</t>
  </si>
  <si>
    <t>chak no 69 tehsil pattoki dist Kasur.</t>
  </si>
  <si>
    <t>Chak No 69</t>
  </si>
  <si>
    <t>Dohlan Chak 27</t>
  </si>
  <si>
    <t>Nazia Mukhtar</t>
  </si>
  <si>
    <t>1255</t>
  </si>
  <si>
    <t>29370</t>
  </si>
  <si>
    <t>6315</t>
  </si>
  <si>
    <t>13965</t>
  </si>
  <si>
    <t>GPS MUD ALI MUHAMMAD</t>
  </si>
  <si>
    <t>NOORPUR MACHHI WALA - MALE</t>
  </si>
  <si>
    <t>Rakh Taung</t>
  </si>
  <si>
    <t>raqba Ghulam Ali Balooch rakh taung</t>
  </si>
  <si>
    <t>mud Ali Muhd</t>
  </si>
  <si>
    <t>Noor Pur Machhi Wala</t>
  </si>
  <si>
    <t>Muhammad Rafi</t>
  </si>
  <si>
    <t>24192</t>
  </si>
  <si>
    <t>GPS HUSSA JAJJA</t>
  </si>
  <si>
    <t>Hussa Jajja</t>
  </si>
  <si>
    <t>GPS hussa jajja</t>
  </si>
  <si>
    <t>Sukinwind</t>
  </si>
  <si>
    <t>Abdul Raouf</t>
  </si>
  <si>
    <t>3270</t>
  </si>
  <si>
    <t>36120</t>
  </si>
  <si>
    <t>38044</t>
  </si>
  <si>
    <t>32911</t>
  </si>
  <si>
    <t>32298</t>
  </si>
  <si>
    <t>31247</t>
  </si>
  <si>
    <t>30841</t>
  </si>
  <si>
    <t>GHS MUSLIM BAGHBAN PURA</t>
  </si>
  <si>
    <t>baghbanpura</t>
  </si>
  <si>
    <t>g.t road baghbanpura lahore</t>
  </si>
  <si>
    <t>crown park</t>
  </si>
  <si>
    <t>Muhammad Arif</t>
  </si>
  <si>
    <t>15649</t>
  </si>
  <si>
    <t>40570</t>
  </si>
  <si>
    <t>1297</t>
  </si>
  <si>
    <t>3198</t>
  </si>
  <si>
    <t>33175</t>
  </si>
  <si>
    <t>GHS REHMAN ABAD</t>
  </si>
  <si>
    <t>rehman abad</t>
  </si>
  <si>
    <t>chak no 4r.b near khanqah dogran</t>
  </si>
  <si>
    <t>muhammad hafeez</t>
  </si>
  <si>
    <t>43430</t>
  </si>
  <si>
    <t>820</t>
  </si>
  <si>
    <t>3165</t>
  </si>
  <si>
    <t>46094</t>
  </si>
  <si>
    <t>GGHS GHOUS NAGAR KHUSHAB</t>
  </si>
  <si>
    <t>Khushab</t>
  </si>
  <si>
    <t>mohallah postian wala khb</t>
  </si>
  <si>
    <t>Mc Khushab</t>
  </si>
  <si>
    <t>shazia jabeen</t>
  </si>
  <si>
    <t>20400</t>
  </si>
  <si>
    <t>482</t>
  </si>
  <si>
    <t>2426</t>
  </si>
  <si>
    <t>36076</t>
  </si>
  <si>
    <t>GGHS H-BLOCK VEHARI</t>
  </si>
  <si>
    <t>GGHS hblock,vehari</t>
  </si>
  <si>
    <t>City Vehari</t>
  </si>
  <si>
    <t>Aalia Firdous</t>
  </si>
  <si>
    <t>23205</t>
  </si>
  <si>
    <t>922</t>
  </si>
  <si>
    <t>1866</t>
  </si>
  <si>
    <t>3223</t>
  </si>
  <si>
    <t>24696</t>
  </si>
  <si>
    <t>GHS CHRISTIAN SIALKOT CITY</t>
  </si>
  <si>
    <t>sialkot city</t>
  </si>
  <si>
    <t>purani gandum mandi sialkot</t>
  </si>
  <si>
    <t>sialkot</t>
  </si>
  <si>
    <t>imam sahib</t>
  </si>
  <si>
    <t>Fiaz Ahmad</t>
  </si>
  <si>
    <t>1857</t>
  </si>
  <si>
    <t>4333</t>
  </si>
  <si>
    <t>12285</t>
  </si>
  <si>
    <t>GGPS HASSAN KHAKH WALA</t>
  </si>
  <si>
    <t>SINAWAN- FEMALE</t>
  </si>
  <si>
    <t>Patti Naich</t>
  </si>
  <si>
    <t>moza Patti naich ilaka sinawan tehsil kotaddu district m.garh</t>
  </si>
  <si>
    <t>Chah Purana</t>
  </si>
  <si>
    <t>Kashif Abad</t>
  </si>
  <si>
    <t>Shahida Bibi</t>
  </si>
  <si>
    <t>11980</t>
  </si>
  <si>
    <t>11663</t>
  </si>
  <si>
    <t>2721</t>
  </si>
  <si>
    <t>17517</t>
  </si>
  <si>
    <t>GGPS NALLI WALA</t>
  </si>
  <si>
    <t>HAVELI LAL - FEMALE</t>
  </si>
  <si>
    <t>Gagrana</t>
  </si>
  <si>
    <t>GGP/S chah nali wala</t>
  </si>
  <si>
    <t>Chah Nali Wala</t>
  </si>
  <si>
    <t>Qadimi</t>
  </si>
  <si>
    <t>Saima Riaz</t>
  </si>
  <si>
    <t>28303</t>
  </si>
  <si>
    <t>18740</t>
  </si>
  <si>
    <t>37703</t>
  </si>
  <si>
    <t>37398</t>
  </si>
  <si>
    <t>GHS MOIN-UL-ISLAM MIAN CHANNU</t>
  </si>
  <si>
    <t>mian channu</t>
  </si>
  <si>
    <t>govt mueen ul islam high school mian channu</t>
  </si>
  <si>
    <t>mohalla Eid Ghah</t>
  </si>
  <si>
    <t>city II</t>
  </si>
  <si>
    <t>Muhammad Ramzan Rashid</t>
  </si>
  <si>
    <t>19599</t>
  </si>
  <si>
    <t>559</t>
  </si>
  <si>
    <t>28237</t>
  </si>
  <si>
    <t>GG BBS HS MAKEN</t>
  </si>
  <si>
    <t>maken</t>
  </si>
  <si>
    <t>VPO Maken, Tehsil Phalia, District Mandibahauddin</t>
  </si>
  <si>
    <t>Pindi Lala</t>
  </si>
  <si>
    <t>Ambreen Rehna</t>
  </si>
  <si>
    <t>12512</t>
  </si>
  <si>
    <t>6165</t>
  </si>
  <si>
    <t>53435</t>
  </si>
  <si>
    <t>GGCMS 6-A/4-L</t>
  </si>
  <si>
    <t>4/4.L-FEMALE</t>
  </si>
  <si>
    <t>village 6a/4L, OKARA.</t>
  </si>
  <si>
    <t>6a/4L</t>
  </si>
  <si>
    <t>Sajida Sharif</t>
  </si>
  <si>
    <t>23103</t>
  </si>
  <si>
    <t>21303</t>
  </si>
  <si>
    <t>51620</t>
  </si>
  <si>
    <t>20998</t>
  </si>
  <si>
    <t>GPS NEHALO CHAK</t>
  </si>
  <si>
    <t>Nehalo Chak</t>
  </si>
  <si>
    <t>nehalo chak wazirabad gujranwala</t>
  </si>
  <si>
    <t>Amanat Ali</t>
  </si>
  <si>
    <t>4138</t>
  </si>
  <si>
    <t>30529</t>
  </si>
  <si>
    <t>936</t>
  </si>
  <si>
    <t>3169</t>
  </si>
  <si>
    <t>53605</t>
  </si>
  <si>
    <t>GHS CHAK NO.28/2-L OKARA</t>
  </si>
  <si>
    <t>28/2-L</t>
  </si>
  <si>
    <t>Chak No. 28/2-L, Okara.</t>
  </si>
  <si>
    <t>24/2-L</t>
  </si>
  <si>
    <t>Muhammad Ashraf Tahir</t>
  </si>
  <si>
    <t>24763</t>
  </si>
  <si>
    <t>GHS MACHI KHOKHAR</t>
  </si>
  <si>
    <t>Machi Khokhar</t>
  </si>
  <si>
    <t>Machi KHOKHAR tehsil and district sialkot</t>
  </si>
  <si>
    <t>Ballanwala</t>
  </si>
  <si>
    <t>Adnan Ahmed</t>
  </si>
  <si>
    <t>1219</t>
  </si>
  <si>
    <t>29824</t>
  </si>
  <si>
    <t>GGCMES BHOPEE WAL CHAK NO 23</t>
  </si>
  <si>
    <t>Bhopewal#23</t>
  </si>
  <si>
    <t>GGCMES BHOPEWAL#23</t>
  </si>
  <si>
    <t>Amtul Rauf</t>
  </si>
  <si>
    <t>9120</t>
  </si>
  <si>
    <t>15680</t>
  </si>
  <si>
    <t>10250</t>
  </si>
  <si>
    <t>38185</t>
  </si>
  <si>
    <t>GGCMS KOTHA UTERA</t>
  </si>
  <si>
    <t>Kotha Uttera</t>
  </si>
  <si>
    <t>Kotha uttera</t>
  </si>
  <si>
    <t>Haveli Naseer Khan</t>
  </si>
  <si>
    <t>Noreen Bashir</t>
  </si>
  <si>
    <t>7538</t>
  </si>
  <si>
    <t>19600</t>
  </si>
  <si>
    <t>20071</t>
  </si>
  <si>
    <t>3192</t>
  </si>
  <si>
    <t>31526</t>
  </si>
  <si>
    <t>GHS HATCHER</t>
  </si>
  <si>
    <t>HATCHER</t>
  </si>
  <si>
    <t>GHS HATCHER P/O HATCHER  MURIDKE SKP</t>
  </si>
  <si>
    <t>NANGAL BOUCHER</t>
  </si>
  <si>
    <t>Naseer  Masih</t>
  </si>
  <si>
    <t>3724</t>
  </si>
  <si>
    <t>16530</t>
  </si>
  <si>
    <t>GPS MOZA KUR</t>
  </si>
  <si>
    <t>Moza Kur</t>
  </si>
  <si>
    <t>Gps Moza kur</t>
  </si>
  <si>
    <t>Chak 597</t>
  </si>
  <si>
    <t>Ali Sher Shahid</t>
  </si>
  <si>
    <t>1792</t>
  </si>
  <si>
    <t>394</t>
  </si>
  <si>
    <t>24407</t>
  </si>
  <si>
    <t>24013</t>
  </si>
  <si>
    <t>2260</t>
  </si>
  <si>
    <t>38248</t>
  </si>
  <si>
    <t>GPS BAHADI WAHIN</t>
  </si>
  <si>
    <t>BAHAWALGARH - MALE</t>
  </si>
  <si>
    <t>Bahadi Wahin</t>
  </si>
  <si>
    <t>GPS bahadi wahin</t>
  </si>
  <si>
    <t>Naseer Di Wahin</t>
  </si>
  <si>
    <t>Muhammad Imtiaz</t>
  </si>
  <si>
    <t>6287</t>
  </si>
  <si>
    <t>5013</t>
  </si>
  <si>
    <t>45291</t>
  </si>
  <si>
    <t>GMPS HAIDER WALA</t>
  </si>
  <si>
    <t>DAGGER KOTLI-FEMALE</t>
  </si>
  <si>
    <t>Dagger Kotli</t>
  </si>
  <si>
    <t>Govt. Model Primary School Haider Wala</t>
  </si>
  <si>
    <t>Haider Wala</t>
  </si>
  <si>
    <t>Zeenat Bibi</t>
  </si>
  <si>
    <t>36423</t>
  </si>
  <si>
    <t>GGPS 80 WB</t>
  </si>
  <si>
    <t>80wb</t>
  </si>
  <si>
    <t>g.g.ps80wb</t>
  </si>
  <si>
    <t>13107</t>
  </si>
  <si>
    <t>35025</t>
  </si>
  <si>
    <t>23358</t>
  </si>
  <si>
    <t>2983</t>
  </si>
  <si>
    <t>31436</t>
  </si>
  <si>
    <t>GPS GOIL KALA KATHAI ROAD</t>
  </si>
  <si>
    <t>FEROZWALA-IV - MALE</t>
  </si>
  <si>
    <t>Goail</t>
  </si>
  <si>
    <t>goail Kala khatai road</t>
  </si>
  <si>
    <t>Bharth</t>
  </si>
  <si>
    <t>Ahsan Ali</t>
  </si>
  <si>
    <t>1663</t>
  </si>
  <si>
    <t>19221</t>
  </si>
  <si>
    <t>GHS CHAK 408 JB SUBHANIA</t>
  </si>
  <si>
    <t>Chak No. 408 JB</t>
  </si>
  <si>
    <t>Chak No. 314 GB</t>
  </si>
  <si>
    <t>MANZOOR ALI</t>
  </si>
  <si>
    <t>23593</t>
  </si>
  <si>
    <t>12970</t>
  </si>
  <si>
    <t>14170</t>
  </si>
  <si>
    <t>17467</t>
  </si>
  <si>
    <t>33210</t>
  </si>
  <si>
    <t>GGHS RATTI TIBBI CHAK NO. 12/RB</t>
  </si>
  <si>
    <t>Rati Tibi</t>
  </si>
  <si>
    <t>gghs rati tibi</t>
  </si>
  <si>
    <t>SUMERA AMJAD</t>
  </si>
  <si>
    <t>11790</t>
  </si>
  <si>
    <t>782</t>
  </si>
  <si>
    <t>2485</t>
  </si>
  <si>
    <t>53528</t>
  </si>
  <si>
    <t>GGES 34/2.L</t>
  </si>
  <si>
    <t>KARMAN WALA - FEMALE</t>
  </si>
  <si>
    <t>32/2l</t>
  </si>
  <si>
    <t>34/2l</t>
  </si>
  <si>
    <t>Farida Akmal</t>
  </si>
  <si>
    <t>39200</t>
  </si>
  <si>
    <t>10133</t>
  </si>
  <si>
    <t>36976</t>
  </si>
  <si>
    <t>GMPS CHITOR GARH, P/O HAIDER ABAD, NAWAN SHEHR</t>
  </si>
  <si>
    <t>Chatoor Ghar</t>
  </si>
  <si>
    <t>chatoor ghar markaz nawn shahr</t>
  </si>
  <si>
    <t>Chack Hadir Abad</t>
  </si>
  <si>
    <t>Samreen Zehra</t>
  </si>
  <si>
    <t>9129</t>
  </si>
  <si>
    <t>11880</t>
  </si>
  <si>
    <t>23021</t>
  </si>
  <si>
    <t>GPS CHAK 509 GB II MAMUNKANJAN</t>
  </si>
  <si>
    <t>MAMUNKANJAN</t>
  </si>
  <si>
    <t>DARBAR MIAN AHMAD HASAN CHAK NO 509 GB TANDLIANWALA DISTT FAISALABAD</t>
  </si>
  <si>
    <t>Chak509GB</t>
  </si>
  <si>
    <t>Municipal Community Mamunkanjan</t>
  </si>
  <si>
    <t>Khalid Mehmood Anjum</t>
  </si>
  <si>
    <t>1623</t>
  </si>
  <si>
    <t>465</t>
  </si>
  <si>
    <t>31400</t>
  </si>
  <si>
    <t>1340</t>
  </si>
  <si>
    <t>2101</t>
  </si>
  <si>
    <t>GHS SAID ALI</t>
  </si>
  <si>
    <t>Said Ali</t>
  </si>
  <si>
    <t>High School Said Ali  Tehsil Minchin Abad</t>
  </si>
  <si>
    <t>Muhammad Tahir  Saghar</t>
  </si>
  <si>
    <t>7085</t>
  </si>
  <si>
    <t>7392</t>
  </si>
  <si>
    <t>38410</t>
  </si>
  <si>
    <t>GPS JHOK AAHEER KEHROR PACCA</t>
  </si>
  <si>
    <t>Rappir</t>
  </si>
  <si>
    <t>govt.primary school , jhooke aheer no 2.</t>
  </si>
  <si>
    <t>Bootay Wala</t>
  </si>
  <si>
    <t>Syed Mushtaq Hussain</t>
  </si>
  <si>
    <t>31419</t>
  </si>
  <si>
    <t>GPS MEEKHO WALI KALA KHATAI ROAD</t>
  </si>
  <si>
    <t>Meekhowali</t>
  </si>
  <si>
    <t>meekho wali</t>
  </si>
  <si>
    <t>Laban Wala</t>
  </si>
  <si>
    <t>1236</t>
  </si>
  <si>
    <t>11208</t>
  </si>
  <si>
    <t>9972</t>
  </si>
  <si>
    <t>30001</t>
  </si>
  <si>
    <t>GPS DHARI WAL</t>
  </si>
  <si>
    <t>Mudkey</t>
  </si>
  <si>
    <t>GPS BOYS DHARIWAL</t>
  </si>
  <si>
    <t>Dhariwal</t>
  </si>
  <si>
    <t>M.AFZAAL ELAHI</t>
  </si>
  <si>
    <t>53760</t>
  </si>
  <si>
    <t>49894</t>
  </si>
  <si>
    <t>21772</t>
  </si>
  <si>
    <t>GHS MURALI WALA</t>
  </si>
  <si>
    <t>Muraliwala</t>
  </si>
  <si>
    <t>Muraliwala,Gujranwala</t>
  </si>
  <si>
    <t>1870</t>
  </si>
  <si>
    <t>20555</t>
  </si>
  <si>
    <t>930</t>
  </si>
  <si>
    <t>847</t>
  </si>
  <si>
    <t>41186</t>
  </si>
  <si>
    <t>GGPS CHATRAANA</t>
  </si>
  <si>
    <t>Chatrana</t>
  </si>
  <si>
    <t>village chatrana po khalol Tehsil kahuta district rawalpindi</t>
  </si>
  <si>
    <t>Zainab Bibi</t>
  </si>
  <si>
    <t>12256</t>
  </si>
  <si>
    <t>5280</t>
  </si>
  <si>
    <t>15546</t>
  </si>
  <si>
    <t>GGES CHAK 138 GB II SAMUNDRI</t>
  </si>
  <si>
    <t>SAMMUNDRI 1 - FEMALE</t>
  </si>
  <si>
    <t>Chak#138gb Rsian Khurd</t>
  </si>
  <si>
    <t>chak no 138 gb ii</t>
  </si>
  <si>
    <t>Chak#138 gb ii</t>
  </si>
  <si>
    <t>138gbi</t>
  </si>
  <si>
    <t>Nuzhat Bano</t>
  </si>
  <si>
    <t>53242</t>
  </si>
  <si>
    <t>GPS NAUL</t>
  </si>
  <si>
    <t>FOJIAN</t>
  </si>
  <si>
    <t>CHAK FOUJIAN PO 12GD TEHSIL&amp; DISTRICT OKARA</t>
  </si>
  <si>
    <t>FOJIAN NOUL</t>
  </si>
  <si>
    <t>MEREEK</t>
  </si>
  <si>
    <t>Muzamal Hussain</t>
  </si>
  <si>
    <t>2713</t>
  </si>
  <si>
    <t>10290</t>
  </si>
  <si>
    <t>10617</t>
  </si>
  <si>
    <t>46096</t>
  </si>
  <si>
    <t>GGHS BLOCK NO. 14 JAUHAR ABAD</t>
  </si>
  <si>
    <t>Jauhrabad</t>
  </si>
  <si>
    <t>Fozia Asghar</t>
  </si>
  <si>
    <t>29648</t>
  </si>
  <si>
    <t>694</t>
  </si>
  <si>
    <t>3924</t>
  </si>
  <si>
    <t>GPS BASTI ALI KAMAL</t>
  </si>
  <si>
    <t>PAKPATTAN 2 - MALE</t>
  </si>
  <si>
    <t>Malak Pur</t>
  </si>
  <si>
    <t>Basti Ali Kamal Dakhli Malak Pur</t>
  </si>
  <si>
    <t>Basti Ali Kamal</t>
  </si>
  <si>
    <t>Behram Pur</t>
  </si>
  <si>
    <t>Abdul Shakoor</t>
  </si>
  <si>
    <t>45942</t>
  </si>
  <si>
    <t>53867</t>
  </si>
  <si>
    <t>1569</t>
  </si>
  <si>
    <t>48810</t>
  </si>
  <si>
    <t>GGHSS CHAK NO.104 NB</t>
  </si>
  <si>
    <t>Chak 104NB</t>
  </si>
  <si>
    <t>104 nb</t>
  </si>
  <si>
    <t>104 Nb</t>
  </si>
  <si>
    <t>Mussarat Bukhari</t>
  </si>
  <si>
    <t>623</t>
  </si>
  <si>
    <t>29886</t>
  </si>
  <si>
    <t>5353</t>
  </si>
  <si>
    <t>GPS CHAK NO 128/NP</t>
  </si>
  <si>
    <t>NALLA MOSANI - MALE</t>
  </si>
  <si>
    <t>Chak No 128/NP</t>
  </si>
  <si>
    <t>PS chak no 128/np UC Nalla musani p/o Pacca Laran Teh.Liaquat pur Dist. Rahim yar khan</t>
  </si>
  <si>
    <t>Dera Jam Abdul Ghafoor</t>
  </si>
  <si>
    <t>Nalla Musani</t>
  </si>
  <si>
    <t>Muhammad Iqbal Qureshi</t>
  </si>
  <si>
    <t>5970</t>
  </si>
  <si>
    <t>3580</t>
  </si>
  <si>
    <t>3444</t>
  </si>
  <si>
    <t>4433</t>
  </si>
  <si>
    <t>GGPS NAZEER SHAHEED BASTI BASHIR ABAD</t>
  </si>
  <si>
    <t>JAMAL CHANNAR - FEMALE</t>
  </si>
  <si>
    <t>Soi Vehar</t>
  </si>
  <si>
    <t>Basti Bashir Abad p/o musafir khana district Bahawalpur</t>
  </si>
  <si>
    <t>Bashir Abad</t>
  </si>
  <si>
    <t>Jindu Missan</t>
  </si>
  <si>
    <t>Shahida Hameed</t>
  </si>
  <si>
    <t>54570</t>
  </si>
  <si>
    <t>GPS KOT HASHMAT</t>
  </si>
  <si>
    <t>THATHA KALIAN - MALE</t>
  </si>
  <si>
    <t>KOT Hashmat</t>
  </si>
  <si>
    <t>KOT hashmat</t>
  </si>
  <si>
    <t>Kot Hashmat</t>
  </si>
  <si>
    <t>Hafizabad</t>
  </si>
  <si>
    <t>7250</t>
  </si>
  <si>
    <t>34980</t>
  </si>
  <si>
    <t>35264</t>
  </si>
  <si>
    <t>42766</t>
  </si>
  <si>
    <t>GGCMS MOHRI DULCHIAL</t>
  </si>
  <si>
    <t>MOHRI RAJGAN</t>
  </si>
  <si>
    <t>MOHRI DULCHIAL</t>
  </si>
  <si>
    <t>KAUNTRIA</t>
  </si>
  <si>
    <t>AMNA ZAHID</t>
  </si>
  <si>
    <t>13205</t>
  </si>
  <si>
    <t>24694</t>
  </si>
  <si>
    <t>27560</t>
  </si>
  <si>
    <t>38282</t>
  </si>
  <si>
    <t>GPS KOTLA DILBAR</t>
  </si>
  <si>
    <t>Bahawal Garh</t>
  </si>
  <si>
    <t>Kotla Dilber</t>
  </si>
  <si>
    <t>26943</t>
  </si>
  <si>
    <t>25600</t>
  </si>
  <si>
    <t>41573</t>
  </si>
  <si>
    <t>GGHS KHAYABAN-E-SIR SYED SEC-III</t>
  </si>
  <si>
    <t>khyaban</t>
  </si>
  <si>
    <t>GGHS KHYABAN E SIR SYED SEC III RWP</t>
  </si>
  <si>
    <t>khyaban e sirsyed sec iII</t>
  </si>
  <si>
    <t>KHYABAN SOUTH</t>
  </si>
  <si>
    <t>MRS NIGHAT YASMIN</t>
  </si>
  <si>
    <t>20672</t>
  </si>
  <si>
    <t>10794</t>
  </si>
  <si>
    <t>44297</t>
  </si>
  <si>
    <t>GGES KHANDOWA</t>
  </si>
  <si>
    <t>Khandoa</t>
  </si>
  <si>
    <t>gges khandoa  tehsil kallar kahar distt chakwal</t>
  </si>
  <si>
    <t>Khairpur</t>
  </si>
  <si>
    <t>Kausar Shaheen</t>
  </si>
  <si>
    <t>underground water pump</t>
  </si>
  <si>
    <t>14760</t>
  </si>
  <si>
    <t>23339</t>
  </si>
  <si>
    <t>37713</t>
  </si>
  <si>
    <t>GPS SHAKROO KAY DAHAR, TULAMBA</t>
  </si>
  <si>
    <t>TULAMBA - MALE</t>
  </si>
  <si>
    <t>Bopri Aia Khera</t>
  </si>
  <si>
    <t>basti shakroo kay dahar moza bopri aia khera mian channu</t>
  </si>
  <si>
    <t>Shakroo K Dahar</t>
  </si>
  <si>
    <t>123/7-ER</t>
  </si>
  <si>
    <t>Abdul Rehman</t>
  </si>
  <si>
    <t>1525</t>
  </si>
  <si>
    <t>14775</t>
  </si>
  <si>
    <t>51240</t>
  </si>
  <si>
    <t>48022</t>
  </si>
  <si>
    <t>5617</t>
  </si>
  <si>
    <t>GPS MURAD KHARAL</t>
  </si>
  <si>
    <t>BWN-XI-MALE</t>
  </si>
  <si>
    <t>Murad kharal</t>
  </si>
  <si>
    <t>Murad kharal p/o noor sar bahawalnagar</t>
  </si>
  <si>
    <t>Muhammad Mushtaq</t>
  </si>
  <si>
    <t>29157</t>
  </si>
  <si>
    <t>GPS MC TIBBI KAMBOWAN</t>
  </si>
  <si>
    <t>Tibi Kambown</t>
  </si>
  <si>
    <t>Tibbi Kambowan Kasur</t>
  </si>
  <si>
    <t>Tibbi</t>
  </si>
  <si>
    <t>MC Kasur</t>
  </si>
  <si>
    <t>Amjad Hussain</t>
  </si>
  <si>
    <t>5172</t>
  </si>
  <si>
    <t>18540</t>
  </si>
  <si>
    <t>14525</t>
  </si>
  <si>
    <t>10363</t>
  </si>
  <si>
    <t>42425</t>
  </si>
  <si>
    <t>8669</t>
  </si>
  <si>
    <t>1694</t>
  </si>
  <si>
    <t>20858</t>
  </si>
  <si>
    <t>GGPS ZAHID COLONY</t>
  </si>
  <si>
    <t>Shareefpura</t>
  </si>
  <si>
    <t>street#14 Zahid colony Gujranwala</t>
  </si>
  <si>
    <t>Zahid Colony</t>
  </si>
  <si>
    <t>Shareefpura Zahid Colony</t>
  </si>
  <si>
    <t>Farkhanda Ghani</t>
  </si>
  <si>
    <t>12802</t>
  </si>
  <si>
    <t>15406</t>
  </si>
  <si>
    <t>3548</t>
  </si>
  <si>
    <t>GHS CHAK NO.58/F</t>
  </si>
  <si>
    <t>Hasilpr</t>
  </si>
  <si>
    <t>chak no 58f</t>
  </si>
  <si>
    <t>Chak No 58f</t>
  </si>
  <si>
    <t>21326</t>
  </si>
  <si>
    <t>3302</t>
  </si>
  <si>
    <t>1270</t>
  </si>
  <si>
    <t>22095</t>
  </si>
  <si>
    <t>GHS DITTEWAL</t>
  </si>
  <si>
    <t>Dittewal</t>
  </si>
  <si>
    <t>vpo dittewal tehsil and district gujrat</t>
  </si>
  <si>
    <t>Chak Pindi</t>
  </si>
  <si>
    <t>KHALID MEHMOOD QURESHI</t>
  </si>
  <si>
    <t>13872</t>
  </si>
  <si>
    <t>44068</t>
  </si>
  <si>
    <t>GHS SALOI</t>
  </si>
  <si>
    <t>Saloi</t>
  </si>
  <si>
    <t>vpo saloi</t>
  </si>
  <si>
    <t>Muhammad Qaisar Iqbal</t>
  </si>
  <si>
    <t>1897</t>
  </si>
  <si>
    <t>48230</t>
  </si>
  <si>
    <t>35175</t>
  </si>
  <si>
    <t>1210</t>
  </si>
  <si>
    <t>1816</t>
  </si>
  <si>
    <t>44502</t>
  </si>
  <si>
    <t>GPS CHAK NO.58/TDA</t>
  </si>
  <si>
    <t>60-61 ML - MALE</t>
  </si>
  <si>
    <t>58 TDA</t>
  </si>
  <si>
    <t>GPS Chak No 58 TDA Tehsil and Districk Bhakkar</t>
  </si>
  <si>
    <t>57 TDA</t>
  </si>
  <si>
    <t>Matloob Hussain</t>
  </si>
  <si>
    <t>2050</t>
  </si>
  <si>
    <t>31330</t>
  </si>
  <si>
    <t>GGES MC JUNIOR MODEL SAID PUR</t>
  </si>
  <si>
    <t>Said Pur</t>
  </si>
  <si>
    <t>cdg girls middle school saidpur multan road lahore</t>
  </si>
  <si>
    <t>Khurshid Bano</t>
  </si>
  <si>
    <t>422</t>
  </si>
  <si>
    <t>53745</t>
  </si>
  <si>
    <t>11858</t>
  </si>
  <si>
    <t>32828</t>
  </si>
  <si>
    <t>GGPS BASHARAT WALA</t>
  </si>
  <si>
    <t>DAUNA- FEMALE</t>
  </si>
  <si>
    <t>DOUNA</t>
  </si>
  <si>
    <t>Basti khoh Kuba moza DOUNA Tehsil Kot Adu District M.Garh</t>
  </si>
  <si>
    <t>Khoh Kuba</t>
  </si>
  <si>
    <t>31371</t>
  </si>
  <si>
    <t>GGES DERA NABI PUR</t>
  </si>
  <si>
    <t>Nabi Pur</t>
  </si>
  <si>
    <t>post office khanpur dera nabi pur tehsil Ferozwala distt skp</t>
  </si>
  <si>
    <t>Dera Nabi Pur</t>
  </si>
  <si>
    <t>Nusrat Bano</t>
  </si>
  <si>
    <t>342</t>
  </si>
  <si>
    <t>53037</t>
  </si>
  <si>
    <t>2732</t>
  </si>
  <si>
    <t>17329</t>
  </si>
  <si>
    <t>18613</t>
  </si>
  <si>
    <t>GMPS KOLAR</t>
  </si>
  <si>
    <t>AKRRIAN WALA- FEMALE</t>
  </si>
  <si>
    <t>Kolar</t>
  </si>
  <si>
    <t>mouza kolar tehanddistt,jhang</t>
  </si>
  <si>
    <t>Dhori Wala</t>
  </si>
  <si>
    <t>3854</t>
  </si>
  <si>
    <t>12590</t>
  </si>
  <si>
    <t>20207</t>
  </si>
  <si>
    <t>GPS ASTANA</t>
  </si>
  <si>
    <t>Astana</t>
  </si>
  <si>
    <t>Astana lalian tehsil lalian district Chiniot</t>
  </si>
  <si>
    <t>Jabana</t>
  </si>
  <si>
    <t>Ghulam Fareed</t>
  </si>
  <si>
    <t>136125</t>
  </si>
  <si>
    <t>12428</t>
  </si>
  <si>
    <t>35500</t>
  </si>
  <si>
    <t>48939</t>
  </si>
  <si>
    <t>GGHS NO.1 SAWAR MANDI</t>
  </si>
  <si>
    <t>Chak 8 Remount Depot</t>
  </si>
  <si>
    <t>GGHS NO. 1 Sawar Mandi, Remount Depot,</t>
  </si>
  <si>
    <t>Remount Depot</t>
  </si>
  <si>
    <t>Ghazala Shaheen</t>
  </si>
  <si>
    <t>34670</t>
  </si>
  <si>
    <t>3122</t>
  </si>
  <si>
    <t>38800</t>
  </si>
  <si>
    <t>GGHS DAKHNAIR (ATTOCK)</t>
  </si>
  <si>
    <t>Dakhnair</t>
  </si>
  <si>
    <t>village and PO Dakhnair Attock</t>
  </si>
  <si>
    <t>DAKHNAIR</t>
  </si>
  <si>
    <t>Khalida Tabbasum</t>
  </si>
  <si>
    <t>12953</t>
  </si>
  <si>
    <t>35691</t>
  </si>
  <si>
    <t>GPS SHAH SATTAR</t>
  </si>
  <si>
    <t>ShahSattar</t>
  </si>
  <si>
    <t>Shah Sattar tehsil  mailsi</t>
  </si>
  <si>
    <t>Shah Sattar</t>
  </si>
  <si>
    <t>Hafiz Abdul Majeed</t>
  </si>
  <si>
    <t>2650</t>
  </si>
  <si>
    <t>1160</t>
  </si>
  <si>
    <t>53454</t>
  </si>
  <si>
    <t>GMPS CHAK 36-37/2-RA</t>
  </si>
  <si>
    <t>36-37/2RA</t>
  </si>
  <si>
    <t>GMPS 36-37/2RA TEH. DISTT OLARA</t>
  </si>
  <si>
    <t>38/2R</t>
  </si>
  <si>
    <t>1752</t>
  </si>
  <si>
    <t>2265</t>
  </si>
  <si>
    <t>48315</t>
  </si>
  <si>
    <t>46050</t>
  </si>
  <si>
    <t>21242</t>
  </si>
  <si>
    <t>GGPS KOT KAHLWAN</t>
  </si>
  <si>
    <t>Kot Kahlwan</t>
  </si>
  <si>
    <t>village kot kahlwan Post office Khanki Head Teh: Wazirabad Distt: Gujranwala</t>
  </si>
  <si>
    <t>Mansoorwali</t>
  </si>
  <si>
    <t>Madiha Naz</t>
  </si>
  <si>
    <t>7740</t>
  </si>
  <si>
    <t>1473</t>
  </si>
  <si>
    <t>GGES KHAI</t>
  </si>
  <si>
    <t>Khai</t>
  </si>
  <si>
    <t>GGES Khai</t>
  </si>
  <si>
    <t>Tanveer Akhter</t>
  </si>
  <si>
    <t>45715</t>
  </si>
  <si>
    <t>51304</t>
  </si>
  <si>
    <t>3752</t>
  </si>
  <si>
    <t>15090</t>
  </si>
  <si>
    <t>GGPS CHAK 239 GB II JARANWLA</t>
  </si>
  <si>
    <t>JARANWALA 2- FEMALE</t>
  </si>
  <si>
    <t>239 Gb Second</t>
  </si>
  <si>
    <t>mohalla anwarabad jaranwala</t>
  </si>
  <si>
    <t>239 Second</t>
  </si>
  <si>
    <t>Islampura</t>
  </si>
  <si>
    <t>Nusrat Bader</t>
  </si>
  <si>
    <t>33955</t>
  </si>
  <si>
    <t>20955</t>
  </si>
  <si>
    <t>GGHS MANDIALA CHATHA</t>
  </si>
  <si>
    <t>jamke chattha</t>
  </si>
  <si>
    <t>Ayesha Perveen</t>
  </si>
  <si>
    <t>23419</t>
  </si>
  <si>
    <t>GHSS MODEL (ATTACH WITH QAED (M) LALAMUSA)</t>
  </si>
  <si>
    <t>Barkat Pakrk Lalamusa</t>
  </si>
  <si>
    <t>Barkat Park Lalamusa</t>
  </si>
  <si>
    <t>Lalamusa MC</t>
  </si>
  <si>
    <t>hand pump,water pump,supply</t>
  </si>
  <si>
    <t>52701</t>
  </si>
  <si>
    <t>47045</t>
  </si>
  <si>
    <t>46298</t>
  </si>
  <si>
    <t>3777</t>
  </si>
  <si>
    <t>18880</t>
  </si>
  <si>
    <t>GES CHAK 717 GB</t>
  </si>
  <si>
    <t>ASWAAR SHAH-MALE</t>
  </si>
  <si>
    <t>Chak No 717</t>
  </si>
  <si>
    <t>chak no 717 gb tehsil kamalia district tt singh</t>
  </si>
  <si>
    <t>Chak No 717gb</t>
  </si>
  <si>
    <t>Chak No 715</t>
  </si>
  <si>
    <t>Zafar Ali</t>
  </si>
  <si>
    <t>27438</t>
  </si>
  <si>
    <t>30941</t>
  </si>
  <si>
    <t>GGHS MADRISA TUL BINAT KACHO PURA</t>
  </si>
  <si>
    <t>Kachu Pura</t>
  </si>
  <si>
    <t>Govt.madrasa tul binat high school kachu pura lhr</t>
  </si>
  <si>
    <t>Wassan Pura</t>
  </si>
  <si>
    <t>Naseem Ansar</t>
  </si>
  <si>
    <t>40968</t>
  </si>
  <si>
    <t>GMPS MOHAL</t>
  </si>
  <si>
    <t>DINA - FEMALE</t>
  </si>
  <si>
    <t>Mohal</t>
  </si>
  <si>
    <t>village mohal p. o.box dina tehsil dina distt Jhelum</t>
  </si>
  <si>
    <t>Badlot</t>
  </si>
  <si>
    <t>Shazia Noreen</t>
  </si>
  <si>
    <t>37226</t>
  </si>
  <si>
    <t>43051</t>
  </si>
  <si>
    <t>38521</t>
  </si>
  <si>
    <t>52824</t>
  </si>
  <si>
    <t>44069</t>
  </si>
  <si>
    <t>GHS DANDOOT</t>
  </si>
  <si>
    <t>Dandot</t>
  </si>
  <si>
    <t>GHS Dandot, VPO Dandot,Tehsil Choa Saiden Shah, District  Chakwal</t>
  </si>
  <si>
    <t>Raja Muhammad Latif</t>
  </si>
  <si>
    <t>389317</t>
  </si>
  <si>
    <t>21183</t>
  </si>
  <si>
    <t>50685</t>
  </si>
  <si>
    <t>GHS 77/5-R SAHIWAL</t>
  </si>
  <si>
    <t>77/5-R</t>
  </si>
  <si>
    <t>Chack No 77/5-R SAHIWAL</t>
  </si>
  <si>
    <t>Chack No 77/5-R</t>
  </si>
  <si>
    <t>Tahir Pervaiz</t>
  </si>
  <si>
    <t>39201</t>
  </si>
  <si>
    <t>658</t>
  </si>
  <si>
    <t>46629</t>
  </si>
  <si>
    <t>10563</t>
  </si>
  <si>
    <t>GHS MANDI TOWN</t>
  </si>
  <si>
    <t>TDA Colony Layyah</t>
  </si>
  <si>
    <t>LAYYAH CITY</t>
  </si>
  <si>
    <t>NADEEM NAZIR</t>
  </si>
  <si>
    <t>47589</t>
  </si>
  <si>
    <t>542</t>
  </si>
  <si>
    <t>GGHS CHAK NO.95/FA CHISHTIAN</t>
  </si>
  <si>
    <t>95FA</t>
  </si>
  <si>
    <t>GGHS 95FA</t>
  </si>
  <si>
    <t>shahana faiz</t>
  </si>
  <si>
    <t>4723</t>
  </si>
  <si>
    <t>16818</t>
  </si>
  <si>
    <t>39149</t>
  </si>
  <si>
    <t>GGCMS DHOK SYEDAN</t>
  </si>
  <si>
    <t>Dhoke Syedan</t>
  </si>
  <si>
    <t>dhoke syedan</t>
  </si>
  <si>
    <t>Dhoke  Syedan</t>
  </si>
  <si>
    <t>Sheray Sadullah</t>
  </si>
  <si>
    <t>Umi Kulsoom</t>
  </si>
  <si>
    <t>19709</t>
  </si>
  <si>
    <t>41580</t>
  </si>
  <si>
    <t>1627</t>
  </si>
  <si>
    <t>39810</t>
  </si>
  <si>
    <t>GPS KANWAN</t>
  </si>
  <si>
    <t>HASSANABDAL - MALE</t>
  </si>
  <si>
    <t>Kanwan</t>
  </si>
  <si>
    <t>village kanwan p/o Bhallar jogi Tehsil Hassan abdal District Attok</t>
  </si>
  <si>
    <t>Bhallar</t>
  </si>
  <si>
    <t>Naheed Akhter</t>
  </si>
  <si>
    <t>3787</t>
  </si>
  <si>
    <t>16950</t>
  </si>
  <si>
    <t>43796</t>
  </si>
  <si>
    <t>1245</t>
  </si>
  <si>
    <t>43545</t>
  </si>
  <si>
    <t>GGPS DHUDIAL NO.2</t>
  </si>
  <si>
    <t>DHUDIAL-FEMALE</t>
  </si>
  <si>
    <t>Dhudial</t>
  </si>
  <si>
    <t>near rural hospital</t>
  </si>
  <si>
    <t>Andleeb Naz</t>
  </si>
  <si>
    <t>7015</t>
  </si>
  <si>
    <t>4456</t>
  </si>
  <si>
    <t>12409</t>
  </si>
  <si>
    <t>GES KHUDAI</t>
  </si>
  <si>
    <t>KHUDAI- MALE</t>
  </si>
  <si>
    <t>Khudai</t>
  </si>
  <si>
    <t>basti khudai muzaffargarh</t>
  </si>
  <si>
    <t>Jarh</t>
  </si>
  <si>
    <t>Muhammad Imran Tahir</t>
  </si>
  <si>
    <t>29193</t>
  </si>
  <si>
    <t>28693</t>
  </si>
  <si>
    <t>38303</t>
  </si>
  <si>
    <t>26638</t>
  </si>
  <si>
    <t>GGES BALSHAHAN</t>
  </si>
  <si>
    <t>Bal Shahah</t>
  </si>
  <si>
    <t>Govt. Girls High School P/O Bal Shahan dhamthal</t>
  </si>
  <si>
    <t>Bal Shahan</t>
  </si>
  <si>
    <t>Deepokay</t>
  </si>
  <si>
    <t>Mamoona Anwar</t>
  </si>
  <si>
    <t>30578</t>
  </si>
  <si>
    <t>GGPS MAHER PURA MULTAN ROAD</t>
  </si>
  <si>
    <t>kakky zai</t>
  </si>
  <si>
    <t>kakky zai Mehar Pura Multan Road Lahore</t>
  </si>
  <si>
    <t>Niazbaig</t>
  </si>
  <si>
    <t>Hassan Town Awan Town</t>
  </si>
  <si>
    <t>Riffat Naz</t>
  </si>
  <si>
    <t>36696</t>
  </si>
  <si>
    <t>43917</t>
  </si>
  <si>
    <t>41175</t>
  </si>
  <si>
    <t>GGES BHOON</t>
  </si>
  <si>
    <t>bhoon</t>
  </si>
  <si>
    <t>bhoon dist rawalpindi</t>
  </si>
  <si>
    <t>hothla</t>
  </si>
  <si>
    <t>tayyaba Akhtar</t>
  </si>
  <si>
    <t>37294</t>
  </si>
  <si>
    <t>43940</t>
  </si>
  <si>
    <t>704</t>
  </si>
  <si>
    <t>16709</t>
  </si>
  <si>
    <t>GGPS 457/GB</t>
  </si>
  <si>
    <t>457gb karor tensil tandlianwala</t>
  </si>
  <si>
    <t>457gb</t>
  </si>
  <si>
    <t>458gb</t>
  </si>
  <si>
    <t>shumaila shafiq</t>
  </si>
  <si>
    <t>2303</t>
  </si>
  <si>
    <t>29298</t>
  </si>
  <si>
    <t>40502</t>
  </si>
  <si>
    <t>GGPS SHIREEN ABAD (DANDOT RS)</t>
  </si>
  <si>
    <t>P. D. KHAN-FEMALE</t>
  </si>
  <si>
    <t>Dandot RS</t>
  </si>
  <si>
    <t>Shireen Abad Dandot RS</t>
  </si>
  <si>
    <t>Shireen Abad</t>
  </si>
  <si>
    <t>Golpur</t>
  </si>
  <si>
    <t>Nazneen Akhter</t>
  </si>
  <si>
    <t>2187</t>
  </si>
  <si>
    <t>30420</t>
  </si>
  <si>
    <t>1784</t>
  </si>
  <si>
    <t>39302</t>
  </si>
  <si>
    <t>GES SARWYA</t>
  </si>
  <si>
    <t>TOOT - MALE</t>
  </si>
  <si>
    <t>Nowshera</t>
  </si>
  <si>
    <t>GBES Sarwaya</t>
  </si>
  <si>
    <t>Nisar Ali Malik</t>
  </si>
  <si>
    <t>36200</t>
  </si>
  <si>
    <t>31653</t>
  </si>
  <si>
    <t>3187</t>
  </si>
  <si>
    <t>42859</t>
  </si>
  <si>
    <t>GHS BHAKHRAL</t>
  </si>
  <si>
    <t>BHAKRAL</t>
  </si>
  <si>
    <t>P.O- CHOWKPINDORI  TEHSIL- KALLARS YEDAN, DISTT. RAWALPINDI</t>
  </si>
  <si>
    <t>GUFF</t>
  </si>
  <si>
    <t>ABDUL QAYYUM</t>
  </si>
  <si>
    <t>25568</t>
  </si>
  <si>
    <t>872</t>
  </si>
  <si>
    <t>41683</t>
  </si>
  <si>
    <t>GGHS RANOTRA</t>
  </si>
  <si>
    <t>#NAME?</t>
  </si>
  <si>
    <t>GOVT GIRLS High school Ranotra p/o Chak Beli Khan Rawalpindi</t>
  </si>
  <si>
    <t>Ranotra</t>
  </si>
  <si>
    <t>MAHWISH BIBI</t>
  </si>
  <si>
    <t>bouring</t>
  </si>
  <si>
    <t>9765</t>
  </si>
  <si>
    <t>1492</t>
  </si>
  <si>
    <t>16575</t>
  </si>
  <si>
    <t>GPS 53/4 TUKRA</t>
  </si>
  <si>
    <t>Grebpura</t>
  </si>
  <si>
    <t>Chak # 53 / 4 tukra tandlianwala,  Fsd</t>
  </si>
  <si>
    <t>Chak 53/4 Tukra</t>
  </si>
  <si>
    <t>Darbar Salahudin</t>
  </si>
  <si>
    <t>Rashid Minhas</t>
  </si>
  <si>
    <t>7818</t>
  </si>
  <si>
    <t>5833</t>
  </si>
  <si>
    <t>GPS KARAM SHAH</t>
  </si>
  <si>
    <t>Tibbi Arbi</t>
  </si>
  <si>
    <t>GPS karam shah near mahmood Shaheed stop Ahmad pur east</t>
  </si>
  <si>
    <t>Mujawar</t>
  </si>
  <si>
    <t>Ghous Pur</t>
  </si>
  <si>
    <t>muhammad fahad akram khan</t>
  </si>
  <si>
    <t>3423</t>
  </si>
  <si>
    <t>5225</t>
  </si>
  <si>
    <t>9040</t>
  </si>
  <si>
    <t>GPS BASTI LISHARI</t>
  </si>
  <si>
    <t>BILWANI MALE</t>
  </si>
  <si>
    <t>Kalu Wala</t>
  </si>
  <si>
    <t>Basti Lishari P/O Nutkani Teh. Taunsa Disst.D.G.Khan</t>
  </si>
  <si>
    <t>Lishari</t>
  </si>
  <si>
    <t>Rab Nawaz</t>
  </si>
  <si>
    <t>16729</t>
  </si>
  <si>
    <t>GES CHAK NO.610/GB</t>
  </si>
  <si>
    <t>Ameer Pur</t>
  </si>
  <si>
    <t>Chak No. 610 GB, Tehsil Tandlianwala, Distt. Faisalabad</t>
  </si>
  <si>
    <t>Chak No 610 GB</t>
  </si>
  <si>
    <t>5100</t>
  </si>
  <si>
    <t>6576</t>
  </si>
  <si>
    <t>33758</t>
  </si>
  <si>
    <t>27182</t>
  </si>
  <si>
    <t>32647</t>
  </si>
  <si>
    <t>GHS CHAK WATTOWAN NO. 638/GB</t>
  </si>
  <si>
    <t>chak wattowan No.638 NNS</t>
  </si>
  <si>
    <t>Govt High School Chak Wattowan No.638 Nankana Sahib</t>
  </si>
  <si>
    <t>Chak Wattowan No.638</t>
  </si>
  <si>
    <t>Chak No.5</t>
  </si>
  <si>
    <t>ARSHAD HUSSAIN</t>
  </si>
  <si>
    <t>90500</t>
  </si>
  <si>
    <t>538</t>
  </si>
  <si>
    <t>22249</t>
  </si>
  <si>
    <t>GGHS BAIGA</t>
  </si>
  <si>
    <t>BEGA</t>
  </si>
  <si>
    <t>GOVT GIRLS HIGH SCHOOL BEGA</t>
  </si>
  <si>
    <t>MACHHIANA</t>
  </si>
  <si>
    <t>SOBIA INAYAT</t>
  </si>
  <si>
    <t>12523</t>
  </si>
  <si>
    <t>40728</t>
  </si>
  <si>
    <t>15160</t>
  </si>
  <si>
    <t>15597</t>
  </si>
  <si>
    <t>GGPS NEW SAMUNDRI</t>
  </si>
  <si>
    <t>Akbar Town, Gojra Road, New Samundri</t>
  </si>
  <si>
    <t>New Samundri</t>
  </si>
  <si>
    <t>Kousar Parveen</t>
  </si>
  <si>
    <t>4274</t>
  </si>
  <si>
    <t>3173</t>
  </si>
  <si>
    <t>51759</t>
  </si>
  <si>
    <t>GGHS KOT DEWAN</t>
  </si>
  <si>
    <t>dhako chishti</t>
  </si>
  <si>
    <t>gghs kotdewan near DPS hotta Road pakpattan</t>
  </si>
  <si>
    <t>kot dewan</t>
  </si>
  <si>
    <t>Behram pur</t>
  </si>
  <si>
    <t>ISHRAT RAMZAN</t>
  </si>
  <si>
    <t>330576</t>
  </si>
  <si>
    <t>20490</t>
  </si>
  <si>
    <t>25318</t>
  </si>
  <si>
    <t>48899</t>
  </si>
  <si>
    <t>GGHS CHAK NO.28 SB</t>
  </si>
  <si>
    <t>Chak No 28 Sb</t>
  </si>
  <si>
    <t>GGHS 28 SB sargodha</t>
  </si>
  <si>
    <t>Chak No 28 SB Sargodha</t>
  </si>
  <si>
    <t>Asma Hamid Alvi</t>
  </si>
  <si>
    <t>15760</t>
  </si>
  <si>
    <t>GPS 220 RB II</t>
  </si>
  <si>
    <t>Jamalpur</t>
  </si>
  <si>
    <t>220 RB Pathanwala</t>
  </si>
  <si>
    <t>Pathanwala</t>
  </si>
  <si>
    <t>Saifabad</t>
  </si>
  <si>
    <t>Muhammad Pervaiz Iqbal</t>
  </si>
  <si>
    <t>6480</t>
  </si>
  <si>
    <t>donated filter water by Mian Aqeel Ahmed</t>
  </si>
  <si>
    <t>35934</t>
  </si>
  <si>
    <t>16708</t>
  </si>
  <si>
    <t>GGPS 456/GB</t>
  </si>
  <si>
    <t>Chan No 456</t>
  </si>
  <si>
    <t>chak no 456 gb</t>
  </si>
  <si>
    <t>456 Gb</t>
  </si>
  <si>
    <t>Kanjwani</t>
  </si>
  <si>
    <t>AZRA Sial</t>
  </si>
  <si>
    <t>30784</t>
  </si>
  <si>
    <t>2418</t>
  </si>
  <si>
    <t>15622</t>
  </si>
  <si>
    <t>GGES CHAK 486 GB MAMUNKAJAN</t>
  </si>
  <si>
    <t>KHIDDARWALA - FEMALE</t>
  </si>
  <si>
    <t>486 Gb</t>
  </si>
  <si>
    <t>chak No 486 GB</t>
  </si>
  <si>
    <t>Shagufta Noreen</t>
  </si>
  <si>
    <t>26833</t>
  </si>
  <si>
    <t>29833</t>
  </si>
  <si>
    <t>36441</t>
  </si>
  <si>
    <t>2634</t>
  </si>
  <si>
    <t>GES MUNAWAR WASAN PURA</t>
  </si>
  <si>
    <t>NAULAKHA - MALE</t>
  </si>
  <si>
    <t>Wasanpura</t>
  </si>
  <si>
    <t>GES MUNAWAR SCHOOL WASANPURA LAHORE</t>
  </si>
  <si>
    <t>Uzma Fayyaz</t>
  </si>
  <si>
    <t>4050</t>
  </si>
  <si>
    <t>41577</t>
  </si>
  <si>
    <t>45888</t>
  </si>
  <si>
    <t>16128</t>
  </si>
  <si>
    <t>GGHS CHAK NO 81 JB PINDORI</t>
  </si>
  <si>
    <t>81jb</t>
  </si>
  <si>
    <t>chak no 81 jb</t>
  </si>
  <si>
    <t>Jagat Pur</t>
  </si>
  <si>
    <t>ZARINA KOUSAR</t>
  </si>
  <si>
    <t>841</t>
  </si>
  <si>
    <t>2233</t>
  </si>
  <si>
    <t>38601</t>
  </si>
  <si>
    <t>14696</t>
  </si>
  <si>
    <t>GGHS MC MADINA CHOWK G.M. ABAD</t>
  </si>
  <si>
    <t>madina chowk</t>
  </si>
  <si>
    <t>MADINA CHOWK GM ABAD FAISALABAD</t>
  </si>
  <si>
    <t>GHULAM MUHAMMAD ABAD</t>
  </si>
  <si>
    <t>MADINA CHOWK</t>
  </si>
  <si>
    <t>Shehnila Aslam Alyana</t>
  </si>
  <si>
    <t>12650</t>
  </si>
  <si>
    <t>9389</t>
  </si>
  <si>
    <t>2157</t>
  </si>
  <si>
    <t>15970</t>
  </si>
  <si>
    <t>GGPS CHAK 38 JB 1 DABORA</t>
  </si>
  <si>
    <t>Chack 38 Jb 1 Dabora</t>
  </si>
  <si>
    <t>ggps 38 jb 1</t>
  </si>
  <si>
    <t>38 Jb 1</t>
  </si>
  <si>
    <t>Saba Afzal</t>
  </si>
  <si>
    <t>53200</t>
  </si>
  <si>
    <t>16107</t>
  </si>
  <si>
    <t>GGES CHAK NO 81 GB FSD</t>
  </si>
  <si>
    <t>Meeran Pur</t>
  </si>
  <si>
    <t>chak # 81 GB Fsd</t>
  </si>
  <si>
    <t>Chak No 81GB</t>
  </si>
  <si>
    <t>Chk No 82GB</t>
  </si>
  <si>
    <t>Talic Shamshad</t>
  </si>
  <si>
    <t>15440</t>
  </si>
  <si>
    <t>560</t>
  </si>
  <si>
    <t>14606</t>
  </si>
  <si>
    <t>GGhS MC MADINA TOWN FSD</t>
  </si>
  <si>
    <t>Ashraf Shaheed Road X Block Madina Town</t>
  </si>
  <si>
    <t>Madina Town</t>
  </si>
  <si>
    <t>X Block Madina Town</t>
  </si>
  <si>
    <t>kalsoom akhtar</t>
  </si>
  <si>
    <t>11696</t>
  </si>
  <si>
    <t>Sailani Welfare Faisalabad</t>
  </si>
  <si>
    <t>21936</t>
  </si>
  <si>
    <t>3215</t>
  </si>
  <si>
    <t>33482</t>
  </si>
  <si>
    <t>GHS RURIANA CHAK NO. 31/RB</t>
  </si>
  <si>
    <t>Sangla Hill</t>
  </si>
  <si>
    <t>Ruriana chak no 31 RB Teh:Sangla Hill Distt:Nankana Sahib</t>
  </si>
  <si>
    <t>Ruriana</t>
  </si>
  <si>
    <t>Juggain Chak 292</t>
  </si>
  <si>
    <t>GHULAM SARWAR</t>
  </si>
  <si>
    <t>466</t>
  </si>
  <si>
    <t>53549</t>
  </si>
  <si>
    <t>GGPS THATHA GUL BHORE</t>
  </si>
  <si>
    <t>Gulbore</t>
  </si>
  <si>
    <t>moza ghlboor garh fateh shah</t>
  </si>
  <si>
    <t>Ghlboor</t>
  </si>
  <si>
    <t>Abida Parveen</t>
  </si>
  <si>
    <t>1064</t>
  </si>
  <si>
    <t>26224</t>
  </si>
  <si>
    <t>25160</t>
  </si>
  <si>
    <t>30388</t>
  </si>
  <si>
    <t>614</t>
  </si>
  <si>
    <t>3497</t>
  </si>
  <si>
    <t>3331</t>
  </si>
  <si>
    <t>GGPS QUAID-E-AZAM MEDICAL COLLEGE BAHAWALPUR</t>
  </si>
  <si>
    <t>DERA MASTI - FEMALE</t>
  </si>
  <si>
    <t>Hansran</t>
  </si>
  <si>
    <t>Quaid _E_Azam medical collage colony bwp</t>
  </si>
  <si>
    <t>Medical colony</t>
  </si>
  <si>
    <t>Bwp City</t>
  </si>
  <si>
    <t>245</t>
  </si>
  <si>
    <t>Nusrat Irshad</t>
  </si>
  <si>
    <t>14481</t>
  </si>
  <si>
    <t>37914</t>
  </si>
  <si>
    <t>5908</t>
  </si>
  <si>
    <t>41722</t>
  </si>
  <si>
    <t>GPS JHANDA CHICHI</t>
  </si>
  <si>
    <t>CHAKLALA-MALE</t>
  </si>
  <si>
    <t>Jhanda</t>
  </si>
  <si>
    <t>st.no.6 Jhanda chichi rwp</t>
  </si>
  <si>
    <t>Zafar Mehmood</t>
  </si>
  <si>
    <t>52250</t>
  </si>
  <si>
    <t>4481</t>
  </si>
  <si>
    <t>3546</t>
  </si>
  <si>
    <t>4226</t>
  </si>
  <si>
    <t>GGES CHAK NO.89/DB</t>
  </si>
  <si>
    <t>YAZMAN CITY - FEMALE</t>
  </si>
  <si>
    <t>Chak # 89/DB</t>
  </si>
  <si>
    <t>Chak # 89/DB Yazman</t>
  </si>
  <si>
    <t>Chak # 88/DB</t>
  </si>
  <si>
    <t>Nasreen Rafiq</t>
  </si>
  <si>
    <t>33112</t>
  </si>
  <si>
    <t>30157</t>
  </si>
  <si>
    <t>GGHSS CENTRAL MODEL GULBERG-III</t>
  </si>
  <si>
    <t>gulberg</t>
  </si>
  <si>
    <t>govt central model HSS for girls, cII, gulberg III</t>
  </si>
  <si>
    <t>GULBERG</t>
  </si>
  <si>
    <t>NAJMA LIAQAT</t>
  </si>
  <si>
    <t>1097</t>
  </si>
  <si>
    <t>39560</t>
  </si>
  <si>
    <t>41320</t>
  </si>
  <si>
    <t>6019</t>
  </si>
  <si>
    <t>7008</t>
  </si>
  <si>
    <t>GPS PUBLIC COLONY</t>
  </si>
  <si>
    <t>City Sadiq Abad</t>
  </si>
  <si>
    <t>GPS Public Colony Sadiq Abad</t>
  </si>
  <si>
    <t>Sadiq Abad City</t>
  </si>
  <si>
    <t>B 2 M C Area</t>
  </si>
  <si>
    <t>Shabbir  Ahmad</t>
  </si>
  <si>
    <t>584</t>
  </si>
  <si>
    <t>19189</t>
  </si>
  <si>
    <t>33337</t>
  </si>
  <si>
    <t>GGPS SAWAN KA</t>
  </si>
  <si>
    <t>Sherokey</t>
  </si>
  <si>
    <t>GGPS Sawanke</t>
  </si>
  <si>
    <t>Sawanke</t>
  </si>
  <si>
    <t>Bhalikey</t>
  </si>
  <si>
    <t>Nabila Anwer</t>
  </si>
  <si>
    <t>4645</t>
  </si>
  <si>
    <t>29645</t>
  </si>
  <si>
    <t>34145</t>
  </si>
  <si>
    <t>GGPS GHULAM RASOOL WALA</t>
  </si>
  <si>
    <t>Qaiser Pur</t>
  </si>
  <si>
    <t>Chan dhnau wala</t>
  </si>
  <si>
    <t>qaiser pur</t>
  </si>
  <si>
    <t>Shabana Farhat</t>
  </si>
  <si>
    <t>1362</t>
  </si>
  <si>
    <t>47977</t>
  </si>
  <si>
    <t>21190</t>
  </si>
  <si>
    <t>GGPS HUSSAIN ABAD</t>
  </si>
  <si>
    <t>Hussain abad</t>
  </si>
  <si>
    <t>Jora Shller</t>
  </si>
  <si>
    <t>Namra Abdul Karim</t>
  </si>
  <si>
    <t>1775</t>
  </si>
  <si>
    <t>10476</t>
  </si>
  <si>
    <t>33220</t>
  </si>
  <si>
    <t>GGPS KOLOKAY</t>
  </si>
  <si>
    <t>Kolokay</t>
  </si>
  <si>
    <t>GGPS Kolokay P/O  Majra Klan Teh Sambrial Distt Sialkot</t>
  </si>
  <si>
    <t>Mrs Abida Rukhsana Nasar</t>
  </si>
  <si>
    <t>22937</t>
  </si>
  <si>
    <t>13744</t>
  </si>
  <si>
    <t>39582</t>
  </si>
  <si>
    <t>54796</t>
  </si>
  <si>
    <t>16770</t>
  </si>
  <si>
    <t>GGHS 541 GB</t>
  </si>
  <si>
    <t>541 Gb Kanjwani</t>
  </si>
  <si>
    <t>gghs 541 gb kanjwani</t>
  </si>
  <si>
    <t>chak no 541 gb</t>
  </si>
  <si>
    <t>chak no 455 gb</t>
  </si>
  <si>
    <t>RIFFAT JABEEN</t>
  </si>
  <si>
    <t>582</t>
  </si>
  <si>
    <t>10477</t>
  </si>
  <si>
    <t>1096</t>
  </si>
  <si>
    <t>6137</t>
  </si>
  <si>
    <t>6443</t>
  </si>
  <si>
    <t>40834</t>
  </si>
  <si>
    <t>GGPS 134/P</t>
  </si>
  <si>
    <t>CHAMAN-FEMALE</t>
  </si>
  <si>
    <t>134 / p</t>
  </si>
  <si>
    <t>govt girls primary school chak no 134 / p</t>
  </si>
  <si>
    <t>Chak 134 / p</t>
  </si>
  <si>
    <t>92 / p</t>
  </si>
  <si>
    <t>24153</t>
  </si>
  <si>
    <t>54153</t>
  </si>
  <si>
    <t>4513</t>
  </si>
  <si>
    <t>47598</t>
  </si>
  <si>
    <t>GGPS THATHI GHARBI</t>
  </si>
  <si>
    <t>DAUD KHEL -FEMALE</t>
  </si>
  <si>
    <t>Thathi Shareef</t>
  </si>
  <si>
    <t>govt girls primary school thathi gharbi</t>
  </si>
  <si>
    <t>Dher Umaid Ali Shah</t>
  </si>
  <si>
    <t>Monazah Noreen</t>
  </si>
  <si>
    <t>50844</t>
  </si>
  <si>
    <t>32981</t>
  </si>
  <si>
    <t>34350</t>
  </si>
  <si>
    <t>GPS SAMUNDARI SADAT P/O KHANA KHAS LUTF ABAD MULTAN</t>
  </si>
  <si>
    <t>Kotla Sadat</t>
  </si>
  <si>
    <t>GPS Samundri sadat</t>
  </si>
  <si>
    <t>Samundri Sadat</t>
  </si>
  <si>
    <t>Punjhkoha</t>
  </si>
  <si>
    <t>Naseem Ur Rehman</t>
  </si>
  <si>
    <t>7260</t>
  </si>
  <si>
    <t>38442</t>
  </si>
  <si>
    <t>51527</t>
  </si>
  <si>
    <t>GPS BAHIWAL</t>
  </si>
  <si>
    <t>Bahiwal</t>
  </si>
  <si>
    <t>chak bahiwal district Pak pattan</t>
  </si>
  <si>
    <t>Ghulam nabi</t>
  </si>
  <si>
    <t>3410</t>
  </si>
  <si>
    <t>26180</t>
  </si>
  <si>
    <t>22789</t>
  </si>
  <si>
    <t>344</t>
  </si>
  <si>
    <t>3386</t>
  </si>
  <si>
    <t>39236</t>
  </si>
  <si>
    <t>GGHS KHOUR COMPANY</t>
  </si>
  <si>
    <t>khour</t>
  </si>
  <si>
    <t>KHOUR</t>
  </si>
  <si>
    <t>KHOUR COMPANY</t>
  </si>
  <si>
    <t>Tahira Shaheen Afzal</t>
  </si>
  <si>
    <t>POL KHOUR</t>
  </si>
  <si>
    <t>379</t>
  </si>
  <si>
    <t>41343</t>
  </si>
  <si>
    <t>GPS GULERAH</t>
  </si>
  <si>
    <t>GULEHRA GALI - MALE</t>
  </si>
  <si>
    <t>charhan</t>
  </si>
  <si>
    <t>vill and po gulera gali</t>
  </si>
  <si>
    <t>gulera gali</t>
  </si>
  <si>
    <t>Muhammad Gayyas</t>
  </si>
  <si>
    <t>pipe</t>
  </si>
  <si>
    <t>24881</t>
  </si>
  <si>
    <t>33180</t>
  </si>
  <si>
    <t>GHS ABDULLAH PUR KULAR  SAFDER ABAD</t>
  </si>
  <si>
    <t>Abdullah Pur Kolar</t>
  </si>
  <si>
    <t>Abdullah Pur Kolar chak No. 282 RB, Teh. safdarabad, district Sheikhupura.</t>
  </si>
  <si>
    <t>AHMAD RAZA</t>
  </si>
  <si>
    <t>1892</t>
  </si>
  <si>
    <t>23958</t>
  </si>
  <si>
    <t>49658</t>
  </si>
  <si>
    <t>GGHS CHAK NO.122 NB</t>
  </si>
  <si>
    <t>122 NB</t>
  </si>
  <si>
    <t>chak no 122 Nb tehsil sillanwali district sargodha</t>
  </si>
  <si>
    <t>Chak 122 NB</t>
  </si>
  <si>
    <t>Chak 135 SB</t>
  </si>
  <si>
    <t>SAIMA ALI</t>
  </si>
  <si>
    <t>9130</t>
  </si>
  <si>
    <t>22267</t>
  </si>
  <si>
    <t>6052</t>
  </si>
  <si>
    <t>25727</t>
  </si>
  <si>
    <t>GES DHELLI</t>
  </si>
  <si>
    <t>TALWANDI BHINDRAN-MALE</t>
  </si>
  <si>
    <t>Dhilli</t>
  </si>
  <si>
    <t>village Dhilli P/O Talwandi Bhindran Teh&amp;Distt Narowal</t>
  </si>
  <si>
    <t>Dateywal</t>
  </si>
  <si>
    <t>29619</t>
  </si>
  <si>
    <t>GGHS PATTOKI ALLAMA IQBAL ROAD PATTOKI</t>
  </si>
  <si>
    <t>Allama iqbal road pattoki</t>
  </si>
  <si>
    <t>Allama iqbal road</t>
  </si>
  <si>
    <t>Pattoki city</t>
  </si>
  <si>
    <t>nusrat parveen</t>
  </si>
  <si>
    <t>11340</t>
  </si>
  <si>
    <t>15684</t>
  </si>
  <si>
    <t>GGES 480/GB</t>
  </si>
  <si>
    <t>Chak No 480 Gb</t>
  </si>
  <si>
    <t>Chak no 480 GB samundri</t>
  </si>
  <si>
    <t>Chak No 479</t>
  </si>
  <si>
    <t>Yasmeen Sardar</t>
  </si>
  <si>
    <t>755</t>
  </si>
  <si>
    <t>44198</t>
  </si>
  <si>
    <t>GGHS MUNARA</t>
  </si>
  <si>
    <t>munara</t>
  </si>
  <si>
    <t>vpo munara tehsil kallar kahar distt chakwal</t>
  </si>
  <si>
    <t>naseem saher</t>
  </si>
  <si>
    <t>local water supply</t>
  </si>
  <si>
    <t>1564</t>
  </si>
  <si>
    <t>41574</t>
  </si>
  <si>
    <t>GGHS KHAYABAN-I-SIR SYED SEC-I</t>
  </si>
  <si>
    <t>dhoke noor</t>
  </si>
  <si>
    <t>khayaban e sirsyed sec i rwp</t>
  </si>
  <si>
    <t>khayaban e sirsyed</t>
  </si>
  <si>
    <t>dhoke najjo</t>
  </si>
  <si>
    <t>ROOHI YASMEEN</t>
  </si>
  <si>
    <t>31500</t>
  </si>
  <si>
    <t>1391</t>
  </si>
  <si>
    <t>46111</t>
  </si>
  <si>
    <t>GGHS SAKESAR BASE</t>
  </si>
  <si>
    <t>Sakesar</t>
  </si>
  <si>
    <t>paf base sakesar</t>
  </si>
  <si>
    <t>Uchalli</t>
  </si>
  <si>
    <t>Rabia Malik</t>
  </si>
  <si>
    <t>39586</t>
  </si>
  <si>
    <t>37360</t>
  </si>
  <si>
    <t>2226</t>
  </si>
  <si>
    <t>38764</t>
  </si>
  <si>
    <t>3767</t>
  </si>
  <si>
    <t>19858</t>
  </si>
  <si>
    <t>GGES CHAK NO 203 JB</t>
  </si>
  <si>
    <t>AEO (W) BHOWANA NO.28</t>
  </si>
  <si>
    <t>Baloana</t>
  </si>
  <si>
    <t>203/j b baloana</t>
  </si>
  <si>
    <t>Samrina Shouket</t>
  </si>
  <si>
    <t>20143</t>
  </si>
  <si>
    <t>9105</t>
  </si>
  <si>
    <t>35556</t>
  </si>
  <si>
    <t>GGHS KOT MUZAFFAR</t>
  </si>
  <si>
    <t>kot muzaffar</t>
  </si>
  <si>
    <t>KOT MUZAFFAR BP/O ASRAF SHAH TEHSIL MAILSI DISTRICT VEHARI</t>
  </si>
  <si>
    <t>KIKRI KHURD</t>
  </si>
  <si>
    <t>SHABNAM ZAHIR</t>
  </si>
  <si>
    <t>34304</t>
  </si>
  <si>
    <t>41925</t>
  </si>
  <si>
    <t>GMPS GANGAL</t>
  </si>
  <si>
    <t>Gangal</t>
  </si>
  <si>
    <t>village Gangal p o Nakrali rwp</t>
  </si>
  <si>
    <t>Trahiya</t>
  </si>
  <si>
    <t>Sajida Perveen</t>
  </si>
  <si>
    <t>bore with electric motor</t>
  </si>
  <si>
    <t>43010</t>
  </si>
  <si>
    <t>4479</t>
  </si>
  <si>
    <t>2933</t>
  </si>
  <si>
    <t>35236</t>
  </si>
  <si>
    <t>GPS 237 EB</t>
  </si>
  <si>
    <t>GAGGOO EAST - MALE</t>
  </si>
  <si>
    <t>Chak No 237/Eb</t>
  </si>
  <si>
    <t>chak no 237/Eb.</t>
  </si>
  <si>
    <t>223 /EB</t>
  </si>
  <si>
    <t>Muhammad Amin Anjum</t>
  </si>
  <si>
    <t>11500</t>
  </si>
  <si>
    <t>35685</t>
  </si>
  <si>
    <t>GPS NIAZ PUR PO ASHRAF SHAH</t>
  </si>
  <si>
    <t>Niazpur</t>
  </si>
  <si>
    <t>MUZANIAZPUR</t>
  </si>
  <si>
    <t>Aliwha</t>
  </si>
  <si>
    <t>2828</t>
  </si>
  <si>
    <t>16728</t>
  </si>
  <si>
    <t>GES 407/GB</t>
  </si>
  <si>
    <t>Chak No 407 GB Tehsil Tandlianwala District Faisalabad</t>
  </si>
  <si>
    <t>Chak No 407 GB Tehsil Tandlianwala District Faisal</t>
  </si>
  <si>
    <t>Chak No 411 GB</t>
  </si>
  <si>
    <t>Tahir Hussain</t>
  </si>
  <si>
    <t>6672</t>
  </si>
  <si>
    <t>1034</t>
  </si>
  <si>
    <t>GPS LAL DIN</t>
  </si>
  <si>
    <t>Basti Lal Din Sukhail</t>
  </si>
  <si>
    <t>Mehboob Alam</t>
  </si>
  <si>
    <t>15677</t>
  </si>
  <si>
    <t>GGHS CHAK NO.208/GB</t>
  </si>
  <si>
    <t>Kalar</t>
  </si>
  <si>
    <t>chak no 208 gb</t>
  </si>
  <si>
    <t>Chak No 208 Gb</t>
  </si>
  <si>
    <t>Chak No 205 Gb</t>
  </si>
  <si>
    <t>Shahida Majeed</t>
  </si>
  <si>
    <t>10191</t>
  </si>
  <si>
    <t>water tank</t>
  </si>
  <si>
    <t>5015</t>
  </si>
  <si>
    <t>15238</t>
  </si>
  <si>
    <t>GGPS CHAK NO 53 RB I</t>
  </si>
  <si>
    <t>53 rb I</t>
  </si>
  <si>
    <t>53 Rb1</t>
  </si>
  <si>
    <t>Shazia Aslam</t>
  </si>
  <si>
    <t>15300</t>
  </si>
  <si>
    <t>1815</t>
  </si>
  <si>
    <t>37371</t>
  </si>
  <si>
    <t>GPS 72/15-L KHANEWAL</t>
  </si>
  <si>
    <t>CHOWK JAMAL - MALE</t>
  </si>
  <si>
    <t>7273/15L</t>
  </si>
  <si>
    <t>chak no72/15L The&amp;Dist khanewal</t>
  </si>
  <si>
    <t>72/15L</t>
  </si>
  <si>
    <t>Zafar iqbal</t>
  </si>
  <si>
    <t>36150</t>
  </si>
  <si>
    <t>35570</t>
  </si>
  <si>
    <t>19449</t>
  </si>
  <si>
    <t>GMPS 12/M</t>
  </si>
  <si>
    <t>12/M</t>
  </si>
  <si>
    <t>CHAK NO.12/M TEHSIL DUNYA PUR DISTRICT LODHRAN</t>
  </si>
  <si>
    <t>CHAK NO.12/M</t>
  </si>
  <si>
    <t>DUNYA PUR (DEHI)</t>
  </si>
  <si>
    <t>Rehana Yasmeen</t>
  </si>
  <si>
    <t>3022</t>
  </si>
  <si>
    <t>4045</t>
  </si>
  <si>
    <t>3037</t>
  </si>
  <si>
    <t>46176</t>
  </si>
  <si>
    <t>35693</t>
  </si>
  <si>
    <t>GPS ASHRAF SHAH</t>
  </si>
  <si>
    <t>Ashraf Shah</t>
  </si>
  <si>
    <t>Shahid Aleem</t>
  </si>
  <si>
    <t>791</t>
  </si>
  <si>
    <t>30404</t>
  </si>
  <si>
    <t>11697</t>
  </si>
  <si>
    <t>GPS LOON WALA</t>
  </si>
  <si>
    <t>KOT ADU-II- MALE</t>
  </si>
  <si>
    <t>Bhubhar Ghair Mustaqil</t>
  </si>
  <si>
    <t>bhubhr Ghair Mustaqil</t>
  </si>
  <si>
    <t>Loon Wala</t>
  </si>
  <si>
    <t>Bait Qaim Wala</t>
  </si>
  <si>
    <t>Ghulam Akbar Khan</t>
  </si>
  <si>
    <t>5717</t>
  </si>
  <si>
    <t>20018</t>
  </si>
  <si>
    <t>2627</t>
  </si>
  <si>
    <t>GPS GUL PUR</t>
  </si>
  <si>
    <t>GPS Gul Pur, Basti Manithal, Moza Theri Zabti, Ahmed Pur East</t>
  </si>
  <si>
    <t>Basti Manithal</t>
  </si>
  <si>
    <t>Imran Nawaz</t>
  </si>
  <si>
    <t>1430</t>
  </si>
  <si>
    <t>15005</t>
  </si>
  <si>
    <t>GPS 560 GB W</t>
  </si>
  <si>
    <t>Chak No 560 Gb</t>
  </si>
  <si>
    <t>chak number 560 gb</t>
  </si>
  <si>
    <t>560 GB West</t>
  </si>
  <si>
    <t>Nadeem Khalid</t>
  </si>
  <si>
    <t>1352</t>
  </si>
  <si>
    <t>2678</t>
  </si>
  <si>
    <t>1845</t>
  </si>
  <si>
    <t>37214</t>
  </si>
  <si>
    <t>GGPS MARZI PURA, KHANEWAL</t>
  </si>
  <si>
    <t>KOT ALA SINGH - FEMALE</t>
  </si>
  <si>
    <t>Marzi Pura</t>
  </si>
  <si>
    <t>ggps marzi pura</t>
  </si>
  <si>
    <t>Kot Ala Singh</t>
  </si>
  <si>
    <t>Tahira Yasmeen</t>
  </si>
  <si>
    <t>5447</t>
  </si>
  <si>
    <t>47002</t>
  </si>
  <si>
    <t>16180</t>
  </si>
  <si>
    <t>36063</t>
  </si>
  <si>
    <t>4640</t>
  </si>
  <si>
    <t>31423</t>
  </si>
  <si>
    <t>16215</t>
  </si>
  <si>
    <t>GHS CHAK 252 RB FSD</t>
  </si>
  <si>
    <t>KANGKALAN FSD</t>
  </si>
  <si>
    <t>CHAK NO. 252 RB FSD</t>
  </si>
  <si>
    <t>KANGKALAN</t>
  </si>
  <si>
    <t>CHAK NO.253 JAHANGIR KALAN FSD</t>
  </si>
  <si>
    <t>8292</t>
  </si>
  <si>
    <t>36094</t>
  </si>
  <si>
    <t>25317</t>
  </si>
  <si>
    <t>38580</t>
  </si>
  <si>
    <t>GGPS WARD NO 12</t>
  </si>
  <si>
    <t>Ward Number 12</t>
  </si>
  <si>
    <t>ward number12 dunya pur lodhran</t>
  </si>
  <si>
    <t>4420</t>
  </si>
  <si>
    <t>39608</t>
  </si>
  <si>
    <t>42380</t>
  </si>
  <si>
    <t>GGHS DAULTALA</t>
  </si>
  <si>
    <t>Daultala</t>
  </si>
  <si>
    <t>VPO Daultala, Tehsil: Gujarkhan, District: rawalpindi</t>
  </si>
  <si>
    <t>Nazneen Nazak</t>
  </si>
  <si>
    <t>631708</t>
  </si>
  <si>
    <t>21974</t>
  </si>
  <si>
    <t>615</t>
  </si>
  <si>
    <t>40108</t>
  </si>
  <si>
    <t>GGHS KHALAS PUR</t>
  </si>
  <si>
    <t>Khalas Pur</t>
  </si>
  <si>
    <t>khalaspur jhelum</t>
  </si>
  <si>
    <t>Nosheen Zafar</t>
  </si>
  <si>
    <t>54014</t>
  </si>
  <si>
    <t>GGPS BADHA</t>
  </si>
  <si>
    <t>Bhadda</t>
  </si>
  <si>
    <t>moza bhadda p/o mitroo</t>
  </si>
  <si>
    <t>195 /WB</t>
  </si>
  <si>
    <t>Anam Iqbal</t>
  </si>
  <si>
    <t>13021</t>
  </si>
  <si>
    <t>23627</t>
  </si>
  <si>
    <t>38925</t>
  </si>
  <si>
    <t>43099</t>
  </si>
  <si>
    <t>GGHS NO. 1 CHAKWAL</t>
  </si>
  <si>
    <t>gghs no.1 BHOun road chakwal</t>
  </si>
  <si>
    <t>Chakwal City</t>
  </si>
  <si>
    <t>TAJ BEGUM</t>
  </si>
  <si>
    <t>39637</t>
  </si>
  <si>
    <t>2223</t>
  </si>
  <si>
    <t>5536</t>
  </si>
  <si>
    <t>2457</t>
  </si>
  <si>
    <t>52907</t>
  </si>
  <si>
    <t>GMMS ADP BHANA SAHIBA</t>
  </si>
  <si>
    <t>MANDI AHMAD ABAD - MALE</t>
  </si>
  <si>
    <t>Gmms Bhana Sahiba</t>
  </si>
  <si>
    <t>Bhana sahiba</t>
  </si>
  <si>
    <t>Bonga Ameer singh</t>
  </si>
  <si>
    <t>Hafeez Ullah</t>
  </si>
  <si>
    <t>22997</t>
  </si>
  <si>
    <t>GGHSS NINDOWAL</t>
  </si>
  <si>
    <t>nindowal</t>
  </si>
  <si>
    <t>vpo nindowal teh kharian distt gujrat</t>
  </si>
  <si>
    <t>khawaspur</t>
  </si>
  <si>
    <t>naseem akhter</t>
  </si>
  <si>
    <t>53902</t>
  </si>
  <si>
    <t>17001</t>
  </si>
  <si>
    <t>770</t>
  </si>
  <si>
    <t>16244</t>
  </si>
  <si>
    <t>GGHSS 66/JB</t>
  </si>
  <si>
    <t>dhandra</t>
  </si>
  <si>
    <t>66 jb fsd</t>
  </si>
  <si>
    <t>Dhandra</t>
  </si>
  <si>
    <t>Binat Unnisa</t>
  </si>
  <si>
    <t>43200</t>
  </si>
  <si>
    <t>36035</t>
  </si>
  <si>
    <t>GGPS CHAK NO. 176/WB RAM PURA</t>
  </si>
  <si>
    <t>Chak No 176/WB Rampura</t>
  </si>
  <si>
    <t>chak no 176/WB Ram Pura  district Vehari (Mailsi)</t>
  </si>
  <si>
    <t>176/WB Rampura</t>
  </si>
  <si>
    <t>Shatab Ghar</t>
  </si>
  <si>
    <t>Tasleem Akhtar</t>
  </si>
  <si>
    <t>1341</t>
  </si>
  <si>
    <t>537</t>
  </si>
  <si>
    <t>1744</t>
  </si>
  <si>
    <t>37848</t>
  </si>
  <si>
    <t>21835</t>
  </si>
  <si>
    <t>GMPS ALI PUR</t>
  </si>
  <si>
    <t>THATTA SADIQABAD - FEMALE</t>
  </si>
  <si>
    <t>gmps alipur</t>
  </si>
  <si>
    <t>Ali Sher Wahian</t>
  </si>
  <si>
    <t>Nasreen Kousar Mushtaq</t>
  </si>
  <si>
    <t>40067</t>
  </si>
  <si>
    <t>GGHS JADA JHELUM</t>
  </si>
  <si>
    <t>jada</t>
  </si>
  <si>
    <t>near jada chungi jhelum</t>
  </si>
  <si>
    <t>Tanzeela Sadaf</t>
  </si>
  <si>
    <t>15429</t>
  </si>
  <si>
    <t>GGHS CHAK 200 RB</t>
  </si>
  <si>
    <t>cHAK NO. 200/RB, LATHIANWALA, FAISALABAD</t>
  </si>
  <si>
    <t>LATHIANWALA FSD</t>
  </si>
  <si>
    <t>200/RB</t>
  </si>
  <si>
    <t>khadija sughra</t>
  </si>
  <si>
    <t>959</t>
  </si>
  <si>
    <t>25824</t>
  </si>
  <si>
    <t>3450</t>
  </si>
  <si>
    <t>3250</t>
  </si>
  <si>
    <t>2150</t>
  </si>
  <si>
    <t>35048</t>
  </si>
  <si>
    <t>GGHS MADINA COLONY BUREWALA</t>
  </si>
  <si>
    <t>517/eB</t>
  </si>
  <si>
    <t>street no#5 madina colony burewala</t>
  </si>
  <si>
    <t>madina colony marzi pura</t>
  </si>
  <si>
    <t>tma burewama</t>
  </si>
  <si>
    <t>SAJILA NASIM</t>
  </si>
  <si>
    <t>108900</t>
  </si>
  <si>
    <t>1279</t>
  </si>
  <si>
    <t>GPS NUMBERDAR WALI</t>
  </si>
  <si>
    <t>Mouza Tibbi Arbi Tehsil Ahmed Pur East Distt. Bwp</t>
  </si>
  <si>
    <t>Javed Ali</t>
  </si>
  <si>
    <t>1448</t>
  </si>
  <si>
    <t>2946</t>
  </si>
  <si>
    <t>GPS KOT SAAWAN</t>
  </si>
  <si>
    <t>TIBBA NORTH - MALE</t>
  </si>
  <si>
    <t>Kot Sawan</t>
  </si>
  <si>
    <t>Mauza kot sawan</t>
  </si>
  <si>
    <t>124 Wb</t>
  </si>
  <si>
    <t>Baqir Khan</t>
  </si>
  <si>
    <t>1496</t>
  </si>
  <si>
    <t>2684</t>
  </si>
  <si>
    <t>14705</t>
  </si>
  <si>
    <t>GGHS MC ZIA-UL-ISLAM BATALA COLONY</t>
  </si>
  <si>
    <t>Batala Colony</t>
  </si>
  <si>
    <t>Govt. MC Zia-ul-Islam GHS Batala Colony FSD</t>
  </si>
  <si>
    <t>UZMA MAH JABEEN</t>
  </si>
  <si>
    <t>Can Water</t>
  </si>
  <si>
    <t>50064</t>
  </si>
  <si>
    <t>35648</t>
  </si>
  <si>
    <t>GPS 142 WB</t>
  </si>
  <si>
    <t>142wb</t>
  </si>
  <si>
    <t>chak # 142/wb , tehsil mailsi , dist. vehari</t>
  </si>
  <si>
    <t>sehar</t>
  </si>
  <si>
    <t>Muhammad Umar Farooq</t>
  </si>
  <si>
    <t>2801</t>
  </si>
  <si>
    <t>39169</t>
  </si>
  <si>
    <t>GPS ARABIC BASTI JUNIAN</t>
  </si>
  <si>
    <t>Tibbi Izzat</t>
  </si>
  <si>
    <t>Basti Junian Mouza Tibbi Izzat</t>
  </si>
  <si>
    <t>Basti Junian</t>
  </si>
  <si>
    <t>Hafiz Riaz Ahmad Tahir</t>
  </si>
  <si>
    <t>35045</t>
  </si>
  <si>
    <t>GHS FAROOQ ABAD SALDERA</t>
  </si>
  <si>
    <t>saldera</t>
  </si>
  <si>
    <t>Farooqabad(saldera)Burewala</t>
  </si>
  <si>
    <t>Farooq Abad</t>
  </si>
  <si>
    <t>rashid zia haider</t>
  </si>
  <si>
    <t>5490</t>
  </si>
  <si>
    <t>22253</t>
  </si>
  <si>
    <t>2349</t>
  </si>
  <si>
    <t>GGES CHAK 35 GB SATIANA</t>
  </si>
  <si>
    <t>SATIANA - FEMALE</t>
  </si>
  <si>
    <t>Lodhi Majra</t>
  </si>
  <si>
    <t>chak no 35gb</t>
  </si>
  <si>
    <t>35gb</t>
  </si>
  <si>
    <t>Adeela Rauf Khan</t>
  </si>
  <si>
    <t>10461</t>
  </si>
  <si>
    <t>29144</t>
  </si>
  <si>
    <t>16774</t>
  </si>
  <si>
    <t>GGHS 550 GB</t>
  </si>
  <si>
    <t>Mohlianwla</t>
  </si>
  <si>
    <t>Chak 550 GB</t>
  </si>
  <si>
    <t>550 GB</t>
  </si>
  <si>
    <t>Sajida Bashir</t>
  </si>
  <si>
    <t>2071</t>
  </si>
  <si>
    <t>655</t>
  </si>
  <si>
    <t>48812</t>
  </si>
  <si>
    <t>GGHS CHAK NO.90 NB</t>
  </si>
  <si>
    <t>90nb</t>
  </si>
  <si>
    <t>gghs90nbsargodha</t>
  </si>
  <si>
    <t>90 Nb</t>
  </si>
  <si>
    <t>Chak 90 Nb</t>
  </si>
  <si>
    <t>Ghazala Noreen</t>
  </si>
  <si>
    <t>25024</t>
  </si>
  <si>
    <t>40590</t>
  </si>
  <si>
    <t>1814</t>
  </si>
  <si>
    <t>16260</t>
  </si>
  <si>
    <t>GGHSS CHAK 242 RB FSD</t>
  </si>
  <si>
    <t>chak no 242 rb fsd</t>
  </si>
  <si>
    <t>govt girls higher secondary school 242 rb  dasuha fsd</t>
  </si>
  <si>
    <t>MUNEERA BIBI</t>
  </si>
  <si>
    <t>26460</t>
  </si>
  <si>
    <t>27665</t>
  </si>
  <si>
    <t>1759</t>
  </si>
  <si>
    <t>16623</t>
  </si>
  <si>
    <t>13248</t>
  </si>
  <si>
    <t>GPS CHAK 554 GB TANDLIANWALA</t>
  </si>
  <si>
    <t>Mureedkkathea</t>
  </si>
  <si>
    <t>chak no 554gb,  tehsil tandlianwala,  fsd,.</t>
  </si>
  <si>
    <t>554gb</t>
  </si>
  <si>
    <t>Chak No 550 Gb</t>
  </si>
  <si>
    <t>Shahid Iqbal</t>
  </si>
  <si>
    <t>36600</t>
  </si>
  <si>
    <t>31600</t>
  </si>
  <si>
    <t>28033</t>
  </si>
  <si>
    <t>13632</t>
  </si>
  <si>
    <t>2253</t>
  </si>
  <si>
    <t>14709</t>
  </si>
  <si>
    <t>GGES AKBAR ABAD FSD</t>
  </si>
  <si>
    <t>CITY 5 - FEMALE</t>
  </si>
  <si>
    <t>Sidhupura</t>
  </si>
  <si>
    <t>GGES AKBAR ABAD , KATCHI ABADI, FAISALABAD</t>
  </si>
  <si>
    <t>Akbar abad</t>
  </si>
  <si>
    <t>Tahira Tasneem</t>
  </si>
  <si>
    <t>29805</t>
  </si>
  <si>
    <t>840</t>
  </si>
  <si>
    <t>14715</t>
  </si>
  <si>
    <t>GHS MC GULISTAN COLONY FSD</t>
  </si>
  <si>
    <t>GULISTAN COLONY</t>
  </si>
  <si>
    <t>MOHALLA</t>
  </si>
  <si>
    <t>GHF BLOCK GULISTAN COLONY</t>
  </si>
  <si>
    <t>MUHAMMAD ASIF</t>
  </si>
  <si>
    <t>18768</t>
  </si>
  <si>
    <t>637</t>
  </si>
  <si>
    <t>2833</t>
  </si>
  <si>
    <t>1225</t>
  </si>
  <si>
    <t>6307</t>
  </si>
  <si>
    <t>43667</t>
  </si>
  <si>
    <t>GHS SADIQ ABAD P/O SADIQABAD</t>
  </si>
  <si>
    <t>VPO SADIQABAD , TEHSIL LAWA , DIST CHAKWAL</t>
  </si>
  <si>
    <t>KOTGULLAH</t>
  </si>
  <si>
    <t>Imtiaz Akhter</t>
  </si>
  <si>
    <t>8041</t>
  </si>
  <si>
    <t>46149</t>
  </si>
  <si>
    <t>GHS SODHI JAY WALI</t>
  </si>
  <si>
    <t>Sodhi Jay Wali</t>
  </si>
  <si>
    <t>Sodhi Jay wali tehsil Naushera District Khushab</t>
  </si>
  <si>
    <t>khura</t>
  </si>
  <si>
    <t>Muhammad Sultan Mehmood</t>
  </si>
  <si>
    <t>10608</t>
  </si>
  <si>
    <t>17881</t>
  </si>
  <si>
    <t>26778</t>
  </si>
  <si>
    <t>GHS DARMAN</t>
  </si>
  <si>
    <t>Darman</t>
  </si>
  <si>
    <t>Govt High School Darman Narowal</t>
  </si>
  <si>
    <t>BASHRAT ALI SHAHID</t>
  </si>
  <si>
    <t>4595</t>
  </si>
  <si>
    <t>9312</t>
  </si>
  <si>
    <t>GGMPS MUHANAY WALI</t>
  </si>
  <si>
    <t>TAUNSA NORTH-FEMALE</t>
  </si>
  <si>
    <t>kokowah</t>
  </si>
  <si>
    <t>Basti Mohanywali</t>
  </si>
  <si>
    <t>Mohanywali</t>
  </si>
  <si>
    <t>Mangrotha</t>
  </si>
  <si>
    <t>14154</t>
  </si>
  <si>
    <t>42434</t>
  </si>
  <si>
    <t>GGES MANKIALA MUSLIM</t>
  </si>
  <si>
    <t>BHADANA -FEMALE</t>
  </si>
  <si>
    <t>suppiali bangial</t>
  </si>
  <si>
    <t>v.p.o maniala muslim tehsil gujar khan</t>
  </si>
  <si>
    <t>mankiala muslim</t>
  </si>
  <si>
    <t>Isma Rani</t>
  </si>
  <si>
    <t>1065</t>
  </si>
  <si>
    <t>4750</t>
  </si>
  <si>
    <t>9778</t>
  </si>
  <si>
    <t>GPS AURKAY WALA</t>
  </si>
  <si>
    <t>CHAK NO. 473/TDA MALE</t>
  </si>
  <si>
    <t>Shargarah</t>
  </si>
  <si>
    <t>chah arukay wala shargarah choubaraha layyah</t>
  </si>
  <si>
    <t>Arukay Wala</t>
  </si>
  <si>
    <t>Shoukat Ali</t>
  </si>
  <si>
    <t>2580</t>
  </si>
  <si>
    <t>11640</t>
  </si>
  <si>
    <t>32057</t>
  </si>
  <si>
    <t>410</t>
  </si>
  <si>
    <t>16619</t>
  </si>
  <si>
    <t>GPS CHAK 516 GB I MAMUNKANJAN</t>
  </si>
  <si>
    <t>516/1</t>
  </si>
  <si>
    <t>chak number 516/1 po mamookanjan tehsil tandlianwala district Faisalabad</t>
  </si>
  <si>
    <t>514</t>
  </si>
  <si>
    <t>13200</t>
  </si>
  <si>
    <t>13155</t>
  </si>
  <si>
    <t>43249</t>
  </si>
  <si>
    <t>GPS MULHAL MUGHLAN</t>
  </si>
  <si>
    <t>Bamla</t>
  </si>
  <si>
    <t>V.p,o Mulhal Mughlan</t>
  </si>
  <si>
    <t>mansoor ahmed</t>
  </si>
  <si>
    <t>4213</t>
  </si>
  <si>
    <t>42025</t>
  </si>
  <si>
    <t>GGES NIKRALI</t>
  </si>
  <si>
    <t>Nakrali</t>
  </si>
  <si>
    <t>Village &amp; Post office Nakrali, Tehsil Rawalpindi, District Rawalpindi</t>
  </si>
  <si>
    <t>Attiya Jamil</t>
  </si>
  <si>
    <t>48500</t>
  </si>
  <si>
    <t>28745</t>
  </si>
  <si>
    <t>GPS MUQAM</t>
  </si>
  <si>
    <t>Mojuki</t>
  </si>
  <si>
    <t>muqam p/o bodhoki teh chunian kasur</t>
  </si>
  <si>
    <t>Muqam</t>
  </si>
  <si>
    <t>Muhammad Sagheer</t>
  </si>
  <si>
    <t>7580</t>
  </si>
  <si>
    <t>50106</t>
  </si>
  <si>
    <t>GHS CHAK NO. 9/11-L</t>
  </si>
  <si>
    <t>Chak No 9/ 11L</t>
  </si>
  <si>
    <t>GOVT.HIGH SCHOOL CHAK NO.9/11-L</t>
  </si>
  <si>
    <t>CHAK NO.9/11-L</t>
  </si>
  <si>
    <t>CHAK NO.8/11-L</t>
  </si>
  <si>
    <t>SHABBIR HUSSAIN SHAHID</t>
  </si>
  <si>
    <t>1262</t>
  </si>
  <si>
    <t>16426</t>
  </si>
  <si>
    <t>GGHS CHAK NO 124 RB PIOPIOM</t>
  </si>
  <si>
    <t>Propian</t>
  </si>
  <si>
    <t>chak No 124 RB Propian,Fsd.</t>
  </si>
  <si>
    <t>Village</t>
  </si>
  <si>
    <t>Chak No 139 RB Ghami</t>
  </si>
  <si>
    <t>HINA SARFRAZ</t>
  </si>
  <si>
    <t>12156</t>
  </si>
  <si>
    <t>electric cooler water pump hand pump</t>
  </si>
  <si>
    <t>26100</t>
  </si>
  <si>
    <t>12089</t>
  </si>
  <si>
    <t>16516</t>
  </si>
  <si>
    <t>GPS CHAK NO 599 GB</t>
  </si>
  <si>
    <t>599gb</t>
  </si>
  <si>
    <t>Chak no 599 GB</t>
  </si>
  <si>
    <t>Jhok Mutali</t>
  </si>
  <si>
    <t>ALI AQDAS HUSANY</t>
  </si>
  <si>
    <t>18610</t>
  </si>
  <si>
    <t>15085</t>
  </si>
  <si>
    <t>GGPS CHAK 127 GB II JARANWALA</t>
  </si>
  <si>
    <t>mohallah shah jmat park jaranwala</t>
  </si>
  <si>
    <t>Nasreen Zahra</t>
  </si>
  <si>
    <t>1717</t>
  </si>
  <si>
    <t>54341</t>
  </si>
  <si>
    <t>4450</t>
  </si>
  <si>
    <t>12525</t>
  </si>
  <si>
    <t>GES KAMAL PUR</t>
  </si>
  <si>
    <t>DEEN PUR- MALE</t>
  </si>
  <si>
    <t>kamalpur moza kamal pur</t>
  </si>
  <si>
    <t>kamalpur</t>
  </si>
  <si>
    <t>sadey wahin</t>
  </si>
  <si>
    <t>Ghulam Abbas Khan</t>
  </si>
  <si>
    <t>20875</t>
  </si>
  <si>
    <t>17300</t>
  </si>
  <si>
    <t>GGHS CHOUBARA</t>
  </si>
  <si>
    <t>choubara</t>
  </si>
  <si>
    <t>govt. girls high school choubara</t>
  </si>
  <si>
    <t>Choubara</t>
  </si>
  <si>
    <t>FIZA BATOOL</t>
  </si>
  <si>
    <t>49131</t>
  </si>
  <si>
    <t>742</t>
  </si>
  <si>
    <t>20250</t>
  </si>
  <si>
    <t>29618</t>
  </si>
  <si>
    <t>GGHS BHEDIAN CHAK NO. 35 PATTOKI</t>
  </si>
  <si>
    <t>pattoki</t>
  </si>
  <si>
    <t>bhedian pattoki</t>
  </si>
  <si>
    <t>sughra asrar</t>
  </si>
  <si>
    <t>2466</t>
  </si>
  <si>
    <t>22135</t>
  </si>
  <si>
    <t>GHS THATTA POUR</t>
  </si>
  <si>
    <t>Thatta Pour</t>
  </si>
  <si>
    <t>VPO Thatta pour Tehsil and District Gujrat</t>
  </si>
  <si>
    <t>Machhiana</t>
  </si>
  <si>
    <t>Ansar Javed</t>
  </si>
  <si>
    <t>50667</t>
  </si>
  <si>
    <t>18241</t>
  </si>
  <si>
    <t>GHS ESA WALA</t>
  </si>
  <si>
    <t>moza essa wala</t>
  </si>
  <si>
    <t>govt high school essa wala</t>
  </si>
  <si>
    <t>bangla yasmin</t>
  </si>
  <si>
    <t>Ghulam Abbas</t>
  </si>
  <si>
    <t>22910</t>
  </si>
  <si>
    <t>GGHS JOURA KARNANA</t>
  </si>
  <si>
    <t>JAURAH KARNANA</t>
  </si>
  <si>
    <t>JOURAH KARNANA</t>
  </si>
  <si>
    <t>JAURAH</t>
  </si>
  <si>
    <t>Samira Sohail</t>
  </si>
  <si>
    <t>2130</t>
  </si>
  <si>
    <t>35046</t>
  </si>
  <si>
    <t>GGHS MC BUREWALA</t>
  </si>
  <si>
    <t>Burewala</t>
  </si>
  <si>
    <t>govt.mc girls h/s d block</t>
  </si>
  <si>
    <t>City Burewala</t>
  </si>
  <si>
    <t>AZRA NAZIR</t>
  </si>
  <si>
    <t>148920</t>
  </si>
  <si>
    <t>2148</t>
  </si>
  <si>
    <t>GGES CHAK NO 48 GB II</t>
  </si>
  <si>
    <t>Malowal</t>
  </si>
  <si>
    <t>48 GB malowal tehsil samundri faisalabad</t>
  </si>
  <si>
    <t>48GB</t>
  </si>
  <si>
    <t>45GB</t>
  </si>
  <si>
    <t>2680</t>
  </si>
  <si>
    <t>27444</t>
  </si>
  <si>
    <t>30290</t>
  </si>
  <si>
    <t>15185</t>
  </si>
  <si>
    <t>GGPS CHAK 117 GB II SATIANA</t>
  </si>
  <si>
    <t>117GB</t>
  </si>
  <si>
    <t>Chak No 117GB (west)</t>
  </si>
  <si>
    <t>117GB west</t>
  </si>
  <si>
    <t>115GB</t>
  </si>
  <si>
    <t>Kaniz Fatima</t>
  </si>
  <si>
    <t>21377</t>
  </si>
  <si>
    <t>GHS CHAJOKE</t>
  </si>
  <si>
    <t>CHISHTIA ABAD (CHAJJOKE)</t>
  </si>
  <si>
    <t>GHS CHISHTIA ABAD (CAHJJOKE), KAMOKE</t>
  </si>
  <si>
    <t>GHANIA</t>
  </si>
  <si>
    <t>MUHAMMAD SHAFQAT</t>
  </si>
  <si>
    <t>28965</t>
  </si>
  <si>
    <t>998</t>
  </si>
  <si>
    <t>5454</t>
  </si>
  <si>
    <t>37866</t>
  </si>
  <si>
    <t>GGPS 99/10-R, JAHANIAN</t>
  </si>
  <si>
    <t>VEHNI WAL - FEMALE</t>
  </si>
  <si>
    <t>Chak#99/10R</t>
  </si>
  <si>
    <t>chak#99/10R</t>
  </si>
  <si>
    <t>99/10R</t>
  </si>
  <si>
    <t>100/10R</t>
  </si>
  <si>
    <t>Saba Ilyas</t>
  </si>
  <si>
    <t>1941</t>
  </si>
  <si>
    <t>1636</t>
  </si>
  <si>
    <t>33082</t>
  </si>
  <si>
    <t>36115</t>
  </si>
  <si>
    <t>9845</t>
  </si>
  <si>
    <t>GGES CHAK NO 219 GB</t>
  </si>
  <si>
    <t>Chak No 219 GB</t>
  </si>
  <si>
    <t>chak no 219GB</t>
  </si>
  <si>
    <t>219 GB</t>
  </si>
  <si>
    <t>Chak No  142 GB</t>
  </si>
  <si>
    <t>Zanib Bibi</t>
  </si>
  <si>
    <t>50244</t>
  </si>
  <si>
    <t>GGHS 20/11-L</t>
  </si>
  <si>
    <t>20/11-l</t>
  </si>
  <si>
    <t>Asma Ali</t>
  </si>
  <si>
    <t>22705</t>
  </si>
  <si>
    <t>2442</t>
  </si>
  <si>
    <t>16717</t>
  </si>
  <si>
    <t>GGPS 612/GB</t>
  </si>
  <si>
    <t>BAHLAK 1 - FEMALE</t>
  </si>
  <si>
    <t>Chak No 612 GB</t>
  </si>
  <si>
    <t>fozia perveen</t>
  </si>
  <si>
    <t>29575</t>
  </si>
  <si>
    <t>9453</t>
  </si>
  <si>
    <t>418</t>
  </si>
  <si>
    <t>GHSS DAHRANWALA</t>
  </si>
  <si>
    <t>dahranwala</t>
  </si>
  <si>
    <t>Dahranwala City</t>
  </si>
  <si>
    <t>chak no 169murad</t>
  </si>
  <si>
    <t>chak no 169 murad</t>
  </si>
  <si>
    <t>nasir mahmood</t>
  </si>
  <si>
    <t>348190</t>
  </si>
  <si>
    <t>1721</t>
  </si>
  <si>
    <t>15563</t>
  </si>
  <si>
    <t>GGPS CHAK 53 GB BANGLA TARKHANI SAMUNDRI</t>
  </si>
  <si>
    <t>53 GB</t>
  </si>
  <si>
    <t>GGPS 53 GB Bangla tarkhani</t>
  </si>
  <si>
    <t>53 Gb Bangla Tarkhani</t>
  </si>
  <si>
    <t>228 GB</t>
  </si>
  <si>
    <t>Mnobia Khalid</t>
  </si>
  <si>
    <t>1157</t>
  </si>
  <si>
    <t>8360</t>
  </si>
  <si>
    <t>51338</t>
  </si>
  <si>
    <t>42341</t>
  </si>
  <si>
    <t>GHS MIRZA KAMBILI</t>
  </si>
  <si>
    <t>Mirza Kambili</t>
  </si>
  <si>
    <t>GHS Mirza Kambili Tehsil Gujar Khan District Rawalpindi</t>
  </si>
  <si>
    <t>Sui Chemian</t>
  </si>
  <si>
    <t>MUHAMMAD NADEEM BASHIR</t>
  </si>
  <si>
    <t>10504</t>
  </si>
  <si>
    <t>41340</t>
  </si>
  <si>
    <t>48335</t>
  </si>
  <si>
    <t>1018</t>
  </si>
  <si>
    <t>16008</t>
  </si>
  <si>
    <t>GGCMS CHAK NO. 236 RB</t>
  </si>
  <si>
    <t>Chak #236RB</t>
  </si>
  <si>
    <t>236 RB</t>
  </si>
  <si>
    <t>235RB</t>
  </si>
  <si>
    <t>Bushra Begum</t>
  </si>
  <si>
    <t>8810</t>
  </si>
  <si>
    <t>27556</t>
  </si>
  <si>
    <t>53964</t>
  </si>
  <si>
    <t>27922</t>
  </si>
  <si>
    <t>15065</t>
  </si>
  <si>
    <t>GGPS CHAK 356 GB JARANWALA</t>
  </si>
  <si>
    <t>Patla</t>
  </si>
  <si>
    <t>GGPS 356 G.B</t>
  </si>
  <si>
    <t>356 GB</t>
  </si>
  <si>
    <t>Arkana</t>
  </si>
  <si>
    <t>Aneeda Muqadas</t>
  </si>
  <si>
    <t>12173</t>
  </si>
  <si>
    <t>22161</t>
  </si>
  <si>
    <t>16584</t>
  </si>
  <si>
    <t>GPS 548 GB II</t>
  </si>
  <si>
    <t>548/2 Awagat</t>
  </si>
  <si>
    <t>chak no 548 ,Gb,  tandlianwala,  Fsd</t>
  </si>
  <si>
    <t>548/2</t>
  </si>
  <si>
    <t>Kalrwala</t>
  </si>
  <si>
    <t>570</t>
  </si>
  <si>
    <t>16586</t>
  </si>
  <si>
    <t>GPS 553 GB</t>
  </si>
  <si>
    <t>Ghazi Ka Chak</t>
  </si>
  <si>
    <t>chak no 553 gb, tehsil tandlianwala, fsd</t>
  </si>
  <si>
    <t>553 GB</t>
  </si>
  <si>
    <t>550 Gb</t>
  </si>
  <si>
    <t>Muhammad Younas</t>
  </si>
  <si>
    <t>8695</t>
  </si>
  <si>
    <t>25130</t>
  </si>
  <si>
    <t>22123</t>
  </si>
  <si>
    <t>GHS BARILA SHARIF</t>
  </si>
  <si>
    <t>barila</t>
  </si>
  <si>
    <t>barila sharif po tanda teh and dist gujrat</t>
  </si>
  <si>
    <t>barila sharif</t>
  </si>
  <si>
    <t>Muhammad Nawaz Haq</t>
  </si>
  <si>
    <t>547</t>
  </si>
  <si>
    <t>50135</t>
  </si>
  <si>
    <t>GHS 31/14-L</t>
  </si>
  <si>
    <t>Shah kot</t>
  </si>
  <si>
    <t>Chak No 31 /14 - L Po. 82/12-L Tehsil Chichawatni District Sahiwal</t>
  </si>
  <si>
    <t>Naryanwala</t>
  </si>
  <si>
    <t>Chak No 31 /14-L</t>
  </si>
  <si>
    <t>323</t>
  </si>
  <si>
    <t>4847</t>
  </si>
  <si>
    <t>48113</t>
  </si>
  <si>
    <t>2172</t>
  </si>
  <si>
    <t>35091</t>
  </si>
  <si>
    <t>GGHS 441 EB</t>
  </si>
  <si>
    <t>441/Eb</t>
  </si>
  <si>
    <t>Yaqoob Abad Burewala</t>
  </si>
  <si>
    <t>Yaqoob Abad</t>
  </si>
  <si>
    <t>FAKHRA RANA</t>
  </si>
  <si>
    <t>6320</t>
  </si>
  <si>
    <t>2266</t>
  </si>
  <si>
    <t>GGES CHAK NO. 208 M</t>
  </si>
  <si>
    <t>FEMALE-20</t>
  </si>
  <si>
    <t>208/M</t>
  </si>
  <si>
    <t>GGES208/M POST OFFICE 207/M</t>
  </si>
  <si>
    <t>201/M</t>
  </si>
  <si>
    <t>Amina Naz</t>
  </si>
  <si>
    <t>1826</t>
  </si>
  <si>
    <t>15442</t>
  </si>
  <si>
    <t>45684</t>
  </si>
  <si>
    <t>31155</t>
  </si>
  <si>
    <t>GGPS GOPY RAI</t>
  </si>
  <si>
    <t>Gopy Ray</t>
  </si>
  <si>
    <t>katar band road thoker lahore</t>
  </si>
  <si>
    <t>Shahpur Kanjra</t>
  </si>
  <si>
    <t>Shaista Perveen</t>
  </si>
  <si>
    <t>1562</t>
  </si>
  <si>
    <t>34506</t>
  </si>
  <si>
    <t>32944</t>
  </si>
  <si>
    <t>30682</t>
  </si>
  <si>
    <t>14706</t>
  </si>
  <si>
    <t>GGHS CHAK 120 JB ALI TOWN</t>
  </si>
  <si>
    <t>Ali Town</t>
  </si>
  <si>
    <t>govt girls high school 120 jb fsd</t>
  </si>
  <si>
    <t>120j B Fsd</t>
  </si>
  <si>
    <t>Ali Town Fsd</t>
  </si>
  <si>
    <t>Chill water plant</t>
  </si>
  <si>
    <t>35247</t>
  </si>
  <si>
    <t>GPS CHAK NO 359 EB</t>
  </si>
  <si>
    <t>SHAH JUNAID - MALE</t>
  </si>
  <si>
    <t>359 / EB</t>
  </si>
  <si>
    <t>chak No 359 /EB</t>
  </si>
  <si>
    <t>359/ EB</t>
  </si>
  <si>
    <t>Muhammad Shoib Shahzad</t>
  </si>
  <si>
    <t>4023</t>
  </si>
  <si>
    <t>4361</t>
  </si>
  <si>
    <t>5794</t>
  </si>
  <si>
    <t>20493</t>
  </si>
  <si>
    <t>15251</t>
  </si>
  <si>
    <t>GGPS CHAK NO 63 RB I</t>
  </si>
  <si>
    <t>Nihaloana</t>
  </si>
  <si>
    <t>chak no 63 RB I</t>
  </si>
  <si>
    <t>58RB</t>
  </si>
  <si>
    <t>Afra Naz</t>
  </si>
  <si>
    <t>30845</t>
  </si>
  <si>
    <t>22662</t>
  </si>
  <si>
    <t>31407</t>
  </si>
  <si>
    <t>16127</t>
  </si>
  <si>
    <t>GGES CHAK NO 76 JB</t>
  </si>
  <si>
    <t>76jb</t>
  </si>
  <si>
    <t>chak no76jb</t>
  </si>
  <si>
    <t>Thikrawala2</t>
  </si>
  <si>
    <t>Nazia Tabassam</t>
  </si>
  <si>
    <t>34000</t>
  </si>
  <si>
    <t>27485</t>
  </si>
  <si>
    <t>661</t>
  </si>
  <si>
    <t>31168</t>
  </si>
  <si>
    <t>GGPS SULTAN PURA</t>
  </si>
  <si>
    <t>Sultan Pura</t>
  </si>
  <si>
    <t>g g p s sultan pura Multan road lahore</t>
  </si>
  <si>
    <t>Khalida Rasheed</t>
  </si>
  <si>
    <t>7527</t>
  </si>
  <si>
    <t>30258</t>
  </si>
  <si>
    <t>38088</t>
  </si>
  <si>
    <t>35354</t>
  </si>
  <si>
    <t>GGPS 251/EB OLD</t>
  </si>
  <si>
    <t>251/eb</t>
  </si>
  <si>
    <t>GGPS 251/eb tehsil burewala distt vehari</t>
  </si>
  <si>
    <t>267/eb</t>
  </si>
  <si>
    <t>Tahira Parveen</t>
  </si>
  <si>
    <t>2585</t>
  </si>
  <si>
    <t>36373</t>
  </si>
  <si>
    <t>42933</t>
  </si>
  <si>
    <t>54812</t>
  </si>
  <si>
    <t>48257</t>
  </si>
  <si>
    <t>30742</t>
  </si>
  <si>
    <t>GGES CDG JUNIOR MODEL SAMANABAD GHAZALI ROAD</t>
  </si>
  <si>
    <t>samanabad</t>
  </si>
  <si>
    <t>ghazali road samnabad lahore</t>
  </si>
  <si>
    <t>samnabad lahore</t>
  </si>
  <si>
    <t>Bilqees Akhtar</t>
  </si>
  <si>
    <t>14713</t>
  </si>
  <si>
    <t>GHSS LCM MODEL FAISALABAD</t>
  </si>
  <si>
    <t>samundari road</t>
  </si>
  <si>
    <t>dar ul ehsan town</t>
  </si>
  <si>
    <t>Muhammad Yasin</t>
  </si>
  <si>
    <t>751</t>
  </si>
  <si>
    <t>6092</t>
  </si>
  <si>
    <t>1174</t>
  </si>
  <si>
    <t>2963</t>
  </si>
  <si>
    <t>35083</t>
  </si>
  <si>
    <t>GHS GHAFOOR WAH</t>
  </si>
  <si>
    <t>GHAFOORWAH</t>
  </si>
  <si>
    <t>GOVT. HIGH SCHOOL GHAFOORWAH P/O GHAFOORWAH</t>
  </si>
  <si>
    <t>GHAFOORWAH Burewala</t>
  </si>
  <si>
    <t>Ghafoorwah</t>
  </si>
  <si>
    <t>Anjum saeed</t>
  </si>
  <si>
    <t>4386</t>
  </si>
  <si>
    <t>15437</t>
  </si>
  <si>
    <t>GGHSS KHURRIAN WALA</t>
  </si>
  <si>
    <t>Khurrianwala</t>
  </si>
  <si>
    <t>266 RB KHURRIANWALA</t>
  </si>
  <si>
    <t>KHURRIANWALA</t>
  </si>
  <si>
    <t>ABIDA CH.</t>
  </si>
  <si>
    <t>28560</t>
  </si>
  <si>
    <t>3482</t>
  </si>
  <si>
    <t>8948</t>
  </si>
  <si>
    <t>1835</t>
  </si>
  <si>
    <t>2934</t>
  </si>
  <si>
    <t>35190</t>
  </si>
  <si>
    <t>GPS CHAK NO.449 EB</t>
  </si>
  <si>
    <t>MASOOM SHAH - MALE</t>
  </si>
  <si>
    <t>449 /EB</t>
  </si>
  <si>
    <t>GPS 449 EB</t>
  </si>
  <si>
    <t>449/EB</t>
  </si>
  <si>
    <t>457/EB</t>
  </si>
  <si>
    <t>3284</t>
  </si>
  <si>
    <t>5096</t>
  </si>
  <si>
    <t>5240</t>
  </si>
  <si>
    <t>50764</t>
  </si>
  <si>
    <t>16205</t>
  </si>
  <si>
    <t>GHSS CHAK 104 JB FSD</t>
  </si>
  <si>
    <t>HARMOEY</t>
  </si>
  <si>
    <t>CHAK NO. 104/JB, TEHSIL SADDAR, DISTT. FAISALABAD</t>
  </si>
  <si>
    <t>CHAK NO. 113/JB PHULLAHI</t>
  </si>
  <si>
    <t>Ali Raza Anjum</t>
  </si>
  <si>
    <t>20205</t>
  </si>
  <si>
    <t>47726</t>
  </si>
  <si>
    <t>2942</t>
  </si>
  <si>
    <t>35411</t>
  </si>
  <si>
    <t>GGPS CHAK NO. 181 EB</t>
  </si>
  <si>
    <t>SHAH JUNAID - FEMALE</t>
  </si>
  <si>
    <t>181 EB</t>
  </si>
  <si>
    <t>chak no 181 eb burewala dist vhari</t>
  </si>
  <si>
    <t>181EB</t>
  </si>
  <si>
    <t>173 EB</t>
  </si>
  <si>
    <t>Sajida Majeed</t>
  </si>
  <si>
    <t>8257</t>
  </si>
  <si>
    <t>966</t>
  </si>
  <si>
    <t>26196</t>
  </si>
  <si>
    <t>38709</t>
  </si>
  <si>
    <t>2318</t>
  </si>
  <si>
    <t>15825</t>
  </si>
  <si>
    <t>GPS 46 JB</t>
  </si>
  <si>
    <t>GATWALA 2 - MALE</t>
  </si>
  <si>
    <t>46 Jb</t>
  </si>
  <si>
    <t>Govt.Primary School</t>
  </si>
  <si>
    <t>47 Jb</t>
  </si>
  <si>
    <t>muhammad Arif Naveed</t>
  </si>
  <si>
    <t>13700</t>
  </si>
  <si>
    <t>30280</t>
  </si>
  <si>
    <t>GGPS CHAK NO. 228 RB BAR</t>
  </si>
  <si>
    <t>Bar</t>
  </si>
  <si>
    <t>228 RB Bar Makkuana fsd</t>
  </si>
  <si>
    <t>228 RB Bar</t>
  </si>
  <si>
    <t>227 RB CHADDAR</t>
  </si>
  <si>
    <t>Farhana Parveen</t>
  </si>
  <si>
    <t>2756</t>
  </si>
  <si>
    <t>35322</t>
  </si>
  <si>
    <t>GGCMES 515/EB</t>
  </si>
  <si>
    <t>515EB</t>
  </si>
  <si>
    <t>Govt. Girls Elementary Community School 515/EB</t>
  </si>
  <si>
    <t>515/eB</t>
  </si>
  <si>
    <t>515</t>
  </si>
  <si>
    <t>Zahida Majeed</t>
  </si>
  <si>
    <t>3793</t>
  </si>
  <si>
    <t>15270</t>
  </si>
  <si>
    <t>GHS CHAK 22 GB PO 22 GB JARANWALA</t>
  </si>
  <si>
    <t>CHAK NO 22 GB</t>
  </si>
  <si>
    <t>chak no 22 gb</t>
  </si>
  <si>
    <t>khalid mehmood</t>
  </si>
  <si>
    <t>3648</t>
  </si>
  <si>
    <t>GGHS CHAK 85 JB LALIA</t>
  </si>
  <si>
    <t>GGHS 85 JB</t>
  </si>
  <si>
    <t>LEELAN</t>
  </si>
  <si>
    <t>CHAK NO.88 JB</t>
  </si>
  <si>
    <t>NASIRA NAHEED</t>
  </si>
  <si>
    <t>10530</t>
  </si>
  <si>
    <t>4954</t>
  </si>
  <si>
    <t>48120</t>
  </si>
  <si>
    <t>15415</t>
  </si>
  <si>
    <t>GGHS CHAK 591 GB GANGA PUR</t>
  </si>
  <si>
    <t>chk#591 gb</t>
  </si>
  <si>
    <t>591gb</t>
  </si>
  <si>
    <t>shabana kausar</t>
  </si>
  <si>
    <t>47916</t>
  </si>
  <si>
    <t>21254</t>
  </si>
  <si>
    <t>GGPS BURJ DAHALLA</t>
  </si>
  <si>
    <t>BURJ Dhalla</t>
  </si>
  <si>
    <t>Dilawer Cheema</t>
  </si>
  <si>
    <t>Tanveer Kousar</t>
  </si>
  <si>
    <t>26772</t>
  </si>
  <si>
    <t>GPS DHAMTHAL</t>
  </si>
  <si>
    <t>main road narowal zafarwal nazd porana kbrastan Dhamthal</t>
  </si>
  <si>
    <t>Rehmatullah</t>
  </si>
  <si>
    <t>36158</t>
  </si>
  <si>
    <t>GGHS 163 WB</t>
  </si>
  <si>
    <t>163/wb</t>
  </si>
  <si>
    <t>chak.no.163/w.bq</t>
  </si>
  <si>
    <t>155/wb</t>
  </si>
  <si>
    <t>Zohra Perveen</t>
  </si>
  <si>
    <t>106177</t>
  </si>
  <si>
    <t>25150</t>
  </si>
  <si>
    <t>108000</t>
  </si>
  <si>
    <t>20865</t>
  </si>
  <si>
    <t>GGHSS AHMAD NAGAR</t>
  </si>
  <si>
    <t>ahmad Nagar</t>
  </si>
  <si>
    <t>Govt Girls H/S School ahmad Nagar</t>
  </si>
  <si>
    <t>sadia zafar</t>
  </si>
  <si>
    <t>1051</t>
  </si>
  <si>
    <t>4687</t>
  </si>
  <si>
    <t>6687</t>
  </si>
  <si>
    <t>49395</t>
  </si>
  <si>
    <t>GHS SABOWAL</t>
  </si>
  <si>
    <t>VILLAGE AND POST OFFICE SABOWAL TEHSIL SHAHPUR DISTRICT SARGODHA</t>
  </si>
  <si>
    <t>ZULFIQAR AHMAD</t>
  </si>
  <si>
    <t>49657</t>
  </si>
  <si>
    <t>GGHS CHAK NO.122 SB</t>
  </si>
  <si>
    <t>Chak#122sb</t>
  </si>
  <si>
    <t>Chak #122sb Shaheenabad Sillanwalli Sargodha</t>
  </si>
  <si>
    <t>Chak# 122sb</t>
  </si>
  <si>
    <t>Nusrat Perveen</t>
  </si>
  <si>
    <t>5598</t>
  </si>
  <si>
    <t>water supply connection as source of drinking water</t>
  </si>
  <si>
    <t>23635</t>
  </si>
  <si>
    <t>1186</t>
  </si>
  <si>
    <t>3058</t>
  </si>
  <si>
    <t>GGHS MIAL</t>
  </si>
  <si>
    <t>SAGHAR-FEMALE</t>
  </si>
  <si>
    <t>MIAL</t>
  </si>
  <si>
    <t>GOVT GIRLS HIGH SCHOOL MIAL</t>
  </si>
  <si>
    <t>BIDHAR</t>
  </si>
  <si>
    <t>NIGHAT PERVEEN</t>
  </si>
  <si>
    <t>415</t>
  </si>
  <si>
    <t>9715</t>
  </si>
  <si>
    <t>1191</t>
  </si>
  <si>
    <t>30269</t>
  </si>
  <si>
    <t>GGHS KAMAHAN LAHORE CANTT</t>
  </si>
  <si>
    <t>Kamahan</t>
  </si>
  <si>
    <t>gghs kamahan lahore cantt</t>
  </si>
  <si>
    <t>nafeesa haseeb</t>
  </si>
  <si>
    <t>23812</t>
  </si>
  <si>
    <t>7739</t>
  </si>
  <si>
    <t>783</t>
  </si>
  <si>
    <t>16621</t>
  </si>
  <si>
    <t>GPS CHAK 546 GB MAMUNKANJAN TANDLIANWALA</t>
  </si>
  <si>
    <t>Gogera</t>
  </si>
  <si>
    <t>546gb</t>
  </si>
  <si>
    <t>550gb</t>
  </si>
  <si>
    <t>Muhammad Falak Sher</t>
  </si>
  <si>
    <t>5025</t>
  </si>
  <si>
    <t>46139</t>
  </si>
  <si>
    <t>GHS MARDWAL</t>
  </si>
  <si>
    <t>Mardwal</t>
  </si>
  <si>
    <t>vpo mardwal</t>
  </si>
  <si>
    <t>Iqbal Ahmad Awan</t>
  </si>
  <si>
    <t>9260</t>
  </si>
  <si>
    <t>26261</t>
  </si>
  <si>
    <t>7829</t>
  </si>
  <si>
    <t>5705</t>
  </si>
  <si>
    <t>49936</t>
  </si>
  <si>
    <t>GPS THATHI SAID SHAMEER</t>
  </si>
  <si>
    <t>NEHANG - MALE</t>
  </si>
  <si>
    <t>Thatti Said  Shameer</t>
  </si>
  <si>
    <t>GPS Thatti said shameer</t>
  </si>
  <si>
    <t>Thatti Said Shameer</t>
  </si>
  <si>
    <t>Lakhiwal</t>
  </si>
  <si>
    <t>Muhammad Asghar</t>
  </si>
  <si>
    <t>45259</t>
  </si>
  <si>
    <t>45125</t>
  </si>
  <si>
    <t>35346</t>
  </si>
  <si>
    <t>GMPS HAIDER ABAD</t>
  </si>
  <si>
    <t>HAIDERABAD</t>
  </si>
  <si>
    <t>Street No. 2, Muhallah: Haiderabad, P.O: AliPur Chatha, Tehsil: Wazirabad, District: Gujranwala</t>
  </si>
  <si>
    <t>ALIPUR CHATHA</t>
  </si>
  <si>
    <t>ALIPUR CHATHA-1</t>
  </si>
  <si>
    <t>5846</t>
  </si>
  <si>
    <t>21829</t>
  </si>
  <si>
    <t>48060</t>
  </si>
  <si>
    <t>GHS BUCHA KALAN</t>
  </si>
  <si>
    <t>BUCHA KALAN</t>
  </si>
  <si>
    <t>BUCHA KALAN, TEHSIL KOTMOMIN, DISTRICT SARGODHA</t>
  </si>
  <si>
    <t>Farooq Ahmad</t>
  </si>
  <si>
    <t>8300</t>
  </si>
  <si>
    <t>527</t>
  </si>
  <si>
    <t>631</t>
  </si>
  <si>
    <t>87340</t>
  </si>
  <si>
    <t>33338</t>
  </si>
  <si>
    <t>GGES MODEL SALAR SYEDAN</t>
  </si>
  <si>
    <t>Khanqa Dogran</t>
  </si>
  <si>
    <t>Salar syedan Lahore via Sargodha road</t>
  </si>
  <si>
    <t>Salar Syedan</t>
  </si>
  <si>
    <t>Misbah Jaleel</t>
  </si>
  <si>
    <t>9440</t>
  </si>
  <si>
    <t>9280</t>
  </si>
  <si>
    <t>5463</t>
  </si>
  <si>
    <t>1055</t>
  </si>
  <si>
    <t>5369</t>
  </si>
  <si>
    <t>31769</t>
  </si>
  <si>
    <t>GGPS PINDI RATAN SINGH</t>
  </si>
  <si>
    <t>MURIDKE-VI - FEMALE</t>
  </si>
  <si>
    <t>Pindi</t>
  </si>
  <si>
    <t>pindi rattan singh</t>
  </si>
  <si>
    <t>Pindi Rattan Singh</t>
  </si>
  <si>
    <t>Khatiala Virkaan</t>
  </si>
  <si>
    <t>Safina Bibi</t>
  </si>
  <si>
    <t>3275</t>
  </si>
  <si>
    <t>11180</t>
  </si>
  <si>
    <t>49677</t>
  </si>
  <si>
    <t>6180</t>
  </si>
  <si>
    <t>15579</t>
  </si>
  <si>
    <t>GGPS CHAK 168 GB SAMUNDRI</t>
  </si>
  <si>
    <t>168Gb</t>
  </si>
  <si>
    <t>168 GB</t>
  </si>
  <si>
    <t>168GB</t>
  </si>
  <si>
    <t>166GB</t>
  </si>
  <si>
    <t>Sadia Ghous</t>
  </si>
  <si>
    <t>1566</t>
  </si>
  <si>
    <t>27552</t>
  </si>
  <si>
    <t>40082</t>
  </si>
  <si>
    <t>31998</t>
  </si>
  <si>
    <t>GPS MC SHARIF COLONY SHARGODHA ROAD</t>
  </si>
  <si>
    <t>SHEIKHUPURA-IV - MALE</t>
  </si>
  <si>
    <t>Nabi Pura</t>
  </si>
  <si>
    <t>Government M C  primary school sharif colony sheikhupura.</t>
  </si>
  <si>
    <t>Sharif Colony</t>
  </si>
  <si>
    <t>Asma Shafique</t>
  </si>
  <si>
    <t>5476</t>
  </si>
  <si>
    <t>12020</t>
  </si>
  <si>
    <t>23230</t>
  </si>
  <si>
    <t>46583</t>
  </si>
  <si>
    <t>GHS CHOHA SHARIF</t>
  </si>
  <si>
    <t>Choha</t>
  </si>
  <si>
    <t>MUHAMMAD ASMAT ULLAH</t>
  </si>
  <si>
    <t>private Water Supply</t>
  </si>
  <si>
    <t>52795</t>
  </si>
  <si>
    <t>2656</t>
  </si>
  <si>
    <t>49648</t>
  </si>
  <si>
    <t>GHS CHAK NO 133 SB</t>
  </si>
  <si>
    <t>Chak No 133 SB</t>
  </si>
  <si>
    <t>Chak No.133 SB</t>
  </si>
  <si>
    <t>Chak No 132 SB</t>
  </si>
  <si>
    <t>Abdul Qayyum</t>
  </si>
  <si>
    <t>12826</t>
  </si>
  <si>
    <t>37124</t>
  </si>
  <si>
    <t>932</t>
  </si>
  <si>
    <t>42111</t>
  </si>
  <si>
    <t>GGES LOSER SHARFOO</t>
  </si>
  <si>
    <t>TAXILA - FEMALE</t>
  </si>
  <si>
    <t>Losar Sharfoo</t>
  </si>
  <si>
    <t>P.O.Box Losar Sharfoo G T Road Taxila</t>
  </si>
  <si>
    <t>Wah Cantt</t>
  </si>
  <si>
    <t>BUSHRA RASOOL</t>
  </si>
  <si>
    <t>Bore.,</t>
  </si>
  <si>
    <t>12783</t>
  </si>
  <si>
    <t>37387</t>
  </si>
  <si>
    <t>28963</t>
  </si>
  <si>
    <t>46125</t>
  </si>
  <si>
    <t>GHS ANGA</t>
  </si>
  <si>
    <t>Angah</t>
  </si>
  <si>
    <t>vpo angah tehsil Noushera Distt khushab</t>
  </si>
  <si>
    <t>Muhammad Iftekhar Ul Hassan</t>
  </si>
  <si>
    <t>7112</t>
  </si>
  <si>
    <t>water supply line</t>
  </si>
  <si>
    <t>48460</t>
  </si>
  <si>
    <t>30169</t>
  </si>
  <si>
    <t>GGHS MILLAT MUGHAL PURA LAHORE</t>
  </si>
  <si>
    <t>Govt Millat Girls High School Shah Kamal Road Mughalpura Lahore</t>
  </si>
  <si>
    <t>ganj mughalpura</t>
  </si>
  <si>
    <t>tamseela rashid</t>
  </si>
  <si>
    <t>35937</t>
  </si>
  <si>
    <t>2966</t>
  </si>
  <si>
    <t>32030</t>
  </si>
  <si>
    <t>GPS CHAK 6 UCC</t>
  </si>
  <si>
    <t>SHEIKHUPURA-VIII - MALE</t>
  </si>
  <si>
    <t>Haati</t>
  </si>
  <si>
    <t>chak no.6</t>
  </si>
  <si>
    <t>Chak No6</t>
  </si>
  <si>
    <t>Kurlkay</t>
  </si>
  <si>
    <t>Javaid Tanveer</t>
  </si>
  <si>
    <t>26549</t>
  </si>
  <si>
    <t>GGES ZAFARWAL</t>
  </si>
  <si>
    <t>ZAFARWAL-FEMALE</t>
  </si>
  <si>
    <t>EID GAH</t>
  </si>
  <si>
    <t>Musarat Yasmeen</t>
  </si>
  <si>
    <t>580</t>
  </si>
  <si>
    <t>31134</t>
  </si>
  <si>
    <t>44210</t>
  </si>
  <si>
    <t>43904</t>
  </si>
  <si>
    <t>3354</t>
  </si>
  <si>
    <t>20447</t>
  </si>
  <si>
    <t>GGHS TALWANDI KHAJOOR WALI</t>
  </si>
  <si>
    <t>talwandi khjoor wali</t>
  </si>
  <si>
    <t>GGHS TALWANDI KHAJOORWALI</t>
  </si>
  <si>
    <t>talwandi khajoorwali</t>
  </si>
  <si>
    <t>Shafia Akhtar</t>
  </si>
  <si>
    <t>9437</t>
  </si>
  <si>
    <t>electric pump</t>
  </si>
  <si>
    <t>43973</t>
  </si>
  <si>
    <t>16622</t>
  </si>
  <si>
    <t>GPS CHAK 551 GB MAMUNKANJAN TANDLIANWALA</t>
  </si>
  <si>
    <t>551GB</t>
  </si>
  <si>
    <t>chak.551gb,  mamukanjin,  tehsil tandlianwala,  fsd</t>
  </si>
  <si>
    <t>Chak551</t>
  </si>
  <si>
    <t>Sajawal Khan</t>
  </si>
  <si>
    <t>2170</t>
  </si>
  <si>
    <t>5274</t>
  </si>
  <si>
    <t>24566</t>
  </si>
  <si>
    <t>50929</t>
  </si>
  <si>
    <t>GGPS SANGHAY</t>
  </si>
  <si>
    <t>GHATIALIAN - FEMALE</t>
  </si>
  <si>
    <t>Sanghay</t>
  </si>
  <si>
    <t>Dhodha</t>
  </si>
  <si>
    <t>Mubashra Muzaffar</t>
  </si>
  <si>
    <t>14021</t>
  </si>
  <si>
    <t>3199</t>
  </si>
  <si>
    <t>42034</t>
  </si>
  <si>
    <t>GHS TAXILA</t>
  </si>
  <si>
    <t>Gheela</t>
  </si>
  <si>
    <t>gbhs taxila</t>
  </si>
  <si>
    <t>saraiy kala chowk</t>
  </si>
  <si>
    <t>TMA</t>
  </si>
  <si>
    <t>Shafique-ur-Rehman</t>
  </si>
  <si>
    <t>165000</t>
  </si>
  <si>
    <t>23085</t>
  </si>
  <si>
    <t>1602</t>
  </si>
  <si>
    <t>41625</t>
  </si>
  <si>
    <t>GGES JABBAR MIANA</t>
  </si>
  <si>
    <t>Jabbar Miana</t>
  </si>
  <si>
    <t>village jabbar miana  post offfice jabbar miana teh$distt rwp</t>
  </si>
  <si>
    <t>Reema Mushtaq</t>
  </si>
  <si>
    <t>water bore</t>
  </si>
  <si>
    <t>5750</t>
  </si>
  <si>
    <t>36800</t>
  </si>
  <si>
    <t>37198</t>
  </si>
  <si>
    <t>15556</t>
  </si>
  <si>
    <t>GGPS CHAK 42 GB II SAMUNDRI</t>
  </si>
  <si>
    <t>42GBII</t>
  </si>
  <si>
    <t>Jegday</t>
  </si>
  <si>
    <t>Asifa Jabeen</t>
  </si>
  <si>
    <t>6100</t>
  </si>
  <si>
    <t>48520</t>
  </si>
  <si>
    <t>2980</t>
  </si>
  <si>
    <t>33192</t>
  </si>
  <si>
    <t>GES PHULARWAN</t>
  </si>
  <si>
    <t>SAFDARABAD-III - MALE</t>
  </si>
  <si>
    <t>PHULLARWAN</t>
  </si>
  <si>
    <t>BAHALIKE</t>
  </si>
  <si>
    <t>MUHAMMAD ARSHAD</t>
  </si>
  <si>
    <t>1896</t>
  </si>
  <si>
    <t>3091</t>
  </si>
  <si>
    <t>32496</t>
  </si>
  <si>
    <t>29405</t>
  </si>
  <si>
    <t>24913</t>
  </si>
  <si>
    <t>GPS PROPI ARIAN</t>
  </si>
  <si>
    <t>KOTLI LOHARAN - MALE</t>
  </si>
  <si>
    <t>village propi Arian sialkot</t>
  </si>
  <si>
    <t>Propi Arian</t>
  </si>
  <si>
    <t>Muhammad Saddique</t>
  </si>
  <si>
    <t>3418</t>
  </si>
  <si>
    <t>11510</t>
  </si>
  <si>
    <t>11575</t>
  </si>
  <si>
    <t>48989</t>
  </si>
  <si>
    <t>6184</t>
  </si>
  <si>
    <t>53699</t>
  </si>
  <si>
    <t>GPS CHOKI MAJHIANA</t>
  </si>
  <si>
    <t>BAMA BALA-MALE</t>
  </si>
  <si>
    <t>Choki Majhyana MAJHYANA</t>
  </si>
  <si>
    <t>CHOKI MAJHYANA</t>
  </si>
  <si>
    <t>4 G.D</t>
  </si>
  <si>
    <t>talib hussain</t>
  </si>
  <si>
    <t>1590</t>
  </si>
  <si>
    <t>45171</t>
  </si>
  <si>
    <t>26602</t>
  </si>
  <si>
    <t>GPS RAIB NO 2</t>
  </si>
  <si>
    <t>Raib</t>
  </si>
  <si>
    <t>Village Raib P/O Dhamthal Tensile Zafarwal Dist. Narowal</t>
  </si>
  <si>
    <t>Tapyala</t>
  </si>
  <si>
    <t>25261</t>
  </si>
  <si>
    <t>24716</t>
  </si>
  <si>
    <t>24478</t>
  </si>
  <si>
    <t>33216</t>
  </si>
  <si>
    <t>12208</t>
  </si>
  <si>
    <t>4234</t>
  </si>
  <si>
    <t>GGPS CHAK NO.53/DB</t>
  </si>
  <si>
    <t>CHAK NO.53/DB</t>
  </si>
  <si>
    <t>P.S chak no 53 DB</t>
  </si>
  <si>
    <t>CHAK NO.57/DB</t>
  </si>
  <si>
    <t>Balqees Akhtar</t>
  </si>
  <si>
    <t>28185</t>
  </si>
  <si>
    <t>1443</t>
  </si>
  <si>
    <t>23721</t>
  </si>
  <si>
    <t>27944</t>
  </si>
  <si>
    <t>46401</t>
  </si>
  <si>
    <t>GHS RAHDARI</t>
  </si>
  <si>
    <t>GHS Rahdari Tehsil Noorpur District Khushab</t>
  </si>
  <si>
    <t>Manzar Ali Shah</t>
  </si>
  <si>
    <t>23712</t>
  </si>
  <si>
    <t>856</t>
  </si>
  <si>
    <t>36197</t>
  </si>
  <si>
    <t>GPS CHAK NO.196/EB</t>
  </si>
  <si>
    <t>196/EB</t>
  </si>
  <si>
    <t>Chak no 196/EB</t>
  </si>
  <si>
    <t>198/EB</t>
  </si>
  <si>
    <t>6303</t>
  </si>
  <si>
    <t>38547</t>
  </si>
  <si>
    <t>47929</t>
  </si>
  <si>
    <t>32069</t>
  </si>
  <si>
    <t>GPS BAHAR</t>
  </si>
  <si>
    <t>Bahar</t>
  </si>
  <si>
    <t>bahar post office farooq abad tehsil district sheikhupura</t>
  </si>
  <si>
    <t>Makki 460</t>
  </si>
  <si>
    <t>Arif Hussain</t>
  </si>
  <si>
    <t>41268</t>
  </si>
  <si>
    <t>19936</t>
  </si>
  <si>
    <t>47715</t>
  </si>
  <si>
    <t>GHS MUSI WALI</t>
  </si>
  <si>
    <t>Piplan Paka</t>
  </si>
  <si>
    <t>ghs musi wali tehseel piplan district mianwali</t>
  </si>
  <si>
    <t>Musi Wali</t>
  </si>
  <si>
    <t>Tiba Mehrban Shah</t>
  </si>
  <si>
    <t>Mashkoor Hussain</t>
  </si>
  <si>
    <t>402</t>
  </si>
  <si>
    <t>5507</t>
  </si>
  <si>
    <t>520</t>
  </si>
  <si>
    <t>45332</t>
  </si>
  <si>
    <t>GPS CHAH BOGHI</t>
  </si>
  <si>
    <t>Dhigana</t>
  </si>
  <si>
    <t>chah bhogi mankera.</t>
  </si>
  <si>
    <t>Chah Bhogi</t>
  </si>
  <si>
    <t>Asghar Hussain Shoaib</t>
  </si>
  <si>
    <t>7657</t>
  </si>
  <si>
    <t>20706</t>
  </si>
  <si>
    <t>30390</t>
  </si>
  <si>
    <t>GPS ST LAWARENCE NO II NAWAZ SHARIF COLONY</t>
  </si>
  <si>
    <t>GULBERG-MALE</t>
  </si>
  <si>
    <t>Nawaz Sharif Colony</t>
  </si>
  <si>
    <t>gps saint lawrance 2 main bazar nawaz sharif colony</t>
  </si>
  <si>
    <t>Gopal Nagar</t>
  </si>
  <si>
    <t>Saeeda Parveen</t>
  </si>
  <si>
    <t>53160</t>
  </si>
  <si>
    <t>787</t>
  </si>
  <si>
    <t>1343</t>
  </si>
  <si>
    <t>33136</t>
  </si>
  <si>
    <t>GPS KAIRAN WALA</t>
  </si>
  <si>
    <t>NANKANA SADAR - MALE</t>
  </si>
  <si>
    <t>Kairan Wala</t>
  </si>
  <si>
    <t>Village kairan wala</t>
  </si>
  <si>
    <t>Fattah Thatta</t>
  </si>
  <si>
    <t>Rai Muhammad Afzal</t>
  </si>
  <si>
    <t>1806</t>
  </si>
  <si>
    <t>6620</t>
  </si>
  <si>
    <t>31645</t>
  </si>
  <si>
    <t>28249</t>
  </si>
  <si>
    <t>GGHS HAIGAR WALA</t>
  </si>
  <si>
    <t>haigarwala</t>
  </si>
  <si>
    <t>V.Haigarwala P/O Pahrianwali</t>
  </si>
  <si>
    <t>Haigarwala</t>
  </si>
  <si>
    <t>Uzma Perveen</t>
  </si>
  <si>
    <t>7351</t>
  </si>
  <si>
    <t>553</t>
  </si>
  <si>
    <t>34800</t>
  </si>
  <si>
    <t>35028</t>
  </si>
  <si>
    <t>GHS CHAK NO.251/EB</t>
  </si>
  <si>
    <t>Chak No 251/EB</t>
  </si>
  <si>
    <t>Chak No 251/EB Burewala</t>
  </si>
  <si>
    <t>Chak No 267/EB</t>
  </si>
  <si>
    <t>Akbar Ali</t>
  </si>
  <si>
    <t>1936</t>
  </si>
  <si>
    <t>48530</t>
  </si>
  <si>
    <t>16163</t>
  </si>
  <si>
    <t>GGES CHAK 254 RB A S</t>
  </si>
  <si>
    <t>254rb Alasing</t>
  </si>
  <si>
    <t>GGES 254 Rb Alasing</t>
  </si>
  <si>
    <t>Chak No 254 Rb Alasing</t>
  </si>
  <si>
    <t>257 Rb Jahngir</t>
  </si>
  <si>
    <t>Sunbal Iqbal</t>
  </si>
  <si>
    <t>8846</t>
  </si>
  <si>
    <t>54460</t>
  </si>
  <si>
    <t>4582</t>
  </si>
  <si>
    <t>2651</t>
  </si>
  <si>
    <t>GPS KHAMEESA PAKHIWAR</t>
  </si>
  <si>
    <t>Khamisa Pakhiwar</t>
  </si>
  <si>
    <t>Mouza Khamisa Pakhiwar, Tehsil Ahmed Pur East</t>
  </si>
  <si>
    <t>MIQDAD HUSSAIN</t>
  </si>
  <si>
    <t>1501</t>
  </si>
  <si>
    <t>Water Drumi</t>
  </si>
  <si>
    <t>2026</t>
  </si>
  <si>
    <t>34790</t>
  </si>
  <si>
    <t>GES FAIZ ABAD P/O BAIT KATCH</t>
  </si>
  <si>
    <t>KHAN BELA - MALE</t>
  </si>
  <si>
    <t>bait kaitch janubi</t>
  </si>
  <si>
    <t>moza bait kaitch faizabad</t>
  </si>
  <si>
    <t>faizabad</t>
  </si>
  <si>
    <t>bait kaich jaubi</t>
  </si>
  <si>
    <t>RABNAWAZ KHAN</t>
  </si>
  <si>
    <t>1329</t>
  </si>
  <si>
    <t>52155</t>
  </si>
  <si>
    <t>GGPS 137 EB PO 127 EB</t>
  </si>
  <si>
    <t>AHMAD YAR - FEMALE</t>
  </si>
  <si>
    <t>Moin Kot</t>
  </si>
  <si>
    <t>chak no 137 e.b adda moin kot thana ahmad yar Teh. arifwala disst. Pakpattan</t>
  </si>
  <si>
    <t>137 E B</t>
  </si>
  <si>
    <t>137 Moin Kot</t>
  </si>
  <si>
    <t>FARHET YASMEEN</t>
  </si>
  <si>
    <t>9370</t>
  </si>
  <si>
    <t>8409</t>
  </si>
  <si>
    <t>43828</t>
  </si>
  <si>
    <t>16454</t>
  </si>
  <si>
    <t>GHS CHAK 127 RB CHAK JHUMRA FSD</t>
  </si>
  <si>
    <t>127 RB</t>
  </si>
  <si>
    <t>GHS 127 RB BAHLOL PUR TEHSIL CHAK JHUMRA DISTT FAISALABAD</t>
  </si>
  <si>
    <t>BAHLOL PUR</t>
  </si>
  <si>
    <t>SHAHID ALI</t>
  </si>
  <si>
    <t>14245</t>
  </si>
  <si>
    <t>22895</t>
  </si>
  <si>
    <t>GHS GHAUSIA LALA MUSA</t>
  </si>
  <si>
    <t>Lalamusa</t>
  </si>
  <si>
    <t>purani chongi, lalamusa city</t>
  </si>
  <si>
    <t>Municipal Comette</t>
  </si>
  <si>
    <t>MUHAMMAD TAHIR</t>
  </si>
  <si>
    <t>471</t>
  </si>
  <si>
    <t>92480</t>
  </si>
  <si>
    <t>5981</t>
  </si>
  <si>
    <t>38234</t>
  </si>
  <si>
    <t>GGES BASTI LAIL PUR</t>
  </si>
  <si>
    <t>DHANOTE - FEMALE</t>
  </si>
  <si>
    <t>Jimrani Wah</t>
  </si>
  <si>
    <t>basti lailpur</t>
  </si>
  <si>
    <t>Lailpur</t>
  </si>
  <si>
    <t>Salma Khatoon</t>
  </si>
  <si>
    <t>34047</t>
  </si>
  <si>
    <t>GMPS 74-B/15-L, P/O 79/15-L, KACHA KHUH</t>
  </si>
  <si>
    <t>74b/15l</t>
  </si>
  <si>
    <t>Gmps chak no 74.b/15.l teh. distt. khanewal</t>
  </si>
  <si>
    <t>72-73/15l</t>
  </si>
  <si>
    <t>Rashda Jan</t>
  </si>
  <si>
    <t>4181</t>
  </si>
  <si>
    <t>32761</t>
  </si>
  <si>
    <t>27242</t>
  </si>
  <si>
    <t>3552</t>
  </si>
  <si>
    <t>GHS CHAK NO.179/M</t>
  </si>
  <si>
    <t>Chak No. 179/M</t>
  </si>
  <si>
    <t>Chak No. 179/M Teh. Hasilpur Distt. Bahawalpur</t>
  </si>
  <si>
    <t>Chak No. 179/m</t>
  </si>
  <si>
    <t>Chak No 163/m</t>
  </si>
  <si>
    <t>MUHAMMAD SULEMAN SHAKIR</t>
  </si>
  <si>
    <t>16201</t>
  </si>
  <si>
    <t>1062</t>
  </si>
  <si>
    <t>2037</t>
  </si>
  <si>
    <t>34464</t>
  </si>
  <si>
    <t>GPS BASTI TALAB  SULTAN PUR HAMER SHER SHAH</t>
  </si>
  <si>
    <t>SHER SHAH - MALE</t>
  </si>
  <si>
    <t>Sultanpur Hamer</t>
  </si>
  <si>
    <t>Basti Talab Moza Sultan Pur Hamar</t>
  </si>
  <si>
    <t>Basti Talab</t>
  </si>
  <si>
    <t>Ambala</t>
  </si>
  <si>
    <t>3242</t>
  </si>
  <si>
    <t>20161</t>
  </si>
  <si>
    <t>GGHS PIR PUNJA</t>
  </si>
  <si>
    <t>Pir Punja</t>
  </si>
  <si>
    <t>pir punja tehsil lalian distt chiniot</t>
  </si>
  <si>
    <t>pir punja</t>
  </si>
  <si>
    <t>RABIA BASRY</t>
  </si>
  <si>
    <t>22002</t>
  </si>
  <si>
    <t>43096</t>
  </si>
  <si>
    <t>GHS KARSAL</t>
  </si>
  <si>
    <t>karsal</t>
  </si>
  <si>
    <t>post office karsal tehsil and district chakwal</t>
  </si>
  <si>
    <t>Azhar abbas</t>
  </si>
  <si>
    <t>11973</t>
  </si>
  <si>
    <t>802</t>
  </si>
  <si>
    <t>27623</t>
  </si>
  <si>
    <t>GHS PIND MAKKO</t>
  </si>
  <si>
    <t>Pind Makko</t>
  </si>
  <si>
    <t>pind makko (m.B.Din)</t>
  </si>
  <si>
    <t>pind Makko</t>
  </si>
  <si>
    <t>Muhammad Zafar</t>
  </si>
  <si>
    <t>11535</t>
  </si>
  <si>
    <t>44347</t>
  </si>
  <si>
    <t>GHS DAYA MURAD</t>
  </si>
  <si>
    <t>Dagger Aulakh</t>
  </si>
  <si>
    <t>Daya Murad Tehsil &amp; Distt Bhakkar</t>
  </si>
  <si>
    <t>Daya Murad</t>
  </si>
  <si>
    <t>Umer Hayat</t>
  </si>
  <si>
    <t>689</t>
  </si>
  <si>
    <t>37751</t>
  </si>
  <si>
    <t>21817</t>
  </si>
  <si>
    <t>GES 133/10-R, JAHANIAN</t>
  </si>
  <si>
    <t>THATTA SADIQABAD - MALE</t>
  </si>
  <si>
    <t>Chak No. 133/10-R</t>
  </si>
  <si>
    <t>Chak # 133/10-R</t>
  </si>
  <si>
    <t>Thatha Sadiqabad</t>
  </si>
  <si>
    <t>Muhammad Saeed</t>
  </si>
  <si>
    <t>667</t>
  </si>
  <si>
    <t>3948</t>
  </si>
  <si>
    <t>52113</t>
  </si>
  <si>
    <t>GGPS 72 EB MUHAMMAD NAGAR ARIFWALA</t>
  </si>
  <si>
    <t>MUHAMMAD NAGAR 3 - FEMALE</t>
  </si>
  <si>
    <t>72eb</t>
  </si>
  <si>
    <t>Chak72EB</t>
  </si>
  <si>
    <t>66 EB</t>
  </si>
  <si>
    <t>2142</t>
  </si>
  <si>
    <t>2662</t>
  </si>
  <si>
    <t>9140</t>
  </si>
  <si>
    <t>41713</t>
  </si>
  <si>
    <t>12185</t>
  </si>
  <si>
    <t>33125</t>
  </si>
  <si>
    <t>GPS THORI WALA</t>
  </si>
  <si>
    <t>KHAR GHARBI- MALE</t>
  </si>
  <si>
    <t>Thati Hassan Ali</t>
  </si>
  <si>
    <t>Chah ranjha wala maoza thati Hassan Ali tehl kot adu</t>
  </si>
  <si>
    <t>Ranjha Wala</t>
  </si>
  <si>
    <t>Doger Kalasra</t>
  </si>
  <si>
    <t>4875</t>
  </si>
  <si>
    <t>49385</t>
  </si>
  <si>
    <t>36680</t>
  </si>
  <si>
    <t>GGhS KHAN BAHADUR GARH, P/O HAIDER ABAD, NAWAN SHEHR</t>
  </si>
  <si>
    <t>Khan Bahadurgarh Khan</t>
  </si>
  <si>
    <t>gghs khan bahadur garh</t>
  </si>
  <si>
    <t>Asy Wala</t>
  </si>
  <si>
    <t>Salarwain</t>
  </si>
  <si>
    <t>Kiran Maria</t>
  </si>
  <si>
    <t>1510</t>
  </si>
  <si>
    <t>38420</t>
  </si>
  <si>
    <t>GHS DOLLA ARIAN</t>
  </si>
  <si>
    <t>Dolla Arain</t>
  </si>
  <si>
    <t>355/WB</t>
  </si>
  <si>
    <t>Saleem Sohail</t>
  </si>
  <si>
    <t>7314</t>
  </si>
  <si>
    <t>53686</t>
  </si>
  <si>
    <t>50495</t>
  </si>
  <si>
    <t>GGCMS 27/11-L</t>
  </si>
  <si>
    <t>GHAZI ABAD-FEMALE</t>
  </si>
  <si>
    <t>27/11L</t>
  </si>
  <si>
    <t>chak no 27/11L</t>
  </si>
  <si>
    <t>Chak No 27/11L</t>
  </si>
  <si>
    <t>30/11L</t>
  </si>
  <si>
    <t>27089</t>
  </si>
  <si>
    <t>24744</t>
  </si>
  <si>
    <t>38651</t>
  </si>
  <si>
    <t>37222</t>
  </si>
  <si>
    <t>44529</t>
  </si>
  <si>
    <t>GGPS CHAH ISMAIL WALA</t>
  </si>
  <si>
    <t>DAGGER SHADA- FEMALE</t>
  </si>
  <si>
    <t>Chah ismail wala</t>
  </si>
  <si>
    <t>GGPS Chah ismail wala near Tahzeeb chowk bhakkar</t>
  </si>
  <si>
    <t>Chah Ismail wala</t>
  </si>
  <si>
    <t>Bhakkar</t>
  </si>
  <si>
    <t>Farzana Bibi</t>
  </si>
  <si>
    <t>40319</t>
  </si>
  <si>
    <t>5586</t>
  </si>
  <si>
    <t>42011</t>
  </si>
  <si>
    <t>GPS KOT JABBI</t>
  </si>
  <si>
    <t>Kot Jabbi</t>
  </si>
  <si>
    <t>Dhoke Munshi Khan</t>
  </si>
  <si>
    <t>45362</t>
  </si>
  <si>
    <t>15711</t>
  </si>
  <si>
    <t>GHS CHAK 143 GB SAMUNDRI FSD</t>
  </si>
  <si>
    <t>ghs 143 gb samundri faisalabad</t>
  </si>
  <si>
    <t>chak no 143 gb</t>
  </si>
  <si>
    <t>FAQEER HUSSAIN</t>
  </si>
  <si>
    <t>17673</t>
  </si>
  <si>
    <t>21130</t>
  </si>
  <si>
    <t>1648</t>
  </si>
  <si>
    <t>3117</t>
  </si>
  <si>
    <t>37737</t>
  </si>
  <si>
    <t>GHS 105/10-R, JAHANIAN</t>
  </si>
  <si>
    <t>Chak No 105/10-R</t>
  </si>
  <si>
    <t>GHS 105/10-R Jahania</t>
  </si>
  <si>
    <t>106/10-R</t>
  </si>
  <si>
    <t>Aman Ullah</t>
  </si>
  <si>
    <t>21384</t>
  </si>
  <si>
    <t>5263</t>
  </si>
  <si>
    <t>21356</t>
  </si>
  <si>
    <t>GHS SOHAWA DHILLWAN</t>
  </si>
  <si>
    <t>sohawa dhillwan</t>
  </si>
  <si>
    <t>ghs sohawa dhillwan tehsil kamoke district gujranwala</t>
  </si>
  <si>
    <t>rana dilshad ahmad khan</t>
  </si>
  <si>
    <t>43104</t>
  </si>
  <si>
    <t>GGHS DHUDIAL</t>
  </si>
  <si>
    <t>DHUDIAL</t>
  </si>
  <si>
    <t>GOVT. GIRLS HIGH SCHOOL DHUDIAL TEHSIL &amp; DISTRICT CHAKWAL</t>
  </si>
  <si>
    <t>FOUZIA NAZMEEN</t>
  </si>
  <si>
    <t>4040</t>
  </si>
  <si>
    <t>554</t>
  </si>
  <si>
    <t>37850</t>
  </si>
  <si>
    <t>GGPS 100-10/R, JAHANIAN</t>
  </si>
  <si>
    <t>102/10r</t>
  </si>
  <si>
    <t>govt girls p/s 100/10.r</t>
  </si>
  <si>
    <t>100/10r</t>
  </si>
  <si>
    <t>Farzana Perveen</t>
  </si>
  <si>
    <t>9467</t>
  </si>
  <si>
    <t>10100</t>
  </si>
  <si>
    <t>2536</t>
  </si>
  <si>
    <t>GGHS MODEL AHMADPUR EAST</t>
  </si>
  <si>
    <t>Ahmadpur Khon</t>
  </si>
  <si>
    <t>govt. girls model high school ahmadpur east near chowk muneer shaeed</t>
  </si>
  <si>
    <t>City Ahmadpur East</t>
  </si>
  <si>
    <t>Rubina  Tahira D/O         Muhammad Alam</t>
  </si>
  <si>
    <t>36824</t>
  </si>
  <si>
    <t>GGPS SHER KHAN, KABIRWALA</t>
  </si>
  <si>
    <t>Chak Sher Khan</t>
  </si>
  <si>
    <t>basti ghalar chak sher khan</t>
  </si>
  <si>
    <t>Basti Ghalar</t>
  </si>
  <si>
    <t>Narhal</t>
  </si>
  <si>
    <t>Surriya Suleman</t>
  </si>
  <si>
    <t>2655</t>
  </si>
  <si>
    <t>33134</t>
  </si>
  <si>
    <t>GPS VALGAN SOHNI</t>
  </si>
  <si>
    <t>Valgan Sohni</t>
  </si>
  <si>
    <t>valgan sohni po Warburton tehsil &amp; district nankana sahib</t>
  </si>
  <si>
    <t>Shareen Jhangar</t>
  </si>
  <si>
    <t>Atta Ul Haq</t>
  </si>
  <si>
    <t>4533</t>
  </si>
  <si>
    <t>41565</t>
  </si>
  <si>
    <t>GGHS ALPHA CHRISSTIAN</t>
  </si>
  <si>
    <t>College Road</t>
  </si>
  <si>
    <t>college rd rwp</t>
  </si>
  <si>
    <t>Rwp</t>
  </si>
  <si>
    <t>46city</t>
  </si>
  <si>
    <t>Rashida Saidan</t>
  </si>
  <si>
    <t>donation</t>
  </si>
  <si>
    <t>1839</t>
  </si>
  <si>
    <t>37729</t>
  </si>
  <si>
    <t>GHS 99/10-R, JAHANIAN</t>
  </si>
  <si>
    <t>Govt H/S 99/10R,Tehsil jahanian District Khanewal</t>
  </si>
  <si>
    <t>Chak No 99/10R</t>
  </si>
  <si>
    <t>Chak No 100/10R</t>
  </si>
  <si>
    <t>12350</t>
  </si>
  <si>
    <t>3078</t>
  </si>
  <si>
    <t>36828</t>
  </si>
  <si>
    <t>GGPS PATHANEY WALA, KABIRWALA</t>
  </si>
  <si>
    <t>Karmpur</t>
  </si>
  <si>
    <t>GGPS Pathaneywala,post office Kukarhatta</t>
  </si>
  <si>
    <t>Pathaneywala</t>
  </si>
  <si>
    <t>Boota Singwala</t>
  </si>
  <si>
    <t>Memoona Aslam</t>
  </si>
  <si>
    <t>12340</t>
  </si>
  <si>
    <t>10340</t>
  </si>
  <si>
    <t>51420</t>
  </si>
  <si>
    <t>1057</t>
  </si>
  <si>
    <t>37263</t>
  </si>
  <si>
    <t>GGPS 47/10-R, KHANEWAL</t>
  </si>
  <si>
    <t>CHAK SHAHANA - FEMALE</t>
  </si>
  <si>
    <t>47-10r</t>
  </si>
  <si>
    <t>saleem chok</t>
  </si>
  <si>
    <t>Chak No 47-10r</t>
  </si>
  <si>
    <t>Chak Shahana</t>
  </si>
  <si>
    <t>53738</t>
  </si>
  <si>
    <t>50148</t>
  </si>
  <si>
    <t>GGHS 111/12-L</t>
  </si>
  <si>
    <t>chak no 111/12-l</t>
  </si>
  <si>
    <t>chak no 111/12-l chichawatni</t>
  </si>
  <si>
    <t>chak no 110/12-l</t>
  </si>
  <si>
    <t>Salaha Alam</t>
  </si>
  <si>
    <t>523</t>
  </si>
  <si>
    <t>5061</t>
  </si>
  <si>
    <t>51843</t>
  </si>
  <si>
    <t>GGHS CHAK NO. 157 EB</t>
  </si>
  <si>
    <t>157/EB ARIFWALA</t>
  </si>
  <si>
    <t>GOVT GIRLS HIGH SCHOOL 157/EB ARIFWALA</t>
  </si>
  <si>
    <t>151/EB</t>
  </si>
  <si>
    <t>Ghazala Musawir</t>
  </si>
  <si>
    <t>13605</t>
  </si>
  <si>
    <t>5523</t>
  </si>
  <si>
    <t>15332</t>
  </si>
  <si>
    <t>GGES CHAK 115 GB SATIANA</t>
  </si>
  <si>
    <t>Sayal</t>
  </si>
  <si>
    <t>GGES 115 GB TEHSIL JARANAWALA DISTRICT FAISALABAD</t>
  </si>
  <si>
    <t>Chak No 115 GB</t>
  </si>
  <si>
    <t>Madeeha Iqbal</t>
  </si>
  <si>
    <t>37766</t>
  </si>
  <si>
    <t>GGHS 102/10-R, JAHANIAN</t>
  </si>
  <si>
    <t>chak #102/10.R,Teh Jahanian,Dist Khanewal</t>
  </si>
  <si>
    <t>chak #102/10-R</t>
  </si>
  <si>
    <t>chak #100/10-R</t>
  </si>
  <si>
    <t>Uzma Habib</t>
  </si>
  <si>
    <t>176963</t>
  </si>
  <si>
    <t>652</t>
  </si>
  <si>
    <t>1045</t>
  </si>
  <si>
    <t>2542</t>
  </si>
  <si>
    <t>GGHSS UCH SHAREEF</t>
  </si>
  <si>
    <t>uch sharif</t>
  </si>
  <si>
    <t>mohallah Bukhari near tanki chok   uch sharif</t>
  </si>
  <si>
    <t>Municipal Committee</t>
  </si>
  <si>
    <t>KHALIDA MEHWISH</t>
  </si>
  <si>
    <t>14072</t>
  </si>
  <si>
    <t>1863</t>
  </si>
  <si>
    <t>2275</t>
  </si>
  <si>
    <t>14763</t>
  </si>
  <si>
    <t>GGHS PUBLIC 214/RB DHUDDI WALA</t>
  </si>
  <si>
    <t>214-RB FSD</t>
  </si>
  <si>
    <t>GOVT PUBLIC GIRLS HIGH SCHOOL 214-RB FSD</t>
  </si>
  <si>
    <t>HASSAN PURA</t>
  </si>
  <si>
    <t>sajida ishaq</t>
  </si>
  <si>
    <t>16239</t>
  </si>
  <si>
    <t>RO WATER PLANT</t>
  </si>
  <si>
    <t>2561</t>
  </si>
  <si>
    <t>36598</t>
  </si>
  <si>
    <t>GHS BAQIR PUR</t>
  </si>
  <si>
    <t>BAQIRPUR</t>
  </si>
  <si>
    <t>BAQIRPUR KABIRWALA</t>
  </si>
  <si>
    <t>ABDUL Tawab</t>
  </si>
  <si>
    <t>30954</t>
  </si>
  <si>
    <t>GGHS ISLAM PURA SHAHDARA NEAR MATCH FACTORY SHAHDARA</t>
  </si>
  <si>
    <t>Islamoura Shahdara</t>
  </si>
  <si>
    <t>Islam Pura Match Factory Shahdra Lahore</t>
  </si>
  <si>
    <t>MATCH FACTORY</t>
  </si>
  <si>
    <t>Faisal Park</t>
  </si>
  <si>
    <t>noor us sabah</t>
  </si>
  <si>
    <t>1735</t>
  </si>
  <si>
    <t>GHS CHAK NO 630 GB</t>
  </si>
  <si>
    <t>Chak No 630 GB</t>
  </si>
  <si>
    <t>Chak No 630 G.B</t>
  </si>
  <si>
    <t>Chak No 631 GB</t>
  </si>
  <si>
    <t>muhammad nadeem ahmed</t>
  </si>
  <si>
    <t>1749</t>
  </si>
  <si>
    <t>979</t>
  </si>
  <si>
    <t>15813</t>
  </si>
  <si>
    <t>GPS 196 RB EAST</t>
  </si>
  <si>
    <t>196 RB (E) Ghona</t>
  </si>
  <si>
    <t>Chack No.196 RB (E) Ghona.</t>
  </si>
  <si>
    <t>Ghona (E)</t>
  </si>
  <si>
    <t>117 Jb dhonola</t>
  </si>
  <si>
    <t>Muhammad Yasin Anwar</t>
  </si>
  <si>
    <t>2907</t>
  </si>
  <si>
    <t>45920</t>
  </si>
  <si>
    <t>43013</t>
  </si>
  <si>
    <t>45624</t>
  </si>
  <si>
    <t>774</t>
  </si>
  <si>
    <t>3738</t>
  </si>
  <si>
    <t>14804</t>
  </si>
  <si>
    <t>12335</t>
  </si>
  <si>
    <t>GPS 275 GB</t>
  </si>
  <si>
    <t>SAMMI DI JHOK-MALE</t>
  </si>
  <si>
    <t>Chak no 275 gb jrw</t>
  </si>
  <si>
    <t>Chak No 275 Gb</t>
  </si>
  <si>
    <t>Chak 277 Gb</t>
  </si>
  <si>
    <t>Ejaz Ahmad</t>
  </si>
  <si>
    <t>12060</t>
  </si>
  <si>
    <t>15286</t>
  </si>
  <si>
    <t>11572</t>
  </si>
  <si>
    <t>50159</t>
  </si>
  <si>
    <t>GGHSS 4/14-L</t>
  </si>
  <si>
    <t>4/14L</t>
  </si>
  <si>
    <t>GGHSS 4/14L</t>
  </si>
  <si>
    <t>samina kousar d/o ghulam muhammad</t>
  </si>
  <si>
    <t>55539</t>
  </si>
  <si>
    <t>52258</t>
  </si>
  <si>
    <t>37355</t>
  </si>
  <si>
    <t>GHS 70/15-L, KHANEWAL</t>
  </si>
  <si>
    <t>CHK # 70/15L</t>
  </si>
  <si>
    <t>CHK # 70/15L KHANEWAL</t>
  </si>
  <si>
    <t>CHk # 70/15L</t>
  </si>
  <si>
    <t>GHULAM HUSSAIN</t>
  </si>
  <si>
    <t>34372</t>
  </si>
  <si>
    <t>37750</t>
  </si>
  <si>
    <t>36500</t>
  </si>
  <si>
    <t>35726</t>
  </si>
  <si>
    <t>GES AHMED PUR PO KARAM PUR</t>
  </si>
  <si>
    <t>Muhammad Shah</t>
  </si>
  <si>
    <t>Nasir Ali Nasir</t>
  </si>
  <si>
    <t>14042</t>
  </si>
  <si>
    <t>39992</t>
  </si>
  <si>
    <t>50141</t>
  </si>
  <si>
    <t>GHS 89/12-L</t>
  </si>
  <si>
    <t>chak no. 89/12-L</t>
  </si>
  <si>
    <t>GHS 89/12-l tEHSIL CHICHAWATNI DISTT. SAHIWAL</t>
  </si>
  <si>
    <t>CHAK NO. 99/12-l</t>
  </si>
  <si>
    <t>Syed Rizwan Ali Shah</t>
  </si>
  <si>
    <t>10888</t>
  </si>
  <si>
    <t>581</t>
  </si>
  <si>
    <t>14634</t>
  </si>
  <si>
    <t>GGPS MC NO. 2 PEOPLES COLONY-1 FSD</t>
  </si>
  <si>
    <t>Hashmat Khan Road</t>
  </si>
  <si>
    <t>peoples colony no 1 fsd</t>
  </si>
  <si>
    <t>Gulshad</t>
  </si>
  <si>
    <t>674</t>
  </si>
  <si>
    <t>16247</t>
  </si>
  <si>
    <t>GGHS CHAK NO.243 RB FSD</t>
  </si>
  <si>
    <t>243/rbRoshanwala</t>
  </si>
  <si>
    <t>GGHS 243/RB ROSHAN WALA FSD.</t>
  </si>
  <si>
    <t>243/rb</t>
  </si>
  <si>
    <t>242/rb Dasuha</t>
  </si>
  <si>
    <t>Tahira Yasmin</t>
  </si>
  <si>
    <t>20680</t>
  </si>
  <si>
    <t>1550</t>
  </si>
  <si>
    <t>37066</t>
  </si>
  <si>
    <t>GHS 34/10-R, KACHA KHUH</t>
  </si>
  <si>
    <t>34/10R</t>
  </si>
  <si>
    <t>chak No. 34/10R</t>
  </si>
  <si>
    <t>MUSHTAQ AHMAD</t>
  </si>
  <si>
    <t>14846</t>
  </si>
  <si>
    <t>GPS 234 GB JRN FSD</t>
  </si>
  <si>
    <t>Patiala</t>
  </si>
  <si>
    <t>Chak  No. 234 GB JRN FSD</t>
  </si>
  <si>
    <t>Chak No 234 GB</t>
  </si>
  <si>
    <t>Muhammad Nisar</t>
  </si>
  <si>
    <t>35060</t>
  </si>
  <si>
    <t>42912</t>
  </si>
  <si>
    <t>49266</t>
  </si>
  <si>
    <t>14748</t>
  </si>
  <si>
    <t>GGHS MC SIDHO PURA FAISALABAD</t>
  </si>
  <si>
    <t>CITY-II B</t>
  </si>
  <si>
    <t>GOVT.GIRLS HIGH SCHOOL 123/J.B SIDHUPURA FSD</t>
  </si>
  <si>
    <t>123/J.B SIDHUPURA</t>
  </si>
  <si>
    <t>SIDHUPURA</t>
  </si>
  <si>
    <t>AZRA PARVEEN</t>
  </si>
  <si>
    <t>26384</t>
  </si>
  <si>
    <t>19756</t>
  </si>
  <si>
    <t>7799</t>
  </si>
  <si>
    <t>16166</t>
  </si>
  <si>
    <t>GGES CHAK 258 RB PAHRALA</t>
  </si>
  <si>
    <t>258r.b pharala</t>
  </si>
  <si>
    <t>Pharala</t>
  </si>
  <si>
    <t>258 Pharala</t>
  </si>
  <si>
    <t>Nighat Un Nisa</t>
  </si>
  <si>
    <t>428</t>
  </si>
  <si>
    <t>GPS AZIZ MODEL ALLA ABAD PUR FSD 224RB</t>
  </si>
  <si>
    <t>Faroozshah</t>
  </si>
  <si>
    <t>Allaabadstreetno2 224 RB</t>
  </si>
  <si>
    <t>Allaabad</t>
  </si>
  <si>
    <t>Mujahid ALI</t>
  </si>
  <si>
    <t>3720</t>
  </si>
  <si>
    <t>48790</t>
  </si>
  <si>
    <t>GGPS CHAK NO 217 RB ACHKERA</t>
  </si>
  <si>
    <t>Achkera</t>
  </si>
  <si>
    <t>CHAK NO 217 RB achkera</t>
  </si>
  <si>
    <t>217 RB ACHKERA</t>
  </si>
  <si>
    <t>Yasmin Akhtar</t>
  </si>
  <si>
    <t>2430</t>
  </si>
  <si>
    <t>351</t>
  </si>
  <si>
    <t>GGHS JAUHAR NO 1 NAZIM ABAD FSD</t>
  </si>
  <si>
    <t>NAZIMABAD</t>
  </si>
  <si>
    <t>Nazimabad Faisalabad</t>
  </si>
  <si>
    <t>AYUB RESEARCH</t>
  </si>
  <si>
    <t>KAUSAR SHAKOOR</t>
  </si>
  <si>
    <t>577</t>
  </si>
  <si>
    <t>1801</t>
  </si>
  <si>
    <t>14699</t>
  </si>
  <si>
    <t>GGHS MC MADDEN PURA ST-6</t>
  </si>
  <si>
    <t>MADDAN PURA</t>
  </si>
  <si>
    <t>ST NO-06 MADDAN PURA FAISALABAD</t>
  </si>
  <si>
    <t>Farrukh Naz</t>
  </si>
  <si>
    <t>15515</t>
  </si>
  <si>
    <t>45043</t>
  </si>
  <si>
    <t>14754</t>
  </si>
  <si>
    <t>GGHS MC AZAFI NO.2 GHOUSIA CHOWK FAISALABAD</t>
  </si>
  <si>
    <t>M.C GIRLS HIGH SCHOOL AZAFI NO 2 GHOSIA CHOWK PC.2</t>
  </si>
  <si>
    <t>GHOSIA CHOWK</t>
  </si>
  <si>
    <t>Abida Begum</t>
  </si>
  <si>
    <t>30492</t>
  </si>
  <si>
    <t>985</t>
  </si>
  <si>
    <t>14625</t>
  </si>
  <si>
    <t>GGHS BHATTA COLONY FSD</t>
  </si>
  <si>
    <t>Faisalabad</t>
  </si>
  <si>
    <t>Bhatta colony Main sargodha road opposite Haji camp</t>
  </si>
  <si>
    <t>Bhatta Colony</t>
  </si>
  <si>
    <t>Saima Firdous</t>
  </si>
  <si>
    <t>1294</t>
  </si>
  <si>
    <t>1688</t>
  </si>
  <si>
    <t>4799</t>
  </si>
  <si>
    <t>20757</t>
  </si>
  <si>
    <t>15063</t>
  </si>
  <si>
    <t>GMPS MADNI PUR</t>
  </si>
  <si>
    <t>GUJRANWALA SADAR 6  - FEMALE</t>
  </si>
  <si>
    <t>Madni Pur</t>
  </si>
  <si>
    <t>GMPS MADNIPUR</t>
  </si>
  <si>
    <t>Botala Jhanda Sing</t>
  </si>
  <si>
    <t>Taqdees Aisha</t>
  </si>
  <si>
    <t>3672</t>
  </si>
  <si>
    <t>14264</t>
  </si>
  <si>
    <t>8980</t>
  </si>
  <si>
    <t>3069</t>
  </si>
  <si>
    <t>7623</t>
  </si>
  <si>
    <t>2623</t>
  </si>
  <si>
    <t>5728</t>
  </si>
  <si>
    <t>49781</t>
  </si>
  <si>
    <t>GPS CHAK NO.123 NB</t>
  </si>
  <si>
    <t>SHAHEENABAD - MALE</t>
  </si>
  <si>
    <t>Chak 123 NB</t>
  </si>
  <si>
    <t>chak no 123 N.b</t>
  </si>
  <si>
    <t>Chak 123 N B</t>
  </si>
  <si>
    <t>Chak 118 N B</t>
  </si>
  <si>
    <t>13040</t>
  </si>
  <si>
    <t>12662</t>
  </si>
  <si>
    <t>54703</t>
  </si>
  <si>
    <t>3715</t>
  </si>
  <si>
    <t>36210</t>
  </si>
  <si>
    <t>54483</t>
  </si>
  <si>
    <t>GPS CHAK NO. 543 EB</t>
  </si>
  <si>
    <t>DANA IBRAHIM-MALE</t>
  </si>
  <si>
    <t>543/EB</t>
  </si>
  <si>
    <t>chak no 543/EB , Vehari</t>
  </si>
  <si>
    <t>Chak 543/EB Vehari</t>
  </si>
  <si>
    <t>Chak 537/EB</t>
  </si>
  <si>
    <t>MUHAMMAD NAEEM</t>
  </si>
  <si>
    <t>11134</t>
  </si>
  <si>
    <t>2449</t>
  </si>
  <si>
    <t>4800</t>
  </si>
  <si>
    <t>34546</t>
  </si>
  <si>
    <t>20881</t>
  </si>
  <si>
    <t>GHS CHAK BAIG</t>
  </si>
  <si>
    <t>Chak Baig</t>
  </si>
  <si>
    <t>chak baig</t>
  </si>
  <si>
    <t>Dhaunkal</t>
  </si>
  <si>
    <t>Muhammad Amjad khan</t>
  </si>
  <si>
    <t>905</t>
  </si>
  <si>
    <t>3905</t>
  </si>
  <si>
    <t>GHS CHAK NO.55/DB</t>
  </si>
  <si>
    <t>chak no 55/dB</t>
  </si>
  <si>
    <t>GOVT. HIGH SCHOOL CHAK NO. 55/DB, YAZMAN</t>
  </si>
  <si>
    <t>chak no 55/DB</t>
  </si>
  <si>
    <t>CHAK NO 50/DB</t>
  </si>
  <si>
    <t>17996</t>
  </si>
  <si>
    <t>40312</t>
  </si>
  <si>
    <t>22316</t>
  </si>
  <si>
    <t>20766</t>
  </si>
  <si>
    <t>GGPS BAIR WALA</t>
  </si>
  <si>
    <t>bairwala botala jhanda singh gujranwala</t>
  </si>
  <si>
    <t>Botala Jhanda Singh 52</t>
  </si>
  <si>
    <t>Azmat Begum</t>
  </si>
  <si>
    <t>3763</t>
  </si>
  <si>
    <t>4137</t>
  </si>
  <si>
    <t>45990</t>
  </si>
  <si>
    <t>GGPS MAKRUMMI</t>
  </si>
  <si>
    <t>KHABAKI (FEMALE)</t>
  </si>
  <si>
    <t>Makrumi</t>
  </si>
  <si>
    <t>govt GGPS Makrumi PO DhaDhar</t>
  </si>
  <si>
    <t>Mastoor Bibi</t>
  </si>
  <si>
    <t>3397</t>
  </si>
  <si>
    <t>8200</t>
  </si>
  <si>
    <t>34638</t>
  </si>
  <si>
    <t>3406</t>
  </si>
  <si>
    <t>31125</t>
  </si>
  <si>
    <t>GPS MODEL RAKH JODHO DHEER</t>
  </si>
  <si>
    <t>RAIWIND</t>
  </si>
  <si>
    <t>PAJIAN-FEMALE</t>
  </si>
  <si>
    <t>Raiwind</t>
  </si>
  <si>
    <t>govt model p/s rakh Jodhu Dheer</t>
  </si>
  <si>
    <t>Rakh Jodhu Dheer</t>
  </si>
  <si>
    <t>Jodhu Dheer</t>
  </si>
  <si>
    <t>Nasim akhtar</t>
  </si>
  <si>
    <t>54351</t>
  </si>
  <si>
    <t>31920</t>
  </si>
  <si>
    <t>GES HOUSING COLONY</t>
  </si>
  <si>
    <t>Housing Colony</t>
  </si>
  <si>
    <t>Y block housing colony sheikhupura</t>
  </si>
  <si>
    <t>muhammad abbas</t>
  </si>
  <si>
    <t>769074</t>
  </si>
  <si>
    <t>40505</t>
  </si>
  <si>
    <t>51562</t>
  </si>
  <si>
    <t>21138</t>
  </si>
  <si>
    <t>GGPS ISLAMABAD MORE</t>
  </si>
  <si>
    <t>islamabad mor</t>
  </si>
  <si>
    <t>Wazirabad</t>
  </si>
  <si>
    <t>Yasmeen Kausar</t>
  </si>
  <si>
    <t>21120</t>
  </si>
  <si>
    <t>21030</t>
  </si>
  <si>
    <t>53250</t>
  </si>
  <si>
    <t>GPS JASSO KE KALASON</t>
  </si>
  <si>
    <t>JASSO KE KALASON</t>
  </si>
  <si>
    <t>MOUZA JASSO KE KALASON P.O JABOKA TAHSIL AND DISTRICT OKARA</t>
  </si>
  <si>
    <t>JASSO K KALASON</t>
  </si>
  <si>
    <t>Muhammad Ashfaq</t>
  </si>
  <si>
    <t>19465</t>
  </si>
  <si>
    <t>53677</t>
  </si>
  <si>
    <t>GPS CHAK NO. 15/1-L</t>
  </si>
  <si>
    <t>15/1L</t>
  </si>
  <si>
    <t>chak num 15/1L</t>
  </si>
  <si>
    <t>chak num 13/1L</t>
  </si>
  <si>
    <t>Muzaffar Ali</t>
  </si>
  <si>
    <t>4390</t>
  </si>
  <si>
    <t>27707</t>
  </si>
  <si>
    <t>2058</t>
  </si>
  <si>
    <t>6967</t>
  </si>
  <si>
    <t>41931</t>
  </si>
  <si>
    <t>GES CHAK NO 145/P</t>
  </si>
  <si>
    <t>RANJHY KHAN - MALE</t>
  </si>
  <si>
    <t>Chak No 145p</t>
  </si>
  <si>
    <t>chak no 145 adam sahaba sadiqabad</t>
  </si>
  <si>
    <t>Adam Sahaba</t>
  </si>
  <si>
    <t>Mustafa Shaheen</t>
  </si>
  <si>
    <t>4455</t>
  </si>
  <si>
    <t>1488</t>
  </si>
  <si>
    <t>29621</t>
  </si>
  <si>
    <t>GGHS GULZAR JAGIR</t>
  </si>
  <si>
    <t>Phool Nagar</t>
  </si>
  <si>
    <t>P/O Gulzar Jagir Tehsil Pattoki, district Kasur</t>
  </si>
  <si>
    <t>Gulzar jagir</t>
  </si>
  <si>
    <t>Gulzar Jagir</t>
  </si>
  <si>
    <t>Zartaj Iqbal</t>
  </si>
  <si>
    <t>54130</t>
  </si>
  <si>
    <t>16615</t>
  </si>
  <si>
    <t>GPS CHAK 510 GB I MAMUNKANJAN</t>
  </si>
  <si>
    <t>Chak 510/1GB</t>
  </si>
  <si>
    <t>Chak 510/1GB MAMUNKANJAN FSD</t>
  </si>
  <si>
    <t>Chak510/1GB</t>
  </si>
  <si>
    <t>514GB</t>
  </si>
  <si>
    <t>Muhammad Ovais Yousaf</t>
  </si>
  <si>
    <t>1244</t>
  </si>
  <si>
    <t>10193</t>
  </si>
  <si>
    <t>54022</t>
  </si>
  <si>
    <t>GGPS 4 WB BASTI MAHI</t>
  </si>
  <si>
    <t>Bastimahi</t>
  </si>
  <si>
    <t>Chack no. 4wb Basti Mahi vehari</t>
  </si>
  <si>
    <t>4 Wb Basti Mahi</t>
  </si>
  <si>
    <t>533 Eb</t>
  </si>
  <si>
    <t>Sana Ismail</t>
  </si>
  <si>
    <t>4416</t>
  </si>
  <si>
    <t>7416</t>
  </si>
  <si>
    <t>28582</t>
  </si>
  <si>
    <t>GPS NOSHERA BHATTIAN</t>
  </si>
  <si>
    <t>QADIRABAD - MALE</t>
  </si>
  <si>
    <t>Noshehra  Bhattian</t>
  </si>
  <si>
    <t>Noshehra  Bhattian, P/O. Qadir abad</t>
  </si>
  <si>
    <t>Noshehra Bhattian</t>
  </si>
  <si>
    <t>Bhoa Hassan</t>
  </si>
  <si>
    <t>Zulfiqar Ahmad</t>
  </si>
  <si>
    <t>22007</t>
  </si>
  <si>
    <t>6925</t>
  </si>
  <si>
    <t>39970</t>
  </si>
  <si>
    <t>GPS ABA BAKAR</t>
  </si>
  <si>
    <t>Ababakar</t>
  </si>
  <si>
    <t>vpo ababakar tehsil hazro district attock</t>
  </si>
  <si>
    <t>Haroon</t>
  </si>
  <si>
    <t>Muhammad Suleman</t>
  </si>
  <si>
    <t>41606</t>
  </si>
  <si>
    <t>GGHSS CHAUNTRA</t>
  </si>
  <si>
    <t>Chauntra</t>
  </si>
  <si>
    <t>Village &amp; po chauntra</t>
  </si>
  <si>
    <t>CHAUNTRA</t>
  </si>
  <si>
    <t>Naeema Rana</t>
  </si>
  <si>
    <t>12743</t>
  </si>
  <si>
    <t>GHS CHAK NO.194/M</t>
  </si>
  <si>
    <t>Chak 194/M, Tehsil Hasilpur</t>
  </si>
  <si>
    <t>Chak 194/M</t>
  </si>
  <si>
    <t>Chak 192/M</t>
  </si>
  <si>
    <t>Mumtaz Ahmad</t>
  </si>
  <si>
    <t>174240</t>
  </si>
  <si>
    <t>47579</t>
  </si>
  <si>
    <t>2165</t>
  </si>
  <si>
    <t>20260</t>
  </si>
  <si>
    <t>GGPS DARUTA SANGRA</t>
  </si>
  <si>
    <t>LALIAN MARKAZ NO.06 - FEMALE</t>
  </si>
  <si>
    <t>Noor Pur Pipal</t>
  </si>
  <si>
    <t>village daruta sangra tehsil lalian district Chiniot</t>
  </si>
  <si>
    <t>Darutta Sangra</t>
  </si>
  <si>
    <t>Matloob Kousar</t>
  </si>
  <si>
    <t>1555</t>
  </si>
  <si>
    <t>2369</t>
  </si>
  <si>
    <t>13051</t>
  </si>
  <si>
    <t>10682</t>
  </si>
  <si>
    <t>12484</t>
  </si>
  <si>
    <t>GPS SHEIKH WALA</t>
  </si>
  <si>
    <t>Sheikh Moosa  Khalifa</t>
  </si>
  <si>
    <t>basti sheikh wala</t>
  </si>
  <si>
    <t>Sheikh Wala</t>
  </si>
  <si>
    <t>Waan Pitafi</t>
  </si>
  <si>
    <t>Mukhtar Hussain</t>
  </si>
  <si>
    <t>3488</t>
  </si>
  <si>
    <t>2843</t>
  </si>
  <si>
    <t>30761</t>
  </si>
  <si>
    <t>33524</t>
  </si>
  <si>
    <t>31387</t>
  </si>
  <si>
    <t>GPS BHATTIAN WALA</t>
  </si>
  <si>
    <t>FEROZWALA-II - MALE</t>
  </si>
  <si>
    <t>Bhattianwala</t>
  </si>
  <si>
    <t>Gps Bhattianwala</t>
  </si>
  <si>
    <t>Momanpura</t>
  </si>
  <si>
    <t>Yasir Ali</t>
  </si>
  <si>
    <t>5429</t>
  </si>
  <si>
    <t>21205</t>
  </si>
  <si>
    <t>GGES KOT KALIAN</t>
  </si>
  <si>
    <t>Kot Kalian</t>
  </si>
  <si>
    <t>kot kalian</t>
  </si>
  <si>
    <t>Jhatanwali</t>
  </si>
  <si>
    <t>Sadaf Akbar</t>
  </si>
  <si>
    <t>854</t>
  </si>
  <si>
    <t>10594</t>
  </si>
  <si>
    <t>GGHS CHAK NO.434/TDA</t>
  </si>
  <si>
    <t>CHAK NO 434/TDA</t>
  </si>
  <si>
    <t>CHAK NO  434/TDA DHORI ADDA</t>
  </si>
  <si>
    <t>MARHAN</t>
  </si>
  <si>
    <t>SALMA KOUSAR                                                                                                                             sALMA KOUSAR</t>
  </si>
  <si>
    <t>10920</t>
  </si>
  <si>
    <t>9927</t>
  </si>
  <si>
    <t>GHS SAHU WALA</t>
  </si>
  <si>
    <t>KHOKHAR ISRA THAL</t>
  </si>
  <si>
    <t>TEH. KAROR DISTT. LAYYAH</t>
  </si>
  <si>
    <t>SAHU WALA</t>
  </si>
  <si>
    <t>Syed Ghazanfar Abbas</t>
  </si>
  <si>
    <t>8420</t>
  </si>
  <si>
    <t>4991</t>
  </si>
  <si>
    <t>21669</t>
  </si>
  <si>
    <t>GGPS KOT MIRZA JHAN</t>
  </si>
  <si>
    <t>KOTLI NAWAB - FEMALE</t>
  </si>
  <si>
    <t>Kot mirza Jan</t>
  </si>
  <si>
    <t>p.o.kotli nawab village kot mirza jan tehsil kamoke district gujranwala</t>
  </si>
  <si>
    <t>Kotli Nawab</t>
  </si>
  <si>
    <t>IRSHAD BEGUM</t>
  </si>
  <si>
    <t>9743</t>
  </si>
  <si>
    <t>GGPS CHAK NO 497 TDA</t>
  </si>
  <si>
    <t>497/TDA</t>
  </si>
  <si>
    <t>Chak No 497/TDA</t>
  </si>
  <si>
    <t>Sumreen Faisal</t>
  </si>
  <si>
    <t>926</t>
  </si>
  <si>
    <t>5086</t>
  </si>
  <si>
    <t>31015</t>
  </si>
  <si>
    <t>29078</t>
  </si>
  <si>
    <t>38249</t>
  </si>
  <si>
    <t>GPS THULLI CENTRE</t>
  </si>
  <si>
    <t>Thalli</t>
  </si>
  <si>
    <t>GPS THALLI</t>
  </si>
  <si>
    <t>Naseerudin Wahin</t>
  </si>
  <si>
    <t>KHALID HUSSAIN SHAH</t>
  </si>
  <si>
    <t>33647</t>
  </si>
  <si>
    <t>GGHS JUNIOR MODEL CHUNGI NO. 6 BOSAN ROAD MULTAN</t>
  </si>
  <si>
    <t>Taraf Mubarak Doum</t>
  </si>
  <si>
    <t>ittefaq colony,chungi no 6 bosan road multan</t>
  </si>
  <si>
    <t>Ittefaq Colony</t>
  </si>
  <si>
    <t>Usman Abad</t>
  </si>
  <si>
    <t>shagufta khanum</t>
  </si>
  <si>
    <t>26513</t>
  </si>
  <si>
    <t>1769</t>
  </si>
  <si>
    <t>2757</t>
  </si>
  <si>
    <t>16961</t>
  </si>
  <si>
    <t>GGHS MAI HEER</t>
  </si>
  <si>
    <t>mai heer</t>
  </si>
  <si>
    <t>govt girls high school mai heer jhang</t>
  </si>
  <si>
    <t>kot sai sing</t>
  </si>
  <si>
    <t>Sajida  khatoon</t>
  </si>
  <si>
    <t>780</t>
  </si>
  <si>
    <t>GGHS TARIQ ABAD</t>
  </si>
  <si>
    <t>Tariqabad</t>
  </si>
  <si>
    <t>Tariqabad, tehsil and district sargodha</t>
  </si>
  <si>
    <t>Shahnaz Akhter</t>
  </si>
  <si>
    <t>16592</t>
  </si>
  <si>
    <t>1710</t>
  </si>
  <si>
    <t>9633</t>
  </si>
  <si>
    <t>41808</t>
  </si>
  <si>
    <t>GPS KALRI</t>
  </si>
  <si>
    <t>Kalri</t>
  </si>
  <si>
    <t>village  kalri  adyala road rwp</t>
  </si>
  <si>
    <t>Kalial</t>
  </si>
  <si>
    <t>M   yousaf</t>
  </si>
  <si>
    <t>23452</t>
  </si>
  <si>
    <t>42460</t>
  </si>
  <si>
    <t>19408</t>
  </si>
  <si>
    <t>1370</t>
  </si>
  <si>
    <t>GMPS CHAK NO 202/8-R EAST</t>
  </si>
  <si>
    <t>Chk 202/8r East</t>
  </si>
  <si>
    <t>chk 202/8r east p/o 199/8r teh.frtbass dis. bhwalngar</t>
  </si>
  <si>
    <t>Chk 2028 R East</t>
  </si>
  <si>
    <t>199/8r</t>
  </si>
  <si>
    <t>Ome Kalsoom</t>
  </si>
  <si>
    <t>5682</t>
  </si>
  <si>
    <t>15574</t>
  </si>
  <si>
    <t>GGES CHAK 463 GB II SAMUNDRI WEST</t>
  </si>
  <si>
    <t>Chak No 463 Gb 2</t>
  </si>
  <si>
    <t>chak no 463 gb 2 samundri</t>
  </si>
  <si>
    <t>Chak No 463 Gb 2 Samundri</t>
  </si>
  <si>
    <t>463 Gb</t>
  </si>
  <si>
    <t>Shumaila Yousaf</t>
  </si>
  <si>
    <t>48327</t>
  </si>
  <si>
    <t>36020</t>
  </si>
  <si>
    <t>GGES 125 WB</t>
  </si>
  <si>
    <t>125/WB</t>
  </si>
  <si>
    <t>GGES125/WB TEHSIL MAILSI DISTRICT VEHARI P/O MITTRO</t>
  </si>
  <si>
    <t>Sandhal</t>
  </si>
  <si>
    <t>Azra parveen</t>
  </si>
  <si>
    <t>36418</t>
  </si>
  <si>
    <t>GGPS 81 WB</t>
  </si>
  <si>
    <t>81wb</t>
  </si>
  <si>
    <t>chack no 81wb</t>
  </si>
  <si>
    <t>87 Wb</t>
  </si>
  <si>
    <t>Sadia Hakeem</t>
  </si>
  <si>
    <t>14187</t>
  </si>
  <si>
    <t>785</t>
  </si>
  <si>
    <t>14586</t>
  </si>
  <si>
    <t>GGPS CHAK 235 RB II NEW ABADI</t>
  </si>
  <si>
    <t>Chak 235 RBII</t>
  </si>
  <si>
    <t>235 RBII</t>
  </si>
  <si>
    <t>226 RB</t>
  </si>
  <si>
    <t>Rehana Kousar</t>
  </si>
  <si>
    <t>7890</t>
  </si>
  <si>
    <t>33380</t>
  </si>
  <si>
    <t>27590</t>
  </si>
  <si>
    <t>1239</t>
  </si>
  <si>
    <t>4349</t>
  </si>
  <si>
    <t>11857</t>
  </si>
  <si>
    <t>32843</t>
  </si>
  <si>
    <t>GGPS AWAN WALA</t>
  </si>
  <si>
    <t>GHAZI GHAT- FEMALE</t>
  </si>
  <si>
    <t>Chan Wala</t>
  </si>
  <si>
    <t>basti awan wala qasba gujrat</t>
  </si>
  <si>
    <t>Awan walal</t>
  </si>
  <si>
    <t>Ghazi Ghat</t>
  </si>
  <si>
    <t>Nadia Kanwal</t>
  </si>
  <si>
    <t>1140</t>
  </si>
  <si>
    <t>20220</t>
  </si>
  <si>
    <t>GPS VINOKA</t>
  </si>
  <si>
    <t>Vinoka</t>
  </si>
  <si>
    <t>Nosher Ahmad</t>
  </si>
  <si>
    <t>2222</t>
  </si>
  <si>
    <t>27807</t>
  </si>
  <si>
    <t>47097</t>
  </si>
  <si>
    <t>41514</t>
  </si>
  <si>
    <t>GHS ISLAMIA NO. 3 RATTA AMRAL RAWALPINDI</t>
  </si>
  <si>
    <t>Ratta</t>
  </si>
  <si>
    <t>Govt islamia high school no 3 ratta amral rwp</t>
  </si>
  <si>
    <t>Dhoke Ratta</t>
  </si>
  <si>
    <t>SOHAIL AFZAAL</t>
  </si>
  <si>
    <t>8581</t>
  </si>
  <si>
    <t>1450</t>
  </si>
  <si>
    <t>29839</t>
  </si>
  <si>
    <t>GGPS BASTI CHAK NO 20</t>
  </si>
  <si>
    <t>Chak 20</t>
  </si>
  <si>
    <t>govt girls orimary school basti chak 20 post officehabibaabad tehsil pattoki disrict kasur</t>
  </si>
  <si>
    <t>Basti Chak 29</t>
  </si>
  <si>
    <t>Wan Radha Ram</t>
  </si>
  <si>
    <t>Firdous Akhter</t>
  </si>
  <si>
    <t>filtered water is arranged</t>
  </si>
  <si>
    <t>7084</t>
  </si>
  <si>
    <t>11515</t>
  </si>
  <si>
    <t>15944</t>
  </si>
  <si>
    <t>GGCMS CHAK 82 GB</t>
  </si>
  <si>
    <t>Kotgoraya</t>
  </si>
  <si>
    <t>chak  no 82gb</t>
  </si>
  <si>
    <t>82gb Balaki</t>
  </si>
  <si>
    <t>82gb</t>
  </si>
  <si>
    <t>fouzia shabbir</t>
  </si>
  <si>
    <t>45228</t>
  </si>
  <si>
    <t>2085</t>
  </si>
  <si>
    <t>9741</t>
  </si>
  <si>
    <t>GGPS CHAK NO 474 TDA</t>
  </si>
  <si>
    <t>Sher Ghar</t>
  </si>
  <si>
    <t>ggps 474 tda</t>
  </si>
  <si>
    <t>474tda</t>
  </si>
  <si>
    <t>Saharn</t>
  </si>
  <si>
    <t>1407</t>
  </si>
  <si>
    <t>9600</t>
  </si>
  <si>
    <t>4542</t>
  </si>
  <si>
    <t>4276</t>
  </si>
  <si>
    <t>12488</t>
  </si>
  <si>
    <t>GES ISHAQ WALA</t>
  </si>
  <si>
    <t>Ajab Arain</t>
  </si>
  <si>
    <t>Basti Bahawal Nala P/O Baseera,Muzaffargarh</t>
  </si>
  <si>
    <t>Bahawal Nala</t>
  </si>
  <si>
    <t>Gul Qaim Mastoi</t>
  </si>
  <si>
    <t>Mukhtiar Ahmad</t>
  </si>
  <si>
    <t>9250</t>
  </si>
  <si>
    <t>11820</t>
  </si>
  <si>
    <t>54314</t>
  </si>
  <si>
    <t>GPS PUMP AHMAD KAMOKA</t>
  </si>
  <si>
    <t>AEO (M) CHINIOT NO.37</t>
  </si>
  <si>
    <t>Kot Kuda Yar</t>
  </si>
  <si>
    <t>Tibba Ghulam Abbas shah CHINIOT</t>
  </si>
  <si>
    <t>Tibba Ghulam  Abbas shah</t>
  </si>
  <si>
    <t>Jhanb</t>
  </si>
  <si>
    <t>2949</t>
  </si>
  <si>
    <t>49785</t>
  </si>
  <si>
    <t>22969</t>
  </si>
  <si>
    <t>GGHS CHIRIANWALA</t>
  </si>
  <si>
    <t>CHIRYAWLA</t>
  </si>
  <si>
    <t>VPO CHIRYAWLA TEHSILKHARIAN DISTRCT GUJRAT</t>
  </si>
  <si>
    <t>UZMA ASGHAR</t>
  </si>
  <si>
    <t>44789</t>
  </si>
  <si>
    <t>25928</t>
  </si>
  <si>
    <t>GGES NO 5 ASHRAF ABAD SAMUNDRI</t>
  </si>
  <si>
    <t>Ashraf Abad</t>
  </si>
  <si>
    <t>471 road Ashrafabad Samundri</t>
  </si>
  <si>
    <t>Shazia Mehmood</t>
  </si>
  <si>
    <t>5420</t>
  </si>
  <si>
    <t>11627</t>
  </si>
  <si>
    <t>GPS BASTI PATHAN</t>
  </si>
  <si>
    <t>Dogarklassra</t>
  </si>
  <si>
    <t>chah Ghulam Muhammad moza dogarklassra p/o sinawan</t>
  </si>
  <si>
    <t>Muhammad  Yousuf</t>
  </si>
  <si>
    <t>41199</t>
  </si>
  <si>
    <t>GES MC BLOCK NO. 1</t>
  </si>
  <si>
    <t>SADAR RYK - MALE</t>
  </si>
  <si>
    <t>City RYK</t>
  </si>
  <si>
    <t>Mohalla Noor abad near EidGhah RYK</t>
  </si>
  <si>
    <t>Mohalla Noor Abad</t>
  </si>
  <si>
    <t>Muhammad Yaseen</t>
  </si>
  <si>
    <t>8432</t>
  </si>
  <si>
    <t>5366</t>
  </si>
  <si>
    <t>13569</t>
  </si>
  <si>
    <t>7323</t>
  </si>
  <si>
    <t>44914</t>
  </si>
  <si>
    <t>GPS NAI WALA</t>
  </si>
  <si>
    <t>nizami wala</t>
  </si>
  <si>
    <t>Nizami Wala</t>
  </si>
  <si>
    <t>Ali Khail</t>
  </si>
  <si>
    <t>MUHAMMAD HANIF</t>
  </si>
  <si>
    <t>4838</t>
  </si>
  <si>
    <t>7188</t>
  </si>
  <si>
    <t>2350</t>
  </si>
  <si>
    <t>57510</t>
  </si>
  <si>
    <t>19642</t>
  </si>
  <si>
    <t>35669</t>
  </si>
  <si>
    <t>GPS KAMBAR</t>
  </si>
  <si>
    <t>Kambar</t>
  </si>
  <si>
    <t>mauza kambar tehsil mailsi district vehari</t>
  </si>
  <si>
    <t>Abdul Khaliq</t>
  </si>
  <si>
    <t>1366</t>
  </si>
  <si>
    <t>2808</t>
  </si>
  <si>
    <t>7415</t>
  </si>
  <si>
    <t>41759</t>
  </si>
  <si>
    <t>GGPS CHAK NO 201/P</t>
  </si>
  <si>
    <t>TILLO GOTH - FEMALE</t>
  </si>
  <si>
    <t>201/p</t>
  </si>
  <si>
    <t>chak no 201/p</t>
  </si>
  <si>
    <t>264/p</t>
  </si>
  <si>
    <t>Sobia Ikram</t>
  </si>
  <si>
    <t>3599</t>
  </si>
  <si>
    <t>50875</t>
  </si>
  <si>
    <t>44076</t>
  </si>
  <si>
    <t>GHS DALWAL</t>
  </si>
  <si>
    <t>DALWAL</t>
  </si>
  <si>
    <t>vpo.dalwal Teh.Choa saidan shah district Chakwal</t>
  </si>
  <si>
    <t>Raja Saleem Afzal</t>
  </si>
  <si>
    <t>48136</t>
  </si>
  <si>
    <t>16558</t>
  </si>
  <si>
    <t>GPS KOT NIAZ TANDLIANWALA</t>
  </si>
  <si>
    <t>Dekadhi Aalam Dekadhi AalamShah</t>
  </si>
  <si>
    <t>kakki bhor kot niaz tandlianwala district faisalabad</t>
  </si>
  <si>
    <t>Kot Niaz</t>
  </si>
  <si>
    <t>Chak 615 GB</t>
  </si>
  <si>
    <t>Muhammad Waqas Ashraf</t>
  </si>
  <si>
    <t>788</t>
  </si>
  <si>
    <t>19379</t>
  </si>
  <si>
    <t>32654</t>
  </si>
  <si>
    <t>GHS GURU NANAK NANAKANA SAHIB</t>
  </si>
  <si>
    <t>Govt Guru Nanak High School Near Bar kot Nankana Sahib</t>
  </si>
  <si>
    <t>Municipal Committ</t>
  </si>
  <si>
    <t>WASEEM AHMAD KHAN</t>
  </si>
  <si>
    <t>125120</t>
  </si>
  <si>
    <t>22418</t>
  </si>
  <si>
    <t>42016</t>
  </si>
  <si>
    <t>GGHS ZIA-UL-HAQ COLONY RAWALPINDI</t>
  </si>
  <si>
    <t>Pirwadhai</t>
  </si>
  <si>
    <t>Govt.Girls High School Zia-ul-Haq Colony Rawalpindi</t>
  </si>
  <si>
    <t>pirwadhai</t>
  </si>
  <si>
    <t>Khayaban e Iqbal</t>
  </si>
  <si>
    <t>mussarat Shaheen</t>
  </si>
  <si>
    <t>7807</t>
  </si>
  <si>
    <t>5971</t>
  </si>
  <si>
    <t>41801</t>
  </si>
  <si>
    <t>35830</t>
  </si>
  <si>
    <t>27166</t>
  </si>
  <si>
    <t>16777</t>
  </si>
  <si>
    <t>GGPS PAPA NAGRI</t>
  </si>
  <si>
    <t>JURRIAN - FEMALE</t>
  </si>
  <si>
    <t>Papa Nagri</t>
  </si>
  <si>
    <t>Ggps Papa Nagri</t>
  </si>
  <si>
    <t>Karyala</t>
  </si>
  <si>
    <t>Zahida Perveen</t>
  </si>
  <si>
    <t>3710</t>
  </si>
  <si>
    <t>32789</t>
  </si>
  <si>
    <t>437</t>
  </si>
  <si>
    <t>GGHS CHAK NO.99 NB</t>
  </si>
  <si>
    <t>99 NB</t>
  </si>
  <si>
    <t>chak no 99 nb Sargodha</t>
  </si>
  <si>
    <t>100 Nb</t>
  </si>
  <si>
    <t>Sumera Yasmeen Malik</t>
  </si>
  <si>
    <t>46746</t>
  </si>
  <si>
    <t>GPS MOHABAT KHEL</t>
  </si>
  <si>
    <t>Tola Mangali</t>
  </si>
  <si>
    <t>vill mohabbat khel ,p/o tola mangali, teh isa khel, distt mianwali</t>
  </si>
  <si>
    <t>Mohabbat Khel</t>
  </si>
  <si>
    <t>Yasir Arafat</t>
  </si>
  <si>
    <t>409</t>
  </si>
  <si>
    <t>19360</t>
  </si>
  <si>
    <t>43259</t>
  </si>
  <si>
    <t>GPS HAPHI</t>
  </si>
  <si>
    <t>Haphi</t>
  </si>
  <si>
    <t>village haphi p/o chakora tehsil&amp;district chakwal</t>
  </si>
  <si>
    <t>Mushtaq Ur Rehman</t>
  </si>
  <si>
    <t>2029</t>
  </si>
  <si>
    <t>19034</t>
  </si>
  <si>
    <t>17005</t>
  </si>
  <si>
    <t>5508</t>
  </si>
  <si>
    <t>50508</t>
  </si>
  <si>
    <t>36390</t>
  </si>
  <si>
    <t>GGES 105 WB</t>
  </si>
  <si>
    <t>105/WB</t>
  </si>
  <si>
    <t>105/WB, VEHARI</t>
  </si>
  <si>
    <t>95/WB</t>
  </si>
  <si>
    <t>Zahida Kausar</t>
  </si>
  <si>
    <t>2338</t>
  </si>
  <si>
    <t>15457</t>
  </si>
  <si>
    <t>GPS CHAK 445 GB I SAMUNDARI</t>
  </si>
  <si>
    <t>Spat</t>
  </si>
  <si>
    <t>Chak No. 445 GB</t>
  </si>
  <si>
    <t>Chak No 445 GB</t>
  </si>
  <si>
    <t>Chak 448 GB</t>
  </si>
  <si>
    <t>29583</t>
  </si>
  <si>
    <t>2546</t>
  </si>
  <si>
    <t>13048</t>
  </si>
  <si>
    <t>GGPS BASTI GOPANG</t>
  </si>
  <si>
    <t>KHANGARH-I- FEMALE</t>
  </si>
  <si>
    <t>Gopang</t>
  </si>
  <si>
    <t>basti gopang</t>
  </si>
  <si>
    <t>Baste Gopng</t>
  </si>
  <si>
    <t>Sadey Whin</t>
  </si>
  <si>
    <t>37417</t>
  </si>
  <si>
    <t>39835</t>
  </si>
  <si>
    <t>GGCMS KHALIQ DAD</t>
  </si>
  <si>
    <t>Khaliqdad</t>
  </si>
  <si>
    <t>khaliqdad</t>
  </si>
  <si>
    <t>Jallo</t>
  </si>
  <si>
    <t>Shagufta Panzi</t>
  </si>
  <si>
    <t>40948</t>
  </si>
  <si>
    <t>29640</t>
  </si>
  <si>
    <t>48100</t>
  </si>
  <si>
    <t>9760</t>
  </si>
  <si>
    <t>GGPS CHAK NO 447 TDA</t>
  </si>
  <si>
    <t>447 TDA</t>
  </si>
  <si>
    <t>chak no.447</t>
  </si>
  <si>
    <t>Chao No447TDA</t>
  </si>
  <si>
    <t>MC Choubara</t>
  </si>
  <si>
    <t>Sobia kiran</t>
  </si>
  <si>
    <t>849</t>
  </si>
  <si>
    <t>14060</t>
  </si>
  <si>
    <t>49106</t>
  </si>
  <si>
    <t>2694</t>
  </si>
  <si>
    <t>46412</t>
  </si>
  <si>
    <t>5415</t>
  </si>
  <si>
    <t>37898</t>
  </si>
  <si>
    <t>GMPS 143/10-R, JAHANIAN</t>
  </si>
  <si>
    <t>147/10-R(BARA) - FEMALE</t>
  </si>
  <si>
    <t>Mian Pur</t>
  </si>
  <si>
    <t>chak no 143/10r teh jahania distt khanewal</t>
  </si>
  <si>
    <t>Chak No 143/10R</t>
  </si>
  <si>
    <t>Riaz Bibi</t>
  </si>
  <si>
    <t>8144</t>
  </si>
  <si>
    <t>18885</t>
  </si>
  <si>
    <t>GHS HASILPUR NO.1</t>
  </si>
  <si>
    <t>GHS NO 1 HASILPUR MANDI</t>
  </si>
  <si>
    <t>HASILPUR CITY</t>
  </si>
  <si>
    <t>BASHIR AHMAD</t>
  </si>
  <si>
    <t>1939</t>
  </si>
  <si>
    <t>34147</t>
  </si>
  <si>
    <t>5126</t>
  </si>
  <si>
    <t>432</t>
  </si>
  <si>
    <t>GES MC CHISHTIAN</t>
  </si>
  <si>
    <t>chishtian</t>
  </si>
  <si>
    <t>Mohajir colony Chishtian</t>
  </si>
  <si>
    <t>Mc Chishtian</t>
  </si>
  <si>
    <t>Muhammad Tariq Khan</t>
  </si>
  <si>
    <t>20470</t>
  </si>
  <si>
    <t>21521</t>
  </si>
  <si>
    <t>16764</t>
  </si>
  <si>
    <t>GGHS 514 GB</t>
  </si>
  <si>
    <t>Khatianwala</t>
  </si>
  <si>
    <t>CHAK NO.514 GB</t>
  </si>
  <si>
    <t>CHAK NO 514 GB</t>
  </si>
  <si>
    <t>ALYIA BASHIR</t>
  </si>
  <si>
    <t>12811</t>
  </si>
  <si>
    <t>36816</t>
  </si>
  <si>
    <t>GGPS KARM PUR JOOTA, KABIRWALA</t>
  </si>
  <si>
    <t>Karam Pur</t>
  </si>
  <si>
    <t>basti karam pur jota</t>
  </si>
  <si>
    <t>Number Dar Wala</t>
  </si>
  <si>
    <t>Buta Singh Wala</t>
  </si>
  <si>
    <t>IMRANA batool</t>
  </si>
  <si>
    <t>16868</t>
  </si>
  <si>
    <t>3475</t>
  </si>
  <si>
    <t>GGPS 347/WB</t>
  </si>
  <si>
    <t>QUTABPUR-FEMALE</t>
  </si>
  <si>
    <t>347Wb</t>
  </si>
  <si>
    <t>chak no.347/wb</t>
  </si>
  <si>
    <t>Chak No347/wb</t>
  </si>
  <si>
    <t>Qutabpur</t>
  </si>
  <si>
    <t>Aqsa Nawaz</t>
  </si>
  <si>
    <t>52543</t>
  </si>
  <si>
    <t>16465</t>
  </si>
  <si>
    <t>GGHS CHAK 24 JB CHAK JHUMRA FSD</t>
  </si>
  <si>
    <t>LAHORIAN</t>
  </si>
  <si>
    <t>GGHS 24 JB</t>
  </si>
  <si>
    <t>Chak NO 24 Jb</t>
  </si>
  <si>
    <t>KHAN KAY</t>
  </si>
  <si>
    <t>shagufta naheed</t>
  </si>
  <si>
    <t>1549</t>
  </si>
  <si>
    <t>1047</t>
  </si>
  <si>
    <t>1201</t>
  </si>
  <si>
    <t>2435</t>
  </si>
  <si>
    <t>40240</t>
  </si>
  <si>
    <t>GGPS KANTRELI</t>
  </si>
  <si>
    <t>JHELUM-FEMALE</t>
  </si>
  <si>
    <t>Kantreli</t>
  </si>
  <si>
    <t>post office kala gujran  village  kantreli Jhelum</t>
  </si>
  <si>
    <t>Kala Gujran</t>
  </si>
  <si>
    <t>Mehvish shoukat</t>
  </si>
  <si>
    <t>33467</t>
  </si>
  <si>
    <t>27522</t>
  </si>
  <si>
    <t>1228</t>
  </si>
  <si>
    <t>2683</t>
  </si>
  <si>
    <t>18407</t>
  </si>
  <si>
    <t>GGPS CHAK NO. 3/3-L</t>
  </si>
  <si>
    <t>G.M RAJA - FEMALE</t>
  </si>
  <si>
    <t>Wijhi</t>
  </si>
  <si>
    <t>chak num 3/3 L</t>
  </si>
  <si>
    <t>Chak 3/3 L</t>
  </si>
  <si>
    <t>Kapoori</t>
  </si>
  <si>
    <t>Hassena Nisa</t>
  </si>
  <si>
    <t>3036</t>
  </si>
  <si>
    <t>48242</t>
  </si>
  <si>
    <t>16083</t>
  </si>
  <si>
    <t>37450</t>
  </si>
  <si>
    <t>51840</t>
  </si>
  <si>
    <t>GGES 62 EB P/O 58 EB</t>
  </si>
  <si>
    <t>62EB</t>
  </si>
  <si>
    <t>dak Khana 58/eb chak no 62/eb</t>
  </si>
  <si>
    <t>62/eb</t>
  </si>
  <si>
    <t>66/Eb</t>
  </si>
  <si>
    <t>Afshan Hassan Tarar</t>
  </si>
  <si>
    <t>pump water coler</t>
  </si>
  <si>
    <t>10141</t>
  </si>
  <si>
    <t>15097</t>
  </si>
  <si>
    <t>GGES CHAK 64 GB JARANWALA</t>
  </si>
  <si>
    <t>government girls elementary school 64 GB</t>
  </si>
  <si>
    <t>64 GB</t>
  </si>
  <si>
    <t>122 GB</t>
  </si>
  <si>
    <t>Gulshan Naheed</t>
  </si>
  <si>
    <t>31923</t>
  </si>
  <si>
    <t>2224</t>
  </si>
  <si>
    <t>14569</t>
  </si>
  <si>
    <t>11438</t>
  </si>
  <si>
    <t>GGPS NISAR COLONY</t>
  </si>
  <si>
    <t>CITY 3 - FEMALE</t>
  </si>
  <si>
    <t>Nisar Colony</t>
  </si>
  <si>
    <t>Gulshan rafique nisar colony fsd</t>
  </si>
  <si>
    <t>ANNA AJAZ</t>
  </si>
  <si>
    <t>4141</t>
  </si>
  <si>
    <t>45795</t>
  </si>
  <si>
    <t>GPS MAKRUMMI</t>
  </si>
  <si>
    <t>KHABAKI (MALE)</t>
  </si>
  <si>
    <t>Makrummi</t>
  </si>
  <si>
    <t>v/p/o  mardwal tehsil naushera district khushab</t>
  </si>
  <si>
    <t>MUHAMMAD RIAZ</t>
  </si>
  <si>
    <t>14628</t>
  </si>
  <si>
    <t>GGPS FATIMA JINNAH KARIM TOWN FSD</t>
  </si>
  <si>
    <t>Karim Town</t>
  </si>
  <si>
    <t>karim town peoples colony # 2 fsd</t>
  </si>
  <si>
    <t>Muhala Ferozshah</t>
  </si>
  <si>
    <t>Farhat Bashir</t>
  </si>
  <si>
    <t>42317</t>
  </si>
  <si>
    <t>14155</t>
  </si>
  <si>
    <t>31397</t>
  </si>
  <si>
    <t>GPS MUHMMAD PURA</t>
  </si>
  <si>
    <t>Muhammad Pura</t>
  </si>
  <si>
    <t>Muhammad Pura post office Aya Nagar Klan tehsile ferozwala  district sheikhupura</t>
  </si>
  <si>
    <t>Labanwala</t>
  </si>
  <si>
    <t>2324</t>
  </si>
  <si>
    <t>12344</t>
  </si>
  <si>
    <t>10020</t>
  </si>
  <si>
    <t>22981</t>
  </si>
  <si>
    <t>18381</t>
  </si>
  <si>
    <t>21697</t>
  </si>
  <si>
    <t>GPS EMINABAD NO.9</t>
  </si>
  <si>
    <t>Eminabad</t>
  </si>
  <si>
    <t>taaj chowk eminabad</t>
  </si>
  <si>
    <t>36470</t>
  </si>
  <si>
    <t>1854</t>
  </si>
  <si>
    <t>1766</t>
  </si>
  <si>
    <t>29121</t>
  </si>
  <si>
    <t>GGHS CHATIAN WALA</t>
  </si>
  <si>
    <t>Chathianwala</t>
  </si>
  <si>
    <t>P/O ChathianwaaLa</t>
  </si>
  <si>
    <t>Sarwat Aslam</t>
  </si>
  <si>
    <t>76230</t>
  </si>
  <si>
    <t>27342</t>
  </si>
  <si>
    <t>7011</t>
  </si>
  <si>
    <t>GPS OLD SADIQABAD</t>
  </si>
  <si>
    <t>Goth Joora</t>
  </si>
  <si>
    <t>street no.11 mazhar freed colony sdk</t>
  </si>
  <si>
    <t>Sdk</t>
  </si>
  <si>
    <t>filter plant</t>
  </si>
  <si>
    <t>8802</t>
  </si>
  <si>
    <t>35095</t>
  </si>
  <si>
    <t>34820</t>
  </si>
  <si>
    <t>53407</t>
  </si>
  <si>
    <t>GGES 51/2.L</t>
  </si>
  <si>
    <t>chak no 51_2L</t>
  </si>
  <si>
    <t>51 2L</t>
  </si>
  <si>
    <t>52 2L</t>
  </si>
  <si>
    <t>Aisha Sadaf</t>
  </si>
  <si>
    <t>9404</t>
  </si>
  <si>
    <t>25757</t>
  </si>
  <si>
    <t>52372</t>
  </si>
  <si>
    <t>15386</t>
  </si>
  <si>
    <t>GHS CHAK NO 282 GB</t>
  </si>
  <si>
    <t>CHAK NO 282 GB JARANWALA</t>
  </si>
  <si>
    <t>CHAK NO 282 GB</t>
  </si>
  <si>
    <t>49232</t>
  </si>
  <si>
    <t>972</t>
  </si>
  <si>
    <t>20403</t>
  </si>
  <si>
    <t>GHS A.M. ISLAMIA NO.2</t>
  </si>
  <si>
    <t>bara qabrastan road , near niyen chowk gujranwala.</t>
  </si>
  <si>
    <t>Guranwala</t>
  </si>
  <si>
    <t>mubarik shah</t>
  </si>
  <si>
    <t>muhammad muslim</t>
  </si>
  <si>
    <t>568</t>
  </si>
  <si>
    <t>GHS 96/15-L, MIAN CHANNU</t>
  </si>
  <si>
    <t>96/15-l</t>
  </si>
  <si>
    <t>chak no. 96/15-l  mian channu khanewal</t>
  </si>
  <si>
    <t>chak no 92/15-l</t>
  </si>
  <si>
    <t>muhammad sharif</t>
  </si>
  <si>
    <t>10876</t>
  </si>
  <si>
    <t>4909</t>
  </si>
  <si>
    <t>1203</t>
  </si>
  <si>
    <t>12388</t>
  </si>
  <si>
    <t>33465</t>
  </si>
  <si>
    <t>GES ARSHAD ABAD</t>
  </si>
  <si>
    <t>NOR KUBRA- MALE</t>
  </si>
  <si>
    <t>Sadden Wali</t>
  </si>
  <si>
    <t>basti jawein Wala p/o basira moza sadan wali Teh &amp; Dis Muzaffargarh garh</t>
  </si>
  <si>
    <t>Jawein Wala</t>
  </si>
  <si>
    <t>Gull Wala</t>
  </si>
  <si>
    <t>Malik Ameer Hussain</t>
  </si>
  <si>
    <t>30216</t>
  </si>
  <si>
    <t>51970</t>
  </si>
  <si>
    <t>6060</t>
  </si>
  <si>
    <t>26115</t>
  </si>
  <si>
    <t>GPS BAMBU</t>
  </si>
  <si>
    <t>DUSRI-MALE</t>
  </si>
  <si>
    <t>Bambu</t>
  </si>
  <si>
    <t>village bambu</t>
  </si>
  <si>
    <t>Raiba</t>
  </si>
  <si>
    <t>Ansar Rashid</t>
  </si>
  <si>
    <t>2057</t>
  </si>
  <si>
    <t>34273</t>
  </si>
  <si>
    <t>31128</t>
  </si>
  <si>
    <t>GES SUJANPUR P/O BOHAR VIA TATAY PUR MULTAN</t>
  </si>
  <si>
    <t>QADIR PUR RAN - MALE</t>
  </si>
  <si>
    <t>Sujan Pur</t>
  </si>
  <si>
    <t>sujan pur po bohar Multan saddar</t>
  </si>
  <si>
    <t>Kirpaal Pur</t>
  </si>
  <si>
    <t>Ghulam Hassan</t>
  </si>
  <si>
    <t>21275</t>
  </si>
  <si>
    <t>47870</t>
  </si>
  <si>
    <t>4860</t>
  </si>
  <si>
    <t>20943</t>
  </si>
  <si>
    <t>GGES KOT FAZLA</t>
  </si>
  <si>
    <t>ALI PUR CHATHA 3 - FEMALE</t>
  </si>
  <si>
    <t>KOT FAZLA</t>
  </si>
  <si>
    <t>village kot fazla</t>
  </si>
  <si>
    <t>Kot Fazla</t>
  </si>
  <si>
    <t>Noinwala</t>
  </si>
  <si>
    <t>Robina Asmat</t>
  </si>
  <si>
    <t>14159</t>
  </si>
  <si>
    <t>30445</t>
  </si>
  <si>
    <t>2199</t>
  </si>
  <si>
    <t>51332</t>
  </si>
  <si>
    <t>GHS CHAK 37 SP</t>
  </si>
  <si>
    <t>Chak No 37/SP Pakpattan</t>
  </si>
  <si>
    <t>Chak No 37/SP</t>
  </si>
  <si>
    <t>Akhtar Ali Khan</t>
  </si>
  <si>
    <t>GGHS CHAK NO.79/F</t>
  </si>
  <si>
    <t>CHAK 79F</t>
  </si>
  <si>
    <t>79F</t>
  </si>
  <si>
    <t>CHAK79F</t>
  </si>
  <si>
    <t>Tanzeela khalid</t>
  </si>
  <si>
    <t>52751</t>
  </si>
  <si>
    <t>42741</t>
  </si>
  <si>
    <t>5206</t>
  </si>
  <si>
    <t>7714</t>
  </si>
  <si>
    <t>GES GAJJANI</t>
  </si>
  <si>
    <t>RAMIN MALE</t>
  </si>
  <si>
    <t>Gajjani</t>
  </si>
  <si>
    <t>basti gajjani p/o Kala DG Khan</t>
  </si>
  <si>
    <t>Shero Dasti</t>
  </si>
  <si>
    <t>MUNAWAR IQBAL</t>
  </si>
  <si>
    <t>24084</t>
  </si>
  <si>
    <t>36180</t>
  </si>
  <si>
    <t>35177</t>
  </si>
  <si>
    <t>GES CHAK NO. 421/EB</t>
  </si>
  <si>
    <t>Chak No 421/EB</t>
  </si>
  <si>
    <t>Chak No. 421/EB Tehsil Burewala District Vehari</t>
  </si>
  <si>
    <t>Chak No. 421/EB</t>
  </si>
  <si>
    <t>Chak No. 425/EB Fareedabad</t>
  </si>
  <si>
    <t>6556</t>
  </si>
  <si>
    <t>16645</t>
  </si>
  <si>
    <t>47144</t>
  </si>
  <si>
    <t>5747</t>
  </si>
  <si>
    <t>GGPS CHAK NO. 101/6-R</t>
  </si>
  <si>
    <t>HND-12-FEMALE</t>
  </si>
  <si>
    <t>101/6R</t>
  </si>
  <si>
    <t>chak 101/6-R post office 100/6-R haroonabad</t>
  </si>
  <si>
    <t>101/6-R</t>
  </si>
  <si>
    <t>Madiha Ahmad</t>
  </si>
  <si>
    <t>49104</t>
  </si>
  <si>
    <t>GPS CHAK NO.5 RAKH DHAREMA</t>
  </si>
  <si>
    <t>JHAL CHAKIAN - MALE</t>
  </si>
  <si>
    <t>CHAK NO 5 RAKH DHAREMA</t>
  </si>
  <si>
    <t>GPS CHAK NO 5 RAKH DHAREMA</t>
  </si>
  <si>
    <t>CHAK NO 58 NB</t>
  </si>
  <si>
    <t>ATTA MUHAMMAD</t>
  </si>
  <si>
    <t>14125</t>
  </si>
  <si>
    <t>15583</t>
  </si>
  <si>
    <t>GGPS CHAK 373 GB II SAMUNDRI</t>
  </si>
  <si>
    <t>Khaldi</t>
  </si>
  <si>
    <t>chak no 373 gb 2 khaldi samundri</t>
  </si>
  <si>
    <t>373 Gb</t>
  </si>
  <si>
    <t>Javeria Irshad</t>
  </si>
  <si>
    <t>6226</t>
  </si>
  <si>
    <t>23439</t>
  </si>
  <si>
    <t>43153</t>
  </si>
  <si>
    <t>1534</t>
  </si>
  <si>
    <t>36556</t>
  </si>
  <si>
    <t>GHS KOT DUNI CHAND, ABDUL HAKIM</t>
  </si>
  <si>
    <t>KOT WALA</t>
  </si>
  <si>
    <t>JHALAR MADINA MOZA KOT WALA P/O SAME KABIRWALA</t>
  </si>
  <si>
    <t>JHALAR MADINA</t>
  </si>
  <si>
    <t>HUSSAIN ABAD AWAL</t>
  </si>
  <si>
    <t>Jamshaid Ahmad Saqib</t>
  </si>
  <si>
    <t>22884</t>
  </si>
  <si>
    <t>1166</t>
  </si>
  <si>
    <t>1383</t>
  </si>
  <si>
    <t>37114</t>
  </si>
  <si>
    <t>GGES DENAY WALA, KHANEWAL</t>
  </si>
  <si>
    <t>basti denay wala near dingian pullan khanewal</t>
  </si>
  <si>
    <t>Basti Denay Wala</t>
  </si>
  <si>
    <t>Mc Khanewal Kohna Ward 44</t>
  </si>
  <si>
    <t>Mehnaz Akhtar</t>
  </si>
  <si>
    <t>8107</t>
  </si>
  <si>
    <t>34652</t>
  </si>
  <si>
    <t>23619</t>
  </si>
  <si>
    <t>23142</t>
  </si>
  <si>
    <t>36359</t>
  </si>
  <si>
    <t>GGPS 27 WB</t>
  </si>
  <si>
    <t>27wb</t>
  </si>
  <si>
    <t>27 wb vehari</t>
  </si>
  <si>
    <t>Sana Hashim</t>
  </si>
  <si>
    <t>6120</t>
  </si>
  <si>
    <t>44341</t>
  </si>
  <si>
    <t>31887</t>
  </si>
  <si>
    <t>GHS BHIKEY SHEIKHUPURA</t>
  </si>
  <si>
    <t>bhikhi</t>
  </si>
  <si>
    <t>village bhikhi</t>
  </si>
  <si>
    <t>mian muhammad siddique</t>
  </si>
  <si>
    <t>23120</t>
  </si>
  <si>
    <t>9581</t>
  </si>
  <si>
    <t>GHS CHOUBARA</t>
  </si>
  <si>
    <t>Choubara City</t>
  </si>
  <si>
    <t>Main Road Choubara</t>
  </si>
  <si>
    <t>MALIK KHALID MEHMOOD</t>
  </si>
  <si>
    <t>1889</t>
  </si>
  <si>
    <t>28172</t>
  </si>
  <si>
    <t>53258</t>
  </si>
  <si>
    <t>GPS MANGAN</t>
  </si>
  <si>
    <t>MOUZA MANGAN P.O LASHARI TEHSIL AND DISTRICT OKARA</t>
  </si>
  <si>
    <t>Muhammad Naeem Anjum</t>
  </si>
  <si>
    <t>740</t>
  </si>
  <si>
    <t>9570</t>
  </si>
  <si>
    <t>9793</t>
  </si>
  <si>
    <t>43653</t>
  </si>
  <si>
    <t>GHS NAKKA KAHUT</t>
  </si>
  <si>
    <t>Nakka Kahut</t>
  </si>
  <si>
    <t>VPO Nakka Kahut Tehsil Talagang Distrcit Chakwal</t>
  </si>
  <si>
    <t>Arfan Siddique</t>
  </si>
  <si>
    <t>32389</t>
  </si>
  <si>
    <t>28198</t>
  </si>
  <si>
    <t>GHS NARANG</t>
  </si>
  <si>
    <t>NARANG</t>
  </si>
  <si>
    <t>GHS NARANG, TEHSIL PHALIA, DISTT. M.B.DIN</t>
  </si>
  <si>
    <t>ASHFAQ AHMAD</t>
  </si>
  <si>
    <t>45368</t>
  </si>
  <si>
    <t>26414</t>
  </si>
  <si>
    <t>28003</t>
  </si>
  <si>
    <t>39977</t>
  </si>
  <si>
    <t>GPS GHOURGHUSHTI NO.2</t>
  </si>
  <si>
    <t>Ghourghushti</t>
  </si>
  <si>
    <t>mohalla sheikh banda vpo Ghourghushti</t>
  </si>
  <si>
    <t>Muhammad Irshad</t>
  </si>
  <si>
    <t>10484</t>
  </si>
  <si>
    <t>GPS BIN SIDDIQUE WALA</t>
  </si>
  <si>
    <t>Waddhay Wali</t>
  </si>
  <si>
    <t>moza waddhay wali p/o wara seehran basti bin siddique wala</t>
  </si>
  <si>
    <t>Bin Siddique Wala</t>
  </si>
  <si>
    <t>Wara Seehran</t>
  </si>
  <si>
    <t>Aamir  Ali</t>
  </si>
  <si>
    <t>11953</t>
  </si>
  <si>
    <t>1579</t>
  </si>
  <si>
    <t>39257</t>
  </si>
  <si>
    <t>GGHS KHOUR CITY</t>
  </si>
  <si>
    <t>KHAUR</t>
  </si>
  <si>
    <t>MOHALLAH BHANORA V &amp; P O KHAUR CITY</t>
  </si>
  <si>
    <t>KHAUR CITY</t>
  </si>
  <si>
    <t>KHALIDA PERVEEN</t>
  </si>
  <si>
    <t>12668</t>
  </si>
  <si>
    <t>16545</t>
  </si>
  <si>
    <t>GPS CHAK 399 GB I TANDLIANWALA</t>
  </si>
  <si>
    <t>Chak No 399 GB</t>
  </si>
  <si>
    <t>Govt.boy primary school 399G.B Teh Tandlianwala Distt.Faisalabad</t>
  </si>
  <si>
    <t>Chak No399GB</t>
  </si>
  <si>
    <t>Chak No 452 GB Rehmay Shah</t>
  </si>
  <si>
    <t>30491</t>
  </si>
  <si>
    <t>39310</t>
  </si>
  <si>
    <t>49778</t>
  </si>
  <si>
    <t>52128</t>
  </si>
  <si>
    <t>GMPS 54 EB PO 50 EB</t>
  </si>
  <si>
    <t>54/EB</t>
  </si>
  <si>
    <t>GMPS 54/EB P.O.50EB teh arifwala dis pakpattan</t>
  </si>
  <si>
    <t>48/EB</t>
  </si>
  <si>
    <t>zubaida akhtar</t>
  </si>
  <si>
    <t>38030</t>
  </si>
  <si>
    <t>37098</t>
  </si>
  <si>
    <t>46569</t>
  </si>
  <si>
    <t>GGPS CHAK NO 3 TDA</t>
  </si>
  <si>
    <t>post ofice 4td chk no3tda tehsil and district khushb</t>
  </si>
  <si>
    <t>3tda</t>
  </si>
  <si>
    <t>Nasira Batool</t>
  </si>
  <si>
    <t>519</t>
  </si>
  <si>
    <t>19160</t>
  </si>
  <si>
    <t>54011</t>
  </si>
  <si>
    <t>GPS RASHEED ABAD</t>
  </si>
  <si>
    <t>Mailsi Dehh</t>
  </si>
  <si>
    <t>Basti Rasheed abad near railway crossing kehror pakka road</t>
  </si>
  <si>
    <t>Rasheed Abad</t>
  </si>
  <si>
    <t>18053</t>
  </si>
  <si>
    <t>40878</t>
  </si>
  <si>
    <t>GGES JUNIOR MODEL DINA</t>
  </si>
  <si>
    <t>Dina</t>
  </si>
  <si>
    <t>Old  habib bank  street  Dina</t>
  </si>
  <si>
    <t>Old  HBL Street  Dina</t>
  </si>
  <si>
    <t>Dina1</t>
  </si>
  <si>
    <t>Fakhar Un Nisa</t>
  </si>
  <si>
    <t>12248</t>
  </si>
  <si>
    <t>724</t>
  </si>
  <si>
    <t>3039</t>
  </si>
  <si>
    <t>23518</t>
  </si>
  <si>
    <t>GGPS KHARKA</t>
  </si>
  <si>
    <t>S.A.GIR I - FEMALE</t>
  </si>
  <si>
    <t>Kharka</t>
  </si>
  <si>
    <t>kharka s.a.gir</t>
  </si>
  <si>
    <t>Khohar</t>
  </si>
  <si>
    <t>Sajida Rizwan</t>
  </si>
  <si>
    <t>6150</t>
  </si>
  <si>
    <t>23608</t>
  </si>
  <si>
    <t>1302</t>
  </si>
  <si>
    <t>21878</t>
  </si>
  <si>
    <t>1874</t>
  </si>
  <si>
    <t>44608</t>
  </si>
  <si>
    <t>GGPS BASTI KANARAN WALI</t>
  </si>
  <si>
    <t>SIAL - FEMALE</t>
  </si>
  <si>
    <t>Basti Kanaran Wali</t>
  </si>
  <si>
    <t>g g p s kanaran wali</t>
  </si>
  <si>
    <t>Kaneez Fizza</t>
  </si>
  <si>
    <t>6585</t>
  </si>
  <si>
    <t>45447</t>
  </si>
  <si>
    <t>27152</t>
  </si>
  <si>
    <t>GGPS HANJRAN WALA</t>
  </si>
  <si>
    <t>KASSOKE - FEMALE</t>
  </si>
  <si>
    <t>Hunjranwala</t>
  </si>
  <si>
    <t>GGPS Hunjranwala</t>
  </si>
  <si>
    <t>Kot Hassan Khan</t>
  </si>
  <si>
    <t>Humaira Safdar</t>
  </si>
  <si>
    <t>10993</t>
  </si>
  <si>
    <t>10586</t>
  </si>
  <si>
    <t>19435</t>
  </si>
  <si>
    <t>31455</t>
  </si>
  <si>
    <t>GGPS JUGHIAN SIALAN</t>
  </si>
  <si>
    <t>Thatha Khuda Yaar</t>
  </si>
  <si>
    <t>jughian sialan near kot abdul malak</t>
  </si>
  <si>
    <t>JUHGIAN SIALAN</t>
  </si>
  <si>
    <t>KOT ABDUL MALAK</t>
  </si>
  <si>
    <t>MISBAH KHALIQ</t>
  </si>
  <si>
    <t>47619</t>
  </si>
  <si>
    <t>35460</t>
  </si>
  <si>
    <t>35912</t>
  </si>
  <si>
    <t>41791</t>
  </si>
  <si>
    <t>32005</t>
  </si>
  <si>
    <t>GES DERA KHURSHEED HIRAN MINAR</t>
  </si>
  <si>
    <t>City Sheikhupura</t>
  </si>
  <si>
    <t>dera khurshid</t>
  </si>
  <si>
    <t>Dera Khurashid</t>
  </si>
  <si>
    <t>Sharif colony</t>
  </si>
  <si>
    <t>Muhammad Arshid</t>
  </si>
  <si>
    <t>46568</t>
  </si>
  <si>
    <t>GGPS CHAK NO 28 MB</t>
  </si>
  <si>
    <t>28mb</t>
  </si>
  <si>
    <t>Chak no 28mb</t>
  </si>
  <si>
    <t>Chak No 28 Mb</t>
  </si>
  <si>
    <t>Huma Akram</t>
  </si>
  <si>
    <t>36400</t>
  </si>
  <si>
    <t>21584</t>
  </si>
  <si>
    <t>2048</t>
  </si>
  <si>
    <t>7185</t>
  </si>
  <si>
    <t>GPS LIPHOO MACHI</t>
  </si>
  <si>
    <t>ROSHAN BHAIT - MALE</t>
  </si>
  <si>
    <t>Miral Wasa</t>
  </si>
  <si>
    <t>basti liphoo machi sadiq abad</t>
  </si>
  <si>
    <t>Liphoo Machi</t>
  </si>
  <si>
    <t>Rotshan Bhait</t>
  </si>
  <si>
    <t>Ghulam Shabir</t>
  </si>
  <si>
    <t>37239</t>
  </si>
  <si>
    <t>25793</t>
  </si>
  <si>
    <t>15728</t>
  </si>
  <si>
    <t>GGHSS CHAK NO. 527 GB</t>
  </si>
  <si>
    <t>chak No 527gb samundri faisalabad</t>
  </si>
  <si>
    <t>Chak No 527gb</t>
  </si>
  <si>
    <t>527gb</t>
  </si>
  <si>
    <t>mrs shahnaz bano</t>
  </si>
  <si>
    <t>41603</t>
  </si>
  <si>
    <t>GGHS NO 4 MOHAN PURA</t>
  </si>
  <si>
    <t>Mohanpura</t>
  </si>
  <si>
    <t>gghsno4 mohan pura rwp</t>
  </si>
  <si>
    <t>Mohan Pura</t>
  </si>
  <si>
    <t>Roubina Rauf</t>
  </si>
  <si>
    <t>4255</t>
  </si>
  <si>
    <t>2258</t>
  </si>
  <si>
    <t>2332</t>
  </si>
  <si>
    <t>43191</t>
  </si>
  <si>
    <t>GGHS NAARANG</t>
  </si>
  <si>
    <t>Narang</t>
  </si>
  <si>
    <t>VPO NARANG TEH &amp; DISTRICT CHAKWAL</t>
  </si>
  <si>
    <t>SUMAIRA YASMEEN</t>
  </si>
  <si>
    <t>23686</t>
  </si>
  <si>
    <t>353</t>
  </si>
  <si>
    <t>18134</t>
  </si>
  <si>
    <t>1016</t>
  </si>
  <si>
    <t>4644</t>
  </si>
  <si>
    <t>18707</t>
  </si>
  <si>
    <t>GGPS CHAK 345 JB I PENKAY</t>
  </si>
  <si>
    <t>SHAH PUR-FEMALE</t>
  </si>
  <si>
    <t>345jb1</t>
  </si>
  <si>
    <t>g g ps 345 jb 1</t>
  </si>
  <si>
    <t>345jb1 Pinanky</t>
  </si>
  <si>
    <t>345 J B1</t>
  </si>
  <si>
    <t>Fakhra Sultana</t>
  </si>
  <si>
    <t>357</t>
  </si>
  <si>
    <t>49145</t>
  </si>
  <si>
    <t>27447</t>
  </si>
  <si>
    <t>6960</t>
  </si>
  <si>
    <t>GGHS BALA ARRIAN</t>
  </si>
  <si>
    <t>BALA ARRIAN</t>
  </si>
  <si>
    <t>GGHS BALA ARRIAN BAHAWALNAGAR</t>
  </si>
  <si>
    <t>BALA ARIAN</t>
  </si>
  <si>
    <t>MALAK PURA</t>
  </si>
  <si>
    <t>Ghazala Yasmin</t>
  </si>
  <si>
    <t>25385</t>
  </si>
  <si>
    <t>33361</t>
  </si>
  <si>
    <t>GGPS GUJJAR PURA NEHAR WALA</t>
  </si>
  <si>
    <t>Gujjar Pura</t>
  </si>
  <si>
    <t>gujjar pura nehar wala</t>
  </si>
  <si>
    <t>Gujjar Pura Nehar Wala</t>
  </si>
  <si>
    <t>Bhalikay</t>
  </si>
  <si>
    <t>Nabila Akram</t>
  </si>
  <si>
    <t>6591</t>
  </si>
  <si>
    <t>44895</t>
  </si>
  <si>
    <t>6055</t>
  </si>
  <si>
    <t>4762</t>
  </si>
  <si>
    <t>44795</t>
  </si>
  <si>
    <t>6286</t>
  </si>
  <si>
    <t>GPS AZAMAT WALA</t>
  </si>
  <si>
    <t>60-61/ML NO.2 - MALE</t>
  </si>
  <si>
    <t>Karari Kot</t>
  </si>
  <si>
    <t>Azmat Wala P /O Karari kot tehsil and District Bhakkar</t>
  </si>
  <si>
    <t>Anwar Ul Aziz Khan</t>
  </si>
  <si>
    <t>583</t>
  </si>
  <si>
    <t>30184</t>
  </si>
  <si>
    <t>52083</t>
  </si>
  <si>
    <t>GGPS ARAZI DILAWAR</t>
  </si>
  <si>
    <t>Arazi Dilawar</t>
  </si>
  <si>
    <t>GGPS Arazi Dilawar</t>
  </si>
  <si>
    <t>Rizwana Kausar</t>
  </si>
  <si>
    <t>7920</t>
  </si>
  <si>
    <t>7781</t>
  </si>
  <si>
    <t>30308</t>
  </si>
  <si>
    <t>GPS MINHALA KALAN</t>
  </si>
  <si>
    <t>MINHALA-MALE</t>
  </si>
  <si>
    <t>Minhala Kalan</t>
  </si>
  <si>
    <t>GPS Minhala Kalan Tehsil Shalimar Lahore</t>
  </si>
  <si>
    <t>24666</t>
  </si>
  <si>
    <t>GHS CHAK GANDA SINGH</t>
  </si>
  <si>
    <t>Ganda Singh</t>
  </si>
  <si>
    <t>chak Ganda Singh OKARA</t>
  </si>
  <si>
    <t>Chak Ganda Singh</t>
  </si>
  <si>
    <t>Muhammad Nagar</t>
  </si>
  <si>
    <t>Rai Muhammad Shahzad</t>
  </si>
  <si>
    <t>45694</t>
  </si>
  <si>
    <t>44917</t>
  </si>
  <si>
    <t>GPS CHAK NO 40 M.L</t>
  </si>
  <si>
    <t>Fazil</t>
  </si>
  <si>
    <t>chak no 40 ml</t>
  </si>
  <si>
    <t>40 Ml</t>
  </si>
  <si>
    <t>Rafique Ullah Khan</t>
  </si>
  <si>
    <t>990</t>
  </si>
  <si>
    <t>506</t>
  </si>
  <si>
    <t>3660</t>
  </si>
  <si>
    <t>769</t>
  </si>
  <si>
    <t>40769</t>
  </si>
  <si>
    <t>20440</t>
  </si>
  <si>
    <t>GGHS SAQAFAT UL BANNAT</t>
  </si>
  <si>
    <t>OPPOSITE POLICE STATION, BAGHBANPURA,GRW</t>
  </si>
  <si>
    <t>Gujranwala</t>
  </si>
  <si>
    <t>GULSHAN ABAD 44</t>
  </si>
  <si>
    <t>ZUBAIRA ANSARI</t>
  </si>
  <si>
    <t>338</t>
  </si>
  <si>
    <t>10720</t>
  </si>
  <si>
    <t>46098</t>
  </si>
  <si>
    <t>GGHS KOHINOOR MODEL JAUHARABAD</t>
  </si>
  <si>
    <t>Jauharabad</t>
  </si>
  <si>
    <t>govt Kohinoor girls high school jauharabad</t>
  </si>
  <si>
    <t>zahida Begum</t>
  </si>
  <si>
    <t>39440</t>
  </si>
  <si>
    <t>46127</t>
  </si>
  <si>
    <t>3206</t>
  </si>
  <si>
    <t>49867</t>
  </si>
  <si>
    <t>GHS FAROOKA</t>
  </si>
  <si>
    <t>FAROOKA</t>
  </si>
  <si>
    <t>GHS Farooka Tehsil Sahiwal Distt Sargodha</t>
  </si>
  <si>
    <t>Muhammad Yousaf</t>
  </si>
  <si>
    <t>24800</t>
  </si>
  <si>
    <t>1234</t>
  </si>
  <si>
    <t>GGHS CHAK 100 RB</t>
  </si>
  <si>
    <t>chak no. 100/rB</t>
  </si>
  <si>
    <t>govt. Girls high school, 100/rB, Faisalabad</t>
  </si>
  <si>
    <t>100/rB Purana Rurka</t>
  </si>
  <si>
    <t>103 rB</t>
  </si>
  <si>
    <t>bushra saeed</t>
  </si>
  <si>
    <t>19120</t>
  </si>
  <si>
    <t>11040</t>
  </si>
  <si>
    <t>38439</t>
  </si>
  <si>
    <t>GHS MUSLIM PUBLIC 363/W.B</t>
  </si>
  <si>
    <t>CHAK 363 WB</t>
  </si>
  <si>
    <t>CHAK 363 WB TEHSIL DUNYAPUR DISTRICT LODHRAN</t>
  </si>
  <si>
    <t>MAKHDOOM AALI</t>
  </si>
  <si>
    <t>MUHAMMAD TARIQ EJAZ</t>
  </si>
  <si>
    <t>29996</t>
  </si>
  <si>
    <t>73500</t>
  </si>
  <si>
    <t>16520</t>
  </si>
  <si>
    <t>GPS CHAK NO 605 GB</t>
  </si>
  <si>
    <t>605 Gb Kamboo Kaa</t>
  </si>
  <si>
    <t>Chak No. 605 GB.</t>
  </si>
  <si>
    <t>605 GB</t>
  </si>
  <si>
    <t>2382</t>
  </si>
  <si>
    <t>11620</t>
  </si>
  <si>
    <t>10022</t>
  </si>
  <si>
    <t>GPS PEER BUKHSH BHUTTA</t>
  </si>
  <si>
    <t>GPS Peer Bukhsh Bhutta, Moza Sukhail, Tehsil Ahmad Pur East</t>
  </si>
  <si>
    <t>Peer Bukhsh Bhutta</t>
  </si>
  <si>
    <t>Muhammad Ayaz</t>
  </si>
  <si>
    <t>3470</t>
  </si>
  <si>
    <t>44913</t>
  </si>
  <si>
    <t>GPS SAMEENA WALA</t>
  </si>
  <si>
    <t>ALI KHEL - MALE</t>
  </si>
  <si>
    <t>Jandan Wala</t>
  </si>
  <si>
    <t>Sameena Wala</t>
  </si>
  <si>
    <t>Ali Khel</t>
  </si>
  <si>
    <t>Amir Iqbal</t>
  </si>
  <si>
    <t>9758</t>
  </si>
  <si>
    <t>5915</t>
  </si>
  <si>
    <t>50070</t>
  </si>
  <si>
    <t>36157</t>
  </si>
  <si>
    <t>GGHS ANWAR ABAD</t>
  </si>
  <si>
    <t>Anwarabad</t>
  </si>
  <si>
    <t>anwarabad vehari</t>
  </si>
  <si>
    <t>Anwarabd</t>
  </si>
  <si>
    <t>Numaira Kousar</t>
  </si>
  <si>
    <t>6437</t>
  </si>
  <si>
    <t>8172</t>
  </si>
  <si>
    <t>8340</t>
  </si>
  <si>
    <t>1665</t>
  </si>
  <si>
    <t>3774</t>
  </si>
  <si>
    <t>52018</t>
  </si>
  <si>
    <t>GES CHAK 90 JB</t>
  </si>
  <si>
    <t>PAKKA ANNA-MALE</t>
  </si>
  <si>
    <t>Chak # 90 Jb</t>
  </si>
  <si>
    <t>GES 90 JB (1) THAROO</t>
  </si>
  <si>
    <t>Chak # 90 Jb Tharoo</t>
  </si>
  <si>
    <t>Chak # 93 Jb</t>
  </si>
  <si>
    <t>Aziz Ur Rehman</t>
  </si>
  <si>
    <t>5680</t>
  </si>
  <si>
    <t>27102</t>
  </si>
  <si>
    <t>39990</t>
  </si>
  <si>
    <t>2205</t>
  </si>
  <si>
    <t>33321</t>
  </si>
  <si>
    <t>GGPS MOHALAH MUHAMMAD PURA</t>
  </si>
  <si>
    <t>SAFDARABAD-I - FEMALE</t>
  </si>
  <si>
    <t>Khanqah Dogran</t>
  </si>
  <si>
    <t>ward no.16 Moh.Muhammad Pura Khanqah Dogran</t>
  </si>
  <si>
    <t>Muncipal Committe Khanqah Dogran</t>
  </si>
  <si>
    <t>Nasra Ali Ahmad</t>
  </si>
  <si>
    <t>water filter</t>
  </si>
  <si>
    <t>28023</t>
  </si>
  <si>
    <t>38883</t>
  </si>
  <si>
    <t>6148</t>
  </si>
  <si>
    <t>21399</t>
  </si>
  <si>
    <t>24101</t>
  </si>
  <si>
    <t>37381</t>
  </si>
  <si>
    <t>GMES 81/15-L, P/O 78/15-L, KACHA KHUH</t>
  </si>
  <si>
    <t>Theky Wali</t>
  </si>
  <si>
    <t>chak#81/15-L theky wali</t>
  </si>
  <si>
    <t>81/15l</t>
  </si>
  <si>
    <t>81/15L</t>
  </si>
  <si>
    <t>Musarrat Parveen</t>
  </si>
  <si>
    <t>1072</t>
  </si>
  <si>
    <t>2046</t>
  </si>
  <si>
    <t>41560</t>
  </si>
  <si>
    <t>GES BASTI SWAITRA</t>
  </si>
  <si>
    <t>RAHIM ABAD - MALE</t>
  </si>
  <si>
    <t>Shera swaitra</t>
  </si>
  <si>
    <t>Basti Swaitra</t>
  </si>
  <si>
    <t>swaitra</t>
  </si>
  <si>
    <t>Qadir pur</t>
  </si>
  <si>
    <t>Muhammad Anjum shahzad</t>
  </si>
  <si>
    <t>53235</t>
  </si>
  <si>
    <t>26200</t>
  </si>
  <si>
    <t>15578</t>
  </si>
  <si>
    <t>GGPS CHAK 136 GB QUAID AZAM COLONY SAMUNDRI</t>
  </si>
  <si>
    <t>Q A Colony</t>
  </si>
  <si>
    <t>chaK 136gb quaid e azam colony</t>
  </si>
  <si>
    <t>Chak136gb Qac</t>
  </si>
  <si>
    <t>Sidra Talib</t>
  </si>
  <si>
    <t>3947</t>
  </si>
  <si>
    <t>29259</t>
  </si>
  <si>
    <t>3727</t>
  </si>
  <si>
    <t>35620</t>
  </si>
  <si>
    <t>GPS 166 WB</t>
  </si>
  <si>
    <t>QADIR PUR-MALE</t>
  </si>
  <si>
    <t>Chak 166</t>
  </si>
  <si>
    <t>chak no 166wb</t>
  </si>
  <si>
    <t>Chak No 166wb</t>
  </si>
  <si>
    <t>158wb</t>
  </si>
  <si>
    <t>15328</t>
  </si>
  <si>
    <t>49102</t>
  </si>
  <si>
    <t>GPS CHAK NO.3 RAKH DHAREMA</t>
  </si>
  <si>
    <t>Chak No 3 Rakh Dharema</t>
  </si>
  <si>
    <t>GPS Chak No. 3 Rakh Dharema</t>
  </si>
  <si>
    <t>Chak No 58 NB</t>
  </si>
  <si>
    <t>Shaukat Ali</t>
  </si>
  <si>
    <t>4932</t>
  </si>
  <si>
    <t>28932</t>
  </si>
  <si>
    <t>5469</t>
  </si>
  <si>
    <t>51818</t>
  </si>
  <si>
    <t>GES CHAK NO. 32 / EB</t>
  </si>
  <si>
    <t>32/EbB</t>
  </si>
  <si>
    <t>Chak No 32/EB teshil Arifwala District Pakpattan.</t>
  </si>
  <si>
    <t>Chak No. 32/EB</t>
  </si>
  <si>
    <t>Chak No. 34/EB</t>
  </si>
  <si>
    <t>Shamas Javed</t>
  </si>
  <si>
    <t>10616</t>
  </si>
  <si>
    <t>31333</t>
  </si>
  <si>
    <t>28950</t>
  </si>
  <si>
    <t>52953</t>
  </si>
  <si>
    <t>GMMS NAWAN CHAK KHARAK SINGH</t>
  </si>
  <si>
    <t>Nawan Chak Khark Singh</t>
  </si>
  <si>
    <t>nawan chak khark Singh</t>
  </si>
  <si>
    <t>Sobharam</t>
  </si>
  <si>
    <t>Shabbir Hussain</t>
  </si>
  <si>
    <t>42377</t>
  </si>
  <si>
    <t>GGHS JAND NAJAR</t>
  </si>
  <si>
    <t>jand najjar</t>
  </si>
  <si>
    <t>gghs jand najjar</t>
  </si>
  <si>
    <t>bhadana</t>
  </si>
  <si>
    <t>ishrat naheed</t>
  </si>
  <si>
    <t>7850</t>
  </si>
  <si>
    <t>736</t>
  </si>
  <si>
    <t>38581</t>
  </si>
  <si>
    <t>GGPS WARD NO 4 PUR GHARBI DUNIYAPUR</t>
  </si>
  <si>
    <t>Dunya Pur</t>
  </si>
  <si>
    <t>railway road dunya our</t>
  </si>
  <si>
    <t>Asia -Naseem</t>
  </si>
  <si>
    <t>GHS CHAK NO. 429/6-R</t>
  </si>
  <si>
    <t>Chak No 429/6r</t>
  </si>
  <si>
    <t>govt.high school chak no.429/6r haroonabad bwn</t>
  </si>
  <si>
    <t>Chak No 432/6r</t>
  </si>
  <si>
    <t>Ghulam Hussain</t>
  </si>
  <si>
    <t>34575</t>
  </si>
  <si>
    <t>30212</t>
  </si>
  <si>
    <t>4362</t>
  </si>
  <si>
    <t>GHS JAHAN KHAN</t>
  </si>
  <si>
    <t>Kohawar</t>
  </si>
  <si>
    <t>p/o jahan khan adda Mehmood kot Near basti jahan khan</t>
  </si>
  <si>
    <t>Basti Jahan Khan</t>
  </si>
  <si>
    <t>Mehmood Kot</t>
  </si>
  <si>
    <t>ABD UR REHMAN</t>
  </si>
  <si>
    <t>16023</t>
  </si>
  <si>
    <t>GGPS CHAK 248 RB DALOWAL</t>
  </si>
  <si>
    <t>248 RB</t>
  </si>
  <si>
    <t>chak no. 248 RB 1 Dalowal</t>
  </si>
  <si>
    <t>Dalowal</t>
  </si>
  <si>
    <t>Bismillah Pur</t>
  </si>
  <si>
    <t>5957</t>
  </si>
  <si>
    <t>51197</t>
  </si>
  <si>
    <t>46391</t>
  </si>
  <si>
    <t>GGPS 55/GD</t>
  </si>
  <si>
    <t>NOOR SHAH-A-FEMALE</t>
  </si>
  <si>
    <t>55/GD</t>
  </si>
  <si>
    <t>55 GD</t>
  </si>
  <si>
    <t>55GD</t>
  </si>
  <si>
    <t>50 GD</t>
  </si>
  <si>
    <t>Anjumnaheed</t>
  </si>
  <si>
    <t>7220</t>
  </si>
  <si>
    <t>9940</t>
  </si>
  <si>
    <t>26893</t>
  </si>
  <si>
    <t>2290</t>
  </si>
  <si>
    <t>15926</t>
  </si>
  <si>
    <t>GPS CHAK 659 GB II FSD</t>
  </si>
  <si>
    <t>DIJKOT 2 - MALE</t>
  </si>
  <si>
    <t>Kartarghar</t>
  </si>
  <si>
    <t>chak 527 g.b</t>
  </si>
  <si>
    <t>Pahru</t>
  </si>
  <si>
    <t>Chugalpura</t>
  </si>
  <si>
    <t>Abdul Quddus Shahid</t>
  </si>
  <si>
    <t>32400</t>
  </si>
  <si>
    <t>5412</t>
  </si>
  <si>
    <t>36799</t>
  </si>
  <si>
    <t>GES BINDA SARGANA P/O MUMDAL</t>
  </si>
  <si>
    <t>SARDAR PUR - MALE</t>
  </si>
  <si>
    <t>Binda Sargana</t>
  </si>
  <si>
    <t>mouza binda sargana</t>
  </si>
  <si>
    <t>Mumdal</t>
  </si>
  <si>
    <t>Mazhar Hussain</t>
  </si>
  <si>
    <t>10784</t>
  </si>
  <si>
    <t>43504</t>
  </si>
  <si>
    <t>3139</t>
  </si>
  <si>
    <t>6934</t>
  </si>
  <si>
    <t>GGHS MC SADIQ ABAD</t>
  </si>
  <si>
    <t>gghs mC sdk</t>
  </si>
  <si>
    <t>City Sdk</t>
  </si>
  <si>
    <t>D</t>
  </si>
  <si>
    <t>38091</t>
  </si>
  <si>
    <t>1514</t>
  </si>
  <si>
    <t>8471</t>
  </si>
  <si>
    <t>2703</t>
  </si>
  <si>
    <t>17099</t>
  </si>
  <si>
    <t>GPS SAFDAR ABAD</t>
  </si>
  <si>
    <t>JHANG CITY - MALE</t>
  </si>
  <si>
    <t>Kuriyana</t>
  </si>
  <si>
    <t>shabberabad chiniot road jhang</t>
  </si>
  <si>
    <t>Shabbeerabad</t>
  </si>
  <si>
    <t>Sheikh Chuhar</t>
  </si>
  <si>
    <t>Muhammad Iftikhar</t>
  </si>
  <si>
    <t>19494</t>
  </si>
  <si>
    <t>53463</t>
  </si>
  <si>
    <t>GMPS 27/2-RA</t>
  </si>
  <si>
    <t>Gmps 27/2ra okara.</t>
  </si>
  <si>
    <t>27/2ra</t>
  </si>
  <si>
    <t>25/2ra</t>
  </si>
  <si>
    <t>Naheed Kausar</t>
  </si>
  <si>
    <t>23072</t>
  </si>
  <si>
    <t>49400</t>
  </si>
  <si>
    <t>41000</t>
  </si>
  <si>
    <t>14331</t>
  </si>
  <si>
    <t>5948</t>
  </si>
  <si>
    <t>50825</t>
  </si>
  <si>
    <t>67728</t>
  </si>
  <si>
    <t>GGES 148/9-L</t>
  </si>
  <si>
    <t>KAMEER -A-FEMALE</t>
  </si>
  <si>
    <t>148 9L</t>
  </si>
  <si>
    <t>GGES 148/9.L SAHIWAL</t>
  </si>
  <si>
    <t>148/9L</t>
  </si>
  <si>
    <t>141/9L</t>
  </si>
  <si>
    <t>Rubab Kanwal</t>
  </si>
  <si>
    <t>23491</t>
  </si>
  <si>
    <t>46931</t>
  </si>
  <si>
    <t>46340</t>
  </si>
  <si>
    <t>37858</t>
  </si>
  <si>
    <t>6138</t>
  </si>
  <si>
    <t>52988</t>
  </si>
  <si>
    <t>GGPS BASTI BAHADUR</t>
  </si>
  <si>
    <t>BULHAY WAL   -FEMALE</t>
  </si>
  <si>
    <t>Basti Bhudur</t>
  </si>
  <si>
    <t>basti Bhudur</t>
  </si>
  <si>
    <t>Jamal Kot</t>
  </si>
  <si>
    <t>Razia Yousaf</t>
  </si>
  <si>
    <t>38553</t>
  </si>
  <si>
    <t>2636</t>
  </si>
  <si>
    <t>31303</t>
  </si>
  <si>
    <t>GES CDG DHOLANWAL</t>
  </si>
  <si>
    <t>SANDA - MALE</t>
  </si>
  <si>
    <t>Dholanwal</t>
  </si>
  <si>
    <t>Bilal colony dholanwal lahore</t>
  </si>
  <si>
    <t>Muhammad Abdal Hussain</t>
  </si>
  <si>
    <t>32636</t>
  </si>
  <si>
    <t>GHS BUCHEKI NANKANA SAHIB</t>
  </si>
  <si>
    <t>GHS Bucheki</t>
  </si>
  <si>
    <t>muhammad asghar khan</t>
  </si>
  <si>
    <t>34544</t>
  </si>
  <si>
    <t>2393</t>
  </si>
  <si>
    <t>2551</t>
  </si>
  <si>
    <t>53797</t>
  </si>
  <si>
    <t>GGPS CHAK NO. 18/1-R</t>
  </si>
  <si>
    <t>chak no 18-1R Tehsil Okara District Okara</t>
  </si>
  <si>
    <t>18-1R</t>
  </si>
  <si>
    <t>Satghara</t>
  </si>
  <si>
    <t>Razia Begum</t>
  </si>
  <si>
    <t>1428</t>
  </si>
  <si>
    <t>23834</t>
  </si>
  <si>
    <t>24750</t>
  </si>
  <si>
    <t>22889</t>
  </si>
  <si>
    <t>10508</t>
  </si>
  <si>
    <t>48926</t>
  </si>
  <si>
    <t>GGHS MODEL BEHARI COLONY ISTAQLALABAD</t>
  </si>
  <si>
    <t>govt.girls.high school istaqlalabad Colony sargodha</t>
  </si>
  <si>
    <t>Mc</t>
  </si>
  <si>
    <t>Shahnaz Akhtar Ranjha</t>
  </si>
  <si>
    <t>39713</t>
  </si>
  <si>
    <t>52161</t>
  </si>
  <si>
    <t>GPS JOYIA P.O NOORA PATH ARIF WALA</t>
  </si>
  <si>
    <t>Joyia</t>
  </si>
  <si>
    <t>mouza Joyia p/o noora rath tehsil Arif Wala district pakpattan</t>
  </si>
  <si>
    <t>Mouza Joyia</t>
  </si>
  <si>
    <t>Aamer Shahzad</t>
  </si>
  <si>
    <t>3518</t>
  </si>
  <si>
    <t>13660</t>
  </si>
  <si>
    <t>13651</t>
  </si>
  <si>
    <t>54074</t>
  </si>
  <si>
    <t>3842</t>
  </si>
  <si>
    <t>52168</t>
  </si>
  <si>
    <t>GPS KUND SHAMAS DIN NO 2</t>
  </si>
  <si>
    <t>Kund Shamas Din 2</t>
  </si>
  <si>
    <t>kund shamas Din Tehsil Arifwala Dist.Pakpattan</t>
  </si>
  <si>
    <t>Kund Shamas 2</t>
  </si>
  <si>
    <t>Nora Rath</t>
  </si>
  <si>
    <t>Salman Sarwar</t>
  </si>
  <si>
    <t>40478</t>
  </si>
  <si>
    <t>50208</t>
  </si>
  <si>
    <t>45602</t>
  </si>
  <si>
    <t>GGES 113/12-L</t>
  </si>
  <si>
    <t>KOTLA JINDA RAM-FEMALE</t>
  </si>
  <si>
    <t>Chak No 113/12-L</t>
  </si>
  <si>
    <t>Chak No 110/12-L</t>
  </si>
  <si>
    <t>Nasira Parveen</t>
  </si>
  <si>
    <t>18661</t>
  </si>
  <si>
    <t>64528</t>
  </si>
  <si>
    <t>15425</t>
  </si>
  <si>
    <t>GGHS CHAK 96 RB</t>
  </si>
  <si>
    <t>Chak 96 Rb</t>
  </si>
  <si>
    <t>chak 96 rb</t>
  </si>
  <si>
    <t>96 Rb</t>
  </si>
  <si>
    <t>99 Rb</t>
  </si>
  <si>
    <t>Shehnaz Kalsoom</t>
  </si>
  <si>
    <t>5472</t>
  </si>
  <si>
    <t>35256</t>
  </si>
  <si>
    <t>5317</t>
  </si>
  <si>
    <t>29939</t>
  </si>
  <si>
    <t>54942</t>
  </si>
  <si>
    <t>GPS LUQMAN MEHRO KA</t>
  </si>
  <si>
    <t>Luqman Mehrooka</t>
  </si>
  <si>
    <t>luqman mehrooko</t>
  </si>
  <si>
    <t>Machi Sangh</t>
  </si>
  <si>
    <t>Muhammad Zaman Khan</t>
  </si>
  <si>
    <t>32869</t>
  </si>
  <si>
    <t>GPS PINDI CHERRY</t>
  </si>
  <si>
    <t>SYED  WALA GHARBI - MALE</t>
  </si>
  <si>
    <t>Pindi Chery</t>
  </si>
  <si>
    <t>pindi Chery p.o syedwala Nankana sahib</t>
  </si>
  <si>
    <t>Meharpur Memon</t>
  </si>
  <si>
    <t>17083</t>
  </si>
  <si>
    <t>GPS GOGHAY WALI</t>
  </si>
  <si>
    <t>Chak Somali</t>
  </si>
  <si>
    <t>basti ghoghay wali jhang City</t>
  </si>
  <si>
    <t>Basti Ghoghay Wali Jhang City</t>
  </si>
  <si>
    <t>Civil Line</t>
  </si>
  <si>
    <t>24585</t>
  </si>
  <si>
    <t>24085</t>
  </si>
  <si>
    <t>14731</t>
  </si>
  <si>
    <t>GHSS MC ALAMA IQBAL FSD</t>
  </si>
  <si>
    <t>GUJJAR BASTI</t>
  </si>
  <si>
    <t>ALLAMA IQBAL ROAD fAIASALABAD</t>
  </si>
  <si>
    <t>MUHAMMAD IQBAL RAO</t>
  </si>
  <si>
    <t>75060</t>
  </si>
  <si>
    <t>4096</t>
  </si>
  <si>
    <t>18598</t>
  </si>
  <si>
    <t>6450</t>
  </si>
  <si>
    <t>51778</t>
  </si>
  <si>
    <t>GHS MC ARIF WALA</t>
  </si>
  <si>
    <t>GOVT.HS MC ARIFWALA District PAKPATTAN</t>
  </si>
  <si>
    <t>161 EB</t>
  </si>
  <si>
    <t>municipal committee</t>
  </si>
  <si>
    <t>Muhammad Riaz Qadeer</t>
  </si>
  <si>
    <t>54450</t>
  </si>
  <si>
    <t>483</t>
  </si>
  <si>
    <t>4270</t>
  </si>
  <si>
    <t>16833</t>
  </si>
  <si>
    <t>GHS CHAK NO 446 JB</t>
  </si>
  <si>
    <t>chak no 446 /jb jhang</t>
  </si>
  <si>
    <t>Chak No 446 /Jb  p/o Same Teshil &amp; District Jhang</t>
  </si>
  <si>
    <t>Chak No 446 /Jb Jhang</t>
  </si>
  <si>
    <t>Chak No 446 /Jb</t>
  </si>
  <si>
    <t>Mukhtar Hussain Shah</t>
  </si>
  <si>
    <t>10384</t>
  </si>
  <si>
    <t>41718</t>
  </si>
  <si>
    <t>19011</t>
  </si>
  <si>
    <t>51246</t>
  </si>
  <si>
    <t>GGCMS 114/9-L</t>
  </si>
  <si>
    <t>DERA-RAHIM-B-FEMALE</t>
  </si>
  <si>
    <t>114 9L</t>
  </si>
  <si>
    <t>114 9.L</t>
  </si>
  <si>
    <t>Shamona Arshad</t>
  </si>
  <si>
    <t>8215</t>
  </si>
  <si>
    <t>33447</t>
  </si>
  <si>
    <t>33780</t>
  </si>
  <si>
    <t>18285</t>
  </si>
  <si>
    <t>40845</t>
  </si>
  <si>
    <t>51253</t>
  </si>
  <si>
    <t>GGPS 120/9-L NEAR DARBAR</t>
  </si>
  <si>
    <t>Kamir</t>
  </si>
  <si>
    <t>kamir</t>
  </si>
  <si>
    <t>120/9l</t>
  </si>
  <si>
    <t>Nasim Anwer</t>
  </si>
  <si>
    <t>24660</t>
  </si>
  <si>
    <t>27114</t>
  </si>
  <si>
    <t>2637</t>
  </si>
  <si>
    <t>GES MC BARKAT TOWN SHAHDARA</t>
  </si>
  <si>
    <t>SHAHDRA - MALE</t>
  </si>
  <si>
    <t>barkat town</t>
  </si>
  <si>
    <t>gES MC BARKATTOWN SHAHDRA LAHORE.</t>
  </si>
  <si>
    <t>JAVAID PARK</t>
  </si>
  <si>
    <t>muhammad arif</t>
  </si>
  <si>
    <t>14570</t>
  </si>
  <si>
    <t>GGPS SITARA COLONY</t>
  </si>
  <si>
    <t>GGPS sitara colony 222 RB Faisalabad</t>
  </si>
  <si>
    <t>Sitara colony</t>
  </si>
  <si>
    <t>222 RB Sitara colony</t>
  </si>
  <si>
    <t>Shazia Ameer</t>
  </si>
  <si>
    <t>11434</t>
  </si>
  <si>
    <t>19439</t>
  </si>
  <si>
    <t>50655</t>
  </si>
  <si>
    <t>GGHSS 73/5-L</t>
  </si>
  <si>
    <t>Chak No 73/5L Sahiwal</t>
  </si>
  <si>
    <t>Tahira Nasir</t>
  </si>
  <si>
    <t>1038</t>
  </si>
  <si>
    <t>33868</t>
  </si>
  <si>
    <t>969</t>
  </si>
  <si>
    <t>14561</t>
  </si>
  <si>
    <t>GGPS CHAK 222 RB SQ 53 ST. 30</t>
  </si>
  <si>
    <t>Muzaffr Colony</t>
  </si>
  <si>
    <t>ggps sq # 53 muzaffar colony</t>
  </si>
  <si>
    <t>222 RB Muzaffar Colony</t>
  </si>
  <si>
    <t>Yasmine Akhtar</t>
  </si>
  <si>
    <t>23175</t>
  </si>
  <si>
    <t>31287</t>
  </si>
  <si>
    <t>GES MC FARRUKH ABAD SHAHDARA</t>
  </si>
  <si>
    <t>Chah chimby wala khun</t>
  </si>
  <si>
    <t>cdg bms farrukh abad shahdra lahore</t>
  </si>
  <si>
    <t>farrukh abad</t>
  </si>
  <si>
    <t>chah chimby wala khun</t>
  </si>
  <si>
    <t>Rana Zaheer Ahmad</t>
  </si>
  <si>
    <t>53292</t>
  </si>
  <si>
    <t>49857</t>
  </si>
  <si>
    <t>14565</t>
  </si>
  <si>
    <t>GGPS ISLAMIA MODEL SAMANABAD</t>
  </si>
  <si>
    <t>GG islamia model primary school near Bismillah park samanabad</t>
  </si>
  <si>
    <t>Usmania Park</t>
  </si>
  <si>
    <t>Shabila Tarnnum</t>
  </si>
  <si>
    <t>canal water</t>
  </si>
  <si>
    <t>16662</t>
  </si>
  <si>
    <t>13323</t>
  </si>
  <si>
    <t>GGPS 598 GB</t>
  </si>
  <si>
    <t>Jhok Ahla</t>
  </si>
  <si>
    <t>chak no 598gb</t>
  </si>
  <si>
    <t>Chak No 598 Gb</t>
  </si>
  <si>
    <t>597gb</t>
  </si>
  <si>
    <t>Ruqiya Abbas</t>
  </si>
  <si>
    <t>13980</t>
  </si>
  <si>
    <t>14700</t>
  </si>
  <si>
    <t>GGHS MC RAZA ABAD STREET 14 FAISALABAD</t>
  </si>
  <si>
    <t>st no 14 razaabad fsd</t>
  </si>
  <si>
    <t>Razaabad</t>
  </si>
  <si>
    <t>Yasmin Almas</t>
  </si>
  <si>
    <t>13884</t>
  </si>
  <si>
    <t>989</t>
  </si>
  <si>
    <t>40308</t>
  </si>
  <si>
    <t>GGHS LILLA TOWN</t>
  </si>
  <si>
    <t>Lilla</t>
  </si>
  <si>
    <t>lilla town teh p.d khan distt jhelum</t>
  </si>
  <si>
    <t>Lilla Town</t>
  </si>
  <si>
    <t>Ulfat Naheed</t>
  </si>
  <si>
    <t>22324</t>
  </si>
  <si>
    <t>37840</t>
  </si>
  <si>
    <t>45195</t>
  </si>
  <si>
    <t>GPS PAWALI WALA</t>
  </si>
  <si>
    <t>basti pawli wala p/o Dhingana</t>
  </si>
  <si>
    <t>Pawli Wala</t>
  </si>
  <si>
    <t>Faheem Haider Tauqeer</t>
  </si>
  <si>
    <t>352</t>
  </si>
  <si>
    <t>32929</t>
  </si>
  <si>
    <t>GPS CHAK 291 JB</t>
  </si>
  <si>
    <t>JANIWALA-MALE</t>
  </si>
  <si>
    <t>291 Jb</t>
  </si>
  <si>
    <t>chak no.291 jb</t>
  </si>
  <si>
    <t>290 Jb</t>
  </si>
  <si>
    <t>Ghulam Nabi</t>
  </si>
  <si>
    <t>2870</t>
  </si>
  <si>
    <t>8433</t>
  </si>
  <si>
    <t>40671</t>
  </si>
  <si>
    <t>GPS BHOGI CHAK</t>
  </si>
  <si>
    <t>Bhogichak</t>
  </si>
  <si>
    <t>Village &amp; p.o Bhogichak tehsil sohawa  District jhelum</t>
  </si>
  <si>
    <t>Salma Bibi</t>
  </si>
  <si>
    <t>2439</t>
  </si>
  <si>
    <t>29122</t>
  </si>
  <si>
    <t>26683</t>
  </si>
  <si>
    <t>26777</t>
  </si>
  <si>
    <t>GES MALLAN CHAK</t>
  </si>
  <si>
    <t>Mullan Chak</t>
  </si>
  <si>
    <t>Ù…Ù„Ø§Úº Ú†Ú© ÚˆØ§Ú©Ø®Ø§Ù†Û Ø¬Ù†Ø¯Ø±Ø§Ù† Ø´Ø±ÛŒÙ</t>
  </si>
  <si>
    <t>Mullan chak</t>
  </si>
  <si>
    <t>Bhatiyan Dewaan</t>
  </si>
  <si>
    <t>Muhammad Islam</t>
  </si>
  <si>
    <t>14320</t>
  </si>
  <si>
    <t>36937</t>
  </si>
  <si>
    <t>6062</t>
  </si>
  <si>
    <t>26171</t>
  </si>
  <si>
    <t>GPS BURA DALA</t>
  </si>
  <si>
    <t>BARA MANGA-MALE</t>
  </si>
  <si>
    <t>Dalla Nangla</t>
  </si>
  <si>
    <t>village bora dalla p/o baramanga tehsil shakargarh distt narowall</t>
  </si>
  <si>
    <t>Bora Dallah</t>
  </si>
  <si>
    <t>Wali Pur Bora</t>
  </si>
  <si>
    <t>1512</t>
  </si>
  <si>
    <t>33420</t>
  </si>
  <si>
    <t>GHS COLLEGE ROAD SHAHKOT</t>
  </si>
  <si>
    <t>GHS COLLEGE ROAD SHAHKOT DISTT. NANKANA sAHIB</t>
  </si>
  <si>
    <t>MOHALLA GHOSIA</t>
  </si>
  <si>
    <t>MC SHAHKOT</t>
  </si>
  <si>
    <t>HAFIZ MUHAMMAD HASSAN RAZA</t>
  </si>
  <si>
    <t>825</t>
  </si>
  <si>
    <t>5868</t>
  </si>
  <si>
    <t>937</t>
  </si>
  <si>
    <t>21279</t>
  </si>
  <si>
    <t>GMPS DARINDIAN</t>
  </si>
  <si>
    <t>Darindian</t>
  </si>
  <si>
    <t>GMPS village dariandian tehsil wazirabad District Gujranwala</t>
  </si>
  <si>
    <t>Hazarat Kalyawala</t>
  </si>
  <si>
    <t>NAZIR FATIMA</t>
  </si>
  <si>
    <t>48051</t>
  </si>
  <si>
    <t>16924</t>
  </si>
  <si>
    <t>GES ALYANA</t>
  </si>
  <si>
    <t>18-HAZARI</t>
  </si>
  <si>
    <t>KOT SHAKIR - MALE</t>
  </si>
  <si>
    <t>Mouza Alyana</t>
  </si>
  <si>
    <t>Alyana</t>
  </si>
  <si>
    <t>7/2 Thal Janoobi</t>
  </si>
  <si>
    <t>IhsanUllah</t>
  </si>
  <si>
    <t>50522</t>
  </si>
  <si>
    <t>45159</t>
  </si>
  <si>
    <t>GPS CHAK KOTLA KAHALWAN</t>
  </si>
  <si>
    <t>Chak Kotla Kahalwan</t>
  </si>
  <si>
    <t>vill chak kotla kahalwan post office Noorkot Teh Shakar Garh Distt Narowal</t>
  </si>
  <si>
    <t>Mellu Sellu</t>
  </si>
  <si>
    <t>6527</t>
  </si>
  <si>
    <t>39417</t>
  </si>
  <si>
    <t>GGPS CHARJAGIRAN</t>
  </si>
  <si>
    <t>Maira Shrif</t>
  </si>
  <si>
    <t>charjarian Pindigaib attock</t>
  </si>
  <si>
    <t>Charjagiran</t>
  </si>
  <si>
    <t>Shazia Mussurrat</t>
  </si>
  <si>
    <t>1532</t>
  </si>
  <si>
    <t>2305</t>
  </si>
  <si>
    <t>11990</t>
  </si>
  <si>
    <t>5842</t>
  </si>
  <si>
    <t>21294</t>
  </si>
  <si>
    <t>GGPS CHANNI LUK</t>
  </si>
  <si>
    <t>Channi Luck</t>
  </si>
  <si>
    <t>vill Channi luck Po kot hara teh wazirabad distt Gujranwala</t>
  </si>
  <si>
    <t>Hazrat Kalianwala</t>
  </si>
  <si>
    <t>Atifa Tu Zahara</t>
  </si>
  <si>
    <t>665</t>
  </si>
  <si>
    <t>7695</t>
  </si>
  <si>
    <t>24785</t>
  </si>
  <si>
    <t>GGHS KAN PUR</t>
  </si>
  <si>
    <t>village kanpur po box Jang morh</t>
  </si>
  <si>
    <t>kanpur</t>
  </si>
  <si>
    <t>plora kalan</t>
  </si>
  <si>
    <t>Shamsa Firdous</t>
  </si>
  <si>
    <t>12679</t>
  </si>
  <si>
    <t>GPS PANJGRAIN</t>
  </si>
  <si>
    <t>Panjgrain</t>
  </si>
  <si>
    <t>Gps panjgrain</t>
  </si>
  <si>
    <t>Basti Miranhayat</t>
  </si>
  <si>
    <t>Jaggat Pur</t>
  </si>
  <si>
    <t>Muhammad bilal shah</t>
  </si>
  <si>
    <t>28605</t>
  </si>
  <si>
    <t>GHS KANWAIN MALLIAN</t>
  </si>
  <si>
    <t>Kanwain Mallian</t>
  </si>
  <si>
    <t>kanwain mallian p.o. kot radha kishan teh. pattoki distt. kasur</t>
  </si>
  <si>
    <t>Kanwain Jhoke</t>
  </si>
  <si>
    <t>sajid ali</t>
  </si>
  <si>
    <t>12375</t>
  </si>
  <si>
    <t>22004</t>
  </si>
  <si>
    <t>622</t>
  </si>
  <si>
    <t>49766</t>
  </si>
  <si>
    <t>47892</t>
  </si>
  <si>
    <t>GPS CHAK NO.60 SB</t>
  </si>
  <si>
    <t>SILLANWALI-II - MALE</t>
  </si>
  <si>
    <t>60 Sb</t>
  </si>
  <si>
    <t>Chak no. 60 sb</t>
  </si>
  <si>
    <t>Chak No 60 Sb</t>
  </si>
  <si>
    <t>49 Sb</t>
  </si>
  <si>
    <t>5131</t>
  </si>
  <si>
    <t>7600</t>
  </si>
  <si>
    <t>5771</t>
  </si>
  <si>
    <t>2125</t>
  </si>
  <si>
    <t>GGES MADHAANI WALA</t>
  </si>
  <si>
    <t>MCD 10-FEMALE</t>
  </si>
  <si>
    <t>Madhani Wala</t>
  </si>
  <si>
    <t>chak madhaniwala</t>
  </si>
  <si>
    <t>Mutwala</t>
  </si>
  <si>
    <t>Ayesha Khalid</t>
  </si>
  <si>
    <t>10646</t>
  </si>
  <si>
    <t>18415</t>
  </si>
  <si>
    <t>18254</t>
  </si>
  <si>
    <t>12050</t>
  </si>
  <si>
    <t>41327</t>
  </si>
  <si>
    <t>GMPS SANDIAN</t>
  </si>
  <si>
    <t>MURREE - FEMALE</t>
  </si>
  <si>
    <t>Sandhian</t>
  </si>
  <si>
    <t>village sandhian P/O Sunny Bank Teh/Murree  Distt/Rawp</t>
  </si>
  <si>
    <t>Darya Gali</t>
  </si>
  <si>
    <t>Nargis Irshad</t>
  </si>
  <si>
    <t>tank water</t>
  </si>
  <si>
    <t>21278</t>
  </si>
  <si>
    <t>19447</t>
  </si>
  <si>
    <t>36377</t>
  </si>
  <si>
    <t>GGPS 101 WB</t>
  </si>
  <si>
    <t>101 Wb</t>
  </si>
  <si>
    <t>GGPS 101WB</t>
  </si>
  <si>
    <t>101 WB</t>
  </si>
  <si>
    <t>95 WB</t>
  </si>
  <si>
    <t>Muzamil Chaudhry</t>
  </si>
  <si>
    <t>53718</t>
  </si>
  <si>
    <t>GPS THATHA SAID ALI</t>
  </si>
  <si>
    <t>Thatha Said Ali</t>
  </si>
  <si>
    <t>GPS thata Said Ali</t>
  </si>
  <si>
    <t>Kamman</t>
  </si>
  <si>
    <t>Abdul Wahid</t>
  </si>
  <si>
    <t>6147</t>
  </si>
  <si>
    <t>2698</t>
  </si>
  <si>
    <t>34353</t>
  </si>
  <si>
    <t>31210</t>
  </si>
  <si>
    <t>GPS SARWANI BELA MOUZA SARWANI BELA MULTAN</t>
  </si>
  <si>
    <t>JHOKE WAINS - MALE</t>
  </si>
  <si>
    <t>Jhok wains parli</t>
  </si>
  <si>
    <t>Sarwani bela multan</t>
  </si>
  <si>
    <t>Sarwani bela</t>
  </si>
  <si>
    <t>Jhok wains</t>
  </si>
  <si>
    <t>muhammad qasim</t>
  </si>
  <si>
    <t>48910</t>
  </si>
  <si>
    <t>48478</t>
  </si>
  <si>
    <t>25653</t>
  </si>
  <si>
    <t>GGHS DATEWAL</t>
  </si>
  <si>
    <t>Talwandi Bhindran</t>
  </si>
  <si>
    <t>Datewal , Narowal</t>
  </si>
  <si>
    <t>43011</t>
  </si>
  <si>
    <t>16268</t>
  </si>
  <si>
    <t>305</t>
  </si>
  <si>
    <t>5783</t>
  </si>
  <si>
    <t>40099</t>
  </si>
  <si>
    <t>GGPS MALIK NABI BUX</t>
  </si>
  <si>
    <t>SHEDANI SHARIF - FEMALE</t>
  </si>
  <si>
    <t>Malkani</t>
  </si>
  <si>
    <t>Basti roja Machi malkani.shedani road.</t>
  </si>
  <si>
    <t>Basti Roja Machi</t>
  </si>
  <si>
    <t>Shedani Sharif</t>
  </si>
  <si>
    <t>Naintara Zafar</t>
  </si>
  <si>
    <t>30562</t>
  </si>
  <si>
    <t>41256</t>
  </si>
  <si>
    <t>GGES GARMALA</t>
  </si>
  <si>
    <t>HOTHLA - FEMALE</t>
  </si>
  <si>
    <t>Bhoon</t>
  </si>
  <si>
    <t>village garmala p.o bhoon teh kahuta distt rwp</t>
  </si>
  <si>
    <t>Garmala</t>
  </si>
  <si>
    <t>Hothla</t>
  </si>
  <si>
    <t>Nuzhat Parveen</t>
  </si>
  <si>
    <t>21478</t>
  </si>
  <si>
    <t>GPS GHOGA</t>
  </si>
  <si>
    <t>Ghoga</t>
  </si>
  <si>
    <t>village Ghoga tehsil kamoki district Gujranwala</t>
  </si>
  <si>
    <t>Ghoman</t>
  </si>
  <si>
    <t>Ijaz Ahmad</t>
  </si>
  <si>
    <t>13743</t>
  </si>
  <si>
    <t>6140</t>
  </si>
  <si>
    <t>2590</t>
  </si>
  <si>
    <t>2315</t>
  </si>
  <si>
    <t>31560</t>
  </si>
  <si>
    <t>3082</t>
  </si>
  <si>
    <t>23272</t>
  </si>
  <si>
    <t>GMPS CHAK MIANA BARGRAN</t>
  </si>
  <si>
    <t>DINGA III - FEMALE</t>
  </si>
  <si>
    <t>Chakmiana Bhargran</t>
  </si>
  <si>
    <t>village chakmiana bhargran p/o bhao gaseet pur tehsil kharrian district gujrat</t>
  </si>
  <si>
    <t>Fateh Bhand</t>
  </si>
  <si>
    <t>Tanzeela Iram Shahzadi</t>
  </si>
  <si>
    <t>50672</t>
  </si>
  <si>
    <t>42619</t>
  </si>
  <si>
    <t>11375</t>
  </si>
  <si>
    <t>23375</t>
  </si>
  <si>
    <t>53230</t>
  </si>
  <si>
    <t>GPS CHAK 37 38 2L</t>
  </si>
  <si>
    <t>37-38/2l</t>
  </si>
  <si>
    <t>GPS 37 38 2l Okara</t>
  </si>
  <si>
    <t>30/4l</t>
  </si>
  <si>
    <t>Syed Nasir Abbas Jafri</t>
  </si>
  <si>
    <t>4790</t>
  </si>
  <si>
    <t>16987</t>
  </si>
  <si>
    <t>GGPS SUMRA NASHAIB JANUBI</t>
  </si>
  <si>
    <t>LOHANCH NASHEB FEMALE</t>
  </si>
  <si>
    <t>Sumra Nashib</t>
  </si>
  <si>
    <t>basti townger</t>
  </si>
  <si>
    <t>Basti Townger</t>
  </si>
  <si>
    <t>Robina Shaheen</t>
  </si>
  <si>
    <t>6775</t>
  </si>
  <si>
    <t>1231</t>
  </si>
  <si>
    <t>40949</t>
  </si>
  <si>
    <t>GMPS BOHJI GURAH</t>
  </si>
  <si>
    <t>BADLOT-FEMALE</t>
  </si>
  <si>
    <t>Bhoji Gurrah</t>
  </si>
  <si>
    <t>post office badlot village bhoji gurrah teh Dina district jhelum</t>
  </si>
  <si>
    <t>Salma Zahra Butt</t>
  </si>
  <si>
    <t>from neighbour</t>
  </si>
  <si>
    <t>35155</t>
  </si>
  <si>
    <t>14850</t>
  </si>
  <si>
    <t>6117</t>
  </si>
  <si>
    <t>5950</t>
  </si>
  <si>
    <t>51019</t>
  </si>
  <si>
    <t>GPS 124/9-L</t>
  </si>
  <si>
    <t>KAMIR-A-MALE</t>
  </si>
  <si>
    <t>chak no 124/9l .p/o 128/9l sahiwal</t>
  </si>
  <si>
    <t>Chak No124/9l</t>
  </si>
  <si>
    <t>Chak No119/9l</t>
  </si>
  <si>
    <t>Abdul Wahab Khan</t>
  </si>
  <si>
    <t>10881</t>
  </si>
  <si>
    <t>4016</t>
  </si>
  <si>
    <t>13831</t>
  </si>
  <si>
    <t>GGPS BASTI SAIF ULLAH</t>
  </si>
  <si>
    <t>HAJI PUR - FEMALE</t>
  </si>
  <si>
    <t>Nawan Shehr</t>
  </si>
  <si>
    <t>nwan shehr basti saifullah</t>
  </si>
  <si>
    <t>Nosheha West</t>
  </si>
  <si>
    <t>Shazia manzoor</t>
  </si>
  <si>
    <t>31401</t>
  </si>
  <si>
    <t>GPS BASHIR MODEL RANA TOWN</t>
  </si>
  <si>
    <t>Dargahi Gill Jadeed</t>
  </si>
  <si>
    <t>GPS Bashir Model, Rana Town, Ferozwala</t>
  </si>
  <si>
    <t>Babar Hussain</t>
  </si>
  <si>
    <t>15651</t>
  </si>
  <si>
    <t>15675</t>
  </si>
  <si>
    <t>12569</t>
  </si>
  <si>
    <t>3106</t>
  </si>
  <si>
    <t>22011</t>
  </si>
  <si>
    <t>GGES NOOR PUR</t>
  </si>
  <si>
    <t>UDHO WALI - FEMALE</t>
  </si>
  <si>
    <t>GGES noor pur tehsil N/V Gujranwala</t>
  </si>
  <si>
    <t>Philoki</t>
  </si>
  <si>
    <t>Rukhsana Batool</t>
  </si>
  <si>
    <t>21010</t>
  </si>
  <si>
    <t>3778</t>
  </si>
  <si>
    <t>19023</t>
  </si>
  <si>
    <t>GPS 54/2 TUKRA</t>
  </si>
  <si>
    <t>INAYT SHAH-MALE</t>
  </si>
  <si>
    <t>Chak 54/2 Tukra</t>
  </si>
  <si>
    <t>chak 54/2 tukra</t>
  </si>
  <si>
    <t>Beron Kamalia</t>
  </si>
  <si>
    <t>Muhammad Akhtar</t>
  </si>
  <si>
    <t>2208</t>
  </si>
  <si>
    <t>45461</t>
  </si>
  <si>
    <t>GPS CHAH BARRA</t>
  </si>
  <si>
    <t>Dagar Wagwara Gharbi</t>
  </si>
  <si>
    <t>Chah Barra, tehsil darya khan, district Bhakkar</t>
  </si>
  <si>
    <t>Chah Barra</t>
  </si>
  <si>
    <t>Dagar Wagwarra</t>
  </si>
  <si>
    <t>Ghulam Akbar</t>
  </si>
  <si>
    <t>35819</t>
  </si>
  <si>
    <t>GGPS 334 WB</t>
  </si>
  <si>
    <t>TIBBA SOUTH-FEMALE</t>
  </si>
  <si>
    <t>334/WB Mailsi Vehari</t>
  </si>
  <si>
    <t>334/WB</t>
  </si>
  <si>
    <t>335/WB</t>
  </si>
  <si>
    <t>farkhanda saleem</t>
  </si>
  <si>
    <t>14340</t>
  </si>
  <si>
    <t>39485</t>
  </si>
  <si>
    <t>39332</t>
  </si>
  <si>
    <t>GGES PINDI GHEB NO.3</t>
  </si>
  <si>
    <t>Pindi Gheb</t>
  </si>
  <si>
    <t>Mohallah Gulzarabad tehsil pindigheb district attock</t>
  </si>
  <si>
    <t>Sharqi Pindi Gheb</t>
  </si>
  <si>
    <t>Muqaddas Batool</t>
  </si>
  <si>
    <t>5542</t>
  </si>
  <si>
    <t>31996</t>
  </si>
  <si>
    <t>22860</t>
  </si>
  <si>
    <t>39784</t>
  </si>
  <si>
    <t>GHS POURMIANA</t>
  </si>
  <si>
    <t>POURMIANA</t>
  </si>
  <si>
    <t>HEADMASTER GBHS POURMIANA  VIA ASKARI CEMENT WORKS</t>
  </si>
  <si>
    <t>PERVAIZ IQBAL</t>
  </si>
  <si>
    <t>13780</t>
  </si>
  <si>
    <t>628</t>
  </si>
  <si>
    <t>5962</t>
  </si>
  <si>
    <t>49871</t>
  </si>
  <si>
    <t>GGHS SAHIWAL</t>
  </si>
  <si>
    <t>GGHS Sahiwal sgd</t>
  </si>
  <si>
    <t>Zil E Huma</t>
  </si>
  <si>
    <t>40184</t>
  </si>
  <si>
    <t>GES PAKHWAL KHAS</t>
  </si>
  <si>
    <t>PAKHWAL-MALE</t>
  </si>
  <si>
    <t>Pakhwal Khas</t>
  </si>
  <si>
    <t>Village Pakhwal Khas p/o Kala Dev Tehsil and District Jhelum</t>
  </si>
  <si>
    <t>Muhammad Nazir</t>
  </si>
  <si>
    <t>27068</t>
  </si>
  <si>
    <t>19688</t>
  </si>
  <si>
    <t>41467</t>
  </si>
  <si>
    <t>GGCMS DHAR JAWA</t>
  </si>
  <si>
    <t>DharJawa</t>
  </si>
  <si>
    <t>post office sunny bank Dharjawa murree</t>
  </si>
  <si>
    <t>Dharjawa</t>
  </si>
  <si>
    <t>Arfa Tariq</t>
  </si>
  <si>
    <t>15431</t>
  </si>
  <si>
    <t>3093</t>
  </si>
  <si>
    <t>9989</t>
  </si>
  <si>
    <t>GGES CHAK NO. 290/TDA</t>
  </si>
  <si>
    <t>290tda</t>
  </si>
  <si>
    <t>g.g.e.s.290.tda</t>
  </si>
  <si>
    <t>Chak290tda</t>
  </si>
  <si>
    <t>Noshehra Thal Klan</t>
  </si>
  <si>
    <t>Rukhsana Parveen</t>
  </si>
  <si>
    <t>17356</t>
  </si>
  <si>
    <t>23017</t>
  </si>
  <si>
    <t>47660</t>
  </si>
  <si>
    <t>2211</t>
  </si>
  <si>
    <t>16387</t>
  </si>
  <si>
    <t>GGPS CHAK NO 147 RB</t>
  </si>
  <si>
    <t>SAHIANWALA - FEMALE</t>
  </si>
  <si>
    <t>147/RB</t>
  </si>
  <si>
    <t>Churi</t>
  </si>
  <si>
    <t>Daowala</t>
  </si>
  <si>
    <t>Shagufta Bilal</t>
  </si>
  <si>
    <t>2396</t>
  </si>
  <si>
    <t>34471</t>
  </si>
  <si>
    <t>31978</t>
  </si>
  <si>
    <t>1581</t>
  </si>
  <si>
    <t>38857</t>
  </si>
  <si>
    <t>GMPS (MC) K-BLOCK ATTOCK CITY NO.2</t>
  </si>
  <si>
    <t>ATTOCK SADDAR - FEMALE</t>
  </si>
  <si>
    <t>Attock</t>
  </si>
  <si>
    <t>govt .girls  primary school MC k block attock city no. 2</t>
  </si>
  <si>
    <t>K BLOCK ATTOCK</t>
  </si>
  <si>
    <t>MC ATTOCK</t>
  </si>
  <si>
    <t>Tahira Naseem</t>
  </si>
  <si>
    <t>12094</t>
  </si>
  <si>
    <t>39419</t>
  </si>
  <si>
    <t>GGPS DHOK DAROGHA</t>
  </si>
  <si>
    <t>Dhoke Darogha</t>
  </si>
  <si>
    <t>VPO MAIRA SHARIF TEH.PINDIGHEB ATTOCK</t>
  </si>
  <si>
    <t>Maira Sharif</t>
  </si>
  <si>
    <t>Shafqat Noreen</t>
  </si>
  <si>
    <t>15603</t>
  </si>
  <si>
    <t>10520</t>
  </si>
  <si>
    <t>51969</t>
  </si>
  <si>
    <t>15894</t>
  </si>
  <si>
    <t>GPS CHAK 256 RB II</t>
  </si>
  <si>
    <t>THIKRIWALA 2 - MALE</t>
  </si>
  <si>
    <t>256 RB</t>
  </si>
  <si>
    <t>chak no.256 rb faisalabad</t>
  </si>
  <si>
    <t>Khuban</t>
  </si>
  <si>
    <t>Dhengawala</t>
  </si>
  <si>
    <t>Azhar Nawaz</t>
  </si>
  <si>
    <t>2227</t>
  </si>
  <si>
    <t>14533</t>
  </si>
  <si>
    <t>11459</t>
  </si>
  <si>
    <t>GGES MC LAYYAL PUR COLONY FSD</t>
  </si>
  <si>
    <t>CITY 2 - FEMALE</t>
  </si>
  <si>
    <t>Laylpurcolony  Colony No 1</t>
  </si>
  <si>
    <t>G Mc G E S Laylpurcolony no 1 fsd</t>
  </si>
  <si>
    <t>Layallpur Colony</t>
  </si>
  <si>
    <t>117jb Dahonala</t>
  </si>
  <si>
    <t>44350</t>
  </si>
  <si>
    <t>2868</t>
  </si>
  <si>
    <t>4908</t>
  </si>
  <si>
    <t>89490</t>
  </si>
  <si>
    <t>5734</t>
  </si>
  <si>
    <t>1849</t>
  </si>
  <si>
    <t>GGPS BHATTA MUHAMMAD PURA</t>
  </si>
  <si>
    <t>HND-3-FEMALE</t>
  </si>
  <si>
    <t>Bhatta</t>
  </si>
  <si>
    <t>GGPS Bhatta Muhammad pura street no 3 HND.</t>
  </si>
  <si>
    <t>35849</t>
  </si>
  <si>
    <t>16396</t>
  </si>
  <si>
    <t>GGPS CHAK 160 RB II</t>
  </si>
  <si>
    <t>160 RB</t>
  </si>
  <si>
    <t>CHAK NO 160/RB TEHSIL CHAK JHUMRA DISTT FAISALABAD</t>
  </si>
  <si>
    <t>Banga Chak</t>
  </si>
  <si>
    <t>186/RB DOGRAN WALA</t>
  </si>
  <si>
    <t>Shabana Kousar</t>
  </si>
  <si>
    <t>1764</t>
  </si>
  <si>
    <t>6948</t>
  </si>
  <si>
    <t>14488</t>
  </si>
  <si>
    <t>18361</t>
  </si>
  <si>
    <t>13411</t>
  </si>
  <si>
    <t>GPS NEW KARIM ABAD</t>
  </si>
  <si>
    <t>JAMPUR - MALE</t>
  </si>
  <si>
    <t>Sahoo Wala</t>
  </si>
  <si>
    <t>GPS NEW KARIM ABAD JAMPUR EAST</t>
  </si>
  <si>
    <t>Nawan Baigraj</t>
  </si>
  <si>
    <t>Electric motor</t>
  </si>
  <si>
    <t>43134</t>
  </si>
  <si>
    <t>16034</t>
  </si>
  <si>
    <t>GGPS CHAK 254 RB KW II</t>
  </si>
  <si>
    <t>254rb</t>
  </si>
  <si>
    <t>254rbkw</t>
  </si>
  <si>
    <t>257rb</t>
  </si>
  <si>
    <t>Yasmin Khaliq</t>
  </si>
  <si>
    <t>13113</t>
  </si>
  <si>
    <t>26858</t>
  </si>
  <si>
    <t>2464</t>
  </si>
  <si>
    <t>52440</t>
  </si>
  <si>
    <t>GPS PHULER WAN WAZIR KE</t>
  </si>
  <si>
    <t>SHAMAS KAY - MALE</t>
  </si>
  <si>
    <t>Phullarwan Wazir Kay</t>
  </si>
  <si>
    <t>Village phullarwan Wazir Kay</t>
  </si>
  <si>
    <t>4796</t>
  </si>
  <si>
    <t>48382</t>
  </si>
  <si>
    <t>52189</t>
  </si>
  <si>
    <t>GGPS CHAK NO. 76/EB (NEW)</t>
  </si>
  <si>
    <t>76 Eb</t>
  </si>
  <si>
    <t>chak no. 76 e.b</t>
  </si>
  <si>
    <t>66 Eb</t>
  </si>
  <si>
    <t>Samreen Kanwal</t>
  </si>
  <si>
    <t>12286</t>
  </si>
  <si>
    <t>10058</t>
  </si>
  <si>
    <t>53304</t>
  </si>
  <si>
    <t>GPS CHAK NO. 50 / 3-R</t>
  </si>
  <si>
    <t>BURJ JIWAY KHAN-MALE</t>
  </si>
  <si>
    <t>Chak 50-3R</t>
  </si>
  <si>
    <t>50/3R</t>
  </si>
  <si>
    <t>45GD</t>
  </si>
  <si>
    <t>Ali Raza</t>
  </si>
  <si>
    <t>5850</t>
  </si>
  <si>
    <t>6135</t>
  </si>
  <si>
    <t>GPS MEHMOODA JODEKA</t>
  </si>
  <si>
    <t>Mehmooda Jodheka</t>
  </si>
  <si>
    <t>saifpul pura chak mehmooda jodheka</t>
  </si>
  <si>
    <t>chak Mehmooda Jodhks</t>
  </si>
  <si>
    <t>Kot Fateh Muhammad Shah</t>
  </si>
  <si>
    <t>Bashir Ahmad</t>
  </si>
  <si>
    <t>16707</t>
  </si>
  <si>
    <t>GGPS 454/GB</t>
  </si>
  <si>
    <t>Sershta</t>
  </si>
  <si>
    <t>chak no 454 GB Paari gujar mohalla</t>
  </si>
  <si>
    <t>454 GB</t>
  </si>
  <si>
    <t>454gb</t>
  </si>
  <si>
    <t>33885</t>
  </si>
  <si>
    <t>10547</t>
  </si>
  <si>
    <t>51087</t>
  </si>
  <si>
    <t>GGPS KOT ALLAH DIN NO 1</t>
  </si>
  <si>
    <t>SAHIWAL SADAR-B-FEMALE</t>
  </si>
  <si>
    <t>85/6r</t>
  </si>
  <si>
    <t>kot allah dn no 1 steer no 7</t>
  </si>
  <si>
    <t>Kot Allah Din No 1</t>
  </si>
  <si>
    <t>Musrat Bashir</t>
  </si>
  <si>
    <t>26823</t>
  </si>
  <si>
    <t>6324</t>
  </si>
  <si>
    <t>572</t>
  </si>
  <si>
    <t>GES CHAK NO. 209/M</t>
  </si>
  <si>
    <t>Chak 209m</t>
  </si>
  <si>
    <t>GES chak No 209 /m</t>
  </si>
  <si>
    <t>Chak No 209/m</t>
  </si>
  <si>
    <t>9126</t>
  </si>
  <si>
    <t>GGPS CHAK NO.55/4-R AB</t>
  </si>
  <si>
    <t>Chak55/4R AB</t>
  </si>
  <si>
    <t>Ada chakian 55/4R</t>
  </si>
  <si>
    <t>Samina Yasmin</t>
  </si>
  <si>
    <t>50419</t>
  </si>
  <si>
    <t>GES 40/14-L</t>
  </si>
  <si>
    <t>40/14L</t>
  </si>
  <si>
    <t>Chak no 40/14L, kassowal.</t>
  </si>
  <si>
    <t>Chak no 40/14L</t>
  </si>
  <si>
    <t>39/14l.</t>
  </si>
  <si>
    <t>10626</t>
  </si>
  <si>
    <t>32880</t>
  </si>
  <si>
    <t>26006</t>
  </si>
  <si>
    <t>28934</t>
  </si>
  <si>
    <t>54728</t>
  </si>
  <si>
    <t>15896</t>
  </si>
  <si>
    <t>GPS CHAK 257 RB IQBAL NAGAR</t>
  </si>
  <si>
    <t>IQBAL NAGAR</t>
  </si>
  <si>
    <t>CHAK 257 RB IQBAL NAGAR, FAISALABAD</t>
  </si>
  <si>
    <t>JAHANGIR KHURD</t>
  </si>
  <si>
    <t>Mobbra Safdar</t>
  </si>
  <si>
    <t>5043</t>
  </si>
  <si>
    <t>21001</t>
  </si>
  <si>
    <t>52727</t>
  </si>
  <si>
    <t>14622</t>
  </si>
  <si>
    <t>GGES MC SYED ABAD FSD</t>
  </si>
  <si>
    <t>Syedabad</t>
  </si>
  <si>
    <t>st#1, syedabad. fsd.</t>
  </si>
  <si>
    <t>Ghazala Rais</t>
  </si>
  <si>
    <t>26034</t>
  </si>
  <si>
    <t>GPS MOHALAN WALI</t>
  </si>
  <si>
    <t>Nathey Wala</t>
  </si>
  <si>
    <t>Basti Mohlan Wali  Moza Nathey Wala P/O Noor Sar Tahsil and District  Bahawal Nagar</t>
  </si>
  <si>
    <t>Basti Mohlan Wali</t>
  </si>
  <si>
    <t>Muhammad Mahmood</t>
  </si>
  <si>
    <t>26729</t>
  </si>
  <si>
    <t>GGPS CHAK 55/4-R</t>
  </si>
  <si>
    <t>55 4/r</t>
  </si>
  <si>
    <t>chak no 55/4R</t>
  </si>
  <si>
    <t>TANVEER FATIMA</t>
  </si>
  <si>
    <t>10099</t>
  </si>
  <si>
    <t>26356</t>
  </si>
  <si>
    <t>GPS CHAK NO 271 TDA</t>
  </si>
  <si>
    <t>THAL KALAN - MALE</t>
  </si>
  <si>
    <t>Noshehra Thal k Kalan</t>
  </si>
  <si>
    <t>271 TDA</t>
  </si>
  <si>
    <t>271 Tda</t>
  </si>
  <si>
    <t>110 Tda</t>
  </si>
  <si>
    <t>5858</t>
  </si>
  <si>
    <t>5852</t>
  </si>
  <si>
    <t>36437</t>
  </si>
  <si>
    <t>53432</t>
  </si>
  <si>
    <t>37405</t>
  </si>
  <si>
    <t>GGPS 13/4.L</t>
  </si>
  <si>
    <t>TABROOQ - FEMALE</t>
  </si>
  <si>
    <t>13/4l</t>
  </si>
  <si>
    <t>13/4l Okara</t>
  </si>
  <si>
    <t>42/3r</t>
  </si>
  <si>
    <t>Sajda Mansha</t>
  </si>
  <si>
    <t>10900</t>
  </si>
  <si>
    <t>30700</t>
  </si>
  <si>
    <t>52774</t>
  </si>
  <si>
    <t>GGPS REHMAT KOT</t>
  </si>
  <si>
    <t>Rehmat kot</t>
  </si>
  <si>
    <t>Zia ud din colony depalpur dist. okara</t>
  </si>
  <si>
    <t>Behlolpur</t>
  </si>
  <si>
    <t>Rehana Tabasum</t>
  </si>
  <si>
    <t>34415</t>
  </si>
  <si>
    <t>50808</t>
  </si>
  <si>
    <t>GGHS 185/9-L</t>
  </si>
  <si>
    <t>chak no 185/9L west sahiwal</t>
  </si>
  <si>
    <t>Chak No 185/9 L</t>
  </si>
  <si>
    <t>185/9L</t>
  </si>
  <si>
    <t>Saima Irshad</t>
  </si>
  <si>
    <t>9632</t>
  </si>
  <si>
    <t>2149</t>
  </si>
  <si>
    <t>3983</t>
  </si>
  <si>
    <t>2748</t>
  </si>
  <si>
    <t>GGPS CHAK NO. 58/4-R AB</t>
  </si>
  <si>
    <t>58/4r</t>
  </si>
  <si>
    <t>chak 58/4r ab</t>
  </si>
  <si>
    <t>58/4r AB</t>
  </si>
  <si>
    <t>SHAISTA NASREEN</t>
  </si>
  <si>
    <t>2725</t>
  </si>
  <si>
    <t>2563</t>
  </si>
  <si>
    <t>15923</t>
  </si>
  <si>
    <t>11986</t>
  </si>
  <si>
    <t>GPS CHAK 280 RB FSD</t>
  </si>
  <si>
    <t>JALANDHAR-MALE</t>
  </si>
  <si>
    <t>280 Rb</t>
  </si>
  <si>
    <t>GPS chak no 280 r.b</t>
  </si>
  <si>
    <t>Domra</t>
  </si>
  <si>
    <t>Maji Wala</t>
  </si>
  <si>
    <t>Pervaiz Khan</t>
  </si>
  <si>
    <t>3448</t>
  </si>
  <si>
    <t>17750</t>
  </si>
  <si>
    <t>18907</t>
  </si>
  <si>
    <t>5628</t>
  </si>
  <si>
    <t>1646</t>
  </si>
  <si>
    <t>GGPS SAID SIR AKAN WALI</t>
  </si>
  <si>
    <t>BWN.7-FEMALE</t>
  </si>
  <si>
    <t>Saidsarakanwali</t>
  </si>
  <si>
    <t>said sar akanwali</t>
  </si>
  <si>
    <t>Said Sair Akan Wali</t>
  </si>
  <si>
    <t>Jand wala</t>
  </si>
  <si>
    <t>Irshad Kouser</t>
  </si>
  <si>
    <t>1851</t>
  </si>
  <si>
    <t>GGPS GODI REHMAN HAROON ABAD</t>
  </si>
  <si>
    <t>Hnd</t>
  </si>
  <si>
    <t>govt girls primary school,godi rehman,haroonabad</t>
  </si>
  <si>
    <t>52/4-R</t>
  </si>
  <si>
    <t>Akbari Begum</t>
  </si>
  <si>
    <t>3960</t>
  </si>
  <si>
    <t>15929</t>
  </si>
  <si>
    <t>GPS CHAK 89 B FSD</t>
  </si>
  <si>
    <t>89 Jb</t>
  </si>
  <si>
    <t>chak no. 89 j.b rattan faisalabad</t>
  </si>
  <si>
    <t>Chak No 89 Jb</t>
  </si>
  <si>
    <t>Hassayana</t>
  </si>
  <si>
    <t>Muhammad Asad</t>
  </si>
  <si>
    <t>1695</t>
  </si>
  <si>
    <t>15920</t>
  </si>
  <si>
    <t>GPS CHAK 274 RB I FSD</t>
  </si>
  <si>
    <t>Fsdsaddar</t>
  </si>
  <si>
    <t>274rb1</t>
  </si>
  <si>
    <t>275kartarpur</t>
  </si>
  <si>
    <t>M Mudassar</t>
  </si>
  <si>
    <t>7594</t>
  </si>
  <si>
    <t>39109</t>
  </si>
  <si>
    <t>50272</t>
  </si>
  <si>
    <t>GGES 60/12-L</t>
  </si>
  <si>
    <t>60/12L</t>
  </si>
  <si>
    <t>chak no 60/12.L teh cci dist sahiwal</t>
  </si>
  <si>
    <t>Chak No 60/12L</t>
  </si>
  <si>
    <t>62/12L</t>
  </si>
  <si>
    <t>Rukhsana Kausar</t>
  </si>
  <si>
    <t>629</t>
  </si>
  <si>
    <t>1643</t>
  </si>
  <si>
    <t>GGES CHAK NO. 49/3-R</t>
  </si>
  <si>
    <t>Chak No 49/3R</t>
  </si>
  <si>
    <t>chak no 49/3_R</t>
  </si>
  <si>
    <t>5609</t>
  </si>
  <si>
    <t>52429</t>
  </si>
  <si>
    <t>GPS ISRA KAMBOH</t>
  </si>
  <si>
    <t>Esra kamboh</t>
  </si>
  <si>
    <t>esra kamboh teh depalpur district okara..</t>
  </si>
  <si>
    <t>Esra Kamboh</t>
  </si>
  <si>
    <t>Kandowal</t>
  </si>
  <si>
    <t>Shabbir Hussain Sajid</t>
  </si>
  <si>
    <t>1860</t>
  </si>
  <si>
    <t>GGPS 76/4-R AB</t>
  </si>
  <si>
    <t>76/4R AB</t>
  </si>
  <si>
    <t>76 4-rAB</t>
  </si>
  <si>
    <t>86/5-R</t>
  </si>
  <si>
    <t>Farhat Rafique</t>
  </si>
  <si>
    <t>20762</t>
  </si>
  <si>
    <t>GMPS KOTLI MAHAL</t>
  </si>
  <si>
    <t>kotli Mahal</t>
  </si>
  <si>
    <t>Village kotli mahal P O Kot Shera Gujranwala</t>
  </si>
  <si>
    <t>Kotli Mahal</t>
  </si>
  <si>
    <t>Sidra Nazar</t>
  </si>
  <si>
    <t>2915</t>
  </si>
  <si>
    <t>43645</t>
  </si>
  <si>
    <t>GHS THOA MEHRAM KHAN</t>
  </si>
  <si>
    <t>Thoha Mehram Khan</t>
  </si>
  <si>
    <t>vpo thoha mehram khan</t>
  </si>
  <si>
    <t>Syed Akhter Abbas</t>
  </si>
  <si>
    <t>47692</t>
  </si>
  <si>
    <t>4586</t>
  </si>
  <si>
    <t>9181</t>
  </si>
  <si>
    <t>GGPS NARI SHOMALI NO.2</t>
  </si>
  <si>
    <t>NARI-FEMALE</t>
  </si>
  <si>
    <t>Nari Shumali</t>
  </si>
  <si>
    <t>Nari Janoobi</t>
  </si>
  <si>
    <t>Shaheen Akhtar</t>
  </si>
  <si>
    <t>45964</t>
  </si>
  <si>
    <t>6342</t>
  </si>
  <si>
    <t>GGES BASTI RIDDAN</t>
  </si>
  <si>
    <t>GOTH GHANI CITY- FEMALE</t>
  </si>
  <si>
    <t>Dera Izzat</t>
  </si>
  <si>
    <t>G G High School Riddan Bahawalpur</t>
  </si>
  <si>
    <t>Basti Riddan</t>
  </si>
  <si>
    <t>Cant Erea</t>
  </si>
  <si>
    <t>Shafia Hafeez</t>
  </si>
  <si>
    <t>871</t>
  </si>
  <si>
    <t>5697</t>
  </si>
  <si>
    <t>48393</t>
  </si>
  <si>
    <t>GES GOND PUR</t>
  </si>
  <si>
    <t>WAZIDI - MALE</t>
  </si>
  <si>
    <t>Gond Pur</t>
  </si>
  <si>
    <t>moza gond pur</t>
  </si>
  <si>
    <t>Hazoor</t>
  </si>
  <si>
    <t>Qaiser Iqbal</t>
  </si>
  <si>
    <t>2972</t>
  </si>
  <si>
    <t>49402</t>
  </si>
  <si>
    <t>GGPS MODEL TARHOUN SYEDAN</t>
  </si>
  <si>
    <t>SHEIKHUPURA-IX - FEMALE</t>
  </si>
  <si>
    <t>Tarhoon Syedan</t>
  </si>
  <si>
    <t>tarhoon syedan p/o Chak Wahi No.522</t>
  </si>
  <si>
    <t>Kakargill</t>
  </si>
  <si>
    <t>Darkhshanda Sehrish</t>
  </si>
  <si>
    <t>29148</t>
  </si>
  <si>
    <t>21186</t>
  </si>
  <si>
    <t>GMPS SARDAR PUR SEGHAL</t>
  </si>
  <si>
    <t>pathanwali p/o ali pur chatha teh wazirabad district Gujranwala</t>
  </si>
  <si>
    <t>Pathanwali</t>
  </si>
  <si>
    <t>Jattanwali</t>
  </si>
  <si>
    <t>Zulifqar Ali</t>
  </si>
  <si>
    <t>1006</t>
  </si>
  <si>
    <t>GPS CHAK NO.129 SB</t>
  </si>
  <si>
    <t>129sb</t>
  </si>
  <si>
    <t>chaknumber 129 sb</t>
  </si>
  <si>
    <t>129 Sb</t>
  </si>
  <si>
    <t>125sb</t>
  </si>
  <si>
    <t>Abdul Matin</t>
  </si>
  <si>
    <t>16668</t>
  </si>
  <si>
    <t>27243</t>
  </si>
  <si>
    <t>2127</t>
  </si>
  <si>
    <t>15554</t>
  </si>
  <si>
    <t>GGPS CHAK 228 GB SAMUNDRI</t>
  </si>
  <si>
    <t>Naradada</t>
  </si>
  <si>
    <t>chak no 228 g.b naradada</t>
  </si>
  <si>
    <t>228gb</t>
  </si>
  <si>
    <t>Naradada Dada</t>
  </si>
  <si>
    <t>Shabana Kausar</t>
  </si>
  <si>
    <t>19522</t>
  </si>
  <si>
    <t>54259</t>
  </si>
  <si>
    <t>52210</t>
  </si>
  <si>
    <t>28922</t>
  </si>
  <si>
    <t>41922</t>
  </si>
  <si>
    <t>GMPS DHOK BUDHAL</t>
  </si>
  <si>
    <t>Baddal</t>
  </si>
  <si>
    <t>Village dhok budhal post office banda</t>
  </si>
  <si>
    <t>Dhok Budhal</t>
  </si>
  <si>
    <t>Attia Khalid</t>
  </si>
  <si>
    <t>17287</t>
  </si>
  <si>
    <t>1844</t>
  </si>
  <si>
    <t>21340</t>
  </si>
  <si>
    <t>19741</t>
  </si>
  <si>
    <t>2083</t>
  </si>
  <si>
    <t>54484</t>
  </si>
  <si>
    <t>GES KARIM WAH</t>
  </si>
  <si>
    <t>DANEWAL - MALE</t>
  </si>
  <si>
    <t>Karim Wah</t>
  </si>
  <si>
    <t>Basti Siddique Abad P/o Qadir Abad Mouza Karim Wah Tehsil Vehari Distt.Vehari</t>
  </si>
  <si>
    <t>3575</t>
  </si>
  <si>
    <t>6309</t>
  </si>
  <si>
    <t>23828</t>
  </si>
  <si>
    <t>18461</t>
  </si>
  <si>
    <t>4594</t>
  </si>
  <si>
    <t>9289</t>
  </si>
  <si>
    <t>GGPS TAUNSA NO. 12</t>
  </si>
  <si>
    <t>TAUNSA CITY-FEMALE</t>
  </si>
  <si>
    <t>Taunsa</t>
  </si>
  <si>
    <t>kachi abadi taunsa</t>
  </si>
  <si>
    <t>Urban Taunsa</t>
  </si>
  <si>
    <t>Rubina Shaheen</t>
  </si>
  <si>
    <t>51552</t>
  </si>
  <si>
    <t>GPS JAMAL PUR TALI</t>
  </si>
  <si>
    <t>Jamal Pur Tahli</t>
  </si>
  <si>
    <t>Chuck Jamal Pur Tahli Pakpattan</t>
  </si>
  <si>
    <t>Tiwana Klan</t>
  </si>
  <si>
    <t>2267</t>
  </si>
  <si>
    <t>15840</t>
  </si>
  <si>
    <t>14957</t>
  </si>
  <si>
    <t>30688</t>
  </si>
  <si>
    <t>GGES KAHNA NAU NO.2</t>
  </si>
  <si>
    <t>KAMAHAN - FEMALE</t>
  </si>
  <si>
    <t>Kahna Nau</t>
  </si>
  <si>
    <t>govt girls middle school kahna nau no.2 Lahore</t>
  </si>
  <si>
    <t>Kahna Nau Lahore</t>
  </si>
  <si>
    <t>Shahnaz Aslam</t>
  </si>
  <si>
    <t>33217</t>
  </si>
  <si>
    <t>GGES DHARAM PURA CHAK NO. 11</t>
  </si>
  <si>
    <t>Borianwala</t>
  </si>
  <si>
    <t>Govt girls elementary school dharam pura Chak no 11</t>
  </si>
  <si>
    <t>DHARAM PURA</t>
  </si>
  <si>
    <t>RATTI Tibbi</t>
  </si>
  <si>
    <t>Isma Kanwal</t>
  </si>
  <si>
    <t>19577</t>
  </si>
  <si>
    <t>21645</t>
  </si>
  <si>
    <t>50937</t>
  </si>
  <si>
    <t>43738</t>
  </si>
  <si>
    <t>892</t>
  </si>
  <si>
    <t>39286</t>
  </si>
  <si>
    <t>GPS THATTI KALRAN</t>
  </si>
  <si>
    <t>Thatti Kalran</t>
  </si>
  <si>
    <t>Govt.P,S.Thatti Kalran</t>
  </si>
  <si>
    <t>Sher Afzal</t>
  </si>
  <si>
    <t>2452</t>
  </si>
  <si>
    <t>34634</t>
  </si>
  <si>
    <t>5185</t>
  </si>
  <si>
    <t>33990</t>
  </si>
  <si>
    <t>47925</t>
  </si>
  <si>
    <t>GGPS GHANJERAN WALA GHARBI</t>
  </si>
  <si>
    <t>Naseer Wala</t>
  </si>
  <si>
    <t>govt.girls primary school ghanjeran wala gharbi</t>
  </si>
  <si>
    <t>Ghanjeran Wala</t>
  </si>
  <si>
    <t>Aluwali</t>
  </si>
  <si>
    <t>Rukhsana Gul</t>
  </si>
  <si>
    <t>768</t>
  </si>
  <si>
    <t>2144</t>
  </si>
  <si>
    <t>8588</t>
  </si>
  <si>
    <t>35876</t>
  </si>
  <si>
    <t>24439</t>
  </si>
  <si>
    <t>35523</t>
  </si>
  <si>
    <t>36093</t>
  </si>
  <si>
    <t>GES CHAK NO.1 WB</t>
  </si>
  <si>
    <t>Chak No1/wb</t>
  </si>
  <si>
    <t>chak no 1/wb tehsil &amp; distt: vehari</t>
  </si>
  <si>
    <t>Chak No1/wb Vehari</t>
  </si>
  <si>
    <t>Babur Hussain</t>
  </si>
  <si>
    <t>9528</t>
  </si>
  <si>
    <t>374</t>
  </si>
  <si>
    <t>28181</t>
  </si>
  <si>
    <t>48908</t>
  </si>
  <si>
    <t>53457</t>
  </si>
  <si>
    <t>GGES CHAK NO.30/2-RA</t>
  </si>
  <si>
    <t>30/2RA</t>
  </si>
  <si>
    <t>chak no 30/2ra jaboka road okara</t>
  </si>
  <si>
    <t>Bibi Pur</t>
  </si>
  <si>
    <t>Zubaida Hafeez</t>
  </si>
  <si>
    <t>18262</t>
  </si>
  <si>
    <t>51545</t>
  </si>
  <si>
    <t>GPS CHAK NO. 24/SP</t>
  </si>
  <si>
    <t>24/sp</t>
  </si>
  <si>
    <t>tawana klah</t>
  </si>
  <si>
    <t>m sarwar</t>
  </si>
  <si>
    <t>4216</t>
  </si>
  <si>
    <t>50766</t>
  </si>
  <si>
    <t>GES 108/9-L</t>
  </si>
  <si>
    <t>KAMIR-B-MALE</t>
  </si>
  <si>
    <t>108/9 L</t>
  </si>
  <si>
    <t>Chak No 108/9 L Swl</t>
  </si>
  <si>
    <t>114/9 L</t>
  </si>
  <si>
    <t>13568</t>
  </si>
  <si>
    <t>13907</t>
  </si>
  <si>
    <t>53832</t>
  </si>
  <si>
    <t>GGPS MAJRA CHORANA</t>
  </si>
  <si>
    <t>4/GD - FEMALE</t>
  </si>
  <si>
    <t>Majara Chorana</t>
  </si>
  <si>
    <t>g.g./s majara chorana</t>
  </si>
  <si>
    <t>Bama Bala</t>
  </si>
  <si>
    <t>Shagufta Shahnaz</t>
  </si>
  <si>
    <t>13355</t>
  </si>
  <si>
    <t>13702</t>
  </si>
  <si>
    <t>33168</t>
  </si>
  <si>
    <t>31776</t>
  </si>
  <si>
    <t>GGES RAKH BAULI</t>
  </si>
  <si>
    <t>Rakh Bouli</t>
  </si>
  <si>
    <t>GOES rakh bouli</t>
  </si>
  <si>
    <t>Dharor Muslim</t>
  </si>
  <si>
    <t>Misbah Basharat</t>
  </si>
  <si>
    <t>8279</t>
  </si>
  <si>
    <t>3193</t>
  </si>
  <si>
    <t>41302</t>
  </si>
  <si>
    <t>GGHS MUSYARI</t>
  </si>
  <si>
    <t>Musyari</t>
  </si>
  <si>
    <t>P/O Musyari, expressway Murree, Rawalpindi</t>
  </si>
  <si>
    <t>Irum Mushtaq</t>
  </si>
  <si>
    <t>14074</t>
  </si>
  <si>
    <t>19533</t>
  </si>
  <si>
    <t>33169</t>
  </si>
  <si>
    <t>GGPS WARA NARAIN SINGH</t>
  </si>
  <si>
    <t>Wara Narain Singh</t>
  </si>
  <si>
    <t>Wara Narain singh</t>
  </si>
  <si>
    <t>Ilyas Nagar</t>
  </si>
  <si>
    <t>1197</t>
  </si>
  <si>
    <t>7222</t>
  </si>
  <si>
    <t>18987</t>
  </si>
  <si>
    <t>51728</t>
  </si>
  <si>
    <t>GPS GHAZI MARDAN P/O CHAK BEDI</t>
  </si>
  <si>
    <t>Ghazi Mardan</t>
  </si>
  <si>
    <t>Ghazi mardan pakpattan</t>
  </si>
  <si>
    <t>Tiwana Kalan</t>
  </si>
  <si>
    <t>Saima Noreen</t>
  </si>
  <si>
    <t>29120</t>
  </si>
  <si>
    <t>29522</t>
  </si>
  <si>
    <t>10407</t>
  </si>
  <si>
    <t>GPS CHAK NO. 115-B TDA  (MANZOOR WALA)</t>
  </si>
  <si>
    <t>Bait Bakhshinda</t>
  </si>
  <si>
    <t>Basti bahi bait bakhshinda tehsil karor district layyah</t>
  </si>
  <si>
    <t>BAIT Bakhshinda</t>
  </si>
  <si>
    <t>MUHAMMAD SHAH NAWAZ ANJUM</t>
  </si>
  <si>
    <t>18989</t>
  </si>
  <si>
    <t>23334</t>
  </si>
  <si>
    <t>GMPS AKIA</t>
  </si>
  <si>
    <t>Akia</t>
  </si>
  <si>
    <t>village Akia district gujrat tehsil kharian</t>
  </si>
  <si>
    <t>Miana Chack</t>
  </si>
  <si>
    <t>Toqeer Zaneb</t>
  </si>
  <si>
    <t>3333</t>
  </si>
  <si>
    <t>24166</t>
  </si>
  <si>
    <t>51870</t>
  </si>
  <si>
    <t>GPS 51 SP P.O BANGLA JIWAN SHAH</t>
  </si>
  <si>
    <t>Chack No 51/SP P/O Bangla Jeven Shah Tehsil.Arifwala (Pakpattan)</t>
  </si>
  <si>
    <t>Chack  51/SP</t>
  </si>
  <si>
    <t>Jeven Shah</t>
  </si>
  <si>
    <t>Mohammed Arshid Javed</t>
  </si>
  <si>
    <t>17006</t>
  </si>
  <si>
    <t>39665</t>
  </si>
  <si>
    <t>39320</t>
  </si>
  <si>
    <t>34175</t>
  </si>
  <si>
    <t>GPS CHAK NO 127 NP</t>
  </si>
  <si>
    <t>Malhani</t>
  </si>
  <si>
    <t>post office pacca laran teh liaqat pur distt Rahim yar khan</t>
  </si>
  <si>
    <t>Dandni Naich</t>
  </si>
  <si>
    <t>Nalla Mosani</t>
  </si>
  <si>
    <t>Javed Ahmed</t>
  </si>
  <si>
    <t>30377</t>
  </si>
  <si>
    <t>GPS THEH ZAIL DARAIN</t>
  </si>
  <si>
    <t>MODEL COLONY</t>
  </si>
  <si>
    <t>GOVT PRIMARY SCHOOL MODEL COLONY GULBERG III LAHORE</t>
  </si>
  <si>
    <t>THEH PIND</t>
  </si>
  <si>
    <t>Abdul Ghaffar Awan</t>
  </si>
  <si>
    <t>1807</t>
  </si>
  <si>
    <t>2960</t>
  </si>
  <si>
    <t>51727</t>
  </si>
  <si>
    <t>GPS CHAK SHAM KOT</t>
  </si>
  <si>
    <t>Sham Kot</t>
  </si>
  <si>
    <t>chak sham garh post office kartar pur pakpattan</t>
  </si>
  <si>
    <t>34061</t>
  </si>
  <si>
    <t>12823</t>
  </si>
  <si>
    <t>GGPS THAHEEM WALI MORI</t>
  </si>
  <si>
    <t>DEDHY LAL- FEMALE</t>
  </si>
  <si>
    <t>Mochiwali</t>
  </si>
  <si>
    <t>saidpurnoor mochiwali</t>
  </si>
  <si>
    <t>Saidpur Noor</t>
  </si>
  <si>
    <t>Ganga</t>
  </si>
  <si>
    <t>Abida Mukhtiar</t>
  </si>
  <si>
    <t>33657</t>
  </si>
  <si>
    <t>GGES CHAH UMER DIN WALA</t>
  </si>
  <si>
    <t>SEETAL MARI - FEMALE</t>
  </si>
  <si>
    <t>Bheni</t>
  </si>
  <si>
    <t>17 kassi vehari road Multan</t>
  </si>
  <si>
    <t>17 Kassi</t>
  </si>
  <si>
    <t>Ajmair Town</t>
  </si>
  <si>
    <t>7290</t>
  </si>
  <si>
    <t>35713</t>
  </si>
  <si>
    <t>GPS 171 WB PO SURGANA</t>
  </si>
  <si>
    <t>SHATAB GARH-MALE</t>
  </si>
  <si>
    <t>Chak 171 Wb</t>
  </si>
  <si>
    <t>chak 171 wb p/o sargana tehsil mailsi vehari</t>
  </si>
  <si>
    <t>Mittroo</t>
  </si>
  <si>
    <t>muhammad ashraf</t>
  </si>
  <si>
    <t>2532</t>
  </si>
  <si>
    <t>28731</t>
  </si>
  <si>
    <t>6944</t>
  </si>
  <si>
    <t>744</t>
  </si>
  <si>
    <t>49275</t>
  </si>
  <si>
    <t>30381</t>
  </si>
  <si>
    <t>GPS NA REHMAN PURA</t>
  </si>
  <si>
    <t>Rehmanpura</t>
  </si>
  <si>
    <t>govt N.A school rehmanpura Lahore</t>
  </si>
  <si>
    <t>Yasmeen</t>
  </si>
  <si>
    <t>45510</t>
  </si>
  <si>
    <t>GMPS HAJI WALA</t>
  </si>
  <si>
    <t>bamoqam chah haji wala dak khana khas dulley wala</t>
  </si>
  <si>
    <t>Chah Haji Wala</t>
  </si>
  <si>
    <t>Khair Un Nisa</t>
  </si>
  <si>
    <t>30255</t>
  </si>
  <si>
    <t>1867</t>
  </si>
  <si>
    <t>37604</t>
  </si>
  <si>
    <t>GMPS 127/15-L BOMBAY WALA, MIAN CHANNU</t>
  </si>
  <si>
    <t>MIAN CHANNU-I - FEMALE</t>
  </si>
  <si>
    <t>127/15-L Bombay Wala</t>
  </si>
  <si>
    <t>127/15-L bombay wala (po. same)</t>
  </si>
  <si>
    <t>127 15-L Bombay Wala</t>
  </si>
  <si>
    <t>Razia Perveen</t>
  </si>
  <si>
    <t>9180</t>
  </si>
  <si>
    <t>6539</t>
  </si>
  <si>
    <t>36227</t>
  </si>
  <si>
    <t>42564</t>
  </si>
  <si>
    <t>33091</t>
  </si>
  <si>
    <t>GGPS DHOOR KOT</t>
  </si>
  <si>
    <t>Dhoor kot</t>
  </si>
  <si>
    <t>kot Hussain khan</t>
  </si>
  <si>
    <t>Shazia Tabassum</t>
  </si>
  <si>
    <t>1539</t>
  </si>
  <si>
    <t>8872</t>
  </si>
  <si>
    <t>7472</t>
  </si>
  <si>
    <t>19900</t>
  </si>
  <si>
    <t>596</t>
  </si>
  <si>
    <t>39174</t>
  </si>
  <si>
    <t>GGES GHAKHAR</t>
  </si>
  <si>
    <t>JHANG - FEMALE</t>
  </si>
  <si>
    <t>Gakhar</t>
  </si>
  <si>
    <t>gges gakhar</t>
  </si>
  <si>
    <t>Dharik</t>
  </si>
  <si>
    <t>Uzma Musarrat</t>
  </si>
  <si>
    <t>12784</t>
  </si>
  <si>
    <t>9622</t>
  </si>
  <si>
    <t>50770</t>
  </si>
  <si>
    <t>50520</t>
  </si>
  <si>
    <t>50100</t>
  </si>
  <si>
    <t>1858</t>
  </si>
  <si>
    <t>GMPS CHAK NO.74/4-R</t>
  </si>
  <si>
    <t>74/4-R</t>
  </si>
  <si>
    <t>GGMP School chak no 74/4r Tehsil Haroonabad Distt Bahawalnagar</t>
  </si>
  <si>
    <t>74/4r</t>
  </si>
  <si>
    <t>Anila Rashid</t>
  </si>
  <si>
    <t>16914</t>
  </si>
  <si>
    <t>GES SALAMAT PURA</t>
  </si>
  <si>
    <t>Slamat Pora</t>
  </si>
  <si>
    <t>slamat pora</t>
  </si>
  <si>
    <t>Sheikh Chohar</t>
  </si>
  <si>
    <t>Ghulam Qasim</t>
  </si>
  <si>
    <t>26014</t>
  </si>
  <si>
    <t>25936</t>
  </si>
  <si>
    <t>5665</t>
  </si>
  <si>
    <t>867</t>
  </si>
  <si>
    <t>GGPS CHAK NO.6/FW</t>
  </si>
  <si>
    <t>CTN -XV-FEMALE</t>
  </si>
  <si>
    <t>Badan Shrqi</t>
  </si>
  <si>
    <t>6fw abadi</t>
  </si>
  <si>
    <t>6 Fw abadi</t>
  </si>
  <si>
    <t>5fw</t>
  </si>
  <si>
    <t>Sumia Yasmeen</t>
  </si>
  <si>
    <t>32973</t>
  </si>
  <si>
    <t>29376</t>
  </si>
  <si>
    <t>10372</t>
  </si>
  <si>
    <t>GPS LODHRA KAROR LALISAN</t>
  </si>
  <si>
    <t>Basti lodhra karor lal eson</t>
  </si>
  <si>
    <t>ghulam mustafa</t>
  </si>
  <si>
    <t>33085</t>
  </si>
  <si>
    <t>13451</t>
  </si>
  <si>
    <t>GPS SHAHNAWAZ PURA</t>
  </si>
  <si>
    <t>Rustam Leghari</t>
  </si>
  <si>
    <t>moza rustam leghari,p/o kotla mughlan</t>
  </si>
  <si>
    <t>Bhambay Wala</t>
  </si>
  <si>
    <t>Peeru Wala</t>
  </si>
  <si>
    <t>Muhammad Nasir</t>
  </si>
  <si>
    <t>2807</t>
  </si>
  <si>
    <t>42595</t>
  </si>
  <si>
    <t>GPS KAMANDRIAL</t>
  </si>
  <si>
    <t>MANDRA - MALE</t>
  </si>
  <si>
    <t>Kamandrial</t>
  </si>
  <si>
    <t>village n p/o kamandrial</t>
  </si>
  <si>
    <t>Noor Dulal</t>
  </si>
  <si>
    <t>Abdul Naeem Minhas</t>
  </si>
  <si>
    <t>971</t>
  </si>
  <si>
    <t>16152</t>
  </si>
  <si>
    <t>15652</t>
  </si>
  <si>
    <t>15681</t>
  </si>
  <si>
    <t>5619</t>
  </si>
  <si>
    <t>GPS MOGA BASTI</t>
  </si>
  <si>
    <t>BWN-XIII-MALE</t>
  </si>
  <si>
    <t>Kamal Muhammad</t>
  </si>
  <si>
    <t>chak moga, mouza kamal muhammad, P.O. dounga bounga, tehsil &amp; district bahawalnagar.</t>
  </si>
  <si>
    <t>Moga Basti</t>
  </si>
  <si>
    <t>Khaitran Wala</t>
  </si>
  <si>
    <t>Talib Hussain</t>
  </si>
  <si>
    <t>18632</t>
  </si>
  <si>
    <t>GPS CHAK 344 JB SHAH PUR</t>
  </si>
  <si>
    <t>344 Jb</t>
  </si>
  <si>
    <t>344 jb</t>
  </si>
  <si>
    <t>Chak 344jb</t>
  </si>
  <si>
    <t>345 Jb</t>
  </si>
  <si>
    <t>Mehboob Ur Rehman</t>
  </si>
  <si>
    <t>6607</t>
  </si>
  <si>
    <t>23720</t>
  </si>
  <si>
    <t>4421</t>
  </si>
  <si>
    <t>12881</t>
  </si>
  <si>
    <t>33891</t>
  </si>
  <si>
    <t>GGCMS YASEEN KHAN WALA</t>
  </si>
  <si>
    <t>KAMAL PUR- FEMALE</t>
  </si>
  <si>
    <t>matoi</t>
  </si>
  <si>
    <t>Basti sunary wala moza matoi khangarh</t>
  </si>
  <si>
    <t>Basti sunary wala moza matoi khangrh</t>
  </si>
  <si>
    <t>Umer pur</t>
  </si>
  <si>
    <t>Afshan Basheer</t>
  </si>
  <si>
    <t>1679</t>
  </si>
  <si>
    <t>50724</t>
  </si>
  <si>
    <t>GGHS 138/ 9-L</t>
  </si>
  <si>
    <t>138/9L</t>
  </si>
  <si>
    <t>138/9-L zafarabad</t>
  </si>
  <si>
    <t>138/9-L Zafarabad</t>
  </si>
  <si>
    <t>138/9-L Old</t>
  </si>
  <si>
    <t>Riffat Latif</t>
  </si>
  <si>
    <t>14162</t>
  </si>
  <si>
    <t>654</t>
  </si>
  <si>
    <t>4301</t>
  </si>
  <si>
    <t>GPS MONGI WALI</t>
  </si>
  <si>
    <t>SHAKARDARA - MALE</t>
  </si>
  <si>
    <t>Mongi Wali</t>
  </si>
  <si>
    <t>vill.mongi wali</t>
  </si>
  <si>
    <t>surg salar</t>
  </si>
  <si>
    <t>BIBI YASMIN</t>
  </si>
  <si>
    <t>5198</t>
  </si>
  <si>
    <t>27448</t>
  </si>
  <si>
    <t>22250</t>
  </si>
  <si>
    <t>18579</t>
  </si>
  <si>
    <t>48552</t>
  </si>
  <si>
    <t>35737</t>
  </si>
  <si>
    <t>GPS 96 WB</t>
  </si>
  <si>
    <t>chak # 96/wb</t>
  </si>
  <si>
    <t>chak #96/wb Tehsil Mailsi District Vehari</t>
  </si>
  <si>
    <t>Chak # 96/wb</t>
  </si>
  <si>
    <t>Garha More</t>
  </si>
  <si>
    <t>liaqat ali</t>
  </si>
  <si>
    <t>1611</t>
  </si>
  <si>
    <t>47340</t>
  </si>
  <si>
    <t>51553</t>
  </si>
  <si>
    <t>GPS 61/D</t>
  </si>
  <si>
    <t>61d</t>
  </si>
  <si>
    <t>Hella Watwan</t>
  </si>
  <si>
    <t>Hafiz Muhammad Alam</t>
  </si>
  <si>
    <t>30244</t>
  </si>
  <si>
    <t>15233</t>
  </si>
  <si>
    <t>GGPS CHAK 229 RB MAKUANA KHURRIANWALA</t>
  </si>
  <si>
    <t>MAKUANA - FEMALE</t>
  </si>
  <si>
    <t>Makkuana</t>
  </si>
  <si>
    <t>maimastani 229 rb</t>
  </si>
  <si>
    <t>Maimastani</t>
  </si>
  <si>
    <t>Saba Gull</t>
  </si>
  <si>
    <t>6418</t>
  </si>
  <si>
    <t>48101</t>
  </si>
  <si>
    <t>GHS UPPI RAWANA</t>
  </si>
  <si>
    <t>Rawana</t>
  </si>
  <si>
    <t>GHS Uppi Rawana Tehsil Kotmomin District Sargodha</t>
  </si>
  <si>
    <t>19SB</t>
  </si>
  <si>
    <t>Muhammad Javed Afzal</t>
  </si>
  <si>
    <t>7802</t>
  </si>
  <si>
    <t>24155</t>
  </si>
  <si>
    <t>706</t>
  </si>
  <si>
    <t>33366</t>
  </si>
  <si>
    <t>GGHS MODEL SHAHKOT</t>
  </si>
  <si>
    <t>GOVT GIRLS MODEL HIGH SCHOOL SHAHKOT</t>
  </si>
  <si>
    <t>Aasma Afsheen</t>
  </si>
  <si>
    <t>6313</t>
  </si>
  <si>
    <t>3704</t>
  </si>
  <si>
    <t>36162</t>
  </si>
  <si>
    <t>GGES KARIM WAH</t>
  </si>
  <si>
    <t>DOULAT ABAD-FEMALE</t>
  </si>
  <si>
    <t>basti qadir abad mouza karim wah vehari</t>
  </si>
  <si>
    <t>Karim wah</t>
  </si>
  <si>
    <t>Imrana Jabeen</t>
  </si>
  <si>
    <t>20128</t>
  </si>
  <si>
    <t>31552</t>
  </si>
  <si>
    <t>23058</t>
  </si>
  <si>
    <t>21920</t>
  </si>
  <si>
    <t>1138</t>
  </si>
  <si>
    <t>3688</t>
  </si>
  <si>
    <t>34166</t>
  </si>
  <si>
    <t>GGPS CHAK SARDAR PUR TEH. SHUJABAD</t>
  </si>
  <si>
    <t>TODAR PUR - FEMALE</t>
  </si>
  <si>
    <t>ShahPur Ubbhah</t>
  </si>
  <si>
    <t>chack sardar pur</t>
  </si>
  <si>
    <t>Chak Sardar Pur</t>
  </si>
  <si>
    <t>Shah Pur Ubha</t>
  </si>
  <si>
    <t>Nayyer Sultana</t>
  </si>
  <si>
    <t>23443</t>
  </si>
  <si>
    <t>17350</t>
  </si>
  <si>
    <t>2024</t>
  </si>
  <si>
    <t>7411</t>
  </si>
  <si>
    <t>GGPS NO. 32 NP WEST</t>
  </si>
  <si>
    <t>SANJAR PUR - FEMALE</t>
  </si>
  <si>
    <t>Chak 32np west</t>
  </si>
  <si>
    <t>chak 32np west</t>
  </si>
  <si>
    <t>Sanjer pur</t>
  </si>
  <si>
    <t>Tahira Tabassam</t>
  </si>
  <si>
    <t>18446</t>
  </si>
  <si>
    <t>3743</t>
  </si>
  <si>
    <t>16625</t>
  </si>
  <si>
    <t>13137</t>
  </si>
  <si>
    <t>GPS CHAK 557 GB MAMUNKANJAN</t>
  </si>
  <si>
    <t>DARBAR SALA UD DIN-MALE</t>
  </si>
  <si>
    <t>Bhoujoana</t>
  </si>
  <si>
    <t>chak no. 557 GB Tehsil Tandlianwala Distt Faisalabad</t>
  </si>
  <si>
    <t>557 GB</t>
  </si>
  <si>
    <t>558 GB</t>
  </si>
  <si>
    <t>Israr Hussain</t>
  </si>
  <si>
    <t>18176</t>
  </si>
  <si>
    <t>25624</t>
  </si>
  <si>
    <t>45697</t>
  </si>
  <si>
    <t>GPS CHAPPAR SHARIF</t>
  </si>
  <si>
    <t>JAUHARABAD NORTH (MALE)</t>
  </si>
  <si>
    <t>Kund Shumali</t>
  </si>
  <si>
    <t>post office chapphar sharif teh and District Khushab</t>
  </si>
  <si>
    <t>Chapphar sharif</t>
  </si>
  <si>
    <t>MUHAMMAD SALEEMULLAH MIAN</t>
  </si>
  <si>
    <t>paid NSB</t>
  </si>
  <si>
    <t>14522</t>
  </si>
  <si>
    <t>35130</t>
  </si>
  <si>
    <t>4844</t>
  </si>
  <si>
    <t>22031</t>
  </si>
  <si>
    <t>GGPS QILA MAJA SINGH</t>
  </si>
  <si>
    <t>JHALAN - FEMALE</t>
  </si>
  <si>
    <t>Qila Maja Sigh</t>
  </si>
  <si>
    <t>village qila maja singh post office kot ladhaa tehsil Noshera virkan dist Grw</t>
  </si>
  <si>
    <t>Qila Maja Singh</t>
  </si>
  <si>
    <t>Bhirdi Khurd</t>
  </si>
  <si>
    <t>11778</t>
  </si>
  <si>
    <t>22364</t>
  </si>
  <si>
    <t>22555</t>
  </si>
  <si>
    <t>42555</t>
  </si>
  <si>
    <t>43017</t>
  </si>
  <si>
    <t>GGPS TRIKHI</t>
  </si>
  <si>
    <t>Tirkhi</t>
  </si>
  <si>
    <t>village Tirkhi po Sadiot via tareel teh kallar Syedan distt Rawalpindi</t>
  </si>
  <si>
    <t>Ghazanabad</t>
  </si>
  <si>
    <t>Iram Naz</t>
  </si>
  <si>
    <t>21520</t>
  </si>
  <si>
    <t>32849</t>
  </si>
  <si>
    <t>GPS TALIAN VILLAGE</t>
  </si>
  <si>
    <t>Tailan</t>
  </si>
  <si>
    <t>Village Tailan</t>
  </si>
  <si>
    <t>Dhairy Da Wara</t>
  </si>
  <si>
    <t>Shafiq  Ahmad</t>
  </si>
  <si>
    <t>36134</t>
  </si>
  <si>
    <t>GGES 51 WB</t>
  </si>
  <si>
    <t>51/wb</t>
  </si>
  <si>
    <t>house.no.6.street.no.4.faisal. town. vehari</t>
  </si>
  <si>
    <t>63/wb</t>
  </si>
  <si>
    <t>Darakshanda Anjum Siddiqi</t>
  </si>
  <si>
    <t>16307</t>
  </si>
  <si>
    <t>28740</t>
  </si>
  <si>
    <t>35603</t>
  </si>
  <si>
    <t>50790</t>
  </si>
  <si>
    <t>GGHS 77/5-R</t>
  </si>
  <si>
    <t>77/5-r Sahiwal</t>
  </si>
  <si>
    <t>gghs 77.5R district sahiwal</t>
  </si>
  <si>
    <t>Mamona Sehrish</t>
  </si>
  <si>
    <t>22872</t>
  </si>
  <si>
    <t>931</t>
  </si>
  <si>
    <t>4893</t>
  </si>
  <si>
    <t>1781</t>
  </si>
  <si>
    <t>16392</t>
  </si>
  <si>
    <t>GGPS CHAK 158 RB BOORRY WALI</t>
  </si>
  <si>
    <t>Booray Wali</t>
  </si>
  <si>
    <t>Chak no 158 r.b</t>
  </si>
  <si>
    <t>158 RB</t>
  </si>
  <si>
    <t>Soby Chak</t>
  </si>
  <si>
    <t>14596</t>
  </si>
  <si>
    <t>37933</t>
  </si>
  <si>
    <t>4323</t>
  </si>
  <si>
    <t>12053</t>
  </si>
  <si>
    <t>GGPS CHUNNAR WALA</t>
  </si>
  <si>
    <t>HAIDER GHAZI- FEMALE</t>
  </si>
  <si>
    <t>Pattal gharbi</t>
  </si>
  <si>
    <t>channarwala taunsa mor kot addu</t>
  </si>
  <si>
    <t>Channarwala</t>
  </si>
  <si>
    <t>Pattal</t>
  </si>
  <si>
    <t>Laila Naz</t>
  </si>
  <si>
    <t>9131</t>
  </si>
  <si>
    <t>17760</t>
  </si>
  <si>
    <t>16595</t>
  </si>
  <si>
    <t>GPS SHADI KAY DILLO</t>
  </si>
  <si>
    <t>Shadi Kay Dullo</t>
  </si>
  <si>
    <t>CHAK SHADI KAY DULLO</t>
  </si>
  <si>
    <t>DARBAR SALAH-UD-DEEN</t>
  </si>
  <si>
    <t>Muhammad Abdul Qayyum</t>
  </si>
  <si>
    <t>28908</t>
  </si>
  <si>
    <t>28804</t>
  </si>
  <si>
    <t>28510</t>
  </si>
  <si>
    <t>15224</t>
  </si>
  <si>
    <t>GGPS CHAK 205 RB V KHURRIANWALA</t>
  </si>
  <si>
    <t>205rb</t>
  </si>
  <si>
    <t>ggps 205 rb v</t>
  </si>
  <si>
    <t>205 Rb Mohal Wala</t>
  </si>
  <si>
    <t>206 Rb</t>
  </si>
  <si>
    <t>Sumayya Sana</t>
  </si>
  <si>
    <t>10301</t>
  </si>
  <si>
    <t>29762</t>
  </si>
  <si>
    <t>9237</t>
  </si>
  <si>
    <t>43155</t>
  </si>
  <si>
    <t>GGHS COLLEGE ROAD CHAKWAL</t>
  </si>
  <si>
    <t>chakwal</t>
  </si>
  <si>
    <t>gghs no.3 sargojra chakwal</t>
  </si>
  <si>
    <t>mohallah sargojra chakwal</t>
  </si>
  <si>
    <t>chakwal city</t>
  </si>
  <si>
    <t>SAMINA SHAHEEN</t>
  </si>
  <si>
    <t>37048</t>
  </si>
  <si>
    <t>33772</t>
  </si>
  <si>
    <t>GGES ANSAR COLONY NO. 2 MULTAN CITY</t>
  </si>
  <si>
    <t>Shah Rukne Alam</t>
  </si>
  <si>
    <t>GGES Ansar Colony No2 Multan</t>
  </si>
  <si>
    <t>Mominabad</t>
  </si>
  <si>
    <t>Rubina Naz</t>
  </si>
  <si>
    <t>29134</t>
  </si>
  <si>
    <t>GGHS MAHALAM KALAN</t>
  </si>
  <si>
    <t>Mahalam Kalan</t>
  </si>
  <si>
    <t>Mahalam kalan</t>
  </si>
  <si>
    <t>Farzana Nasreen Hijazi</t>
  </si>
  <si>
    <t>19806</t>
  </si>
  <si>
    <t>45474</t>
  </si>
  <si>
    <t>14791</t>
  </si>
  <si>
    <t>GPS LATIF PARK</t>
  </si>
  <si>
    <t>Latif Park</t>
  </si>
  <si>
    <t>GPS Latif Park, Jhang Road. Faisalabad</t>
  </si>
  <si>
    <t>Jameel Park</t>
  </si>
  <si>
    <t>Muhammad Ashraf Goraya</t>
  </si>
  <si>
    <t>14698</t>
  </si>
  <si>
    <t>35613</t>
  </si>
  <si>
    <t>GPS 144 WB</t>
  </si>
  <si>
    <t>Sehar</t>
  </si>
  <si>
    <t>144wb</t>
  </si>
  <si>
    <t>Ashiq Hussain</t>
  </si>
  <si>
    <t>1714</t>
  </si>
  <si>
    <t>11039</t>
  </si>
  <si>
    <t>9325</t>
  </si>
  <si>
    <t>1282</t>
  </si>
  <si>
    <t>58685</t>
  </si>
  <si>
    <t>16182</t>
  </si>
  <si>
    <t>GHS 239/RB</t>
  </si>
  <si>
    <t>khanuana</t>
  </si>
  <si>
    <t>Govt. High School, 239 RB, 239 RB, Faisalabad</t>
  </si>
  <si>
    <t>239 RB</t>
  </si>
  <si>
    <t>239 RB Khanuana</t>
  </si>
  <si>
    <t>muhammad anwar</t>
  </si>
  <si>
    <t>22649</t>
  </si>
  <si>
    <t>35646</t>
  </si>
  <si>
    <t>GPS 140 WB</t>
  </si>
  <si>
    <t>140/wb</t>
  </si>
  <si>
    <t>chak no 140/wb tehsil mailsi district vehari</t>
  </si>
  <si>
    <t>Chak 140/wb</t>
  </si>
  <si>
    <t>Basti Sehr</t>
  </si>
  <si>
    <t>ASHIQ HUSSAIN FAIZI</t>
  </si>
  <si>
    <t>2752</t>
  </si>
  <si>
    <t>Electric water cooler</t>
  </si>
  <si>
    <t>3803</t>
  </si>
  <si>
    <t>37253</t>
  </si>
  <si>
    <t>14720</t>
  </si>
  <si>
    <t>GHS MC RASHID CHOWK SAMANABAD FSD</t>
  </si>
  <si>
    <t>MC HS Rasheed Chowk Samanabad Faisalabad</t>
  </si>
  <si>
    <t>TASNIM AHMAD</t>
  </si>
  <si>
    <t>36013</t>
  </si>
  <si>
    <t>GPS PER KHAEE</t>
  </si>
  <si>
    <t>GARHA MORE WEST - MALE</t>
  </si>
  <si>
    <t>Peer Khai</t>
  </si>
  <si>
    <t>moza peer khai  p/o mitro tehsil mailsi district vehari</t>
  </si>
  <si>
    <t>100/wb</t>
  </si>
  <si>
    <t>TAHIR MAHMOOD</t>
  </si>
  <si>
    <t>3357</t>
  </si>
  <si>
    <t>27914</t>
  </si>
  <si>
    <t>15405</t>
  </si>
  <si>
    <t>GGHS CHAK 55 GB</t>
  </si>
  <si>
    <t>AWAGAT</t>
  </si>
  <si>
    <t>GGHS 55 GB</t>
  </si>
  <si>
    <t>55gb</t>
  </si>
  <si>
    <t>55 GB</t>
  </si>
  <si>
    <t>SHAZIA SHAUKAT</t>
  </si>
  <si>
    <t>17820</t>
  </si>
  <si>
    <t>14792</t>
  </si>
  <si>
    <t>GGHS 80/GB FAISALABAD</t>
  </si>
  <si>
    <t>CHAK NO 80 GB KHUSHI PUR</t>
  </si>
  <si>
    <t>CHAK NO 80 GB PO KHAS SATIANA ROAD FSD.</t>
  </si>
  <si>
    <t>CHAK NO 80 GB FSD KHUSHI PUR</t>
  </si>
  <si>
    <t>CHAK NO 82 GB FSD.</t>
  </si>
  <si>
    <t>Mahnaz Akram</t>
  </si>
  <si>
    <t>4022</t>
  </si>
  <si>
    <t>5653</t>
  </si>
  <si>
    <t>15772</t>
  </si>
  <si>
    <t>GPS 235 RB</t>
  </si>
  <si>
    <t>Chak 235rb</t>
  </si>
  <si>
    <t>govt primary school chak no 235rb niamoana faisalabad</t>
  </si>
  <si>
    <t>Chak No235rb</t>
  </si>
  <si>
    <t>226rb Malkhanwala</t>
  </si>
  <si>
    <t>allah waris</t>
  </si>
  <si>
    <t>2347</t>
  </si>
  <si>
    <t>22276</t>
  </si>
  <si>
    <t>52369</t>
  </si>
  <si>
    <t>GHS PILOT NAWAN SHER MULTAN</t>
  </si>
  <si>
    <t>kiri misri khan</t>
  </si>
  <si>
    <t>govt. pilot secondary school abdali road nawan sher multan</t>
  </si>
  <si>
    <t>nawan sher</t>
  </si>
  <si>
    <t>bagh langay khan</t>
  </si>
  <si>
    <t>Mahar Allah Bakhsh</t>
  </si>
  <si>
    <t>1610</t>
  </si>
  <si>
    <t>15751</t>
  </si>
  <si>
    <t>GPS 296 RB III</t>
  </si>
  <si>
    <t>296 Rasalywala</t>
  </si>
  <si>
    <t>296 RB Rasaly Wala Fsd</t>
  </si>
  <si>
    <t>296 RB</t>
  </si>
  <si>
    <t>Hari  Singh</t>
  </si>
  <si>
    <t>Ahsan Ramzan</t>
  </si>
  <si>
    <t>1495</t>
  </si>
  <si>
    <t>3105</t>
  </si>
  <si>
    <t>40789</t>
  </si>
  <si>
    <t>15349</t>
  </si>
  <si>
    <t>GGHS CHAK NO 70 RB</t>
  </si>
  <si>
    <t>70rb</t>
  </si>
  <si>
    <t>chak no 70rb gujjarsingh teh. jaranwala district faisalabad</t>
  </si>
  <si>
    <t>Gujjarsingh</t>
  </si>
  <si>
    <t>Nazia Shafiq</t>
  </si>
  <si>
    <t>25276</t>
  </si>
  <si>
    <t>11468</t>
  </si>
  <si>
    <t>15948</t>
  </si>
  <si>
    <t>GGES CHAK 230 RB CHOHLA</t>
  </si>
  <si>
    <t>230RB</t>
  </si>
  <si>
    <t>GGE/S 230RB fsd</t>
  </si>
  <si>
    <t>232Rasala</t>
  </si>
  <si>
    <t>Shahida Khanam</t>
  </si>
  <si>
    <t>369</t>
  </si>
  <si>
    <t>6909</t>
  </si>
  <si>
    <t>GGES 235 GB</t>
  </si>
  <si>
    <t>BUCHIANA - FEMALE</t>
  </si>
  <si>
    <t>Chak No 235 GB Jaranwala District Faisal Abad</t>
  </si>
  <si>
    <t>235 GB</t>
  </si>
  <si>
    <t>Nasira Lodhi</t>
  </si>
  <si>
    <t>424</t>
  </si>
  <si>
    <t>13493</t>
  </si>
  <si>
    <t>16241</t>
  </si>
  <si>
    <t>GGHS 247/RB</t>
  </si>
  <si>
    <t>247rb</t>
  </si>
  <si>
    <t>chak 247rb miani fsd sadar</t>
  </si>
  <si>
    <t>Miani Chak 247rb</t>
  </si>
  <si>
    <t>Chak247</t>
  </si>
  <si>
    <t>Shabana Rana</t>
  </si>
  <si>
    <t>11610</t>
  </si>
  <si>
    <t>4599</t>
  </si>
  <si>
    <t>1283</t>
  </si>
  <si>
    <t>50957</t>
  </si>
  <si>
    <t>46045</t>
  </si>
  <si>
    <t>GPS ARAZI SHAHAMAD</t>
  </si>
  <si>
    <t>Arazi Shahamand</t>
  </si>
  <si>
    <t>Nai Abadi Arazi Shahamand</t>
  </si>
  <si>
    <t>Nai Abadi</t>
  </si>
  <si>
    <t>Dadra Bala</t>
  </si>
  <si>
    <t>1740</t>
  </si>
  <si>
    <t>33020</t>
  </si>
  <si>
    <t>GMPS WARA ANDHIAN</t>
  </si>
  <si>
    <t>wara andhian</t>
  </si>
  <si>
    <t>wara andhain</t>
  </si>
  <si>
    <t>Rehana Yasin</t>
  </si>
  <si>
    <t>1092</t>
  </si>
  <si>
    <t>48064</t>
  </si>
  <si>
    <t>GHS MATEELA</t>
  </si>
  <si>
    <t>Mateela</t>
  </si>
  <si>
    <t>Ghs mateela</t>
  </si>
  <si>
    <t>Zafar Iqbal</t>
  </si>
  <si>
    <t>8793</t>
  </si>
  <si>
    <t>GGHS LITRA</t>
  </si>
  <si>
    <t>litra</t>
  </si>
  <si>
    <t>litra teh tunsa sharif distt dg khan</t>
  </si>
  <si>
    <t>MRS TAG BEGUM</t>
  </si>
  <si>
    <t>8992</t>
  </si>
  <si>
    <t>25991</t>
  </si>
  <si>
    <t>39572</t>
  </si>
  <si>
    <t>GES JANDIAL</t>
  </si>
  <si>
    <t>BASAL - MALE</t>
  </si>
  <si>
    <t>Mithial</t>
  </si>
  <si>
    <t>Jandial Mithial Jand Attock</t>
  </si>
  <si>
    <t>Azhar Mehmood</t>
  </si>
  <si>
    <t>16635</t>
  </si>
  <si>
    <t>16340</t>
  </si>
  <si>
    <t>6276</t>
  </si>
  <si>
    <t>14122</t>
  </si>
  <si>
    <t>GMPS KOTLA NOOR MUHAMMAD</t>
  </si>
  <si>
    <t>KOTLA RAHIM - FEMALE</t>
  </si>
  <si>
    <t>Kotla Noor Muhammad Muhammad</t>
  </si>
  <si>
    <t>kotla noor muhammad</t>
  </si>
  <si>
    <t>Dheengan</t>
  </si>
  <si>
    <t>Khursheed Fazal</t>
  </si>
  <si>
    <t>30389</t>
  </si>
  <si>
    <t>GES  KEER KALAN 4/D-1 GREEN  TOWN</t>
  </si>
  <si>
    <t>keer kalan</t>
  </si>
  <si>
    <t>Government elementary school keer kalan 4d1 green town Lahore</t>
  </si>
  <si>
    <t>MUHAMMAD AZAM TAHIR</t>
  </si>
  <si>
    <t>7772</t>
  </si>
  <si>
    <t>14113</t>
  </si>
  <si>
    <t>3221</t>
  </si>
  <si>
    <t>24091</t>
  </si>
  <si>
    <t>GHS PINDI BHAGO</t>
  </si>
  <si>
    <t>pindi bhago</t>
  </si>
  <si>
    <t>village pindi bhago p/o kingra tehsil pasrur district sialkot</t>
  </si>
  <si>
    <t>sohail Rashid</t>
  </si>
  <si>
    <t>36087</t>
  </si>
  <si>
    <t>GGHS LUDDAN</t>
  </si>
  <si>
    <t>LUDDAN</t>
  </si>
  <si>
    <t>SAMINA MUSHTAQ</t>
  </si>
  <si>
    <t>GGES RASOOL PURA</t>
  </si>
  <si>
    <t>Rasool Pura</t>
  </si>
  <si>
    <t>muza rasool pura</t>
  </si>
  <si>
    <t>Halloki</t>
  </si>
  <si>
    <t>Bashir Bibi</t>
  </si>
  <si>
    <t>2779</t>
  </si>
  <si>
    <t>31808</t>
  </si>
  <si>
    <t>GGES GHANDHO WAL</t>
  </si>
  <si>
    <t>Ghandowal</t>
  </si>
  <si>
    <t>gges Ghandowal</t>
  </si>
  <si>
    <t>Nangal Bucher</t>
  </si>
  <si>
    <t>Nadia Arooj</t>
  </si>
  <si>
    <t>50674</t>
  </si>
  <si>
    <t>GHS 78/5-R</t>
  </si>
  <si>
    <t>78/5 R</t>
  </si>
  <si>
    <t>Chak #78/5_R</t>
  </si>
  <si>
    <t>78/5R</t>
  </si>
  <si>
    <t>24948</t>
  </si>
  <si>
    <t>30138</t>
  </si>
  <si>
    <t>2581</t>
  </si>
  <si>
    <t>4568</t>
  </si>
  <si>
    <t>17967</t>
  </si>
  <si>
    <t>18806</t>
  </si>
  <si>
    <t>GES JALAL PUR KAMLANA</t>
  </si>
  <si>
    <t>JALAL PUR KAMLANA-MALE</t>
  </si>
  <si>
    <t>Jalalpur Kamlana</t>
  </si>
  <si>
    <t>Maoza jalapur kamlana, p/o shorkot Teh shorkot Jhang.</t>
  </si>
  <si>
    <t>Ghuman Mari</t>
  </si>
  <si>
    <t>Muhammad Yar</t>
  </si>
  <si>
    <t>6634</t>
  </si>
  <si>
    <t>34720</t>
  </si>
  <si>
    <t>28350</t>
  </si>
  <si>
    <t>13810</t>
  </si>
  <si>
    <t>39480</t>
  </si>
  <si>
    <t>GHS INJRA</t>
  </si>
  <si>
    <t>INJRA</t>
  </si>
  <si>
    <t>Government Boys High School Injra</t>
  </si>
  <si>
    <t>MAKHAD</t>
  </si>
  <si>
    <t>Khuda Bakhash  Munir</t>
  </si>
  <si>
    <t>4708</t>
  </si>
  <si>
    <t>3260</t>
  </si>
  <si>
    <t>14631</t>
  </si>
  <si>
    <t>GGPS MC GHULAM RASOOL WALA ZULFIQAR  COLONY</t>
  </si>
  <si>
    <t>Zulifqar Colony</t>
  </si>
  <si>
    <t>st#6 zulifqar colony ghulam rasool wala</t>
  </si>
  <si>
    <t>224rb</t>
  </si>
  <si>
    <t>Misbah Jamshed</t>
  </si>
  <si>
    <t>3249</t>
  </si>
  <si>
    <t>331</t>
  </si>
  <si>
    <t>GPS KAMALAY WALA</t>
  </si>
  <si>
    <t>Nallla Mosani</t>
  </si>
  <si>
    <t>basti kamalay wala u/c nallamosani</t>
  </si>
  <si>
    <t>Kamalaywala</t>
  </si>
  <si>
    <t>Nallamosani</t>
  </si>
  <si>
    <t>50257</t>
  </si>
  <si>
    <t>42187</t>
  </si>
  <si>
    <t>GPS BARRIAN</t>
  </si>
  <si>
    <t>KOTLI SATTIAN</t>
  </si>
  <si>
    <t>WAGHAL - MALE</t>
  </si>
  <si>
    <t>Barrian Pathwara</t>
  </si>
  <si>
    <t>barrian</t>
  </si>
  <si>
    <t>Barrian</t>
  </si>
  <si>
    <t>Waghal Chajana</t>
  </si>
  <si>
    <t>LUBNA MAZHAR</t>
  </si>
  <si>
    <t>pipeline</t>
  </si>
  <si>
    <t>7898</t>
  </si>
  <si>
    <t>11898</t>
  </si>
  <si>
    <t>5378</t>
  </si>
  <si>
    <t>33551</t>
  </si>
  <si>
    <t>GGES SIRAN WALI BHULAIR 123/RB</t>
  </si>
  <si>
    <t>BHULAIR 119 RB-FEMALE</t>
  </si>
  <si>
    <t>Siranwali Bhulair</t>
  </si>
  <si>
    <t>siranwali bhulair 123 / RB</t>
  </si>
  <si>
    <t>Bhulair</t>
  </si>
  <si>
    <t>Javeria Mujahid</t>
  </si>
  <si>
    <t>44220</t>
  </si>
  <si>
    <t>28048</t>
  </si>
  <si>
    <t>GGHS KOT BLOCH</t>
  </si>
  <si>
    <t>vpo kotbaloch@gmail.com</t>
  </si>
  <si>
    <t>Kotbalouch</t>
  </si>
  <si>
    <t>tanzeela tanzeem</t>
  </si>
  <si>
    <t>37264</t>
  </si>
  <si>
    <t>43600</t>
  </si>
  <si>
    <t>32068</t>
  </si>
  <si>
    <t>GPS JHUGIAN NOORAN</t>
  </si>
  <si>
    <t>Jhugian Nooran</t>
  </si>
  <si>
    <t>jhugian nooran uc lagar tehsil and district sheikhupura</t>
  </si>
  <si>
    <t>4904</t>
  </si>
  <si>
    <t>14495</t>
  </si>
  <si>
    <t>GPS NASIR TOWN</t>
  </si>
  <si>
    <t>nasir town FSD</t>
  </si>
  <si>
    <t>Nasir Town</t>
  </si>
  <si>
    <t>chaman zar colony</t>
  </si>
  <si>
    <t>Rehmat Ali</t>
  </si>
  <si>
    <t>purchased from water supplier</t>
  </si>
  <si>
    <t>2707</t>
  </si>
  <si>
    <t>16909</t>
  </si>
  <si>
    <t>GES GHAZI ABAD</t>
  </si>
  <si>
    <t>JHANG SADAR - MALE</t>
  </si>
  <si>
    <t>Civil Station</t>
  </si>
  <si>
    <t>GES GHAZIABAD JHANG SADAR</t>
  </si>
  <si>
    <t>Ghazi Abad</t>
  </si>
  <si>
    <t>Syed Tahir Raza Shah</t>
  </si>
  <si>
    <t>8044</t>
  </si>
  <si>
    <t>2481</t>
  </si>
  <si>
    <t>19039</t>
  </si>
  <si>
    <t>GPS CHAK NO 707 GB</t>
  </si>
  <si>
    <t>Chak</t>
  </si>
  <si>
    <t>Chak No. 707 GB, Kamalia</t>
  </si>
  <si>
    <t>Chak No 707 GB</t>
  </si>
  <si>
    <t>Chak No 715 GB</t>
  </si>
  <si>
    <t>6034</t>
  </si>
  <si>
    <t>51734</t>
  </si>
  <si>
    <t>2654</t>
  </si>
  <si>
    <t>31003</t>
  </si>
  <si>
    <t>GES MC MAZAR BABA REHMAT SHAH</t>
  </si>
  <si>
    <t>RAIWIND - MALE</t>
  </si>
  <si>
    <t>Mohlla Mazar Baba Rehmat Shah Raiwind</t>
  </si>
  <si>
    <t>Moh Mazar Baba Rehmat Shah Raiwind</t>
  </si>
  <si>
    <t>Muhammad Younus Malik</t>
  </si>
  <si>
    <t>836</t>
  </si>
  <si>
    <t>14441</t>
  </si>
  <si>
    <t>19304</t>
  </si>
  <si>
    <t>GHS CHAK 269 GB</t>
  </si>
  <si>
    <t>Kot Khatran</t>
  </si>
  <si>
    <t>chak no 269 GB</t>
  </si>
  <si>
    <t>Abid Hanif</t>
  </si>
  <si>
    <t>17081</t>
  </si>
  <si>
    <t>676</t>
  </si>
  <si>
    <t>16339</t>
  </si>
  <si>
    <t>30400</t>
  </si>
  <si>
    <t>44000</t>
  </si>
  <si>
    <t>8768</t>
  </si>
  <si>
    <t>1081</t>
  </si>
  <si>
    <t>33574</t>
  </si>
  <si>
    <t>GGHS MARAR CHAK NO.42/RB</t>
  </si>
  <si>
    <t>Chak No 42/RB</t>
  </si>
  <si>
    <t>marrar 42/r.b</t>
  </si>
  <si>
    <t>Marrar 41</t>
  </si>
  <si>
    <t>zunerah saeed</t>
  </si>
  <si>
    <t>31892</t>
  </si>
  <si>
    <t>41892</t>
  </si>
  <si>
    <t>GGES MARRIR HASAN</t>
  </si>
  <si>
    <t>Dhok Chiraghdin</t>
  </si>
  <si>
    <t>GGES MARIR HASSAN SITUATED IN DHOK CHIRAGH DIN RWP</t>
  </si>
  <si>
    <t>RWP</t>
  </si>
  <si>
    <t>CANTT WARD 2</t>
  </si>
  <si>
    <t>Shazia Yasmeen</t>
  </si>
  <si>
    <t>5621</t>
  </si>
  <si>
    <t>13307</t>
  </si>
  <si>
    <t>2927</t>
  </si>
  <si>
    <t>36475</t>
  </si>
  <si>
    <t>GGPS 58 KB WEST</t>
  </si>
  <si>
    <t>MACHIWAL SOUTH - FEMALE</t>
  </si>
  <si>
    <t>58/KB West</t>
  </si>
  <si>
    <t>Chak No. 58/K.B West Vehari</t>
  </si>
  <si>
    <t>Ala Abad</t>
  </si>
  <si>
    <t>11183</t>
  </si>
  <si>
    <t>3653</t>
  </si>
  <si>
    <t>25503</t>
  </si>
  <si>
    <t>GGPS CHAK BASAO</t>
  </si>
  <si>
    <t>DHAILAM BALLAGAN - FEMALE</t>
  </si>
  <si>
    <t>Chak Basao</t>
  </si>
  <si>
    <t>chak basao p.o malkhanWala</t>
  </si>
  <si>
    <t>Malkhanwala</t>
  </si>
  <si>
    <t>Tyyaba Bajwa</t>
  </si>
  <si>
    <t>6280</t>
  </si>
  <si>
    <t>15017</t>
  </si>
  <si>
    <t>36607</t>
  </si>
  <si>
    <t>GHS SAI SAHU ABDUL HAKIM</t>
  </si>
  <si>
    <t>Sai Sahu</t>
  </si>
  <si>
    <t>mouza sai sahu p/o old head sidhnai tehsil kabirwala</t>
  </si>
  <si>
    <t>Atta Muhammad Khan</t>
  </si>
  <si>
    <t>16864</t>
  </si>
  <si>
    <t>19771</t>
  </si>
  <si>
    <t>44183</t>
  </si>
  <si>
    <t>GHS BHATTI GUJJAR</t>
  </si>
  <si>
    <t>Bhatti Gujjar</t>
  </si>
  <si>
    <t>VPO Bhatti Gujjar tehsil kallar kahar district chakwal</t>
  </si>
  <si>
    <t>Bharpur</t>
  </si>
  <si>
    <t>Haroon Mujtaba</t>
  </si>
  <si>
    <t>7364</t>
  </si>
  <si>
    <t>28325</t>
  </si>
  <si>
    <t>968</t>
  </si>
  <si>
    <t>4101</t>
  </si>
  <si>
    <t>46082</t>
  </si>
  <si>
    <t>GES JASWAL</t>
  </si>
  <si>
    <t>KATHA SAGRAL (EAST) (MALE)</t>
  </si>
  <si>
    <t>Jaswal</t>
  </si>
  <si>
    <t>Village Jaswal</t>
  </si>
  <si>
    <t>Daiwal</t>
  </si>
  <si>
    <t>Imran Ali Haider</t>
  </si>
  <si>
    <t>9016</t>
  </si>
  <si>
    <t>2948</t>
  </si>
  <si>
    <t>6965</t>
  </si>
  <si>
    <t>50717</t>
  </si>
  <si>
    <t>GGHS MC JUNIOR MODEL NO.3 SAHIWAL</t>
  </si>
  <si>
    <t>Nai Abadi Jhall Road</t>
  </si>
  <si>
    <t>Muzdoor puli Nai Abadi Jhal Road Sahiwal</t>
  </si>
  <si>
    <t>Nai Abadi Jhal Road</t>
  </si>
  <si>
    <t>RAHILA MOHSIN</t>
  </si>
  <si>
    <t>22370</t>
  </si>
  <si>
    <t>23327</t>
  </si>
  <si>
    <t>27620</t>
  </si>
  <si>
    <t>GHS RAFI UL ISLAM MALAKWAL</t>
  </si>
  <si>
    <t>Malakwal</t>
  </si>
  <si>
    <t>Near Police Station</t>
  </si>
  <si>
    <t>Muhammad Farooq Ghumman</t>
  </si>
  <si>
    <t>2547</t>
  </si>
  <si>
    <t>19089</t>
  </si>
  <si>
    <t>53075</t>
  </si>
  <si>
    <t>GGPS CHAK 753 GB</t>
  </si>
  <si>
    <t>AROTI FEMALE</t>
  </si>
  <si>
    <t>753gb</t>
  </si>
  <si>
    <t>chak no.753 gb</t>
  </si>
  <si>
    <t>Chak 753 gb</t>
  </si>
  <si>
    <t>Nawab Bhoti</t>
  </si>
  <si>
    <t>HUMA AMANAT</t>
  </si>
  <si>
    <t>15082</t>
  </si>
  <si>
    <t>53449</t>
  </si>
  <si>
    <t>GGPS JALAL KOT OKARA</t>
  </si>
  <si>
    <t>jalal kot</t>
  </si>
  <si>
    <t>Jalal Kot</t>
  </si>
  <si>
    <t>Ward No 27</t>
  </si>
  <si>
    <t>Farzana Nazir</t>
  </si>
  <si>
    <t>20208</t>
  </si>
  <si>
    <t>39869</t>
  </si>
  <si>
    <t>9708</t>
  </si>
  <si>
    <t>3254</t>
  </si>
  <si>
    <t>33662</t>
  </si>
  <si>
    <t>GGES FAROOQ PURA OLD SHUJABAD ROAD MULTAN</t>
  </si>
  <si>
    <t>RANGEEL PUR - FEMALE</t>
  </si>
  <si>
    <t>Qutub Pur</t>
  </si>
  <si>
    <t>farooqpura2014@gmail.com</t>
  </si>
  <si>
    <t>Farooq Pura</t>
  </si>
  <si>
    <t>Shabana Wahid Bakhsh</t>
  </si>
  <si>
    <t>2456</t>
  </si>
  <si>
    <t>21885</t>
  </si>
  <si>
    <t>GHS GHUMMAN WALA</t>
  </si>
  <si>
    <t>Ghummanwala</t>
  </si>
  <si>
    <t>Ghs ghumman wala tehsil nowshera virkan district gujranwala</t>
  </si>
  <si>
    <t>zafar yasin</t>
  </si>
  <si>
    <t>6675</t>
  </si>
  <si>
    <t>34269</t>
  </si>
  <si>
    <t>GES QADIR PUR RAWAN MULTAN</t>
  </si>
  <si>
    <t>Qadir Pur Ran</t>
  </si>
  <si>
    <t>3843</t>
  </si>
  <si>
    <t>31933</t>
  </si>
  <si>
    <t>GES KAKKAR GILL</t>
  </si>
  <si>
    <t>SHEIKHUPURA-XVII - MALE</t>
  </si>
  <si>
    <t>Kakkar Gill</t>
  </si>
  <si>
    <t>Kakkar Gill p/o Kakkar Gill tehsil &amp; distt sheikhupura</t>
  </si>
  <si>
    <t>Abid Hussain Bhatti</t>
  </si>
  <si>
    <t>7728</t>
  </si>
  <si>
    <t>35658</t>
  </si>
  <si>
    <t>48768</t>
  </si>
  <si>
    <t>31172</t>
  </si>
  <si>
    <t>GGPS DHOLANWAL BAND ROAD</t>
  </si>
  <si>
    <t>dholanwal band raod lhr</t>
  </si>
  <si>
    <t>Dholanwak</t>
  </si>
  <si>
    <t>Shahida Anjum</t>
  </si>
  <si>
    <t>36491</t>
  </si>
  <si>
    <t>GPS JUNGLE BARALI NO. 1</t>
  </si>
  <si>
    <t>Jungle Burali</t>
  </si>
  <si>
    <t>Moza Jungle Burali,Tehsil &amp; District, Vehari.</t>
  </si>
  <si>
    <t>24/WB</t>
  </si>
  <si>
    <t>Muhammad Faisal</t>
  </si>
  <si>
    <t>11728</t>
  </si>
  <si>
    <t>35475</t>
  </si>
  <si>
    <t>12470</t>
  </si>
  <si>
    <t>GPS NOOR KUBRA</t>
  </si>
  <si>
    <t>Noor kubra</t>
  </si>
  <si>
    <t>Muhammad Younis</t>
  </si>
  <si>
    <t>20279</t>
  </si>
  <si>
    <t>18563</t>
  </si>
  <si>
    <t>41952</t>
  </si>
  <si>
    <t>GGPS LIAQAT COLONY</t>
  </si>
  <si>
    <t>Liaqat Colony</t>
  </si>
  <si>
    <t>ggps liaqat colony Rawalpindi</t>
  </si>
  <si>
    <t>Rubina  Walayat</t>
  </si>
  <si>
    <t>5148</t>
  </si>
  <si>
    <t>50050</t>
  </si>
  <si>
    <t>657</t>
  </si>
  <si>
    <t>4332</t>
  </si>
  <si>
    <t>11855</t>
  </si>
  <si>
    <t>GGCMS EISAN WALA</t>
  </si>
  <si>
    <t>MANHAN- FEMALE</t>
  </si>
  <si>
    <t>Easan Wala</t>
  </si>
  <si>
    <t>govt girls community model school easan wala</t>
  </si>
  <si>
    <t>Thatta Gurmani Sharki</t>
  </si>
  <si>
    <t>Abida Khanam</t>
  </si>
  <si>
    <t>18431</t>
  </si>
  <si>
    <t>17295</t>
  </si>
  <si>
    <t>17871</t>
  </si>
  <si>
    <t>GGES BOORI</t>
  </si>
  <si>
    <t>Boori</t>
  </si>
  <si>
    <t>moza boori tehsil and district jhang</t>
  </si>
  <si>
    <t>Kot Essa Shah</t>
  </si>
  <si>
    <t>Sobia Akhtar</t>
  </si>
  <si>
    <t>11413</t>
  </si>
  <si>
    <t>19960</t>
  </si>
  <si>
    <t>38209</t>
  </si>
  <si>
    <t>13100</t>
  </si>
  <si>
    <t>39431</t>
  </si>
  <si>
    <t>GPS ZAMAN ABAD</t>
  </si>
  <si>
    <t>Mianwala</t>
  </si>
  <si>
    <t>mianwala</t>
  </si>
  <si>
    <t>Khalid Mahmud</t>
  </si>
  <si>
    <t>1167</t>
  </si>
  <si>
    <t>9640</t>
  </si>
  <si>
    <t>35250</t>
  </si>
  <si>
    <t>4382</t>
  </si>
  <si>
    <t>23317</t>
  </si>
  <si>
    <t>GGPS GRATTIAN</t>
  </si>
  <si>
    <t>DINGA-IV-FEMALE</t>
  </si>
  <si>
    <t>Grattian</t>
  </si>
  <si>
    <t>village grattian post office  dinga</t>
  </si>
  <si>
    <t>Warrichanwala</t>
  </si>
  <si>
    <t>Tayyaba Naz</t>
  </si>
  <si>
    <t>16460</t>
  </si>
  <si>
    <t>14880</t>
  </si>
  <si>
    <t>9230</t>
  </si>
  <si>
    <t>37246</t>
  </si>
  <si>
    <t>10572</t>
  </si>
  <si>
    <t>GES CHAK NO 152 TDA</t>
  </si>
  <si>
    <t>Chak No152/ TDA</t>
  </si>
  <si>
    <t>Chak No. 152/ TDA</t>
  </si>
  <si>
    <t>Chak No 152/ TDA</t>
  </si>
  <si>
    <t>Maher Hasnain Shehzad</t>
  </si>
  <si>
    <t>10269</t>
  </si>
  <si>
    <t>50499</t>
  </si>
  <si>
    <t>45557</t>
  </si>
  <si>
    <t>33298</t>
  </si>
  <si>
    <t>GGPS MUSLIM ABAD</t>
  </si>
  <si>
    <t>Muslim Abad</t>
  </si>
  <si>
    <t>GGPS Muslim ABAD</t>
  </si>
  <si>
    <t>Bhalike Station</t>
  </si>
  <si>
    <t>Misbah Mukhtar</t>
  </si>
  <si>
    <t>45397</t>
  </si>
  <si>
    <t>376</t>
  </si>
  <si>
    <t>47723</t>
  </si>
  <si>
    <t>GHSS SHAMSHEERA ABAD</t>
  </si>
  <si>
    <t>Chak No 16 ML</t>
  </si>
  <si>
    <t>Chak No 9 ML Piplan (Mianwali)</t>
  </si>
  <si>
    <t>Chak No 16 ML Piplan</t>
  </si>
  <si>
    <t>Dabb</t>
  </si>
  <si>
    <t>TARIQ AYYUB NIAZI</t>
  </si>
  <si>
    <t>20335</t>
  </si>
  <si>
    <t>17976</t>
  </si>
  <si>
    <t>41939</t>
  </si>
  <si>
    <t>GGES DHOK KALA KHAN</t>
  </si>
  <si>
    <t>ADYALA -FEMALE</t>
  </si>
  <si>
    <t>Dhoke Kala Khan</t>
  </si>
  <si>
    <t>gges dhoke kala khan chaklala scheme 3 rwp</t>
  </si>
  <si>
    <t>Dhoke Munshi</t>
  </si>
  <si>
    <t>Majeeda Imran</t>
  </si>
  <si>
    <t>tanker</t>
  </si>
  <si>
    <t>19336</t>
  </si>
  <si>
    <t>GGHS CHAK 290 GB</t>
  </si>
  <si>
    <t>chak no 290 gb Teh.&amp;Distt T.T.Singh</t>
  </si>
  <si>
    <t>290gb</t>
  </si>
  <si>
    <t>290 gb</t>
  </si>
  <si>
    <t>Sadia Amir</t>
  </si>
  <si>
    <t>23599</t>
  </si>
  <si>
    <t>28117</t>
  </si>
  <si>
    <t>633</t>
  </si>
  <si>
    <t>1299</t>
  </si>
  <si>
    <t>51494</t>
  </si>
  <si>
    <t>GPS CHAK NO. 36/SP KHURD</t>
  </si>
  <si>
    <t>BABA FARID - MALE</t>
  </si>
  <si>
    <t>36sp KHURD</t>
  </si>
  <si>
    <t>G.P.S.36Sp khurd pakpattan</t>
  </si>
  <si>
    <t>36sp KHURD PAKPATTAN</t>
  </si>
  <si>
    <t>30sp</t>
  </si>
  <si>
    <t>AFTAB  AHMAD</t>
  </si>
  <si>
    <t>51048</t>
  </si>
  <si>
    <t>45309</t>
  </si>
  <si>
    <t>39092</t>
  </si>
  <si>
    <t>GGPS NAIKA</t>
  </si>
  <si>
    <t>Naika</t>
  </si>
  <si>
    <t>ggps naika district attock</t>
  </si>
  <si>
    <t>jhang</t>
  </si>
  <si>
    <t>zeenat Kousar</t>
  </si>
  <si>
    <t>29944</t>
  </si>
  <si>
    <t>29520</t>
  </si>
  <si>
    <t>33023</t>
  </si>
  <si>
    <t>GGES BHAGOOR</t>
  </si>
  <si>
    <t>bhagoor</t>
  </si>
  <si>
    <t>chak 572 bhagoor</t>
  </si>
  <si>
    <t>ilyas nagar</t>
  </si>
  <si>
    <t>Mehak Gull</t>
  </si>
  <si>
    <t>21525</t>
  </si>
  <si>
    <t>4436</t>
  </si>
  <si>
    <t>12986</t>
  </si>
  <si>
    <t>GGPS MC BILOCH NAGAR</t>
  </si>
  <si>
    <t>BHUTTA PUR- FEMALE</t>
  </si>
  <si>
    <t>Muzaffargarh</t>
  </si>
  <si>
    <t>baloch Nagar</t>
  </si>
  <si>
    <t>Baloch Nagar</t>
  </si>
  <si>
    <t>Rukhsana  Tabassum</t>
  </si>
  <si>
    <t>15997</t>
  </si>
  <si>
    <t>24135</t>
  </si>
  <si>
    <t>GGES DARWAL</t>
  </si>
  <si>
    <t>MASIYAL - FEMALE</t>
  </si>
  <si>
    <t>Darwal</t>
  </si>
  <si>
    <t>village Darwal post office paktaal tehsil pasrur district sialkot</t>
  </si>
  <si>
    <t>Masiyal</t>
  </si>
  <si>
    <t>Nighat Yasmeen</t>
  </si>
  <si>
    <t>53687</t>
  </si>
  <si>
    <t>51250</t>
  </si>
  <si>
    <t>6689</t>
  </si>
  <si>
    <t>GGPS RAFI ULLAH KHAN</t>
  </si>
  <si>
    <t>BAHISHTI-FEMALE</t>
  </si>
  <si>
    <t>Kotsamaba</t>
  </si>
  <si>
    <t>Ggps Rafi ullah khan p / o kot samaba</t>
  </si>
  <si>
    <t>Rafi Ullah Khan</t>
  </si>
  <si>
    <t>10298</t>
  </si>
  <si>
    <t>4555</t>
  </si>
  <si>
    <t>22879</t>
  </si>
  <si>
    <t>6355</t>
  </si>
  <si>
    <t>19177</t>
  </si>
  <si>
    <t>52521</t>
  </si>
  <si>
    <t>GGES CHAK 744 GB</t>
  </si>
  <si>
    <t>SHAHABAL SHAH-FEMALE</t>
  </si>
  <si>
    <t>chak no 744 GB</t>
  </si>
  <si>
    <t>chak no.744 G.B. Tehsil kamalia T.T.singh</t>
  </si>
  <si>
    <t>Chak No 744 GB</t>
  </si>
  <si>
    <t>chak no 722 GB</t>
  </si>
  <si>
    <t>38077</t>
  </si>
  <si>
    <t>3218</t>
  </si>
  <si>
    <t>26031</t>
  </si>
  <si>
    <t>GHS SHAH PUR BHANGOO</t>
  </si>
  <si>
    <t>Shahpur Bhangu</t>
  </si>
  <si>
    <t>village &amp;post office Shah Pur Bhangu, tehsil shakargarh, district narowal</t>
  </si>
  <si>
    <t>Shah Pur Bhangu</t>
  </si>
  <si>
    <t>asif masood</t>
  </si>
  <si>
    <t>1705</t>
  </si>
  <si>
    <t>1376</t>
  </si>
  <si>
    <t>8574</t>
  </si>
  <si>
    <t>GPS KANDAY WALA</t>
  </si>
  <si>
    <t>Kot Habbit</t>
  </si>
  <si>
    <t>government primary school kanday wala</t>
  </si>
  <si>
    <t>Kanday wala</t>
  </si>
  <si>
    <t>Yasir Amin</t>
  </si>
  <si>
    <t>25191</t>
  </si>
  <si>
    <t>GGES KOT KOURA</t>
  </si>
  <si>
    <t>Kot koura</t>
  </si>
  <si>
    <t>po box kot koura teh&amp; district sialkot</t>
  </si>
  <si>
    <t>Kot Koura</t>
  </si>
  <si>
    <t>Partanwali</t>
  </si>
  <si>
    <t>Aliya sarfraz</t>
  </si>
  <si>
    <t>21880</t>
  </si>
  <si>
    <t>20020</t>
  </si>
  <si>
    <t>15991</t>
  </si>
  <si>
    <t>GGPS CHAK 105 JB</t>
  </si>
  <si>
    <t>Qaziwala</t>
  </si>
  <si>
    <t>105/jb qaziwala</t>
  </si>
  <si>
    <t>105/jb</t>
  </si>
  <si>
    <t>113 /jb</t>
  </si>
  <si>
    <t>Kaneez Fatima</t>
  </si>
  <si>
    <t>5618</t>
  </si>
  <si>
    <t>41328</t>
  </si>
  <si>
    <t>37707</t>
  </si>
  <si>
    <t>22470</t>
  </si>
  <si>
    <t>GMPS PINDI MIANI</t>
  </si>
  <si>
    <t>Pindimiani</t>
  </si>
  <si>
    <t>village pindimiani p.o. jalalpur jattan district Gujrat</t>
  </si>
  <si>
    <t>Mandhala</t>
  </si>
  <si>
    <t>Saima Razzaq Hashmi</t>
  </si>
  <si>
    <t>26083</t>
  </si>
  <si>
    <t>18324</t>
  </si>
  <si>
    <t>43102</t>
  </si>
  <si>
    <t>GGHS KARYALA</t>
  </si>
  <si>
    <t>VPO karyala Teh and District chakwal.</t>
  </si>
  <si>
    <t>Ghania Javed</t>
  </si>
  <si>
    <t>20441</t>
  </si>
  <si>
    <t>433</t>
  </si>
  <si>
    <t>37122</t>
  </si>
  <si>
    <t>39944</t>
  </si>
  <si>
    <t>GPS BHANGI</t>
  </si>
  <si>
    <t>Bangai</t>
  </si>
  <si>
    <t>Near Tuba CNG Station Turbela road Hazro District Attock</t>
  </si>
  <si>
    <t>Umer Javed</t>
  </si>
  <si>
    <t>29628</t>
  </si>
  <si>
    <t>GHS DHOLAN CHAK NO.7</t>
  </si>
  <si>
    <t>Dholan Chak No 7</t>
  </si>
  <si>
    <t>Dholan Chak No 7  Tehsil Pattoki Distt. Kasur</t>
  </si>
  <si>
    <t>Dholan Chak No.7</t>
  </si>
  <si>
    <t>Kothiwala Chak no.7</t>
  </si>
  <si>
    <t>Mohsin Abbas</t>
  </si>
  <si>
    <t>14548</t>
  </si>
  <si>
    <t>790</t>
  </si>
  <si>
    <t>GPS KALERI PACHADH</t>
  </si>
  <si>
    <t>Chabri Bala</t>
  </si>
  <si>
    <t>chah dostan Wala p\o chabri bala</t>
  </si>
  <si>
    <t>Basti Dostan Wala</t>
  </si>
  <si>
    <t>4404</t>
  </si>
  <si>
    <t>11604</t>
  </si>
  <si>
    <t>GPS JILANI WALA</t>
  </si>
  <si>
    <t>THATHA GURMANI- MALE</t>
  </si>
  <si>
    <t>Thatha gurmani gharbi</t>
  </si>
  <si>
    <t>Chah kalo wala, p/o Thatha gurmani kotaddu muzaffar garh</t>
  </si>
  <si>
    <t>Kalu wala</t>
  </si>
  <si>
    <t>Thatha gurmani</t>
  </si>
  <si>
    <t>16609</t>
  </si>
  <si>
    <t>GPS CHAK 504 GB MAMUNKANJAN</t>
  </si>
  <si>
    <t>Chakno 504GB</t>
  </si>
  <si>
    <t>Chak No  504GB Tehsil Tandlianwalah  Faisal Abad</t>
  </si>
  <si>
    <t>504GB</t>
  </si>
  <si>
    <t>Ali Bahadar</t>
  </si>
  <si>
    <t>33698</t>
  </si>
  <si>
    <t>16138</t>
  </si>
  <si>
    <t>GGES CHAK 108 JB</t>
  </si>
  <si>
    <t>108 Jb</t>
  </si>
  <si>
    <t>gges 108 jb</t>
  </si>
  <si>
    <t>Talwandi</t>
  </si>
  <si>
    <t>115 Jb</t>
  </si>
  <si>
    <t>Ismat Naz</t>
  </si>
  <si>
    <t>16013</t>
  </si>
  <si>
    <t>467</t>
  </si>
  <si>
    <t>793</t>
  </si>
  <si>
    <t>13482</t>
  </si>
  <si>
    <t>GPS PATWALI</t>
  </si>
  <si>
    <t>JHOK MAHAR - MALE</t>
  </si>
  <si>
    <t>Pat Wali</t>
  </si>
  <si>
    <t>pat wali</t>
  </si>
  <si>
    <t>Tufki</t>
  </si>
  <si>
    <t>16559</t>
  </si>
  <si>
    <t>GPS SARIAN WALA TANDLIANWALA</t>
  </si>
  <si>
    <t>D Alam Shah</t>
  </si>
  <si>
    <t>sarianwala tandlianwala Faisalabad</t>
  </si>
  <si>
    <t>Sarianwala</t>
  </si>
  <si>
    <t>Chak No 615gb</t>
  </si>
  <si>
    <t>Ali Muhammad</t>
  </si>
  <si>
    <t>25565</t>
  </si>
  <si>
    <t>23667</t>
  </si>
  <si>
    <t>16567</t>
  </si>
  <si>
    <t>GPS ABUVEHNI WAL</t>
  </si>
  <si>
    <t>Abu Wehniwal</t>
  </si>
  <si>
    <t>Darbar Sala Din</t>
  </si>
  <si>
    <t>Haqnawaz</t>
  </si>
  <si>
    <t>19550</t>
  </si>
  <si>
    <t>19496</t>
  </si>
  <si>
    <t>19014</t>
  </si>
  <si>
    <t>13739</t>
  </si>
  <si>
    <t>GPS BASTI WAJA</t>
  </si>
  <si>
    <t>Basti Waja</t>
  </si>
  <si>
    <t>Saho Wala maoza Basti Waja</t>
  </si>
  <si>
    <t>Saho Wala</t>
  </si>
  <si>
    <t>Basti Meran</t>
  </si>
  <si>
    <t>18441</t>
  </si>
  <si>
    <t>16788</t>
  </si>
  <si>
    <t>GHS CHAK 509 GB MAMUNKANJAN FSD</t>
  </si>
  <si>
    <t>Mamunkanjan</t>
  </si>
  <si>
    <t>Chak No. 509 GB, Mamunkanjan, Tehsil Tandlianwala, District Faisalabad</t>
  </si>
  <si>
    <t>Chak No. 509 G.B</t>
  </si>
  <si>
    <t>MC Mamunkanjan</t>
  </si>
  <si>
    <t>zahid ur rehman</t>
  </si>
  <si>
    <t>11370</t>
  </si>
  <si>
    <t>1042</t>
  </si>
  <si>
    <t>15937</t>
  </si>
  <si>
    <t>GGPS CHAK NO 201 RB II</t>
  </si>
  <si>
    <t>201 rb II</t>
  </si>
  <si>
    <t>G.G .P. School 201 rb II</t>
  </si>
  <si>
    <t>201rb II</t>
  </si>
  <si>
    <t>195 Rb</t>
  </si>
  <si>
    <t>Shabana Nahid</t>
  </si>
  <si>
    <t>20130</t>
  </si>
  <si>
    <t>17800</t>
  </si>
  <si>
    <t>13618</t>
  </si>
  <si>
    <t>22785</t>
  </si>
  <si>
    <t>25213</t>
  </si>
  <si>
    <t>GMPS PRAG PUR</t>
  </si>
  <si>
    <t>HUNDAL - FEMALE</t>
  </si>
  <si>
    <t>GMPS Prag Pur,P/O Sahowali Tehsil,District Sialkot</t>
  </si>
  <si>
    <t>Arshad Bano</t>
  </si>
  <si>
    <t>4992</t>
  </si>
  <si>
    <t>19085</t>
  </si>
  <si>
    <t>14093</t>
  </si>
  <si>
    <t>21135</t>
  </si>
  <si>
    <t>GGPS THATHA FAQIR ULLAH</t>
  </si>
  <si>
    <t>WAZIRABAD CITY 4 - FEMALE</t>
  </si>
  <si>
    <t>Thatha Faqeer Ullah</t>
  </si>
  <si>
    <t>thatha faqirullah wazirabad</t>
  </si>
  <si>
    <t>Saeeda Firdous</t>
  </si>
  <si>
    <t>4105</t>
  </si>
  <si>
    <t>46320</t>
  </si>
  <si>
    <t>49744</t>
  </si>
  <si>
    <t>GPS CHAK NO.134 SB</t>
  </si>
  <si>
    <t>134 SB</t>
  </si>
  <si>
    <t>GPS 134 SB Chak No.134 SB Tehsil Sillanwali District Sargodha</t>
  </si>
  <si>
    <t>Chak No 134 SB</t>
  </si>
  <si>
    <t>Chak No 135 SB</t>
  </si>
  <si>
    <t>Zeshan Mehmood</t>
  </si>
  <si>
    <t>27006</t>
  </si>
  <si>
    <t>8882</t>
  </si>
  <si>
    <t>3004</t>
  </si>
  <si>
    <t>26311</t>
  </si>
  <si>
    <t>35580</t>
  </si>
  <si>
    <t>GGPS KAYAL</t>
  </si>
  <si>
    <t>PHAGWARI - FEMALE</t>
  </si>
  <si>
    <t>Kayal</t>
  </si>
  <si>
    <t>GGPS Kayal</t>
  </si>
  <si>
    <t>Phagwari</t>
  </si>
  <si>
    <t>Shehnaz Akhter</t>
  </si>
  <si>
    <t>52230</t>
  </si>
  <si>
    <t>33098</t>
  </si>
  <si>
    <t>19241</t>
  </si>
  <si>
    <t>GHS 151 GB TAMIR-E-MILLAT ISLAH NAGAR</t>
  </si>
  <si>
    <t>CHAK NO 151 GB</t>
  </si>
  <si>
    <t>Govt. Tameer-i-Millat H/S Islah Nagar, Toba Tek Singh</t>
  </si>
  <si>
    <t>GHULAM MUSTAFA</t>
  </si>
  <si>
    <t>5248</t>
  </si>
  <si>
    <t>1617</t>
  </si>
  <si>
    <t>2667</t>
  </si>
  <si>
    <t>48409</t>
  </si>
  <si>
    <t>GPS ANJUMAN ISLAMIA BHERA</t>
  </si>
  <si>
    <t>BHERA - MALE</t>
  </si>
  <si>
    <t>City Bhera</t>
  </si>
  <si>
    <t>kacha vera inside darwaza chak wala bhera</t>
  </si>
  <si>
    <t>Bhera</t>
  </si>
  <si>
    <t>Mc Bhera</t>
  </si>
  <si>
    <t>Javed Iqbal Qamer</t>
  </si>
  <si>
    <t>23039</t>
  </si>
  <si>
    <t>26668</t>
  </si>
  <si>
    <t>6685</t>
  </si>
  <si>
    <t>16574</t>
  </si>
  <si>
    <t>GPS 458 GB II</t>
  </si>
  <si>
    <t>Killianwala</t>
  </si>
  <si>
    <t>chak no 458 gb-2</t>
  </si>
  <si>
    <t>458-2</t>
  </si>
  <si>
    <t>458-1</t>
  </si>
  <si>
    <t>MUHAMMAD SAEED AHMAD ASAD</t>
  </si>
  <si>
    <t>32976</t>
  </si>
  <si>
    <t>1204</t>
  </si>
  <si>
    <t>54169</t>
  </si>
  <si>
    <t>GGPS GARI WALA SHUJABAD</t>
  </si>
  <si>
    <t>Matotli</t>
  </si>
  <si>
    <t>Chan malhy Wala p/o matotli</t>
  </si>
  <si>
    <t>Sadia Ishaq</t>
  </si>
  <si>
    <t>38645</t>
  </si>
  <si>
    <t>49381</t>
  </si>
  <si>
    <t>22018</t>
  </si>
  <si>
    <t>GMPS THATHA QUTBA</t>
  </si>
  <si>
    <t>THATHA QUTBA</t>
  </si>
  <si>
    <t>VILLAGE THATHA QUTBA P/O BHIRI KHURD TEHSIL NOWSHERAH VIRKAN DISTRICT GUJRANWALA</t>
  </si>
  <si>
    <t>BHIRI KALAN</t>
  </si>
  <si>
    <t>Sadaf Mushtaq</t>
  </si>
  <si>
    <t>6522</t>
  </si>
  <si>
    <t>14153</t>
  </si>
  <si>
    <t>642</t>
  </si>
  <si>
    <t>40552</t>
  </si>
  <si>
    <t>GHS NAGIAL</t>
  </si>
  <si>
    <t>GHS NAGIAL TEHSIL SOHAWA DISTT JHELUM</t>
  </si>
  <si>
    <t>NAGIAL</t>
  </si>
  <si>
    <t>ABID HUSSAIN</t>
  </si>
  <si>
    <t>25925</t>
  </si>
  <si>
    <t>21127</t>
  </si>
  <si>
    <t>GMPS RATTI THATH</t>
  </si>
  <si>
    <t>Ratti Thath</t>
  </si>
  <si>
    <t>Shazia Bahadur</t>
  </si>
  <si>
    <t>25500</t>
  </si>
  <si>
    <t>33932</t>
  </si>
  <si>
    <t>GES SOMAN QADEEM P/O AGHAR KHAWANI</t>
  </si>
  <si>
    <t>Soman</t>
  </si>
  <si>
    <t>Basti langrawain moza Soman ShujaAbad</t>
  </si>
  <si>
    <t>Basti Langrawain</t>
  </si>
  <si>
    <t>Ponta</t>
  </si>
  <si>
    <t>Abdul Baseer</t>
  </si>
  <si>
    <t>4646</t>
  </si>
  <si>
    <t>8970</t>
  </si>
  <si>
    <t>15660</t>
  </si>
  <si>
    <t>GGHS CHAK NO 174 GB II SOUTH</t>
  </si>
  <si>
    <t>Chak No 174 GB South</t>
  </si>
  <si>
    <t>CHAK NO. 174 G.B SOUTH TEHSIL SAMUNDRI DISTRICT FAISALABAD</t>
  </si>
  <si>
    <t>CHAK NO. 174 G.B SOUTH</t>
  </si>
  <si>
    <t>CHAK NO. 175 G.B</t>
  </si>
  <si>
    <t>ABIDA BATOOL</t>
  </si>
  <si>
    <t>38033</t>
  </si>
  <si>
    <t>417</t>
  </si>
  <si>
    <t>6641</t>
  </si>
  <si>
    <t>GGPS SALEEM ABAD</t>
  </si>
  <si>
    <t>Mud Gaman</t>
  </si>
  <si>
    <t>chak 84/p saleemabad rahim yar khan</t>
  </si>
  <si>
    <t>84 P</t>
  </si>
  <si>
    <t>Sobana Naseem</t>
  </si>
  <si>
    <t>9842</t>
  </si>
  <si>
    <t>4005</t>
  </si>
  <si>
    <t>9841</t>
  </si>
  <si>
    <t>46488</t>
  </si>
  <si>
    <t>5954</t>
  </si>
  <si>
    <t>51180</t>
  </si>
  <si>
    <t>GGPS NALKA FARM</t>
  </si>
  <si>
    <t>MUHAMMAD PUR-B-FEMALE</t>
  </si>
  <si>
    <t>Nalka Farm</t>
  </si>
  <si>
    <t>Chak Nalka Farm PO Same, Tehsil &amp; District Sahiwal</t>
  </si>
  <si>
    <t>Mirdad Mafi</t>
  </si>
  <si>
    <t>Shafqat Atter</t>
  </si>
  <si>
    <t>13625</t>
  </si>
  <si>
    <t>12352</t>
  </si>
  <si>
    <t>45698</t>
  </si>
  <si>
    <t>GPS DERA ALI KHAN</t>
  </si>
  <si>
    <t>Dera Ali Khan</t>
  </si>
  <si>
    <t>dera Ali khan khaliqabad</t>
  </si>
  <si>
    <t>Hafiz Khalil Ur Rehman</t>
  </si>
  <si>
    <t>17837</t>
  </si>
  <si>
    <t>2780</t>
  </si>
  <si>
    <t>11688</t>
  </si>
  <si>
    <t>21624</t>
  </si>
  <si>
    <t>GGPS KOTHRAY NO.2</t>
  </si>
  <si>
    <t>Khotray</t>
  </si>
  <si>
    <t>khotary p/o wahndo teh:kamoki distt: Gujranwala</t>
  </si>
  <si>
    <t>Tamsila Kiran</t>
  </si>
  <si>
    <t>12580</t>
  </si>
  <si>
    <t>1585</t>
  </si>
  <si>
    <t>38868</t>
  </si>
  <si>
    <t>GGPS KAMRA KHURD</t>
  </si>
  <si>
    <t>KAMRA - FEMALE</t>
  </si>
  <si>
    <t>kamra khurd</t>
  </si>
  <si>
    <t>village kamra khurd</t>
  </si>
  <si>
    <t>Kamra Khurd</t>
  </si>
  <si>
    <t>Kamra kalan</t>
  </si>
  <si>
    <t>Nasreen BiBi</t>
  </si>
  <si>
    <t>11043</t>
  </si>
  <si>
    <t>34674</t>
  </si>
  <si>
    <t>34343</t>
  </si>
  <si>
    <t>GPS SHAKH-E-MADDINA MULTAN P/O JHARIAN WALA MULTAN</t>
  </si>
  <si>
    <t>Shakh Madina</t>
  </si>
  <si>
    <t>govt ps sh kh madina matti tal road multan</t>
  </si>
  <si>
    <t>Wazeer Shah Wala</t>
  </si>
  <si>
    <t>Punj Koha</t>
  </si>
  <si>
    <t>6043</t>
  </si>
  <si>
    <t>5242</t>
  </si>
  <si>
    <t>GPS CHAK 81/A</t>
  </si>
  <si>
    <t>CHAK 178/7-R-MALE</t>
  </si>
  <si>
    <t>Chak No81/A</t>
  </si>
  <si>
    <t>Chak no.81/A tehsil liaquatpur district rahimyarkhan</t>
  </si>
  <si>
    <t>MUHAMMAD YOUNIS</t>
  </si>
  <si>
    <t>outside</t>
  </si>
  <si>
    <t>51543</t>
  </si>
  <si>
    <t>GPS GHORIAN WALA</t>
  </si>
  <si>
    <t>Ghorian Wala</t>
  </si>
  <si>
    <t>chak ghorian wala p/o kartar pur pak pattan</t>
  </si>
  <si>
    <t>Tahir Riaz</t>
  </si>
  <si>
    <t>2535</t>
  </si>
  <si>
    <t>8519</t>
  </si>
  <si>
    <t>14169</t>
  </si>
  <si>
    <t>16604</t>
  </si>
  <si>
    <t>GPS CHAK 499 GB TANDLIANWALA</t>
  </si>
  <si>
    <t>499 Gb</t>
  </si>
  <si>
    <t>chak no 499gb ,Mamunkanjan tehsil tandlianwla fsd</t>
  </si>
  <si>
    <t>499gb</t>
  </si>
  <si>
    <t>498gb</t>
  </si>
  <si>
    <t>Muhammad Hanif</t>
  </si>
  <si>
    <t>31617</t>
  </si>
  <si>
    <t>3961</t>
  </si>
  <si>
    <t>16588</t>
  </si>
  <si>
    <t>GPS DARBAR PIR SALAH UD DIN</t>
  </si>
  <si>
    <t>Darbar Sala Ud Din</t>
  </si>
  <si>
    <t>chak 53/3 tukra darbar Salah Ud Din Teh Tandlianwala Distt Faisalabad</t>
  </si>
  <si>
    <t>Darbar Salah Ud Din</t>
  </si>
  <si>
    <t>19423</t>
  </si>
  <si>
    <t>19258</t>
  </si>
  <si>
    <t>19017</t>
  </si>
  <si>
    <t>2599</t>
  </si>
  <si>
    <t>10231</t>
  </si>
  <si>
    <t>GGPS CHAK NO. 100-B/TDA RAJAN SHAH DARBAR</t>
  </si>
  <si>
    <t>SHAH PUR - FEMALE</t>
  </si>
  <si>
    <t>Khokhar Isra</t>
  </si>
  <si>
    <t>GGPS 100-B/T RAJAN SHAH, TEH KAROR, DISTT LAYYAH</t>
  </si>
  <si>
    <t>Rajan Shah</t>
  </si>
  <si>
    <t>Ali Rajan</t>
  </si>
  <si>
    <t>itrat tahira</t>
  </si>
  <si>
    <t>2461</t>
  </si>
  <si>
    <t>50366</t>
  </si>
  <si>
    <t>34275</t>
  </si>
  <si>
    <t>36027</t>
  </si>
  <si>
    <t>GMPS 88/WB II</t>
  </si>
  <si>
    <t>88/w.</t>
  </si>
  <si>
    <t>88/wb</t>
  </si>
  <si>
    <t>ASIA TALIB</t>
  </si>
  <si>
    <t>34160</t>
  </si>
  <si>
    <t>37622</t>
  </si>
  <si>
    <t>GGPS 114/15-L QADEEM, MIAN CHANNU</t>
  </si>
  <si>
    <t>MIAN CHANNU-III - FEMALE</t>
  </si>
  <si>
    <t>114/15-L</t>
  </si>
  <si>
    <t>114/15-L P/o 115/15-L Mian Channu</t>
  </si>
  <si>
    <t>Kanizan  Bibi</t>
  </si>
  <si>
    <t>37962</t>
  </si>
  <si>
    <t>GGHS QURESHI WALA</t>
  </si>
  <si>
    <t>Qureshi Wala</t>
  </si>
  <si>
    <t>gghs qureshi wala lodhran</t>
  </si>
  <si>
    <t>Hina Akhtar</t>
  </si>
  <si>
    <t>42185</t>
  </si>
  <si>
    <t>44226</t>
  </si>
  <si>
    <t>GMPS BAREEN</t>
  </si>
  <si>
    <t>WAGHAL - FEMALE</t>
  </si>
  <si>
    <t>Waghal</t>
  </si>
  <si>
    <t>District  Rawalpindi   Tehsil  kottli sattian  waghal  village  Barren</t>
  </si>
  <si>
    <t>Bareen</t>
  </si>
  <si>
    <t>Chajana</t>
  </si>
  <si>
    <t>Samia  Jabeen</t>
  </si>
  <si>
    <t>2184</t>
  </si>
  <si>
    <t>23681</t>
  </si>
  <si>
    <t>11841</t>
  </si>
  <si>
    <t>GGPS THATHA GORMANI NO. 2</t>
  </si>
  <si>
    <t>Thatha Gurmani Garbi</t>
  </si>
  <si>
    <t>mouza thathat gurmani garbi TEHSIL kot adu district m garh</t>
  </si>
  <si>
    <t>Chah Kalu wala</t>
  </si>
  <si>
    <t>Thatha Gurmani  Thatha Gurmani Sha</t>
  </si>
  <si>
    <t>Shabana Bibi</t>
  </si>
  <si>
    <t>35212</t>
  </si>
  <si>
    <t>54085</t>
  </si>
  <si>
    <t>15936</t>
  </si>
  <si>
    <t>GGPS CHAK NO 197 RB II</t>
  </si>
  <si>
    <t>Bagewal</t>
  </si>
  <si>
    <t>chak no. 197 RB</t>
  </si>
  <si>
    <t>197 RB</t>
  </si>
  <si>
    <t>Ambreen Ali</t>
  </si>
  <si>
    <t>691</t>
  </si>
  <si>
    <t>16606</t>
  </si>
  <si>
    <t>GPS CHAK 500 GB II MAMUNKANJAN</t>
  </si>
  <si>
    <t>Rehman Wali</t>
  </si>
  <si>
    <t>chak No 500/2gb teh tandlian wala dist Faisalabad</t>
  </si>
  <si>
    <t>Chak No 500/2 Gb</t>
  </si>
  <si>
    <t>Chak No 498 GB</t>
  </si>
  <si>
    <t>1522</t>
  </si>
  <si>
    <t>3291</t>
  </si>
  <si>
    <t>27240</t>
  </si>
  <si>
    <t>33121</t>
  </si>
  <si>
    <t>19604</t>
  </si>
  <si>
    <t>43429</t>
  </si>
  <si>
    <t>GGPS SADYALI</t>
  </si>
  <si>
    <t>vill Sadyali p/o.  Mulhal Mughlan teh. &amp;  distt Chakwal</t>
  </si>
  <si>
    <t>UZMA IMTIAZ</t>
  </si>
  <si>
    <t>3320</t>
  </si>
  <si>
    <t>41026</t>
  </si>
  <si>
    <t>GGES KHUKHA</t>
  </si>
  <si>
    <t>SOHAN - FEMALE</t>
  </si>
  <si>
    <t>Khukha</t>
  </si>
  <si>
    <t>VPO Khukha Tehsil Dina District Jhelum</t>
  </si>
  <si>
    <t>Amber Yaqub</t>
  </si>
  <si>
    <t>Boring pump</t>
  </si>
  <si>
    <t>10143</t>
  </si>
  <si>
    <t>GES CHAK NO 103 TDA</t>
  </si>
  <si>
    <t>Khokhar isra</t>
  </si>
  <si>
    <t>Chak no 103 TDA tehsil karor lal e sen District layyah</t>
  </si>
  <si>
    <t>Chak no 103 TDA</t>
  </si>
  <si>
    <t>Chak no 110 TDA</t>
  </si>
  <si>
    <t>M Ejaz</t>
  </si>
  <si>
    <t>GPS BASTI TUFKI</t>
  </si>
  <si>
    <t>tufki</t>
  </si>
  <si>
    <t>gps basti tufki</t>
  </si>
  <si>
    <t>Ameer Bakhsh</t>
  </si>
  <si>
    <t>22614</t>
  </si>
  <si>
    <t>16402</t>
  </si>
  <si>
    <t>GGPS CHAK 186 RB DOGRAN WALA</t>
  </si>
  <si>
    <t>186  Rb</t>
  </si>
  <si>
    <t>GGPS 186 Rb</t>
  </si>
  <si>
    <t>Dogranwala</t>
  </si>
  <si>
    <t>Samina</t>
  </si>
  <si>
    <t>GPS DHANI GHULAM FAREED</t>
  </si>
  <si>
    <t>Gulab Ali</t>
  </si>
  <si>
    <t>GPS DHANI GHULAM FAREED gulab ali p/o same tehsil and district bahawal nagar</t>
  </si>
  <si>
    <t>Dhani Ghulam Fared</t>
  </si>
  <si>
    <t>Muhammad Tariq Nadeem</t>
  </si>
  <si>
    <t>2940</t>
  </si>
  <si>
    <t>54938</t>
  </si>
  <si>
    <t>14786</t>
  </si>
  <si>
    <t>GHSS SABRIA SIRAJIA PEOPLES COLONY NO. 2 FSD</t>
  </si>
  <si>
    <t>Peoples Colony No.2</t>
  </si>
  <si>
    <t>Peoples Colony No2</t>
  </si>
  <si>
    <t>rana naseer ud din</t>
  </si>
  <si>
    <t>4993</t>
  </si>
  <si>
    <t>14566</t>
  </si>
  <si>
    <t>GGHS JOUHAR 212 RB SIR SYED TOWN</t>
  </si>
  <si>
    <t>212rb sir syed town faidsalabad</t>
  </si>
  <si>
    <t>212rb</t>
  </si>
  <si>
    <t>Nazimzbad</t>
  </si>
  <si>
    <t>Sadia Munir</t>
  </si>
  <si>
    <t>19856</t>
  </si>
  <si>
    <t>34226</t>
  </si>
  <si>
    <t>20909</t>
  </si>
  <si>
    <t>GES PIR KOT</t>
  </si>
  <si>
    <t>Pir  Kot</t>
  </si>
  <si>
    <t>peer kot</t>
  </si>
  <si>
    <t>Peer Kor</t>
  </si>
  <si>
    <t>Banka Cheema</t>
  </si>
  <si>
    <t>Hafiz Munawar Hussain</t>
  </si>
  <si>
    <t>9256</t>
  </si>
  <si>
    <t>2618</t>
  </si>
  <si>
    <t>3801</t>
  </si>
  <si>
    <t>43903</t>
  </si>
  <si>
    <t>GGPS SHAMIAL</t>
  </si>
  <si>
    <t>PIRA FATHIAL-FEMALE</t>
  </si>
  <si>
    <t>Shamial</t>
  </si>
  <si>
    <t>Ggps shamial Markaz Pira Fatehal Teh Tlagang Distt Chakwal</t>
  </si>
  <si>
    <t>Bidhar</t>
  </si>
  <si>
    <t>Ismat Zahra</t>
  </si>
  <si>
    <t>8370</t>
  </si>
  <si>
    <t>10587</t>
  </si>
  <si>
    <t>32360</t>
  </si>
  <si>
    <t>20563</t>
  </si>
  <si>
    <t>15709</t>
  </si>
  <si>
    <t>GHS PUBLIC CHAK 218 GB SAMUNDRI FSD</t>
  </si>
  <si>
    <t>chak no 218 gb</t>
  </si>
  <si>
    <t>Chak No 218 Gb</t>
  </si>
  <si>
    <t>Muhammad Maqsood Hussain Shad</t>
  </si>
  <si>
    <t>41961</t>
  </si>
  <si>
    <t>GGPS MODEL MUNIALA</t>
  </si>
  <si>
    <t>Maniala</t>
  </si>
  <si>
    <t>Govt Model school village Maniala p.o box chountra</t>
  </si>
  <si>
    <t>Ansar Yasmeen</t>
  </si>
  <si>
    <t>2241</t>
  </si>
  <si>
    <t>12740</t>
  </si>
  <si>
    <t>13196</t>
  </si>
  <si>
    <t>35472</t>
  </si>
  <si>
    <t>35288</t>
  </si>
  <si>
    <t>30722</t>
  </si>
  <si>
    <t>GGHS PROGRESSIVE 752/B R-BLOCK MODEL TOWN</t>
  </si>
  <si>
    <t>752_R block model town extension lahoren</t>
  </si>
  <si>
    <t>Liaqatabad</t>
  </si>
  <si>
    <t>Mrs Mobashira Ata</t>
  </si>
  <si>
    <t>17905</t>
  </si>
  <si>
    <t>24890</t>
  </si>
  <si>
    <t>7529</t>
  </si>
  <si>
    <t>41875</t>
  </si>
  <si>
    <t>GGPS 21/NP QADEEM GHULAM RASOOL</t>
  </si>
  <si>
    <t>BHUTTA WAHAN - FEMALE</t>
  </si>
  <si>
    <t>21np</t>
  </si>
  <si>
    <t>Ggps 21np qadeem</t>
  </si>
  <si>
    <t>21 np Qadeem</t>
  </si>
  <si>
    <t>Drigra</t>
  </si>
  <si>
    <t>Farida Khanam</t>
  </si>
  <si>
    <t>47889</t>
  </si>
  <si>
    <t>49434</t>
  </si>
  <si>
    <t>GGHS SADA KAMBOH</t>
  </si>
  <si>
    <t>Sada Kamboh</t>
  </si>
  <si>
    <t>gghs sada kamboh</t>
  </si>
  <si>
    <t>Ghangwal</t>
  </si>
  <si>
    <t>Ambreen Farooq</t>
  </si>
  <si>
    <t>29050</t>
  </si>
  <si>
    <t>39459</t>
  </si>
  <si>
    <t>33485</t>
  </si>
  <si>
    <t>GHS MARAR CHAK NO. 42/RB</t>
  </si>
  <si>
    <t>Marrar Chak No 42/RB Sangla Hill Nankana Sahib</t>
  </si>
  <si>
    <t>Marrar chak No 42/RB Sangla Hill Nankana Sahib</t>
  </si>
  <si>
    <t>Marrar Chak No 42/RB</t>
  </si>
  <si>
    <t>Marrar Chak 41/RB</t>
  </si>
  <si>
    <t>Muhammad Naeem Virk</t>
  </si>
  <si>
    <t>1631</t>
  </si>
  <si>
    <t>5888</t>
  </si>
  <si>
    <t>41983</t>
  </si>
  <si>
    <t>GMPS BANIAN</t>
  </si>
  <si>
    <t>RAIKA MAIRA -FEMALE</t>
  </si>
  <si>
    <t>Banian</t>
  </si>
  <si>
    <t>village banian post office rupper kalan teh, distt rawalpindi</t>
  </si>
  <si>
    <t>Gagan</t>
  </si>
  <si>
    <t>Shabnum Zia</t>
  </si>
  <si>
    <t>17320</t>
  </si>
  <si>
    <t>53950</t>
  </si>
  <si>
    <t>GPS CHAK 441 GB SADH SAMUNDRI</t>
  </si>
  <si>
    <t>Sadawanla</t>
  </si>
  <si>
    <t>chak no 441 gb i sadh</t>
  </si>
  <si>
    <t>sadh</t>
  </si>
  <si>
    <t>chak no 441-I sadh</t>
  </si>
  <si>
    <t>M. Javed Iqbal</t>
  </si>
  <si>
    <t>1658</t>
  </si>
  <si>
    <t>31924</t>
  </si>
  <si>
    <t>GES TIBBI HAMBO</t>
  </si>
  <si>
    <t>Tibbi Hambo</t>
  </si>
  <si>
    <t>tibbi hambo</t>
  </si>
  <si>
    <t>Muhammad tariq butt</t>
  </si>
  <si>
    <t>3339</t>
  </si>
  <si>
    <t>35280</t>
  </si>
  <si>
    <t>36835</t>
  </si>
  <si>
    <t>16611</t>
  </si>
  <si>
    <t>GPS CHAK 506 GB I MAMUNKANJAN</t>
  </si>
  <si>
    <t>Rajay Walay Ahatay</t>
  </si>
  <si>
    <t>GPS chak no 506/1 gb mkn tehsil tandla district fsd</t>
  </si>
  <si>
    <t>506/1</t>
  </si>
  <si>
    <t>Chak No 498 Gb</t>
  </si>
  <si>
    <t>Faiz ul Hassan Shah</t>
  </si>
  <si>
    <t>23259</t>
  </si>
  <si>
    <t>23100</t>
  </si>
  <si>
    <t>30575</t>
  </si>
  <si>
    <t>2489</t>
  </si>
  <si>
    <t>53306</t>
  </si>
  <si>
    <t>GPS CHAK NO. 2/4-L</t>
  </si>
  <si>
    <t>OKARA SADAR - MALE</t>
  </si>
  <si>
    <t>2/4L</t>
  </si>
  <si>
    <t>Shamsiya Colony</t>
  </si>
  <si>
    <t>Muhammad Shafi</t>
  </si>
  <si>
    <t>40292</t>
  </si>
  <si>
    <t>GHS TOBAH</t>
  </si>
  <si>
    <t>Toba</t>
  </si>
  <si>
    <t>vpo toba tehsil pd khan district jhelum</t>
  </si>
  <si>
    <t>ASIF IQBAL</t>
  </si>
  <si>
    <t>36720</t>
  </si>
  <si>
    <t>36179</t>
  </si>
  <si>
    <t>GES CHAK NO.19/WB</t>
  </si>
  <si>
    <t>Chak No. 19/wB</t>
  </si>
  <si>
    <t>Chak No.19/WB</t>
  </si>
  <si>
    <t>19 Wb</t>
  </si>
  <si>
    <t>5725</t>
  </si>
  <si>
    <t>6749</t>
  </si>
  <si>
    <t>5406</t>
  </si>
  <si>
    <t>49100</t>
  </si>
  <si>
    <t>GES CHAK NO.1 RAKH DHAREMA</t>
  </si>
  <si>
    <t>Chak No 1 Rakh Dharema</t>
  </si>
  <si>
    <t>FAZAL ZAHOOR AHMED</t>
  </si>
  <si>
    <t>1880</t>
  </si>
  <si>
    <t>1418</t>
  </si>
  <si>
    <t>53612</t>
  </si>
  <si>
    <t>GGHS CHAK NO. 7/1-AL OKARA</t>
  </si>
  <si>
    <t>7/1AL</t>
  </si>
  <si>
    <t>chck no.7/1.A.L</t>
  </si>
  <si>
    <t>6/1AL</t>
  </si>
  <si>
    <t>NAILA ATTA</t>
  </si>
  <si>
    <t>41232</t>
  </si>
  <si>
    <t>24748</t>
  </si>
  <si>
    <t>GHS BHATTAY KALAN</t>
  </si>
  <si>
    <t>Bhattay Kalan</t>
  </si>
  <si>
    <t>GHS Bhattay Kalan, Sialkot</t>
  </si>
  <si>
    <t>Langriwali</t>
  </si>
  <si>
    <t>Rashid Javaid</t>
  </si>
  <si>
    <t>10657</t>
  </si>
  <si>
    <t>GGES TUNG KHURD</t>
  </si>
  <si>
    <t>Tung Khurd Khurd</t>
  </si>
  <si>
    <t>GGES Tung Khurd</t>
  </si>
  <si>
    <t>Tung Khurd</t>
  </si>
  <si>
    <t>Bopra Kalan</t>
  </si>
  <si>
    <t>Sajida Syed</t>
  </si>
  <si>
    <t>8342</t>
  </si>
  <si>
    <t>GHS DAK CHIBBAN</t>
  </si>
  <si>
    <t>Dak Chibban</t>
  </si>
  <si>
    <t>vpo dak chibban tehsil sarai alamgir district gujrat</t>
  </si>
  <si>
    <t>Masoom Pur</t>
  </si>
  <si>
    <t>Muddassar Hussain</t>
  </si>
  <si>
    <t>6826</t>
  </si>
  <si>
    <t>17073</t>
  </si>
  <si>
    <t>13844</t>
  </si>
  <si>
    <t>39282</t>
  </si>
  <si>
    <t>GPS SOHAL</t>
  </si>
  <si>
    <t>village sohal p.o. &amp; teh. pindigheb distt. attock</t>
  </si>
  <si>
    <t>Ikhlas</t>
  </si>
  <si>
    <t>1877</t>
  </si>
  <si>
    <t>53706</t>
  </si>
  <si>
    <t>GPS CHAK NO. 28/2-R</t>
  </si>
  <si>
    <t>33/2R - MALE</t>
  </si>
  <si>
    <t>28/2-R</t>
  </si>
  <si>
    <t>28/2-R okara</t>
  </si>
  <si>
    <t>25/2-R</t>
  </si>
  <si>
    <t>812</t>
  </si>
  <si>
    <t>22787</t>
  </si>
  <si>
    <t>4344</t>
  </si>
  <si>
    <t>GGES GULPUR TALBANI</t>
  </si>
  <si>
    <t>SHEIKH WAHAN - FEMALE</t>
  </si>
  <si>
    <t>Gulpur TALBANI</t>
  </si>
  <si>
    <t>BWP</t>
  </si>
  <si>
    <t>Gulpur  TALBANI</t>
  </si>
  <si>
    <t>Syed Imam  Shah</t>
  </si>
  <si>
    <t>TANWEER KOSAR</t>
  </si>
  <si>
    <t>1544</t>
  </si>
  <si>
    <t>19199</t>
  </si>
  <si>
    <t>14828</t>
  </si>
  <si>
    <t>48828</t>
  </si>
  <si>
    <t>5939</t>
  </si>
  <si>
    <t>GGES JAM AZEEM NAHAYA</t>
  </si>
  <si>
    <t>NOOR WALA - FEMALE</t>
  </si>
  <si>
    <t>Ghafoor Abad</t>
  </si>
  <si>
    <t>Moza ghafoor Abad uc Noor wala</t>
  </si>
  <si>
    <t>Jam Azeem  Nehaya</t>
  </si>
  <si>
    <t>Noor Wala</t>
  </si>
  <si>
    <t>Sobia Siddiqui</t>
  </si>
  <si>
    <t>23293</t>
  </si>
  <si>
    <t>GGPS BAKHAT JAMAL</t>
  </si>
  <si>
    <t>BAKHAT JAMAL</t>
  </si>
  <si>
    <t>VILLEGE BAKHAT JAMAL,POST OFFICE KHOJA,TEHSIL KHARIAN ,DISTRICT GUJRAT</t>
  </si>
  <si>
    <t>TAPIYLA</t>
  </si>
  <si>
    <t>AISHA BIBI</t>
  </si>
  <si>
    <t>17403</t>
  </si>
  <si>
    <t>13760</t>
  </si>
  <si>
    <t>20204</t>
  </si>
  <si>
    <t>GES NO. 1 LALIAN</t>
  </si>
  <si>
    <t>GES No.1 Lalian Teh Lalian Distt Chiniot</t>
  </si>
  <si>
    <t>M C Lalian</t>
  </si>
  <si>
    <t>Ihsan Ullah</t>
  </si>
  <si>
    <t>4313</t>
  </si>
  <si>
    <t>39624</t>
  </si>
  <si>
    <t>GES RUKHWAN</t>
  </si>
  <si>
    <t>INJRA - MALE</t>
  </si>
  <si>
    <t>Rukhwan</t>
  </si>
  <si>
    <t>gbes rukhwan tehsil jand district attock</t>
  </si>
  <si>
    <t>Mukhad Sharif</t>
  </si>
  <si>
    <t>zia ullah</t>
  </si>
  <si>
    <t>23466</t>
  </si>
  <si>
    <t>41206</t>
  </si>
  <si>
    <t>3121</t>
  </si>
  <si>
    <t>7663</t>
  </si>
  <si>
    <t>GHS AHMADANI</t>
  </si>
  <si>
    <t>Ahmadani</t>
  </si>
  <si>
    <t>Govt high school Ahmadani PO shahdan lond tehsil and District D. G Khan</t>
  </si>
  <si>
    <t>Muhammad Wajahat</t>
  </si>
  <si>
    <t>65340</t>
  </si>
  <si>
    <t>13304</t>
  </si>
  <si>
    <t>54366</t>
  </si>
  <si>
    <t>41413</t>
  </si>
  <si>
    <t>9894</t>
  </si>
  <si>
    <t>GGPS REHMAN ABAD</t>
  </si>
  <si>
    <t>349 TDA</t>
  </si>
  <si>
    <t>chak No. 349TDA Rehmanabad choubara district Layyah</t>
  </si>
  <si>
    <t>RafiqueAbad</t>
  </si>
  <si>
    <t>957</t>
  </si>
  <si>
    <t>30100</t>
  </si>
  <si>
    <t>53028</t>
  </si>
  <si>
    <t>GGPS THAKKER KAY BANDA</t>
  </si>
  <si>
    <t>Thakkar Kay Banda</t>
  </si>
  <si>
    <t>moaza thakkar Kay Banda daak Khana jamalkot</t>
  </si>
  <si>
    <t>Thakker Kay Banda</t>
  </si>
  <si>
    <t>Asia</t>
  </si>
  <si>
    <t>25133</t>
  </si>
  <si>
    <t>53249</t>
  </si>
  <si>
    <t>GPS NOTHA KHICHI</t>
  </si>
  <si>
    <t>NOTA KHICHI</t>
  </si>
  <si>
    <t>MOUZA NOTA KHICHI P.O JABOKA TEHSIL &amp; DISTRICT OKARA</t>
  </si>
  <si>
    <t>JANDRAKA</t>
  </si>
  <si>
    <t>5258</t>
  </si>
  <si>
    <t>4754</t>
  </si>
  <si>
    <t>47006</t>
  </si>
  <si>
    <t>GHSS MUSA KHEL</t>
  </si>
  <si>
    <t>Musa Khel</t>
  </si>
  <si>
    <t>near police station musa khel.post office musa khel.mianwali</t>
  </si>
  <si>
    <t>Ahmad Hassan Khawaja</t>
  </si>
  <si>
    <t>49848</t>
  </si>
  <si>
    <t>7864</t>
  </si>
  <si>
    <t>2538</t>
  </si>
  <si>
    <t>31359</t>
  </si>
  <si>
    <t>GGHS FAIZ PUR KHURD</t>
  </si>
  <si>
    <t>faizpur khurd</t>
  </si>
  <si>
    <t>govt girls high school faizpur khurd</t>
  </si>
  <si>
    <t>TABANA TENZEELA</t>
  </si>
  <si>
    <t>670</t>
  </si>
  <si>
    <t>1397</t>
  </si>
  <si>
    <t>14856</t>
  </si>
  <si>
    <t>GPS CHAK 624 GB HARI PUR</t>
  </si>
  <si>
    <t>624GB</t>
  </si>
  <si>
    <t>CHAK NO 624 GB HARIPUR TEH JARANWALA</t>
  </si>
  <si>
    <t>624 GB HARIPUR</t>
  </si>
  <si>
    <t>569 GB</t>
  </si>
  <si>
    <t>Syed Rahat Javed</t>
  </si>
  <si>
    <t>52384</t>
  </si>
  <si>
    <t>23046</t>
  </si>
  <si>
    <t>28500</t>
  </si>
  <si>
    <t>38469</t>
  </si>
  <si>
    <t>GGES DOLLA ARAN</t>
  </si>
  <si>
    <t>Dollaarae</t>
  </si>
  <si>
    <t>Dola Arain</t>
  </si>
  <si>
    <t>Dollaaraen</t>
  </si>
  <si>
    <t>355 Wb</t>
  </si>
  <si>
    <t>28610</t>
  </si>
  <si>
    <t>51179</t>
  </si>
  <si>
    <t>24968</t>
  </si>
  <si>
    <t>42576</t>
  </si>
  <si>
    <t>GPS KOONIT</t>
  </si>
  <si>
    <t>Koont</t>
  </si>
  <si>
    <t>VPO Koont, G.Khan, Rawalpindi</t>
  </si>
  <si>
    <t>Sayyed</t>
  </si>
  <si>
    <t>MARIA JAMSHAID</t>
  </si>
  <si>
    <t>Community support</t>
  </si>
  <si>
    <t>31254</t>
  </si>
  <si>
    <t>49098</t>
  </si>
  <si>
    <t>GPS NO.2 DHAREMA</t>
  </si>
  <si>
    <t>Dharema</t>
  </si>
  <si>
    <t>GPS NO 2 DHAREMA</t>
  </si>
  <si>
    <t>Muhammad ISMAIL</t>
  </si>
  <si>
    <t>9726</t>
  </si>
  <si>
    <t>54178</t>
  </si>
  <si>
    <t>45534</t>
  </si>
  <si>
    <t>5756</t>
  </si>
  <si>
    <t>40234</t>
  </si>
  <si>
    <t>GGPS JANWAL</t>
  </si>
  <si>
    <t>Janwal</t>
  </si>
  <si>
    <t>village janwal p/o chakdaulat jhelum</t>
  </si>
  <si>
    <t>Boken</t>
  </si>
  <si>
    <t>Zaineb Gulzar</t>
  </si>
  <si>
    <t>22377</t>
  </si>
  <si>
    <t>30987</t>
  </si>
  <si>
    <t>43016</t>
  </si>
  <si>
    <t>51098</t>
  </si>
  <si>
    <t>41512</t>
  </si>
  <si>
    <t>GHS GHARIB ABAD</t>
  </si>
  <si>
    <t>CHAKLALA</t>
  </si>
  <si>
    <t>GOVT. BOYS HIGH SCHOOL GHARIBABAD CHAKLALA RAWALPINDI</t>
  </si>
  <si>
    <t>REHMATABAD</t>
  </si>
  <si>
    <t>40520</t>
  </si>
  <si>
    <t>1251</t>
  </si>
  <si>
    <t>4385</t>
  </si>
  <si>
    <t>22782</t>
  </si>
  <si>
    <t>GGES PAKHOWAL</t>
  </si>
  <si>
    <t>GUJRAT-VII-FEMALE</t>
  </si>
  <si>
    <t>Pakhowal</t>
  </si>
  <si>
    <t>GGES Pakhowal Post office Musa Kamala</t>
  </si>
  <si>
    <t>Shaista Jabeen</t>
  </si>
  <si>
    <t>14416</t>
  </si>
  <si>
    <t>11901</t>
  </si>
  <si>
    <t>51445</t>
  </si>
  <si>
    <t>44166</t>
  </si>
  <si>
    <t>16544</t>
  </si>
  <si>
    <t>GPS CHAK 398 GB EAST TANDLIANWALA</t>
  </si>
  <si>
    <t>Krely</t>
  </si>
  <si>
    <t>chak no 398gb east the. tandlianwala Fsd</t>
  </si>
  <si>
    <t>Chak No 398 GB E</t>
  </si>
  <si>
    <t>Chak No 615</t>
  </si>
  <si>
    <t>RAO ARSHAD IQBAL</t>
  </si>
  <si>
    <t>30912</t>
  </si>
  <si>
    <t>29351</t>
  </si>
  <si>
    <t>51934</t>
  </si>
  <si>
    <t>GES 35 EB P/O JAMIA ISLAMIA</t>
  </si>
  <si>
    <t>35/E.B</t>
  </si>
  <si>
    <t>chak no 35/E.B Arifwala</t>
  </si>
  <si>
    <t>75/E.B</t>
  </si>
  <si>
    <t>Irshad Bari</t>
  </si>
  <si>
    <t>5821</t>
  </si>
  <si>
    <t>29818</t>
  </si>
  <si>
    <t>28942</t>
  </si>
  <si>
    <t>45325</t>
  </si>
  <si>
    <t>10130</t>
  </si>
  <si>
    <t>37063</t>
  </si>
  <si>
    <t>GHS 80/10-R, KACHA KHUH</t>
  </si>
  <si>
    <t>80/10-R Pirowal</t>
  </si>
  <si>
    <t>chak#80/10-R</t>
  </si>
  <si>
    <t>80/10-R</t>
  </si>
  <si>
    <t>MUHAMMAD AFZAL</t>
  </si>
  <si>
    <t>17696</t>
  </si>
  <si>
    <t>19906</t>
  </si>
  <si>
    <t>GHS ISLAMIA CHINIOT</t>
  </si>
  <si>
    <t>Mohallah AAli chiniot</t>
  </si>
  <si>
    <t>mohallah aali</t>
  </si>
  <si>
    <t>Muhammad tahir</t>
  </si>
  <si>
    <t>1673</t>
  </si>
  <si>
    <t>5995</t>
  </si>
  <si>
    <t>595</t>
  </si>
  <si>
    <t>GES KISHEN GARH</t>
  </si>
  <si>
    <t>MALE-16</t>
  </si>
  <si>
    <t>Kishan Garh</t>
  </si>
  <si>
    <t>GES KISHAN GARH post office sawai wala bahawalnagar</t>
  </si>
  <si>
    <t>Chodary Ghulam Jilani</t>
  </si>
  <si>
    <t>6467</t>
  </si>
  <si>
    <t>21764</t>
  </si>
  <si>
    <t>21682</t>
  </si>
  <si>
    <t>23280</t>
  </si>
  <si>
    <t>49019</t>
  </si>
  <si>
    <t>1479</t>
  </si>
  <si>
    <t>53522</t>
  </si>
  <si>
    <t>GMPS 34-A/2.L BALOCHI</t>
  </si>
  <si>
    <t>chak#34A/2L</t>
  </si>
  <si>
    <t>Chak 34A/2L</t>
  </si>
  <si>
    <t>Chak#32/2L</t>
  </si>
  <si>
    <t>11425</t>
  </si>
  <si>
    <t>20731</t>
  </si>
  <si>
    <t>GGCMS NOSHEHRA SANSI</t>
  </si>
  <si>
    <t>Nowshehra Sansi</t>
  </si>
  <si>
    <t>bhatha abadi nowshera sansi</t>
  </si>
  <si>
    <t>nowshera sansi</t>
  </si>
  <si>
    <t>nowshehra sansi</t>
  </si>
  <si>
    <t>Zahida Mujassam</t>
  </si>
  <si>
    <t>15816</t>
  </si>
  <si>
    <t>88510</t>
  </si>
  <si>
    <t>16618</t>
  </si>
  <si>
    <t>GPS CHAK 511 GB II MAMUNKANJAN</t>
  </si>
  <si>
    <t>511/2GB</t>
  </si>
  <si>
    <t>Chak No 511/2 GB Mamunkanjan Tehsil Tandlianwala District Faisalabad</t>
  </si>
  <si>
    <t>Chak No 514 Gb</t>
  </si>
  <si>
    <t>Abdul Samad</t>
  </si>
  <si>
    <t>2193</t>
  </si>
  <si>
    <t>32756</t>
  </si>
  <si>
    <t>32689</t>
  </si>
  <si>
    <t>30563</t>
  </si>
  <si>
    <t>51100</t>
  </si>
  <si>
    <t>2248</t>
  </si>
  <si>
    <t>14558</t>
  </si>
  <si>
    <t>GGPS CHAK NO 220 RB 11</t>
  </si>
  <si>
    <t>CITY 4 - FEMALE</t>
  </si>
  <si>
    <t>220RBPathanwala</t>
  </si>
  <si>
    <t>govt girls primry school 220 RB ll pathanwala</t>
  </si>
  <si>
    <t>Sadia Riaz</t>
  </si>
  <si>
    <t>cane water</t>
  </si>
  <si>
    <t>2885</t>
  </si>
  <si>
    <t>38610</t>
  </si>
  <si>
    <t>GGPS JAFAR WALA</t>
  </si>
  <si>
    <t>Jafar Wala</t>
  </si>
  <si>
    <t>Jafar wala</t>
  </si>
  <si>
    <t>Chak 342</t>
  </si>
  <si>
    <t>Naheed Kousar</t>
  </si>
  <si>
    <t>49101</t>
  </si>
  <si>
    <t>GPS CHAK NO.2 RAKH DHAREMA</t>
  </si>
  <si>
    <t>Chak No 2 Rakh Dharema</t>
  </si>
  <si>
    <t>GPS Chak No. 2 Rakh Dharema</t>
  </si>
  <si>
    <t>Electric Cooler</t>
  </si>
  <si>
    <t>40906</t>
  </si>
  <si>
    <t>40525</t>
  </si>
  <si>
    <t>359</t>
  </si>
  <si>
    <t>16601</t>
  </si>
  <si>
    <t>GPS CHAK 492 GB MAMUNKANJAN</t>
  </si>
  <si>
    <t>Konak Poora</t>
  </si>
  <si>
    <t>Chak No 492 GB Tehsile Tandlianwala District Faisalabad</t>
  </si>
  <si>
    <t>492 GB</t>
  </si>
  <si>
    <t>NADEEM NASIR</t>
  </si>
  <si>
    <t>16560</t>
  </si>
  <si>
    <t>16517</t>
  </si>
  <si>
    <t>15500</t>
  </si>
  <si>
    <t>35785</t>
  </si>
  <si>
    <t>GPS MALIK WALA MAILSI</t>
  </si>
  <si>
    <t>Mohallah Shankar pura mailsi</t>
  </si>
  <si>
    <t>MC Mailsi Ward No 7</t>
  </si>
  <si>
    <t>Munawar Hussain</t>
  </si>
  <si>
    <t>529</t>
  </si>
  <si>
    <t>341</t>
  </si>
  <si>
    <t>656</t>
  </si>
  <si>
    <t>37056</t>
  </si>
  <si>
    <t>GHSS 19/9-R KACHA KHUH KHANEWAL</t>
  </si>
  <si>
    <t>Chak NO 19/9R</t>
  </si>
  <si>
    <t>Chak No 19/9R</t>
  </si>
  <si>
    <t>Muhammad Kamran</t>
  </si>
  <si>
    <t>174012</t>
  </si>
  <si>
    <t>39945</t>
  </si>
  <si>
    <t>13131</t>
  </si>
  <si>
    <t>52102</t>
  </si>
  <si>
    <t>GGPS 34 KB</t>
  </si>
  <si>
    <t>34 Kb</t>
  </si>
  <si>
    <t>chak no 34 kb tehsil arifwala district pakpattan</t>
  </si>
  <si>
    <t>Sajida Sadiq</t>
  </si>
  <si>
    <t>14378</t>
  </si>
  <si>
    <t>10808</t>
  </si>
  <si>
    <t>16405</t>
  </si>
  <si>
    <t>GGPS CHAK 189 RB II RASOOL PUR</t>
  </si>
  <si>
    <t>189RB</t>
  </si>
  <si>
    <t>189 rb rasoolpur, tehsil chak jhumra,faisalabad</t>
  </si>
  <si>
    <t>189 RB Rasoolpur</t>
  </si>
  <si>
    <t>189 RB</t>
  </si>
  <si>
    <t>Riffat Shahnaz</t>
  </si>
  <si>
    <t>7512</t>
  </si>
  <si>
    <t>32412</t>
  </si>
  <si>
    <t>GHS MC JANDIALA ROAD SHEHR</t>
  </si>
  <si>
    <t>farooq ganj jandiala road</t>
  </si>
  <si>
    <t>farooq gunj jandiala road skp</t>
  </si>
  <si>
    <t>farooq ganj</t>
  </si>
  <si>
    <t>dera  hafizan</t>
  </si>
  <si>
    <t>Aman ullah</t>
  </si>
  <si>
    <t>47224</t>
  </si>
  <si>
    <t>2098</t>
  </si>
  <si>
    <t>36466</t>
  </si>
  <si>
    <t>GGES KOT SADAT</t>
  </si>
  <si>
    <t>LUDDEN - FEMALE</t>
  </si>
  <si>
    <t>Fazal Wah</t>
  </si>
  <si>
    <t>chak kot sadat</t>
  </si>
  <si>
    <t>Kot Sadat</t>
  </si>
  <si>
    <t>Iqra Sana</t>
  </si>
  <si>
    <t>25662</t>
  </si>
  <si>
    <t>36929</t>
  </si>
  <si>
    <t>1409</t>
  </si>
  <si>
    <t>41874</t>
  </si>
  <si>
    <t>GGPS MC BANGASH COLONY RWP</t>
  </si>
  <si>
    <t>Bangush Colony</t>
  </si>
  <si>
    <t>bangush colony</t>
  </si>
  <si>
    <t>Rakhshanda Jabeei</t>
  </si>
  <si>
    <t>52198</t>
  </si>
  <si>
    <t>GGPS JAMAN SHAH</t>
  </si>
  <si>
    <t>chak jaman shah tehsil arif wala distt.pakpattan</t>
  </si>
  <si>
    <t>Arazi Dilawr</t>
  </si>
  <si>
    <t>Nazia latif</t>
  </si>
  <si>
    <t>19602</t>
  </si>
  <si>
    <t>50362</t>
  </si>
  <si>
    <t>GPS 168/9-L</t>
  </si>
  <si>
    <t>168/9-L</t>
  </si>
  <si>
    <t>chak number 168/9-L</t>
  </si>
  <si>
    <t>Muhammad Asif Iqbal</t>
  </si>
  <si>
    <t>3147</t>
  </si>
  <si>
    <t>7680</t>
  </si>
  <si>
    <t>8564</t>
  </si>
  <si>
    <t>35651</t>
  </si>
  <si>
    <t>GPS TAHLI WALA</t>
  </si>
  <si>
    <t>Dhond Pu r Sultan</t>
  </si>
  <si>
    <t>basti Tahli Wala Mouza Dhond pur sultan P O chock no I22wb Tehsil Mailsi Distt vehari</t>
  </si>
  <si>
    <t>Sandah</t>
  </si>
  <si>
    <t>1748</t>
  </si>
  <si>
    <t>3010</t>
  </si>
  <si>
    <t>4584</t>
  </si>
  <si>
    <t>25569</t>
  </si>
  <si>
    <t>20394</t>
  </si>
  <si>
    <t>GHS MILLAT GUJRANWALA</t>
  </si>
  <si>
    <t>Satellite Town Gujranwala</t>
  </si>
  <si>
    <t>Syed Ahmad Raza</t>
  </si>
  <si>
    <t>3374</t>
  </si>
  <si>
    <t>49103</t>
  </si>
  <si>
    <t>GPS CHAK NO.4 RAKH DHAREMA</t>
  </si>
  <si>
    <t>Chak No 4 Rakh Dharema</t>
  </si>
  <si>
    <t>GPS CHAK NO 4 RAKH DHAREMA</t>
  </si>
  <si>
    <t>Main Ihsan Ahmed</t>
  </si>
  <si>
    <t>12511</t>
  </si>
  <si>
    <t>45610</t>
  </si>
  <si>
    <t>35649</t>
  </si>
  <si>
    <t>GPS 198 WB</t>
  </si>
  <si>
    <t>CHAK NO 198 WB</t>
  </si>
  <si>
    <t>hafiz ghulam haider</t>
  </si>
  <si>
    <t>4497</t>
  </si>
  <si>
    <t>37178</t>
  </si>
  <si>
    <t>GPS MAKHDOOM PUR NO.2 P/O MAKHDOOM PUR, KHANEWAL</t>
  </si>
  <si>
    <t>MAKHDUM PUR</t>
  </si>
  <si>
    <t>STREET NO 2 MAKHDUM PUR PAHORAN KHANEWAL</t>
  </si>
  <si>
    <t>St No2 Makhdum Pur</t>
  </si>
  <si>
    <t>KOT  ABDULLAH</t>
  </si>
  <si>
    <t>26951</t>
  </si>
  <si>
    <t>39324</t>
  </si>
  <si>
    <t>49205</t>
  </si>
  <si>
    <t>5936</t>
  </si>
  <si>
    <t>50282</t>
  </si>
  <si>
    <t>GGES 90/12-L</t>
  </si>
  <si>
    <t>SHAHKOT GHARBI-FEMALE</t>
  </si>
  <si>
    <t>90/12-l</t>
  </si>
  <si>
    <t>Chack# 90-12-L</t>
  </si>
  <si>
    <t>90-12-L</t>
  </si>
  <si>
    <t>88-12-L</t>
  </si>
  <si>
    <t>Tayyaba Saleem</t>
  </si>
  <si>
    <t>5841</t>
  </si>
  <si>
    <t>98010</t>
  </si>
  <si>
    <t>41660</t>
  </si>
  <si>
    <t>GGES CHUR HARPAL RAWALPINDI</t>
  </si>
  <si>
    <t>near bohar mosque chour harpal Rawalpindi</t>
  </si>
  <si>
    <t>Chourharpal</t>
  </si>
  <si>
    <t>Rehana Bano</t>
  </si>
  <si>
    <t>7039</t>
  </si>
  <si>
    <t>50725</t>
  </si>
  <si>
    <t>GGHSS 89/6-R</t>
  </si>
  <si>
    <t>Chak No. 89/6-R sahiwal</t>
  </si>
  <si>
    <t>chak No. 89/6-r</t>
  </si>
  <si>
    <t>Chak No. 89/6-R Sahiwal</t>
  </si>
  <si>
    <t>Mrs.Bushra Saeed</t>
  </si>
  <si>
    <t>1104</t>
  </si>
  <si>
    <t>37076</t>
  </si>
  <si>
    <t>GGHS 80/10-R, KACHA KHUH</t>
  </si>
  <si>
    <t>chak No 80/10-R</t>
  </si>
  <si>
    <t>80/10 -R</t>
  </si>
  <si>
    <t>shabana rahim</t>
  </si>
  <si>
    <t>51804</t>
  </si>
  <si>
    <t>GGHSS CHAK NO.66 EB</t>
  </si>
  <si>
    <t>chak no 66 eb</t>
  </si>
  <si>
    <t>chak no 66 eb tehsil arifwala district pakpattan</t>
  </si>
  <si>
    <t>Sumera Mustafa</t>
  </si>
  <si>
    <t>23850</t>
  </si>
  <si>
    <t>50959</t>
  </si>
  <si>
    <t>GPS TUKRA NO.26</t>
  </si>
  <si>
    <t>Tukra No26</t>
  </si>
  <si>
    <t>Gps tukra 26 Harappa Sahiwal</t>
  </si>
  <si>
    <t>Muhammad Manzoor</t>
  </si>
  <si>
    <t>3596</t>
  </si>
  <si>
    <t>8180</t>
  </si>
  <si>
    <t>7927</t>
  </si>
  <si>
    <t>52385</t>
  </si>
  <si>
    <t>GGPS MAO PUBLIC SWL</t>
  </si>
  <si>
    <t>Fateh Sher Colony</t>
  </si>
  <si>
    <t>Fateh sher colony sahiwal</t>
  </si>
  <si>
    <t>Goal Chakker Sahiwal</t>
  </si>
  <si>
    <t>Parveen Manzoor</t>
  </si>
  <si>
    <t>3164</t>
  </si>
  <si>
    <t>17554</t>
  </si>
  <si>
    <t>51782</t>
  </si>
  <si>
    <t>GHS CHAK NO. 20/EB ARIFWALA</t>
  </si>
  <si>
    <t>Chak No 20/EB Arifwala TEH,,ARIFWALA DISTT,PAKPATTAN</t>
  </si>
  <si>
    <t>Chak No 20/eb arifwala</t>
  </si>
  <si>
    <t>CHAK No 50/SP</t>
  </si>
  <si>
    <t>15346</t>
  </si>
  <si>
    <t>GGES CHAK NO 65 RB</t>
  </si>
  <si>
    <t>65rb</t>
  </si>
  <si>
    <t>65 rb</t>
  </si>
  <si>
    <t>Rangar Nangal</t>
  </si>
  <si>
    <t>151 RB</t>
  </si>
  <si>
    <t>Farkhanda Yasmin</t>
  </si>
  <si>
    <t>11029</t>
  </si>
  <si>
    <t>9779</t>
  </si>
  <si>
    <t>2340</t>
  </si>
  <si>
    <t>15066</t>
  </si>
  <si>
    <t>GGES CHAK 53 GB JARANWALA</t>
  </si>
  <si>
    <t>JARANWALA - FEMALE</t>
  </si>
  <si>
    <t>53 gb</t>
  </si>
  <si>
    <t>chak no 53 gb</t>
  </si>
  <si>
    <t>55 gb</t>
  </si>
  <si>
    <t>Nikhat Amin Khan</t>
  </si>
  <si>
    <t>48510</t>
  </si>
  <si>
    <t>5071</t>
  </si>
  <si>
    <t>21290</t>
  </si>
  <si>
    <t>GGPS CHANNI MUREED</t>
  </si>
  <si>
    <t>Channi Mureed</t>
  </si>
  <si>
    <t>channi mureed, p/o qadirabad colony, teh wazirabad, dist gw</t>
  </si>
  <si>
    <t>Ruqia Khanam</t>
  </si>
  <si>
    <t>9719</t>
  </si>
  <si>
    <t>1371</t>
  </si>
  <si>
    <t>9371</t>
  </si>
  <si>
    <t>30378</t>
  </si>
  <si>
    <t>GPS GURUMANGET</t>
  </si>
  <si>
    <t>Ghous-e-azam Colony</t>
  </si>
  <si>
    <t>462 A1 gulburg 3 lahore</t>
  </si>
  <si>
    <t>Ghous-e-azam</t>
  </si>
  <si>
    <t>Mehwish jubeen</t>
  </si>
  <si>
    <t>8850</t>
  </si>
  <si>
    <t>GGES BUGHLANI DEH</t>
  </si>
  <si>
    <t>BINDI-FEMALE</t>
  </si>
  <si>
    <t>Bughlani</t>
  </si>
  <si>
    <t>basti bughlani tehsil tunsa sharif</t>
  </si>
  <si>
    <t>Sokar</t>
  </si>
  <si>
    <t>Najma Naheed</t>
  </si>
  <si>
    <t>272000</t>
  </si>
  <si>
    <t>19307</t>
  </si>
  <si>
    <t>GGHS CHAK 304 GB</t>
  </si>
  <si>
    <t>Chak No 304GB</t>
  </si>
  <si>
    <t>GGHS 304 GB</t>
  </si>
  <si>
    <t>304GB</t>
  </si>
  <si>
    <t>316GB</t>
  </si>
  <si>
    <t>1131</t>
  </si>
  <si>
    <t>43665</t>
  </si>
  <si>
    <t>GGHS SAGHAR TALAGANG</t>
  </si>
  <si>
    <t>Saghar</t>
  </si>
  <si>
    <t>v,p,o saghar teh talagang chakwal</t>
  </si>
  <si>
    <t>Tayyaba Raana</t>
  </si>
  <si>
    <t>1445</t>
  </si>
  <si>
    <t>46540</t>
  </si>
  <si>
    <t>GGES CHAK NO.8 MB</t>
  </si>
  <si>
    <t>6 MB</t>
  </si>
  <si>
    <t>Chak no 8mb tehsil qaidabad</t>
  </si>
  <si>
    <t>Chak No 8mb</t>
  </si>
  <si>
    <t>Sehrish Mubeen</t>
  </si>
  <si>
    <t>16995</t>
  </si>
  <si>
    <t>28489</t>
  </si>
  <si>
    <t>GGES PINDI DHOTHRAN</t>
  </si>
  <si>
    <t>PHARIAN WALI -II- FEMALE</t>
  </si>
  <si>
    <t>Pindi Dothran</t>
  </si>
  <si>
    <t>GGES pindi dothran p/o chak mitha tehsil phalia distt m.b.din</t>
  </si>
  <si>
    <t>PiNdi Dothran</t>
  </si>
  <si>
    <t>Ranseeky</t>
  </si>
  <si>
    <t>Iram Shehzadi</t>
  </si>
  <si>
    <t>2965</t>
  </si>
  <si>
    <t>9149</t>
  </si>
  <si>
    <t>7470</t>
  </si>
  <si>
    <t>41838</t>
  </si>
  <si>
    <t>GMPS JAHANGEER ABAD</t>
  </si>
  <si>
    <t>JAMAL DIN WALI - FEMALE</t>
  </si>
  <si>
    <t>Sheikh Bhakhar</t>
  </si>
  <si>
    <t>basti jahangeerabad jdw</t>
  </si>
  <si>
    <t>Jahangeerabad</t>
  </si>
  <si>
    <t>Jamaldinwali</t>
  </si>
  <si>
    <t>Nabeela Hassan</t>
  </si>
  <si>
    <t>8190</t>
  </si>
  <si>
    <t>8833</t>
  </si>
  <si>
    <t>19172</t>
  </si>
  <si>
    <t>GMPS CHAK 667/8 GB</t>
  </si>
  <si>
    <t>ZAKIR ABAD-FEMALE</t>
  </si>
  <si>
    <t>Chak No. 667/8 GB</t>
  </si>
  <si>
    <t>667/8 GB</t>
  </si>
  <si>
    <t>665/6 GB</t>
  </si>
  <si>
    <t>SHABANA BASHIR</t>
  </si>
  <si>
    <t>36372</t>
  </si>
  <si>
    <t>36322</t>
  </si>
  <si>
    <t>53713</t>
  </si>
  <si>
    <t>GPS CHAK NO. 18/1-R</t>
  </si>
  <si>
    <t>18/1R</t>
  </si>
  <si>
    <t>Chak no 18/1R Tehsil and District Okara</t>
  </si>
  <si>
    <t>Muhammad Shafique Noor</t>
  </si>
  <si>
    <t>26462</t>
  </si>
  <si>
    <t>24700</t>
  </si>
  <si>
    <t>682</t>
  </si>
  <si>
    <t>36221</t>
  </si>
  <si>
    <t>GPS CHAK NO.17/WB</t>
  </si>
  <si>
    <t>17wb</t>
  </si>
  <si>
    <t>chalk 17wb</t>
  </si>
  <si>
    <t>15wb</t>
  </si>
  <si>
    <t>Afzal Iqbal</t>
  </si>
  <si>
    <t>19943</t>
  </si>
  <si>
    <t>18417</t>
  </si>
  <si>
    <t>28977</t>
  </si>
  <si>
    <t>36978</t>
  </si>
  <si>
    <t>GPS NAWAN SHEHR GHARBI, KABIRWALA</t>
  </si>
  <si>
    <t>KABIRWALA - MALE</t>
  </si>
  <si>
    <t>Maan Wala</t>
  </si>
  <si>
    <t>nawan shaher gharbi</t>
  </si>
  <si>
    <t>Nawan Shaher Gharbi</t>
  </si>
  <si>
    <t>Mc Kabirwala</t>
  </si>
  <si>
    <t>7504</t>
  </si>
  <si>
    <t>16424</t>
  </si>
  <si>
    <t>32922</t>
  </si>
  <si>
    <t>20229</t>
  </si>
  <si>
    <t>GPS MOHSIN ABAD</t>
  </si>
  <si>
    <t>Kanwen Wala</t>
  </si>
  <si>
    <t>mohsin abad</t>
  </si>
  <si>
    <t>Mohsin Abad</t>
  </si>
  <si>
    <t>Sami Ullah</t>
  </si>
  <si>
    <t>13035</t>
  </si>
  <si>
    <t>15031</t>
  </si>
  <si>
    <t>14543</t>
  </si>
  <si>
    <t>GHS BHARMI NAWAB</t>
  </si>
  <si>
    <t>Bharmi NAWAB</t>
  </si>
  <si>
    <t>GHS BHARMI NAWAB (BHAKKAR)</t>
  </si>
  <si>
    <t>BHARMI NAWAB</t>
  </si>
  <si>
    <t>Humon Wali</t>
  </si>
  <si>
    <t>MUHAMMAD HUSSAIN</t>
  </si>
  <si>
    <t>18932</t>
  </si>
  <si>
    <t>GGHS CHAK 672/13 GB</t>
  </si>
  <si>
    <t>PARTAB PUR</t>
  </si>
  <si>
    <t>GGHS672/13GB</t>
  </si>
  <si>
    <t>CHAK NO.672/13 GB</t>
  </si>
  <si>
    <t>CHAK 674/15 GB</t>
  </si>
  <si>
    <t>Razia Manzoor</t>
  </si>
  <si>
    <t>32096</t>
  </si>
  <si>
    <t>30933</t>
  </si>
  <si>
    <t>29181</t>
  </si>
  <si>
    <t>53693</t>
  </si>
  <si>
    <t>GPS MAJRA WAZIR PUR</t>
  </si>
  <si>
    <t>Majra Wazir Pur</t>
  </si>
  <si>
    <t>Majra wazir pur</t>
  </si>
  <si>
    <t>Muhammad Ibraheem</t>
  </si>
  <si>
    <t>1325</t>
  </si>
  <si>
    <t>10408</t>
  </si>
  <si>
    <t>25408</t>
  </si>
  <si>
    <t>3234</t>
  </si>
  <si>
    <t>GHS SHORKOT CITY</t>
  </si>
  <si>
    <t>Shorkot City</t>
  </si>
  <si>
    <t>Tehsil Chowk Shorkot City</t>
  </si>
  <si>
    <t>Shorkot</t>
  </si>
  <si>
    <t>GHAZANFER ABBAS</t>
  </si>
  <si>
    <t>220889</t>
  </si>
  <si>
    <t>39980</t>
  </si>
  <si>
    <t>GES QIBLA BANDI</t>
  </si>
  <si>
    <t>malak mala</t>
  </si>
  <si>
    <t>village qiblabandi tehsil hazro district attock</t>
  </si>
  <si>
    <t>Qiblabandi</t>
  </si>
  <si>
    <t>ZAHID MEHMOOD</t>
  </si>
  <si>
    <t>49377</t>
  </si>
  <si>
    <t>42927</t>
  </si>
  <si>
    <t>3898</t>
  </si>
  <si>
    <t>GHS JAFFAR</t>
  </si>
  <si>
    <t>JAFFAR</t>
  </si>
  <si>
    <t>V &amp; PO JAFFAR</t>
  </si>
  <si>
    <t>AJUWALA</t>
  </si>
  <si>
    <t>TARIQ MEHMOOD</t>
  </si>
  <si>
    <t>12382</t>
  </si>
  <si>
    <t>6003</t>
  </si>
  <si>
    <t>1082</t>
  </si>
  <si>
    <t>16741</t>
  </si>
  <si>
    <t>GES 493/GB</t>
  </si>
  <si>
    <t>Hussain Porra</t>
  </si>
  <si>
    <t>chak no. 493 GB P.O Box same Tehsil Tandlianwala District Faisalabad</t>
  </si>
  <si>
    <t>493 GB</t>
  </si>
  <si>
    <t>Chakno507GB</t>
  </si>
  <si>
    <t>Maqbool Hussain</t>
  </si>
  <si>
    <t>3678</t>
  </si>
  <si>
    <t>33060</t>
  </si>
  <si>
    <t>31700</t>
  </si>
  <si>
    <t>3723</t>
  </si>
  <si>
    <t>35993</t>
  </si>
  <si>
    <t>GPS 5-MARLA SCHEME KHAN PUR</t>
  </si>
  <si>
    <t>DHALLOO-MALE</t>
  </si>
  <si>
    <t>Khan Pur</t>
  </si>
  <si>
    <t>5-Marla scheme Khan Pur Mailsi</t>
  </si>
  <si>
    <t>5-Marla Scheme  Khan Pur</t>
  </si>
  <si>
    <t>Alam Pur</t>
  </si>
  <si>
    <t>GGHS CHAK NO.227/9-R</t>
  </si>
  <si>
    <t>Girls School</t>
  </si>
  <si>
    <t>Govt. Girls H/S 227/9-r Tehsile Fortabbas Distt.  Bahawalnagar</t>
  </si>
  <si>
    <t>227/9-r</t>
  </si>
  <si>
    <t>126/9-r</t>
  </si>
  <si>
    <t>TAYYABA YAQUB</t>
  </si>
  <si>
    <t>7230</t>
  </si>
  <si>
    <t>5245</t>
  </si>
  <si>
    <t>1266</t>
  </si>
  <si>
    <t>GGHS GHAREEB ABAD</t>
  </si>
  <si>
    <t>Hasilpur</t>
  </si>
  <si>
    <t>Govt.Girls High School Ghareebabad Hasilpur</t>
  </si>
  <si>
    <t>MC Hasilpur</t>
  </si>
  <si>
    <t>Sehrish Abbas</t>
  </si>
  <si>
    <t>13541</t>
  </si>
  <si>
    <t>32725</t>
  </si>
  <si>
    <t>GGHS CHANDAR NAGAR</t>
  </si>
  <si>
    <t>Chandar Nagar</t>
  </si>
  <si>
    <t>CHAK No 5</t>
  </si>
  <si>
    <t>Saima Iftikhar</t>
  </si>
  <si>
    <t>27744</t>
  </si>
  <si>
    <t>47077</t>
  </si>
  <si>
    <t>37980</t>
  </si>
  <si>
    <t>945</t>
  </si>
  <si>
    <t>5615</t>
  </si>
  <si>
    <t>GPS MITHA AKKOKA</t>
  </si>
  <si>
    <t>BWN-IX-MALE</t>
  </si>
  <si>
    <t>Mitha Akuka</t>
  </si>
  <si>
    <t>Mahar Wali</t>
  </si>
  <si>
    <t>37742</t>
  </si>
  <si>
    <t>GGHS 138/10-R, JAHANIAN</t>
  </si>
  <si>
    <t>chak No:138/10.R Jahania</t>
  </si>
  <si>
    <t>chak No138/10.R</t>
  </si>
  <si>
    <t>Chak No139/10.r</t>
  </si>
  <si>
    <t>Salma Liaqat</t>
  </si>
  <si>
    <t>17810</t>
  </si>
  <si>
    <t>16190</t>
  </si>
  <si>
    <t>GHS CHAK 195 RB FSD</t>
  </si>
  <si>
    <t>JANDAWALA 195 RB</t>
  </si>
  <si>
    <t>CHAK NO 195 RB JANDAWALA FAISALABAD</t>
  </si>
  <si>
    <t>JANDAWALA</t>
  </si>
  <si>
    <t>muhammad yasin nadeem</t>
  </si>
  <si>
    <t>43477</t>
  </si>
  <si>
    <t>52634</t>
  </si>
  <si>
    <t>Qila Jawind Singh</t>
  </si>
  <si>
    <t>Tariq Shahzad</t>
  </si>
  <si>
    <t>31381</t>
  </si>
  <si>
    <t>41551</t>
  </si>
  <si>
    <t>GHS DHALLA</t>
  </si>
  <si>
    <t>dhalla</t>
  </si>
  <si>
    <t>dhalla tehsil and distt rawalpindi</t>
  </si>
  <si>
    <t>adyala</t>
  </si>
  <si>
    <t>Jameel Akhtar</t>
  </si>
  <si>
    <t>1432</t>
  </si>
  <si>
    <t>16874</t>
  </si>
  <si>
    <t>GGHS BASHIR</t>
  </si>
  <si>
    <t>CIVIL STATION</t>
  </si>
  <si>
    <t>govt.BASHIR GIRLS HIGH SCHOOL YOUSAF SHAH ROAD JHANG</t>
  </si>
  <si>
    <t>CIVIL LINE</t>
  </si>
  <si>
    <t>36199</t>
  </si>
  <si>
    <t>4085</t>
  </si>
  <si>
    <t>53853</t>
  </si>
  <si>
    <t>60928</t>
  </si>
  <si>
    <t>GGPS NO. 2  G TYPE JAUHARABAD</t>
  </si>
  <si>
    <t>JAUHARABAD (FEMALE)</t>
  </si>
  <si>
    <t>G G ps no 2g type jbd</t>
  </si>
  <si>
    <t>MC 2 Jauharabad</t>
  </si>
  <si>
    <t>Yasmin Feroz</t>
  </si>
  <si>
    <t>12799</t>
  </si>
  <si>
    <t>45350</t>
  </si>
  <si>
    <t>50110</t>
  </si>
  <si>
    <t>22177</t>
  </si>
  <si>
    <t>GGHS SHAHDIWAL</t>
  </si>
  <si>
    <t>Shadiwal</t>
  </si>
  <si>
    <t>ichar kay shadiwal gujrat</t>
  </si>
  <si>
    <t>GULSHAN FIRDOUS</t>
  </si>
  <si>
    <t>852</t>
  </si>
  <si>
    <t>28196</t>
  </si>
  <si>
    <t>GHS SHAHID MUNIR SHAHEED DHAUL RANJHA</t>
  </si>
  <si>
    <t>Dhoul</t>
  </si>
  <si>
    <t>Dhoul Ranjha Teh Phalia District Mbdin</t>
  </si>
  <si>
    <t>Dhoul Ranjha</t>
  </si>
  <si>
    <t>Akhtar Ali</t>
  </si>
  <si>
    <t>11542</t>
  </si>
  <si>
    <t>GHS NO. 2 KOT ADU</t>
  </si>
  <si>
    <t>Pirhar Sharqi</t>
  </si>
  <si>
    <t>Near DSP Office Kot adu</t>
  </si>
  <si>
    <t>City Kot adu</t>
  </si>
  <si>
    <t>MC Kot Adu</t>
  </si>
  <si>
    <t>MUHAMMAD ARSHAD JAVED</t>
  </si>
  <si>
    <t>20284</t>
  </si>
  <si>
    <t>GMPS DAR-UL NASAR</t>
  </si>
  <si>
    <t>Muslim Coloni Chenab Nagar</t>
  </si>
  <si>
    <t>Muslim Coloni chenab Nagar</t>
  </si>
  <si>
    <t>Muslim Coloni</t>
  </si>
  <si>
    <t>Khichian</t>
  </si>
  <si>
    <t>Hafiz Shahid Nawaz</t>
  </si>
  <si>
    <t>43577</t>
  </si>
  <si>
    <t>5963</t>
  </si>
  <si>
    <t>30382</t>
  </si>
  <si>
    <t>GPS IQBAL MODEL SAMANABAD</t>
  </si>
  <si>
    <t>SAMANABAD-MALE</t>
  </si>
  <si>
    <t>govt, Iqbal model p / s samanabad lhr</t>
  </si>
  <si>
    <t>Rizwana Munir Durani</t>
  </si>
  <si>
    <t>46510</t>
  </si>
  <si>
    <t>36362</t>
  </si>
  <si>
    <t>43205</t>
  </si>
  <si>
    <t>GGHS BHEEN</t>
  </si>
  <si>
    <t>BHHEEN</t>
  </si>
  <si>
    <t>GOVT. GIRLS HIGH SCHOOL BHEEN</t>
  </si>
  <si>
    <t>BHEEN</t>
  </si>
  <si>
    <t>RUKHSANA BIBI</t>
  </si>
  <si>
    <t>18243</t>
  </si>
  <si>
    <t>GHS GIL KALA</t>
  </si>
  <si>
    <t>GILKALA</t>
  </si>
  <si>
    <t>GHS GILKALA P/O SHARIFABAD TEHSIL AHMAD PUR SIAL DISTRICT JHANG</t>
  </si>
  <si>
    <t>SHARIFABAD</t>
  </si>
  <si>
    <t>DURI GONDAL</t>
  </si>
  <si>
    <t>MUHAMMAD ABDULLAH KHAN</t>
  </si>
  <si>
    <t>3292</t>
  </si>
  <si>
    <t>36589</t>
  </si>
  <si>
    <t>GHS HASHMAT MIRALI, SARAI SIDHU</t>
  </si>
  <si>
    <t>Hashmat Mirali</t>
  </si>
  <si>
    <t>moza hashmat mirali Tehsil kabirwala District khanewal</t>
  </si>
  <si>
    <t>19452</t>
  </si>
  <si>
    <t>834</t>
  </si>
  <si>
    <t>51949</t>
  </si>
  <si>
    <t>GPS KOT QANOONGO P/O 22/E.B ARIF WALA</t>
  </si>
  <si>
    <t>Kot Qanoon Go</t>
  </si>
  <si>
    <t>kot Qanoon go p/o 22/EB arifwala</t>
  </si>
  <si>
    <t>Kot Qannon Go</t>
  </si>
  <si>
    <t>50/sp</t>
  </si>
  <si>
    <t>Mehmoob Hussain</t>
  </si>
  <si>
    <t>54648</t>
  </si>
  <si>
    <t>GPS CHAK SUMRA</t>
  </si>
  <si>
    <t>Basti Sumra</t>
  </si>
  <si>
    <t>Basti sumra post office tibba sultan pur Tehsil Mailsi District Vehari</t>
  </si>
  <si>
    <t>Chak Sumra</t>
  </si>
  <si>
    <t>Chak No124 /wb</t>
  </si>
  <si>
    <t>GHULAM MUJTABA</t>
  </si>
  <si>
    <t>32038</t>
  </si>
  <si>
    <t>38314</t>
  </si>
  <si>
    <t>29998</t>
  </si>
  <si>
    <t>25643</t>
  </si>
  <si>
    <t>GGHS CHANDER KAY RAJPUTAN</t>
  </si>
  <si>
    <t>Chanderke Rajputan</t>
  </si>
  <si>
    <t>Chanderke Rajputan Teh Narowal district Narowal</t>
  </si>
  <si>
    <t>NADIA RIAZ</t>
  </si>
  <si>
    <t>31900</t>
  </si>
  <si>
    <t>34679</t>
  </si>
  <si>
    <t>29200</t>
  </si>
  <si>
    <t>GPS TARGA P/O QADI WIND</t>
  </si>
  <si>
    <t>Targa</t>
  </si>
  <si>
    <t>targa p/o.qadi wind</t>
  </si>
  <si>
    <t>Qadi Wind</t>
  </si>
  <si>
    <t>11925</t>
  </si>
  <si>
    <t>7836</t>
  </si>
  <si>
    <t>16338</t>
  </si>
  <si>
    <t>GPS CHAK NO 23 JB I</t>
  </si>
  <si>
    <t>Saidhan</t>
  </si>
  <si>
    <t>Chak No 23 JB Saidhan PO102 JB Burj mandi tehsil  chak jhumra distt fsd</t>
  </si>
  <si>
    <t>Chak 23 JB Saidhan</t>
  </si>
  <si>
    <t>Chak No 20  JB Khanky</t>
  </si>
  <si>
    <t>Ameer Ali</t>
  </si>
  <si>
    <t>17493</t>
  </si>
  <si>
    <t>50727</t>
  </si>
  <si>
    <t>GGHSS 92/6-R</t>
  </si>
  <si>
    <t>Chak#92/6-R</t>
  </si>
  <si>
    <t>GGHSS 92/6-R SWL</t>
  </si>
  <si>
    <t>92/6-R</t>
  </si>
  <si>
    <t>97872</t>
  </si>
  <si>
    <t>turbine</t>
  </si>
  <si>
    <t>717</t>
  </si>
  <si>
    <t>8054</t>
  </si>
  <si>
    <t>1465</t>
  </si>
  <si>
    <t>88353</t>
  </si>
  <si>
    <t>2159</t>
  </si>
  <si>
    <t>20369</t>
  </si>
  <si>
    <t>GGPS KOT ALYANA</t>
  </si>
  <si>
    <t>LALIAN MARKAZ NO.03 - FEMALE</t>
  </si>
  <si>
    <t>Hamboana</t>
  </si>
  <si>
    <t>Kot alyana</t>
  </si>
  <si>
    <t>Kot Alyana</t>
  </si>
  <si>
    <t>Bihiwal</t>
  </si>
  <si>
    <t>Rabia Basri</t>
  </si>
  <si>
    <t>5946</t>
  </si>
  <si>
    <t>23614</t>
  </si>
  <si>
    <t>GGHS BAMBAN WALA</t>
  </si>
  <si>
    <t>Bambanwala</t>
  </si>
  <si>
    <t>bambanwala</t>
  </si>
  <si>
    <t>Riffat Yasmin</t>
  </si>
  <si>
    <t>14144</t>
  </si>
  <si>
    <t>14652</t>
  </si>
  <si>
    <t>GHS NIA MADRASSA GM ABAD FSD</t>
  </si>
  <si>
    <t>MUHALLA QUDRAT ABAD GM ABAD FAISALABAD</t>
  </si>
  <si>
    <t>QUDRAT ABAD</t>
  </si>
  <si>
    <t>MURAD ABAD</t>
  </si>
  <si>
    <t>LIAQAT ALI</t>
  </si>
  <si>
    <t>13889</t>
  </si>
  <si>
    <t>5799</t>
  </si>
  <si>
    <t>41652</t>
  </si>
  <si>
    <t>GGES NEW SARFRAZ ROAD  (JHANGI)</t>
  </si>
  <si>
    <t>Waris Khan</t>
  </si>
  <si>
    <t>Govt New Girls E/ School sarfraz road waris khan Rwp</t>
  </si>
  <si>
    <t>Ammar Pura</t>
  </si>
  <si>
    <t>Saleema Akhtar</t>
  </si>
  <si>
    <t>11847</t>
  </si>
  <si>
    <t>33383</t>
  </si>
  <si>
    <t>41113</t>
  </si>
  <si>
    <t>31315</t>
  </si>
  <si>
    <t>2068</t>
  </si>
  <si>
    <t>15710</t>
  </si>
  <si>
    <t>GHS SHAHBAZ BHATTI CHAK 51 GB KHUSHPUR SAMUNDRI</t>
  </si>
  <si>
    <t>51 GB Khushpur</t>
  </si>
  <si>
    <t>Chak no.51 GB Khushpur Tehsil Samundri Faisalabad</t>
  </si>
  <si>
    <t>51 G B Khushpur</t>
  </si>
  <si>
    <t>Nara Dada</t>
  </si>
  <si>
    <t>Zeeshan</t>
  </si>
  <si>
    <t>16346</t>
  </si>
  <si>
    <t>community water supply</t>
  </si>
  <si>
    <t>10513</t>
  </si>
  <si>
    <t>19860</t>
  </si>
  <si>
    <t>6330</t>
  </si>
  <si>
    <t>37019</t>
  </si>
  <si>
    <t>GGPS TALIB SAHOO</t>
  </si>
  <si>
    <t>Chaprawala</t>
  </si>
  <si>
    <t>chaprawala</t>
  </si>
  <si>
    <t>Tangra</t>
  </si>
  <si>
    <t>Shafqat Bibi</t>
  </si>
  <si>
    <t>7784</t>
  </si>
  <si>
    <t>19631</t>
  </si>
  <si>
    <t>52192</t>
  </si>
  <si>
    <t>GGPS ZIA NAGAR ARIFWALA</t>
  </si>
  <si>
    <t>Zianagar</t>
  </si>
  <si>
    <t>zia nagar Arifwala Disst Pakpattan</t>
  </si>
  <si>
    <t>Main City</t>
  </si>
  <si>
    <t>Urban 1</t>
  </si>
  <si>
    <t>10620</t>
  </si>
  <si>
    <t>16898</t>
  </si>
  <si>
    <t>20355</t>
  </si>
  <si>
    <t>50411</t>
  </si>
  <si>
    <t>16450</t>
  </si>
  <si>
    <t>GHS CHAK 188 RB CHAK JHUMRA FSD</t>
  </si>
  <si>
    <t>nalawala</t>
  </si>
  <si>
    <t>GHS 188RB CHAK JHUMARA FSD</t>
  </si>
  <si>
    <t>chak no 188rb nalawala</t>
  </si>
  <si>
    <t>CHAK NO 189RB</t>
  </si>
  <si>
    <t>shahid iqbal</t>
  </si>
  <si>
    <t>771</t>
  </si>
  <si>
    <t>32649</t>
  </si>
  <si>
    <t>GHS CHANDAR NAGAR NANKANA SAHIB</t>
  </si>
  <si>
    <t>chandar nagar</t>
  </si>
  <si>
    <t>Govt High School Chandar Nagar Chak No 2 G.B Tehil &amp; Distt Nankana Sahib</t>
  </si>
  <si>
    <t>chak no 5 g.b kalan</t>
  </si>
  <si>
    <t>khalid mahmood rashad</t>
  </si>
  <si>
    <t>11671</t>
  </si>
  <si>
    <t>GPS BAIT MAHAISAR</t>
  </si>
  <si>
    <t>Bait Mehaiser</t>
  </si>
  <si>
    <t>mouza Bait mehaiser post office Sinawan</t>
  </si>
  <si>
    <t>Thatha Gurmani</t>
  </si>
  <si>
    <t>20206</t>
  </si>
  <si>
    <t>GES NO. 4 LALIAN</t>
  </si>
  <si>
    <t>Railway Road Lalian</t>
  </si>
  <si>
    <t>35235</t>
  </si>
  <si>
    <t>15088</t>
  </si>
  <si>
    <t>GGPS CHAK 238 GB II JARANWALA</t>
  </si>
  <si>
    <t>ggps 238gb 2</t>
  </si>
  <si>
    <t>238gb2</t>
  </si>
  <si>
    <t>Gullar 239</t>
  </si>
  <si>
    <t>Amina Norin</t>
  </si>
  <si>
    <t>21957</t>
  </si>
  <si>
    <t>36080</t>
  </si>
  <si>
    <t>GGHS CHAK NO 33 WB</t>
  </si>
  <si>
    <t>33/wb Vehari</t>
  </si>
  <si>
    <t>33/wb vehari</t>
  </si>
  <si>
    <t>RAANA UZMA</t>
  </si>
  <si>
    <t>6026</t>
  </si>
  <si>
    <t>436</t>
  </si>
  <si>
    <t>37486</t>
  </si>
  <si>
    <t>GGHS 67/15-L, MIAN CHANNU</t>
  </si>
  <si>
    <t>67/15L</t>
  </si>
  <si>
    <t>67/15L.</t>
  </si>
  <si>
    <t>vijhianwala</t>
  </si>
  <si>
    <t>61A/15L</t>
  </si>
  <si>
    <t>Andleeb Asghar</t>
  </si>
  <si>
    <t>36448</t>
  </si>
  <si>
    <t>GGPS AKBAR SHAH</t>
  </si>
  <si>
    <t>Akbar Shah, ludden</t>
  </si>
  <si>
    <t>Gulam Shah</t>
  </si>
  <si>
    <t>7445</t>
  </si>
  <si>
    <t>37085</t>
  </si>
  <si>
    <t>GES 88/10-R, KHANEWAL</t>
  </si>
  <si>
    <t>Chak 88/10-R</t>
  </si>
  <si>
    <t>chak no 88/10-R</t>
  </si>
  <si>
    <t>88/10-R</t>
  </si>
  <si>
    <t>Ward No 39</t>
  </si>
  <si>
    <t>Mustafa Shah</t>
  </si>
  <si>
    <t>11020</t>
  </si>
  <si>
    <t>49270</t>
  </si>
  <si>
    <t>50827</t>
  </si>
  <si>
    <t>GGHS 150/9-L</t>
  </si>
  <si>
    <t>150/9L</t>
  </si>
  <si>
    <t>Chak No 150/9L Tehsil &amp; District Sahiwal</t>
  </si>
  <si>
    <t>Chak 150/9L</t>
  </si>
  <si>
    <t>Farzana kousar</t>
  </si>
  <si>
    <t>21457</t>
  </si>
  <si>
    <t>10581</t>
  </si>
  <si>
    <t>15087</t>
  </si>
  <si>
    <t>GGPS CHAK 237 GB JARANWALA</t>
  </si>
  <si>
    <t>Chak No 237 GB N</t>
  </si>
  <si>
    <t>GGPS chak no 237 GB N, jaranwala</t>
  </si>
  <si>
    <t>Chak No 236 Kilianwala</t>
  </si>
  <si>
    <t>6318</t>
  </si>
  <si>
    <t>16768</t>
  </si>
  <si>
    <t>GGHS 451 GB</t>
  </si>
  <si>
    <t>knjwani</t>
  </si>
  <si>
    <t>GGHS451GB</t>
  </si>
  <si>
    <t>451gb</t>
  </si>
  <si>
    <t>CHAK NO.449 GB</t>
  </si>
  <si>
    <t>Freeha Kanwal</t>
  </si>
  <si>
    <t>13121</t>
  </si>
  <si>
    <t>HAND PUMP AND WATER PUMP</t>
  </si>
  <si>
    <t>16308</t>
  </si>
  <si>
    <t>GPS DARUL EHSAN</t>
  </si>
  <si>
    <t>Paharing</t>
  </si>
  <si>
    <t>chak no 126 rb Abadi ratha Wali, shahkot road Darul ehsan</t>
  </si>
  <si>
    <t>Darul Ehsan</t>
  </si>
  <si>
    <t>Behloolpur</t>
  </si>
  <si>
    <t>Muhammad Tahir Tanveer</t>
  </si>
  <si>
    <t>5455</t>
  </si>
  <si>
    <t>15200</t>
  </si>
  <si>
    <t>31635</t>
  </si>
  <si>
    <t>41619</t>
  </si>
  <si>
    <t>GHS MC AMAR PURA RAWALPINDI</t>
  </si>
  <si>
    <t>Chah Sultan</t>
  </si>
  <si>
    <t>Govt. MC Boys High School Amarpura Rawalpindi</t>
  </si>
  <si>
    <t>Amarpura</t>
  </si>
  <si>
    <t>Khalida Perveen</t>
  </si>
  <si>
    <t>35370</t>
  </si>
  <si>
    <t>36815</t>
  </si>
  <si>
    <t>12131</t>
  </si>
  <si>
    <t>36074</t>
  </si>
  <si>
    <t>GGHSS CHAK NO 9-11 WB</t>
  </si>
  <si>
    <t>9-11/w.b</t>
  </si>
  <si>
    <t>govt.girls higher secndary school 9-11/w.b,vehari</t>
  </si>
  <si>
    <t>RIFFAT NASIM</t>
  </si>
  <si>
    <t>65280</t>
  </si>
  <si>
    <t>2837</t>
  </si>
  <si>
    <t>37434</t>
  </si>
  <si>
    <t>GGHS 125/15-L, MIAN CHANNU</t>
  </si>
  <si>
    <t>CHAK NO 125-15-L MIAN CHANNU</t>
  </si>
  <si>
    <t>GOVT GIRLS HIGH SCHOOL 125-15-L</t>
  </si>
  <si>
    <t>CHAK NO 125-15-L JHANDAY WALI</t>
  </si>
  <si>
    <t>125-15-L</t>
  </si>
  <si>
    <t>ALIA NAIMAT</t>
  </si>
  <si>
    <t>1066</t>
  </si>
  <si>
    <t>14636</t>
  </si>
  <si>
    <t>GGES JUNIOR MODEL PUNJAB MEDICAL COLLEGE</t>
  </si>
  <si>
    <t>PMC</t>
  </si>
  <si>
    <t>GGES PMC COLONY FAISALABAD</t>
  </si>
  <si>
    <t>BOLY DI JUGHI</t>
  </si>
  <si>
    <t>IBRAT SHAMIM</t>
  </si>
  <si>
    <t>29318</t>
  </si>
  <si>
    <t>GPS SANDA KHANWAH</t>
  </si>
  <si>
    <t>USMAN WALA - MALE</t>
  </si>
  <si>
    <t>Sanda Khanwa</t>
  </si>
  <si>
    <t>gps sanda khanwa</t>
  </si>
  <si>
    <t>Rajo Wal Nau</t>
  </si>
  <si>
    <t>Jamil Anjum</t>
  </si>
  <si>
    <t>4322</t>
  </si>
  <si>
    <t>6738</t>
  </si>
  <si>
    <t>4650</t>
  </si>
  <si>
    <t>GGHS 76/GB</t>
  </si>
  <si>
    <t>Chak No 76 GB</t>
  </si>
  <si>
    <t>Chak No 237 RB</t>
  </si>
  <si>
    <t>Shazia parveen</t>
  </si>
  <si>
    <t>45355</t>
  </si>
  <si>
    <t>7169</t>
  </si>
  <si>
    <t>50973</t>
  </si>
  <si>
    <t>GES NOOR SHAH</t>
  </si>
  <si>
    <t>NOOR SHAH-A-MALE</t>
  </si>
  <si>
    <t>NOOR SHAH</t>
  </si>
  <si>
    <t>NOOR SHAH DIST SAHIWAL</t>
  </si>
  <si>
    <t>SAFDAR SHARIF</t>
  </si>
  <si>
    <t>30955</t>
  </si>
  <si>
    <t>37075</t>
  </si>
  <si>
    <t>GGHSS 23/10-R, KACHA KHUH</t>
  </si>
  <si>
    <t>23/10-R</t>
  </si>
  <si>
    <t>GGHSS 23/10-R, KACHA KHU</t>
  </si>
  <si>
    <t>CHAK NO.23/10-R</t>
  </si>
  <si>
    <t>Shahida Perveen</t>
  </si>
  <si>
    <t>12760</t>
  </si>
  <si>
    <t>19640</t>
  </si>
  <si>
    <t>18952</t>
  </si>
  <si>
    <t>2566</t>
  </si>
  <si>
    <t>1455</t>
  </si>
  <si>
    <t>15049</t>
  </si>
  <si>
    <t>GGCMES CHAK 119 GB JARANWALA</t>
  </si>
  <si>
    <t>119gb</t>
  </si>
  <si>
    <t>almadina colony alvi park st no 9 jaranwala</t>
  </si>
  <si>
    <t>nanak pur</t>
  </si>
  <si>
    <t>112gb</t>
  </si>
  <si>
    <t>Sumaira Shafique</t>
  </si>
  <si>
    <t>2522</t>
  </si>
  <si>
    <t>29113</t>
  </si>
  <si>
    <t>GGHS NIZAM PURA</t>
  </si>
  <si>
    <t>Nizam Pura</t>
  </si>
  <si>
    <t>GGHS Nizam pura kasur</t>
  </si>
  <si>
    <t>Tehmina Hanif</t>
  </si>
  <si>
    <t>20869</t>
  </si>
  <si>
    <t>1067</t>
  </si>
  <si>
    <t>GGHS CHAK 103 RB</t>
  </si>
  <si>
    <t>CHAK NO. 103RB</t>
  </si>
  <si>
    <t>CHAK NO. 103 RB</t>
  </si>
  <si>
    <t>103 RB PHALAHI WALA</t>
  </si>
  <si>
    <t>MARIAM ZAHOOR</t>
  </si>
  <si>
    <t>CANE WATER</t>
  </si>
  <si>
    <t>427</t>
  </si>
  <si>
    <t>8171</t>
  </si>
  <si>
    <t>14665</t>
  </si>
  <si>
    <t>GHS MC SIDHU PURA</t>
  </si>
  <si>
    <t>sidhupura</t>
  </si>
  <si>
    <t>gmchs.boys .sidhupura@gmail.com</t>
  </si>
  <si>
    <t>chak no 123 jb sidhupura fsd</t>
  </si>
  <si>
    <t>sidhupura raje wala</t>
  </si>
  <si>
    <t>MUHAMMAD ANWAR HUSSAIN</t>
  </si>
  <si>
    <t>23110</t>
  </si>
  <si>
    <t>4818</t>
  </si>
  <si>
    <t>42017</t>
  </si>
  <si>
    <t>GHS GANGAL GULZAR-E-QUAID RAWALPINDI</t>
  </si>
  <si>
    <t>gangal gulzar e quaid rwp</t>
  </si>
  <si>
    <t>gangal</t>
  </si>
  <si>
    <t>DR SAJID REHMAN</t>
  </si>
  <si>
    <t>47745</t>
  </si>
  <si>
    <t>16232</t>
  </si>
  <si>
    <t>GGHS CHAK 248 RB BISMILLAH PUR</t>
  </si>
  <si>
    <t>GGHS CHAK NO 248/RB FSD</t>
  </si>
  <si>
    <t>Chak No 248rb Bismillahpur</t>
  </si>
  <si>
    <t>Chak NO 248/RB bismillahpur Fsd</t>
  </si>
  <si>
    <t>Fehmida Begum</t>
  </si>
  <si>
    <t>42242</t>
  </si>
  <si>
    <t>1516</t>
  </si>
  <si>
    <t>14750</t>
  </si>
  <si>
    <t>GGHS MC CHAK 279/RB KALAN</t>
  </si>
  <si>
    <t>FOJIAAN</t>
  </si>
  <si>
    <t>M.C.GIRLS HIGH SCHOOL 279 RB KALAN FSD</t>
  </si>
  <si>
    <t>AFGHAN ABAD</t>
  </si>
  <si>
    <t>TAHIRA PARVEEN</t>
  </si>
  <si>
    <t>57200</t>
  </si>
  <si>
    <t>49485</t>
  </si>
  <si>
    <t>1091</t>
  </si>
  <si>
    <t>15361</t>
  </si>
  <si>
    <t>GHS ISLAMIA JARANWALA-1</t>
  </si>
  <si>
    <t>GOVT ISLAMIA HIG SCHOOL JARANWALA</t>
  </si>
  <si>
    <t>muhammad javid bashir</t>
  </si>
  <si>
    <t>2103</t>
  </si>
  <si>
    <t>2723</t>
  </si>
  <si>
    <t>14768</t>
  </si>
  <si>
    <t>GGHS IQBAL MODEL TARIQ ABAD</t>
  </si>
  <si>
    <t>tariqabad</t>
  </si>
  <si>
    <t>st no 10 tariqabad fsd</t>
  </si>
  <si>
    <t>Shahnaz Parveen</t>
  </si>
  <si>
    <t>31318</t>
  </si>
  <si>
    <t>49537</t>
  </si>
  <si>
    <t>10287</t>
  </si>
  <si>
    <t>GGPS CHAK NO 291 TDA</t>
  </si>
  <si>
    <t>291/TDA</t>
  </si>
  <si>
    <t>chak no 291/TDA</t>
  </si>
  <si>
    <t>Hina Arshad</t>
  </si>
  <si>
    <t>4660</t>
  </si>
  <si>
    <t>25787</t>
  </si>
  <si>
    <t>GGES DHANWADDY</t>
  </si>
  <si>
    <t>Dhanwaddy</t>
  </si>
  <si>
    <t>village Dhanwaddy</t>
  </si>
  <si>
    <t>Hassan Hussain</t>
  </si>
  <si>
    <t>ADEELA NASEER</t>
  </si>
  <si>
    <t>19546</t>
  </si>
  <si>
    <t>16743</t>
  </si>
  <si>
    <t>GES CHAK NO.501/GB</t>
  </si>
  <si>
    <t>Chak No 501 Gb Mamunkanjan</t>
  </si>
  <si>
    <t>chak no 501gb Mamunkanjan Tehsil tandlianwala</t>
  </si>
  <si>
    <t>501gb Mamunkanjan</t>
  </si>
  <si>
    <t>Chak 558 gb</t>
  </si>
  <si>
    <t>Khuda Yar</t>
  </si>
  <si>
    <t>11988</t>
  </si>
  <si>
    <t>6432</t>
  </si>
  <si>
    <t>41142</t>
  </si>
  <si>
    <t>GES ALIOT</t>
  </si>
  <si>
    <t>KAHUTA - MALE</t>
  </si>
  <si>
    <t>GBES ALIOT Tehsil kahuta distt rawalpindi post office Aliot</t>
  </si>
  <si>
    <t>Hothela</t>
  </si>
  <si>
    <t>26825</t>
  </si>
  <si>
    <t>GGPS SIDDIQUE WALA QASBA MARAL ROAD MULTAN</t>
  </si>
  <si>
    <t>Basti Bahawl pur Sukha Multan</t>
  </si>
  <si>
    <t>GGPS siddiqe wala multan</t>
  </si>
  <si>
    <t>Siddique wala</t>
  </si>
  <si>
    <t>5616</t>
  </si>
  <si>
    <t>GGPS DARBAR MAJEOH SHAH</t>
  </si>
  <si>
    <t>ALLAH ABAD - FEMALE</t>
  </si>
  <si>
    <t>Allahabad</t>
  </si>
  <si>
    <t>near darbar  majru Shah Allahabad</t>
  </si>
  <si>
    <t>Saeeda Abbasi</t>
  </si>
  <si>
    <t>15630</t>
  </si>
  <si>
    <t>28201</t>
  </si>
  <si>
    <t>GHS NASEEM HASLAN WALA</t>
  </si>
  <si>
    <t>haslanwala</t>
  </si>
  <si>
    <t>HASLANWALA</t>
  </si>
  <si>
    <t>MUSHAHID UR RASUL</t>
  </si>
  <si>
    <t>19233</t>
  </si>
  <si>
    <t>50658</t>
  </si>
  <si>
    <t>GHS BATALA MUSLIM SAHIWAL</t>
  </si>
  <si>
    <t>Old Civil Line</t>
  </si>
  <si>
    <t>Government Batala Muslim High School Sahiwal</t>
  </si>
  <si>
    <t>Muhammad Naeem Ullah</t>
  </si>
  <si>
    <t>28759</t>
  </si>
  <si>
    <t>3314</t>
  </si>
  <si>
    <t>2392</t>
  </si>
  <si>
    <t>16401</t>
  </si>
  <si>
    <t>GGPS CHAK 185 RB</t>
  </si>
  <si>
    <t>Budh singh</t>
  </si>
  <si>
    <t>Budh Singh 185RB</t>
  </si>
  <si>
    <t>Budh Singh</t>
  </si>
  <si>
    <t>Panwa155RB</t>
  </si>
  <si>
    <t>Kishwar Sultana</t>
  </si>
  <si>
    <t>31124</t>
  </si>
  <si>
    <t>12632</t>
  </si>
  <si>
    <t>44132</t>
  </si>
  <si>
    <t>GGPS CHAK 28 GB SATIANA</t>
  </si>
  <si>
    <t>28GB Sing Pura</t>
  </si>
  <si>
    <t>GGPS 28gb</t>
  </si>
  <si>
    <t>28gb</t>
  </si>
  <si>
    <t>Jasuana</t>
  </si>
  <si>
    <t>Iqra Javed</t>
  </si>
  <si>
    <t>10798</t>
  </si>
  <si>
    <t>5691</t>
  </si>
  <si>
    <t>2702</t>
  </si>
  <si>
    <t>GGCMS CHAK NO 228/9-R</t>
  </si>
  <si>
    <t>FTS-VI-FEMALE</t>
  </si>
  <si>
    <t>228/9r</t>
  </si>
  <si>
    <t>chak no 209/9r</t>
  </si>
  <si>
    <t>Nafeesa Idrees</t>
  </si>
  <si>
    <t>4090</t>
  </si>
  <si>
    <t>10790</t>
  </si>
  <si>
    <t>29473</t>
  </si>
  <si>
    <t>337</t>
  </si>
  <si>
    <t>3930</t>
  </si>
  <si>
    <t>51705</t>
  </si>
  <si>
    <t>GPS WARRAH PIRAN KHURD</t>
  </si>
  <si>
    <t>SATLUJ - MALE</t>
  </si>
  <si>
    <t>Warra Piran Khurd</t>
  </si>
  <si>
    <t>chak bhani noor jahania p/o hotta teh &amp;dist pakpattan</t>
  </si>
  <si>
    <t>Wara Piran Khurd</t>
  </si>
  <si>
    <t>Hotta</t>
  </si>
  <si>
    <t>3790</t>
  </si>
  <si>
    <t>27680</t>
  </si>
  <si>
    <t>38250</t>
  </si>
  <si>
    <t>5664</t>
  </si>
  <si>
    <t>GMPS CHAK NO 29/G</t>
  </si>
  <si>
    <t>CTN -XIV-FEMALE</t>
  </si>
  <si>
    <t>29/G</t>
  </si>
  <si>
    <t>chak no 29/G p/o 28/G</t>
  </si>
  <si>
    <t>28/G</t>
  </si>
  <si>
    <t>Munazza Munir</t>
  </si>
  <si>
    <t>125003</t>
  </si>
  <si>
    <t>16028</t>
  </si>
  <si>
    <t>11935</t>
  </si>
  <si>
    <t>GGPS CHAK 250 RB PAKI KOTI</t>
  </si>
  <si>
    <t>250 RB</t>
  </si>
  <si>
    <t>chak no. 250 RB Pakki kothi dak khana khas tensile and district faisalabad</t>
  </si>
  <si>
    <t>Pakki Kothi</t>
  </si>
  <si>
    <t>Dheengan Wala</t>
  </si>
  <si>
    <t>Asma Jabbar</t>
  </si>
  <si>
    <t>38270</t>
  </si>
  <si>
    <t>20031</t>
  </si>
  <si>
    <t>GGPS CHAK NO 101 MONIAN WALA</t>
  </si>
  <si>
    <t>monianwala</t>
  </si>
  <si>
    <t>Chak 101 monianwala</t>
  </si>
  <si>
    <t>ahmadabad</t>
  </si>
  <si>
    <t>RIFFAT PARVEEN</t>
  </si>
  <si>
    <t>50240</t>
  </si>
  <si>
    <t>35566</t>
  </si>
  <si>
    <t>GHS ARAY PUR</t>
  </si>
  <si>
    <t>ARAY PUYR</t>
  </si>
  <si>
    <t>GHS ARAY PUR TEHSIL MAILSI DISTRICT VEHARI</t>
  </si>
  <si>
    <t>ARAY PUR</t>
  </si>
  <si>
    <t>WARSI WAHIN</t>
  </si>
  <si>
    <t>TAHIR ALI</t>
  </si>
  <si>
    <t>8207</t>
  </si>
  <si>
    <t>7165</t>
  </si>
  <si>
    <t>948</t>
  </si>
  <si>
    <t>17551</t>
  </si>
  <si>
    <t>GGPS DARBAR GILMALA</t>
  </si>
  <si>
    <t>Moza gilmala tehsil and district jhang</t>
  </si>
  <si>
    <t>Hina Mehmood</t>
  </si>
  <si>
    <t>22340</t>
  </si>
  <si>
    <t>20070</t>
  </si>
  <si>
    <t>47634</t>
  </si>
  <si>
    <t>29225</t>
  </si>
  <si>
    <t>GES KATLOHI KHURAD</t>
  </si>
  <si>
    <t>Katlohi Khurd</t>
  </si>
  <si>
    <t>Katlohi khurd p/o green kot</t>
  </si>
  <si>
    <t>Ibrahim Abaad</t>
  </si>
  <si>
    <t>Mahmood Ahmad</t>
  </si>
  <si>
    <t>10101</t>
  </si>
  <si>
    <t>3899</t>
  </si>
  <si>
    <t>32500</t>
  </si>
  <si>
    <t>GPS BHAGWAN SINGH</t>
  </si>
  <si>
    <t>Noorsar</t>
  </si>
  <si>
    <t>bhagwan Singh post office madrassa tensile and District Bahawalnagar</t>
  </si>
  <si>
    <t>Bhagwan Singh</t>
  </si>
  <si>
    <t>9978</t>
  </si>
  <si>
    <t>26068</t>
  </si>
  <si>
    <t>24008</t>
  </si>
  <si>
    <t>54575</t>
  </si>
  <si>
    <t>GPS KOTLI AMIR SINGH</t>
  </si>
  <si>
    <t>Kotly Ameer  Singh</t>
  </si>
  <si>
    <t>kotly ameer Singh Diss&amp;Teh Hafizabad</t>
  </si>
  <si>
    <t>Kotly Ameer Singh</t>
  </si>
  <si>
    <t>Sagar Kalan</t>
  </si>
  <si>
    <t>Muhammad Mahfooz Khan</t>
  </si>
  <si>
    <t>1375</t>
  </si>
  <si>
    <t>15319</t>
  </si>
  <si>
    <t>16361</t>
  </si>
  <si>
    <t>GGES CHAK 106 JB</t>
  </si>
  <si>
    <t>GGES 106j.b</t>
  </si>
  <si>
    <t>106jb</t>
  </si>
  <si>
    <t>Rabia Mahmood</t>
  </si>
  <si>
    <t>2421</t>
  </si>
  <si>
    <t>52776</t>
  </si>
  <si>
    <t>GGES KOT SHER KHAN</t>
  </si>
  <si>
    <t>BASIR PUR - FEMALE</t>
  </si>
  <si>
    <t>Kot Sher Khan</t>
  </si>
  <si>
    <t>Govt girls elementary school Kot Sheir Khan</t>
  </si>
  <si>
    <t>Maroof</t>
  </si>
  <si>
    <t>Musarrat Rasool Hashmi</t>
  </si>
  <si>
    <t>27206</t>
  </si>
  <si>
    <t>349</t>
  </si>
  <si>
    <t>6604</t>
  </si>
  <si>
    <t>42563</t>
  </si>
  <si>
    <t>GPS HASSAL</t>
  </si>
  <si>
    <t>Hassal</t>
  </si>
  <si>
    <t>Village &amp;P.O Hassal</t>
  </si>
  <si>
    <t>Muhammad Masood</t>
  </si>
  <si>
    <t>16766</t>
  </si>
  <si>
    <t>41873</t>
  </si>
  <si>
    <t>24721</t>
  </si>
  <si>
    <t>GGHS PURA HIRAN SIALKOT</t>
  </si>
  <si>
    <t>pura heeran sialkot</t>
  </si>
  <si>
    <t>pura heeran,sialkot</t>
  </si>
  <si>
    <t>pura heeran</t>
  </si>
  <si>
    <t>1321</t>
  </si>
  <si>
    <t>52002</t>
  </si>
  <si>
    <t>GGCMES 11 EB P/O PIR SADAR DIN</t>
  </si>
  <si>
    <t>ARIFWALA 2 - FEMALE</t>
  </si>
  <si>
    <t>Pir Saddar Din</t>
  </si>
  <si>
    <t>chak no 11eb po box pir sadr din arifwala</t>
  </si>
  <si>
    <t>Chak No11/eb</t>
  </si>
  <si>
    <t>13/eb</t>
  </si>
  <si>
    <t>Sajida Khursheed</t>
  </si>
  <si>
    <t>14208</t>
  </si>
  <si>
    <t>41613</t>
  </si>
  <si>
    <t>GHS KHAYABAN-E-SIR SYED SECTOR 4-B</t>
  </si>
  <si>
    <t>Khyaban E Sirsyed</t>
  </si>
  <si>
    <t>Khayban E Sirsyed Sec 4B Near Muhammadi Chowk Rwp</t>
  </si>
  <si>
    <t>Khyaban E Sirsyed Sec 4B</t>
  </si>
  <si>
    <t>TANWIR AKHTAR</t>
  </si>
  <si>
    <t>5048</t>
  </si>
  <si>
    <t>GPS CHAK 516 GB II MAMUNKANJAN</t>
  </si>
  <si>
    <t>Kurtana</t>
  </si>
  <si>
    <t>chak no 516/2 GB Mamunkanjan Tehsil Tandlianwala</t>
  </si>
  <si>
    <t>516/2 GB</t>
  </si>
  <si>
    <t>Muhammad Ahsen Naveed</t>
  </si>
  <si>
    <t>31163</t>
  </si>
  <si>
    <t>GPS KHARLAN WALI</t>
  </si>
  <si>
    <t>GANGA SINGH</t>
  </si>
  <si>
    <t>BASTI KHARLAN WALI P/O NOORSAR TEH.&amp; DISTT.BAHAWALNAGAR</t>
  </si>
  <si>
    <t>BASTI KHARLAN WALI</t>
  </si>
  <si>
    <t>RASHEED AHMAD</t>
  </si>
  <si>
    <t>9308</t>
  </si>
  <si>
    <t>33893</t>
  </si>
  <si>
    <t>GPS ALI AWAN WALA MULTAN</t>
  </si>
  <si>
    <t>Dera Muhammadi</t>
  </si>
  <si>
    <t>basti boty wali Multan</t>
  </si>
  <si>
    <t>Muhabbat Hussain</t>
  </si>
  <si>
    <t>42528</t>
  </si>
  <si>
    <t>GPS BAINS</t>
  </si>
  <si>
    <t>Bains</t>
  </si>
  <si>
    <t>vpo Bains</t>
  </si>
  <si>
    <t>Jatli</t>
  </si>
  <si>
    <t>24088</t>
  </si>
  <si>
    <t>12621</t>
  </si>
  <si>
    <t>GPS NANIK CHAND</t>
  </si>
  <si>
    <t>Nanak Chand</t>
  </si>
  <si>
    <t>Sindhuan Wali</t>
  </si>
  <si>
    <t>SindhuanWali</t>
  </si>
  <si>
    <t>ABDULMAJEED</t>
  </si>
  <si>
    <t>5202</t>
  </si>
  <si>
    <t>53316</t>
  </si>
  <si>
    <t>GPS BAGIANA</t>
  </si>
  <si>
    <t>BiBi Pur</t>
  </si>
  <si>
    <t>Chak Bagiana Moza BiBi Pur</t>
  </si>
  <si>
    <t>Chak Bagiana</t>
  </si>
  <si>
    <t>17796</t>
  </si>
  <si>
    <t>16425</t>
  </si>
  <si>
    <t>GGES CHAK 107 JB</t>
  </si>
  <si>
    <t>paharang</t>
  </si>
  <si>
    <t>chak no 107jb</t>
  </si>
  <si>
    <t>107jb</t>
  </si>
  <si>
    <t>Rabia Nosheen</t>
  </si>
  <si>
    <t>21610</t>
  </si>
  <si>
    <t>53302</t>
  </si>
  <si>
    <t>34950</t>
  </si>
  <si>
    <t>35374</t>
  </si>
  <si>
    <t>GMPS 195 EB TAILAN</t>
  </si>
  <si>
    <t>195eb tw</t>
  </si>
  <si>
    <t>GMPS 195/EB t.w teh burewala distt. vehari</t>
  </si>
  <si>
    <t>215/EB</t>
  </si>
  <si>
    <t>Iqra Ishaq</t>
  </si>
  <si>
    <t>2768</t>
  </si>
  <si>
    <t>2166</t>
  </si>
  <si>
    <t>7676</t>
  </si>
  <si>
    <t>7560</t>
  </si>
  <si>
    <t>2027</t>
  </si>
  <si>
    <t>41852</t>
  </si>
  <si>
    <t>16418</t>
  </si>
  <si>
    <t>GGPS CHAK NO 187 RB 1</t>
  </si>
  <si>
    <t>Kacha jhumra</t>
  </si>
  <si>
    <t>Ggps187rb_1,Kacha jhumra faisalabad</t>
  </si>
  <si>
    <t>187rb-1 Kacha   Kacha Jhumra</t>
  </si>
  <si>
    <t>Dogra wala186</t>
  </si>
  <si>
    <t>Najma Farzand</t>
  </si>
  <si>
    <t>1739</t>
  </si>
  <si>
    <t>48380</t>
  </si>
  <si>
    <t>52459</t>
  </si>
  <si>
    <t>GPS 23-D</t>
  </si>
  <si>
    <t>23/D</t>
  </si>
  <si>
    <t>Mustafa Abad</t>
  </si>
  <si>
    <t>24033</t>
  </si>
  <si>
    <t>23033</t>
  </si>
  <si>
    <t>53319</t>
  </si>
  <si>
    <t>GPS CHAK NO.19/GD</t>
  </si>
  <si>
    <t>govt.primary school 19/GD Okara</t>
  </si>
  <si>
    <t>19/GD</t>
  </si>
  <si>
    <t>24/GD</t>
  </si>
  <si>
    <t>MUKHTAR AHMAD</t>
  </si>
  <si>
    <t>6050</t>
  </si>
  <si>
    <t>17098</t>
  </si>
  <si>
    <t>16910</t>
  </si>
  <si>
    <t>16648</t>
  </si>
  <si>
    <t>12149</t>
  </si>
  <si>
    <t>GPS KANDH WALA</t>
  </si>
  <si>
    <t>Hala</t>
  </si>
  <si>
    <t>Moza Hala Chah kand wala tehsil kot adu district Muzaffar Garh</t>
  </si>
  <si>
    <t>Kand wala</t>
  </si>
  <si>
    <t>Darigh</t>
  </si>
  <si>
    <t>MUHAMMAD AMJAD</t>
  </si>
  <si>
    <t>41941</t>
  </si>
  <si>
    <t>GGPS JORIAN</t>
  </si>
  <si>
    <t>Jorian</t>
  </si>
  <si>
    <t>village jorian post office dhamail tehsil &amp; district Rawalpindi</t>
  </si>
  <si>
    <t>Sajida Rehmaan</t>
  </si>
  <si>
    <t>1053</t>
  </si>
  <si>
    <t>2363</t>
  </si>
  <si>
    <t>14838</t>
  </si>
  <si>
    <t>GPS CHAK 66 GB</t>
  </si>
  <si>
    <t>AWAGAT - MALE</t>
  </si>
  <si>
    <t>Chak 66 gb</t>
  </si>
  <si>
    <t>chak 66 gb</t>
  </si>
  <si>
    <t>Chak 66gb</t>
  </si>
  <si>
    <t>Chak No 67 GB</t>
  </si>
  <si>
    <t>Mhammad Rafi Temori</t>
  </si>
  <si>
    <t>3535</t>
  </si>
  <si>
    <t>40210</t>
  </si>
  <si>
    <t>14979</t>
  </si>
  <si>
    <t>16521</t>
  </si>
  <si>
    <t>GPS 606 GB</t>
  </si>
  <si>
    <t>606gb</t>
  </si>
  <si>
    <t>chak 606gb</t>
  </si>
  <si>
    <t>606 Gb</t>
  </si>
  <si>
    <t>ThaTha Baig</t>
  </si>
  <si>
    <t>4979</t>
  </si>
  <si>
    <t>21787</t>
  </si>
  <si>
    <t>20900</t>
  </si>
  <si>
    <t>17464</t>
  </si>
  <si>
    <t>4378</t>
  </si>
  <si>
    <t>11721</t>
  </si>
  <si>
    <t>33227</t>
  </si>
  <si>
    <t>GPS SEED FORM</t>
  </si>
  <si>
    <t>EHSAN PUR-I- MALE</t>
  </si>
  <si>
    <t>Ehsan Pur</t>
  </si>
  <si>
    <t>P/O Ehsan Pur</t>
  </si>
  <si>
    <t>naveed shahzad chishti</t>
  </si>
  <si>
    <t>4705</t>
  </si>
  <si>
    <t>16255</t>
  </si>
  <si>
    <t>14857</t>
  </si>
  <si>
    <t>14688</t>
  </si>
  <si>
    <t>GGES MC YOUSAF ABAD</t>
  </si>
  <si>
    <t>Yousafabad</t>
  </si>
  <si>
    <t>Street no 9 main bazar Yousafabad Faisalabad</t>
  </si>
  <si>
    <t>Gulshan Ara</t>
  </si>
  <si>
    <t>8910</t>
  </si>
  <si>
    <t>51893</t>
  </si>
  <si>
    <t>7327</t>
  </si>
  <si>
    <t>807</t>
  </si>
  <si>
    <t>16757</t>
  </si>
  <si>
    <t>GGES 428 GB</t>
  </si>
  <si>
    <t>428gb</t>
  </si>
  <si>
    <t>chak no 428</t>
  </si>
  <si>
    <t>Chak No 428 Gb</t>
  </si>
  <si>
    <t>429gb</t>
  </si>
  <si>
    <t>Nyla Shaista</t>
  </si>
  <si>
    <t>13173</t>
  </si>
  <si>
    <t>14576</t>
  </si>
  <si>
    <t>GGPS MC SIR SYED TOWN FSD</t>
  </si>
  <si>
    <t>Sir Syed Town</t>
  </si>
  <si>
    <t>MC GP School Sir Syed town Faisalabad</t>
  </si>
  <si>
    <t>30780</t>
  </si>
  <si>
    <t>13586</t>
  </si>
  <si>
    <t>3696</t>
  </si>
  <si>
    <t>14722</t>
  </si>
  <si>
    <t>GHS AV MODERN PEOPLES COLONY 1 FSD</t>
  </si>
  <si>
    <t>PEOPLES COLONY # 1</t>
  </si>
  <si>
    <t>PEOPLES COLONY</t>
  </si>
  <si>
    <t>AZMAT SIDDIQUE</t>
  </si>
  <si>
    <t>19312</t>
  </si>
  <si>
    <t>1301</t>
  </si>
  <si>
    <t>2198</t>
  </si>
  <si>
    <t>2715</t>
  </si>
  <si>
    <t>50703</t>
  </si>
  <si>
    <t>GHS 112/9-L</t>
  </si>
  <si>
    <t>Budh Dhakoo</t>
  </si>
  <si>
    <t>chak no 112/9L budh dhakoo Arif road sahiwal</t>
  </si>
  <si>
    <t>112/9L</t>
  </si>
  <si>
    <t>112/9L Budh Dhakoo</t>
  </si>
  <si>
    <t>khalid hussain konwal</t>
  </si>
  <si>
    <t>13507</t>
  </si>
  <si>
    <t>6463</t>
  </si>
  <si>
    <t>GGPS 246/P</t>
  </si>
  <si>
    <t>PALACE-FEMALE</t>
  </si>
  <si>
    <t>Chak No 246/p</t>
  </si>
  <si>
    <t>chak no 246/p post office 56/p</t>
  </si>
  <si>
    <t>246/p</t>
  </si>
  <si>
    <t>93/p</t>
  </si>
  <si>
    <t>Perveen Akhter</t>
  </si>
  <si>
    <t>8446</t>
  </si>
  <si>
    <t>5218</t>
  </si>
  <si>
    <t>8921</t>
  </si>
  <si>
    <t>GPS SHER GARH</t>
  </si>
  <si>
    <t>KOT QAISRANI MALE</t>
  </si>
  <si>
    <t>Kot Qaisrani</t>
  </si>
  <si>
    <t>Kot qaisrani</t>
  </si>
  <si>
    <t>Muhammad Mitha</t>
  </si>
  <si>
    <t>hired</t>
  </si>
  <si>
    <t>2042</t>
  </si>
  <si>
    <t>7206</t>
  </si>
  <si>
    <t>41409</t>
  </si>
  <si>
    <t>GPS CHAK NO 237/P MERH</t>
  </si>
  <si>
    <t>MANTHAR SDK - MALE</t>
  </si>
  <si>
    <t>237/P Merh</t>
  </si>
  <si>
    <t>Chak no 237p Merh Sadiqabad</t>
  </si>
  <si>
    <t>160/P</t>
  </si>
  <si>
    <t>Muhammad Iyoub</t>
  </si>
  <si>
    <t>4419</t>
  </si>
  <si>
    <t>32510</t>
  </si>
  <si>
    <t>33789</t>
  </si>
  <si>
    <t>GGPS KOTLA RAHAM ALI MOUZA KOTLA RAHAM ALI</t>
  </si>
  <si>
    <t>Bhaini</t>
  </si>
  <si>
    <t>GGPS kotla raham ali</t>
  </si>
  <si>
    <t>Abdullah Town</t>
  </si>
  <si>
    <t>137600</t>
  </si>
  <si>
    <t>6311</t>
  </si>
  <si>
    <t>12537</t>
  </si>
  <si>
    <t>GPS CHAK MITHAN</t>
  </si>
  <si>
    <t>TALIRI-MALE</t>
  </si>
  <si>
    <t>Chak Mithan</t>
  </si>
  <si>
    <t>chaha dhoray wala mouza Chak mithan muzaffarghar</t>
  </si>
  <si>
    <t>Dhoray wala</t>
  </si>
  <si>
    <t>Deenpur</t>
  </si>
  <si>
    <t>Muhammad  Amjad  Shahzad</t>
  </si>
  <si>
    <t>7998</t>
  </si>
  <si>
    <t>38936</t>
  </si>
  <si>
    <t>3745</t>
  </si>
  <si>
    <t>16524</t>
  </si>
  <si>
    <t>GPS DADUKAY</t>
  </si>
  <si>
    <t>JHAMRA-MALE</t>
  </si>
  <si>
    <t>Dadukay</t>
  </si>
  <si>
    <t>Government Boys primary school thatha dadukay tehsil tandlianwala district Faisalabad</t>
  </si>
  <si>
    <t>Amin Ul Hasnat</t>
  </si>
  <si>
    <t>3098</t>
  </si>
  <si>
    <t>2617</t>
  </si>
  <si>
    <t>10863</t>
  </si>
  <si>
    <t>26785</t>
  </si>
  <si>
    <t>GGPS BASTI DARKHAN</t>
  </si>
  <si>
    <t>JAMAN SHAH - FEMALE</t>
  </si>
  <si>
    <t>Keeker Wala</t>
  </si>
  <si>
    <t>Chak#160/TDA P/O Jaman Shah</t>
  </si>
  <si>
    <t>Chak No 160/tda</t>
  </si>
  <si>
    <t>Sarishta Thal</t>
  </si>
  <si>
    <t>Shahida perveen</t>
  </si>
  <si>
    <t>30897</t>
  </si>
  <si>
    <t>18646</t>
  </si>
  <si>
    <t>GPS CHAK 343 JB</t>
  </si>
  <si>
    <t>chak no. 343 jb</t>
  </si>
  <si>
    <t>343JB</t>
  </si>
  <si>
    <t>345JB</t>
  </si>
  <si>
    <t>Muhammad Babar</t>
  </si>
  <si>
    <t>718</t>
  </si>
  <si>
    <t>51345</t>
  </si>
  <si>
    <t>GGES 29 SP</t>
  </si>
  <si>
    <t>29/Sp</t>
  </si>
  <si>
    <t>29/sp</t>
  </si>
  <si>
    <t>26/Sp</t>
  </si>
  <si>
    <t>Haleema Hamza</t>
  </si>
  <si>
    <t>33024</t>
  </si>
  <si>
    <t>GGPS DARBAR KOT</t>
  </si>
  <si>
    <t>Darbar Kot</t>
  </si>
  <si>
    <t>darbar kot</t>
  </si>
  <si>
    <t>Irum SHAHZADI</t>
  </si>
  <si>
    <t>4406</t>
  </si>
  <si>
    <t>3760</t>
  </si>
  <si>
    <t>21108</t>
  </si>
  <si>
    <t>20330</t>
  </si>
  <si>
    <t>33209</t>
  </si>
  <si>
    <t>8045</t>
  </si>
  <si>
    <t>GPS GADRA</t>
  </si>
  <si>
    <t>Churhatta Pachad</t>
  </si>
  <si>
    <t>Basti Gadra</t>
  </si>
  <si>
    <t>Wadoor</t>
  </si>
  <si>
    <t>22638</t>
  </si>
  <si>
    <t>GGCMES MUSA KATHANA</t>
  </si>
  <si>
    <t>KUNJAH II - FEMALE</t>
  </si>
  <si>
    <t>Musa Khatana</t>
  </si>
  <si>
    <t>musa khtana</t>
  </si>
  <si>
    <t>Musa Khtana</t>
  </si>
  <si>
    <t>Nagriyanwala</t>
  </si>
  <si>
    <t>Naseem Akhter</t>
  </si>
  <si>
    <t>52500</t>
  </si>
  <si>
    <t>16722</t>
  </si>
  <si>
    <t>GGPS 619/GB</t>
  </si>
  <si>
    <t>chalk no 619 gb teh tandlianwala</t>
  </si>
  <si>
    <t>Chalk No 619gb</t>
  </si>
  <si>
    <t>Riffat Siddique</t>
  </si>
  <si>
    <t>51550</t>
  </si>
  <si>
    <t>46630</t>
  </si>
  <si>
    <t>1052</t>
  </si>
  <si>
    <t>GGES CHAK NO. 33/F</t>
  </si>
  <si>
    <t>Chak 33F</t>
  </si>
  <si>
    <t>GGES CHAK NO. 33/,F</t>
  </si>
  <si>
    <t>Chak 28G</t>
  </si>
  <si>
    <t>Aqsa Shahid</t>
  </si>
  <si>
    <t>42995</t>
  </si>
  <si>
    <t>GPS HAFIZ IBRAHIM</t>
  </si>
  <si>
    <t>Wah Bohar</t>
  </si>
  <si>
    <t>wah bohar dajal</t>
  </si>
  <si>
    <t>Burrary Wal</t>
  </si>
  <si>
    <t>32333</t>
  </si>
  <si>
    <t>16356</t>
  </si>
  <si>
    <t>GGCMS CHAK 189 RB I</t>
  </si>
  <si>
    <t>GGCMPS Chak 189RB1</t>
  </si>
  <si>
    <t>189RB Rasoolpur</t>
  </si>
  <si>
    <t>Sajeela Bano</t>
  </si>
  <si>
    <t>18918</t>
  </si>
  <si>
    <t>14820</t>
  </si>
  <si>
    <t>GPS CHAK 122 GB JARANWLA</t>
  </si>
  <si>
    <t>Chak No 122GB</t>
  </si>
  <si>
    <t>chak No 122GB</t>
  </si>
  <si>
    <t>Cane</t>
  </si>
  <si>
    <t>52471</t>
  </si>
  <si>
    <t>33275</t>
  </si>
  <si>
    <t>31740</t>
  </si>
  <si>
    <t>1535</t>
  </si>
  <si>
    <t>18850</t>
  </si>
  <si>
    <t>37349</t>
  </si>
  <si>
    <t>6350</t>
  </si>
  <si>
    <t>18601</t>
  </si>
  <si>
    <t>GPS CHAK 179 GB</t>
  </si>
  <si>
    <t>KOGHA-MALE</t>
  </si>
  <si>
    <t>Chak No 179 Gb Saleempur</t>
  </si>
  <si>
    <t>chak no. 179 GB Saleem pur Tehsil Gojra District Toba Tek  Singh</t>
  </si>
  <si>
    <t>Chak # 179 GB SALEEM PUR</t>
  </si>
  <si>
    <t>Chak # 178 GB</t>
  </si>
  <si>
    <t>Muhammad Waseem</t>
  </si>
  <si>
    <t>13833</t>
  </si>
  <si>
    <t>35637</t>
  </si>
  <si>
    <t>16358</t>
  </si>
  <si>
    <t>GGPS CHAK 161 RB II</t>
  </si>
  <si>
    <t>Botiyanwala</t>
  </si>
  <si>
    <t>chak no 161 RBII</t>
  </si>
  <si>
    <t>Chak No 161rb I I</t>
  </si>
  <si>
    <t>25741</t>
  </si>
  <si>
    <t>22100</t>
  </si>
  <si>
    <t>27799</t>
  </si>
  <si>
    <t>35405</t>
  </si>
  <si>
    <t>GGPS 179 EB</t>
  </si>
  <si>
    <t>Chak # 179/eb</t>
  </si>
  <si>
    <t>chak no. 179/ E.B. tehsil Burewala. district vehari</t>
  </si>
  <si>
    <t>179/EB</t>
  </si>
  <si>
    <t>Chak No 173</t>
  </si>
  <si>
    <t>Sana Ashiq</t>
  </si>
  <si>
    <t>13230</t>
  </si>
  <si>
    <t>12880</t>
  </si>
  <si>
    <t>18664</t>
  </si>
  <si>
    <t>GPS CHAK 342 JB</t>
  </si>
  <si>
    <t>Ladhar</t>
  </si>
  <si>
    <t>chak no 342jb</t>
  </si>
  <si>
    <t>342jb</t>
  </si>
  <si>
    <t>345jb</t>
  </si>
  <si>
    <t>Amjad Ali</t>
  </si>
  <si>
    <t>17570</t>
  </si>
  <si>
    <t>13497</t>
  </si>
  <si>
    <t>GPS HABIB ABAD</t>
  </si>
  <si>
    <t>Burray wala</t>
  </si>
  <si>
    <t>burray wala p/o dajal teh jampur district rajah pur</t>
  </si>
  <si>
    <t>Burray Wala</t>
  </si>
  <si>
    <t>Allah Detta</t>
  </si>
  <si>
    <t>51436</t>
  </si>
  <si>
    <t>GPS FARID PUR DOGRAN</t>
  </si>
  <si>
    <t>Fareed Pur  Dogran</t>
  </si>
  <si>
    <t>Chak fareed pur dogran</t>
  </si>
  <si>
    <t>Fareed Pur Dogran</t>
  </si>
  <si>
    <t>30 Sp</t>
  </si>
  <si>
    <t>9410</t>
  </si>
  <si>
    <t>34010</t>
  </si>
  <si>
    <t>43710</t>
  </si>
  <si>
    <t>35243</t>
  </si>
  <si>
    <t>GPS 171 EB</t>
  </si>
  <si>
    <t>chak no.171/E.B</t>
  </si>
  <si>
    <t>171/EB</t>
  </si>
  <si>
    <t>Muhammad Naeem Kazmi</t>
  </si>
  <si>
    <t>7393</t>
  </si>
  <si>
    <t>32887</t>
  </si>
  <si>
    <t>14753</t>
  </si>
  <si>
    <t>GGHS MC PARTAB NAGAR FAISALABAD</t>
  </si>
  <si>
    <t>partap nagar fsd</t>
  </si>
  <si>
    <t>Partap Nagar jhang road  Fsd</t>
  </si>
  <si>
    <t>Partap Nagar Fsd</t>
  </si>
  <si>
    <t>panj peer</t>
  </si>
  <si>
    <t>Asma Yawar</t>
  </si>
  <si>
    <t>11568</t>
  </si>
  <si>
    <t>32785</t>
  </si>
  <si>
    <t>16102</t>
  </si>
  <si>
    <t>GGES CHAK NO 191 RB</t>
  </si>
  <si>
    <t>Chak no 191 RB East moloani Dak khana khas chak Jhumra road fsd</t>
  </si>
  <si>
    <t>191 RB East Moloani</t>
  </si>
  <si>
    <t>Krari Khurd</t>
  </si>
  <si>
    <t>Rehana Kausar</t>
  </si>
  <si>
    <t>19140</t>
  </si>
  <si>
    <t>51438</t>
  </si>
  <si>
    <t>GPS MUHAMMAD PUR JAGEER PO PAKPATTAN</t>
  </si>
  <si>
    <t>Muhammad Pur Jageer</t>
  </si>
  <si>
    <t>GPS Muhammad Pur Jageer</t>
  </si>
  <si>
    <t>Sohail Mehmood Abasi</t>
  </si>
  <si>
    <t>18574</t>
  </si>
  <si>
    <t>20818</t>
  </si>
  <si>
    <t>47921</t>
  </si>
  <si>
    <t>GMPS CHAK NO.361/EB</t>
  </si>
  <si>
    <t>Chakno361/EB</t>
  </si>
  <si>
    <t>chakno361/EB post office gaggoo mandi tehsil burewala district vehari</t>
  </si>
  <si>
    <t>Chakno365/EB</t>
  </si>
  <si>
    <t>7892</t>
  </si>
  <si>
    <t>6820</t>
  </si>
  <si>
    <t>51489</t>
  </si>
  <si>
    <t>GPS DHAKKO FARM CHAK NO. 36/SP SALAMAT PURA</t>
  </si>
  <si>
    <t>Salamat Pura</t>
  </si>
  <si>
    <t>36/sp dhakoo farm salamat pura</t>
  </si>
  <si>
    <t>36/p Dhakoo Farm</t>
  </si>
  <si>
    <t>30/sp</t>
  </si>
  <si>
    <t>2254</t>
  </si>
  <si>
    <t>3095</t>
  </si>
  <si>
    <t>20189</t>
  </si>
  <si>
    <t>42014</t>
  </si>
  <si>
    <t>35403</t>
  </si>
  <si>
    <t>GGCMES CHAK NO. 213/EB</t>
  </si>
  <si>
    <t>Chak no 213</t>
  </si>
  <si>
    <t>Chak no213/eb</t>
  </si>
  <si>
    <t>213eb</t>
  </si>
  <si>
    <t>215eb</t>
  </si>
  <si>
    <t>Khalida Kousar</t>
  </si>
  <si>
    <t>33478</t>
  </si>
  <si>
    <t>22207</t>
  </si>
  <si>
    <t>1007</t>
  </si>
  <si>
    <t>51699</t>
  </si>
  <si>
    <t>GPS PIR KOT PAKPATTAN</t>
  </si>
  <si>
    <t>Mohallah Peer Kot</t>
  </si>
  <si>
    <t>gps pir kot pakpattan</t>
  </si>
  <si>
    <t>Urban Ward No 18</t>
  </si>
  <si>
    <t>Muhammad Zeeshan</t>
  </si>
  <si>
    <t>3990</t>
  </si>
  <si>
    <t>22923</t>
  </si>
  <si>
    <t>18933</t>
  </si>
  <si>
    <t>42039</t>
  </si>
  <si>
    <t>GHS WANNI</t>
  </si>
  <si>
    <t>WANNI</t>
  </si>
  <si>
    <t>ghs wanni taxila rawalpindi</t>
  </si>
  <si>
    <t>THATHA KHALIL</t>
  </si>
  <si>
    <t>QAISER MAHMOOD  JAJJA</t>
  </si>
  <si>
    <t>53368</t>
  </si>
  <si>
    <t>50087</t>
  </si>
  <si>
    <t>GES CHAK NO.119 SB</t>
  </si>
  <si>
    <t>119 Sb</t>
  </si>
  <si>
    <t>chak no.119 sb</t>
  </si>
  <si>
    <t>120 sb</t>
  </si>
  <si>
    <t>Ali Kamran</t>
  </si>
  <si>
    <t>36533</t>
  </si>
  <si>
    <t>41431</t>
  </si>
  <si>
    <t>33909</t>
  </si>
  <si>
    <t>GHS PUNJANI P/O LASURI</t>
  </si>
  <si>
    <t>Punjani</t>
  </si>
  <si>
    <t>basti and mouza punjani</t>
  </si>
  <si>
    <t>ahmad bakhsh</t>
  </si>
  <si>
    <t>24074</t>
  </si>
  <si>
    <t>5292</t>
  </si>
  <si>
    <t>24795</t>
  </si>
  <si>
    <t>GGES STANDARD SIALKOT</t>
  </si>
  <si>
    <t>GHAZI PUR - FEMALE</t>
  </si>
  <si>
    <t>Poran Nagar</t>
  </si>
  <si>
    <t>gali no3 poran Nagar sialkot</t>
  </si>
  <si>
    <t>Mohammad Pura</t>
  </si>
  <si>
    <t>Shabnam Almas</t>
  </si>
  <si>
    <t>7305</t>
  </si>
  <si>
    <t>2653</t>
  </si>
  <si>
    <t>54196</t>
  </si>
  <si>
    <t>GPS CHAH KHOKHRAN</t>
  </si>
  <si>
    <t>PAJI - MALE</t>
  </si>
  <si>
    <t>Jia Bagga</t>
  </si>
  <si>
    <t>village chah khokharan near ghang sharif jia bagga raiwind lahore</t>
  </si>
  <si>
    <t>Chah Khokhran</t>
  </si>
  <si>
    <t>TAHIR IQBAL</t>
  </si>
  <si>
    <t>5656</t>
  </si>
  <si>
    <t>49779</t>
  </si>
  <si>
    <t>GPS CHAK NO.117 NB</t>
  </si>
  <si>
    <t>Chak No 117 NB</t>
  </si>
  <si>
    <t>Chak No 117 NB Tehsil Sillanwali District Sargodha</t>
  </si>
  <si>
    <t>Chak  No 117 NB</t>
  </si>
  <si>
    <t>Chak No 118 NB</t>
  </si>
  <si>
    <t>Ahmad Hassan</t>
  </si>
  <si>
    <t>5336</t>
  </si>
  <si>
    <t>36706</t>
  </si>
  <si>
    <t>457</t>
  </si>
  <si>
    <t>GGHS NATT KALAN</t>
  </si>
  <si>
    <t>post office box khas natt kalan tehsil wazirabad gujranwala</t>
  </si>
  <si>
    <t>Natt Kalan</t>
  </si>
  <si>
    <t>Sarwat Hamid</t>
  </si>
  <si>
    <t>32251</t>
  </si>
  <si>
    <t>GGPS BULER KAY</t>
  </si>
  <si>
    <t>SHEIKHUPURA-IV - FEMALE</t>
  </si>
  <si>
    <t>Blharke</t>
  </si>
  <si>
    <t>GGPS bularke</t>
  </si>
  <si>
    <t>Blharkey</t>
  </si>
  <si>
    <t>Barrainwala</t>
  </si>
  <si>
    <t>Ishrat Latif</t>
  </si>
  <si>
    <t>23636</t>
  </si>
  <si>
    <t>23606</t>
  </si>
  <si>
    <t>3114</t>
  </si>
  <si>
    <t>30783</t>
  </si>
  <si>
    <t>GPS CDG PIR NASEER</t>
  </si>
  <si>
    <t>FATEH GARH - MALE</t>
  </si>
  <si>
    <t>Peer Naseer</t>
  </si>
  <si>
    <t>harbanspura peer naseer</t>
  </si>
  <si>
    <t>Nawaan Pind Harbanspura</t>
  </si>
  <si>
    <t>47440</t>
  </si>
  <si>
    <t>9567</t>
  </si>
  <si>
    <t>53507</t>
  </si>
  <si>
    <t>49121</t>
  </si>
  <si>
    <t>GES CHAK NO.75 NB</t>
  </si>
  <si>
    <t>CHAK NO 75 NB</t>
  </si>
  <si>
    <t>GES CHAK NO. 75 NB</t>
  </si>
  <si>
    <t>CHAK NO 67 ANB</t>
  </si>
  <si>
    <t>Nazeer Ahmed</t>
  </si>
  <si>
    <t>41636</t>
  </si>
  <si>
    <t>GPS CHAK NO.119 NB</t>
  </si>
  <si>
    <t>119 NB</t>
  </si>
  <si>
    <t>chak # 119 NB</t>
  </si>
  <si>
    <t>118 NB</t>
  </si>
  <si>
    <t>M Afzal</t>
  </si>
  <si>
    <t>2370</t>
  </si>
  <si>
    <t>33807</t>
  </si>
  <si>
    <t>33800</t>
  </si>
  <si>
    <t>32507</t>
  </si>
  <si>
    <t>49231</t>
  </si>
  <si>
    <t>GPS SHARAQPUR NO.1</t>
  </si>
  <si>
    <t>SHARAQPUR-I - MALE</t>
  </si>
  <si>
    <t>sharaqpur</t>
  </si>
  <si>
    <t>govt primary school sharaqpur 1 tehsil road sqp</t>
  </si>
  <si>
    <t>mc sharaqpur</t>
  </si>
  <si>
    <t>MOHAMMAD SALEEM</t>
  </si>
  <si>
    <t>11660</t>
  </si>
  <si>
    <t>11685</t>
  </si>
  <si>
    <t>15949</t>
  </si>
  <si>
    <t>21192</t>
  </si>
  <si>
    <t>GMPS FATEH PUR</t>
  </si>
  <si>
    <t>fateh pur Chatha p/o Ali pur Chatha district Gujranwala tehsil wazirabad</t>
  </si>
  <si>
    <t>Rashida Naz</t>
  </si>
  <si>
    <t>14400</t>
  </si>
  <si>
    <t>GPS CHAK NO.565 EB</t>
  </si>
  <si>
    <t>Chack No 565/EB Vehari</t>
  </si>
  <si>
    <t>chack no 565/eb vehari</t>
  </si>
  <si>
    <t>Chack No 561/EB Vehari</t>
  </si>
  <si>
    <t>Shahid Pervaiz</t>
  </si>
  <si>
    <t>5752</t>
  </si>
  <si>
    <t>37007</t>
  </si>
  <si>
    <t>33930</t>
  </si>
  <si>
    <t>GES RAILWAY STATION SHUJABAD</t>
  </si>
  <si>
    <t>Gajju Hatta</t>
  </si>
  <si>
    <t>Govt. E/S Railway station</t>
  </si>
  <si>
    <t>Railway Station</t>
  </si>
  <si>
    <t>Muhammad  Kaleem</t>
  </si>
  <si>
    <t>373</t>
  </si>
  <si>
    <t>GGHS GANESH PURA</t>
  </si>
  <si>
    <t>Ganesh Pura</t>
  </si>
  <si>
    <t>Talli wala minchinabad</t>
  </si>
  <si>
    <t>Shamas Wala</t>
  </si>
  <si>
    <t>Behkan Bodla</t>
  </si>
  <si>
    <t>Fozia Anjum Bukhari</t>
  </si>
  <si>
    <t>52116</t>
  </si>
  <si>
    <t>77000</t>
  </si>
  <si>
    <t>37400</t>
  </si>
  <si>
    <t>GHS MUSLIM UNION MIAN CHANNU, MIAN CHANNU</t>
  </si>
  <si>
    <t>shami road mian channu</t>
  </si>
  <si>
    <t>Mian Channu</t>
  </si>
  <si>
    <t>City 3</t>
  </si>
  <si>
    <t>SIKANDER HAYAT SASRANA</t>
  </si>
  <si>
    <t>46823</t>
  </si>
  <si>
    <t>34962</t>
  </si>
  <si>
    <t>GGHS DAUD KHEL</t>
  </si>
  <si>
    <t>Daudkhel</t>
  </si>
  <si>
    <t>Mohalla Lamay khel daudkhel Teh/Dist Mianwali</t>
  </si>
  <si>
    <t>daudkhel</t>
  </si>
  <si>
    <t>Tasleem Akhter</t>
  </si>
  <si>
    <t>18513</t>
  </si>
  <si>
    <t>45297</t>
  </si>
  <si>
    <t>34539</t>
  </si>
  <si>
    <t>53053</t>
  </si>
  <si>
    <t>GHS CHAK NO.32/2-L</t>
  </si>
  <si>
    <t>32/2L</t>
  </si>
  <si>
    <t>CHAK NO 32.2L OKARA</t>
  </si>
  <si>
    <t>32.2L</t>
  </si>
  <si>
    <t>muhammad yaseen sajid</t>
  </si>
  <si>
    <t>634</t>
  </si>
  <si>
    <t>1123</t>
  </si>
  <si>
    <t>10986</t>
  </si>
  <si>
    <t>GGPS CHAK NO.134/TDA</t>
  </si>
  <si>
    <t>GUNJI MOCHIAN WALI</t>
  </si>
  <si>
    <t>GGPS CHAK NO. 134/TDA LAYYAH</t>
  </si>
  <si>
    <t>GHAZALA SULAMAN</t>
  </si>
  <si>
    <t>4205</t>
  </si>
  <si>
    <t>30271</t>
  </si>
  <si>
    <t>20135</t>
  </si>
  <si>
    <t>33369</t>
  </si>
  <si>
    <t>GHS KOT NAZAM DIN CHAK NO. 184/RB</t>
  </si>
  <si>
    <t>KOT NIZAM DIN Chak 184 RB</t>
  </si>
  <si>
    <t>KOT NIZAM DIN, TEHSIL SHAHKOT, DISTRICT NANKANA SAHIB</t>
  </si>
  <si>
    <t>Kot Nizam Din</t>
  </si>
  <si>
    <t>MUNIEM BASHIR</t>
  </si>
  <si>
    <t>7746</t>
  </si>
  <si>
    <t>35440</t>
  </si>
  <si>
    <t>51486</t>
  </si>
  <si>
    <t>GPS MOUZA MALL</t>
  </si>
  <si>
    <t>Mall</t>
  </si>
  <si>
    <t>Mouza Mall</t>
  </si>
  <si>
    <t>Dhawana</t>
  </si>
  <si>
    <t>5075</t>
  </si>
  <si>
    <t>16973</t>
  </si>
  <si>
    <t>12909</t>
  </si>
  <si>
    <t>2809</t>
  </si>
  <si>
    <t>28080</t>
  </si>
  <si>
    <t>GGES NO.2 MANGAT</t>
  </si>
  <si>
    <t>C. NO.I MBDIN - FEMALE</t>
  </si>
  <si>
    <t>Mangat</t>
  </si>
  <si>
    <t>GGES No.2 Mangat District M.B.DIN</t>
  </si>
  <si>
    <t>Rubeena Khawar</t>
  </si>
  <si>
    <t>26662</t>
  </si>
  <si>
    <t>8800</t>
  </si>
  <si>
    <t>GGHS MITHEY WALA</t>
  </si>
  <si>
    <t>Mithey Wali</t>
  </si>
  <si>
    <t>govt girls high school mithy wali</t>
  </si>
  <si>
    <t>MITHEY Wali</t>
  </si>
  <si>
    <t>Kotani</t>
  </si>
  <si>
    <t>Sabahat Narjis</t>
  </si>
  <si>
    <t>filter water from filtration plant</t>
  </si>
  <si>
    <t>3673</t>
  </si>
  <si>
    <t>21807</t>
  </si>
  <si>
    <t>GGES ARGUN</t>
  </si>
  <si>
    <t>Argun</t>
  </si>
  <si>
    <t>argun p/o aulakh bhaik</t>
  </si>
  <si>
    <t>Nusrat Tahira</t>
  </si>
  <si>
    <t>34678</t>
  </si>
  <si>
    <t>52277</t>
  </si>
  <si>
    <t>6204</t>
  </si>
  <si>
    <t>6372</t>
  </si>
  <si>
    <t>GPS KOT ZULFIQAR</t>
  </si>
  <si>
    <t>WARNI - MALE</t>
  </si>
  <si>
    <t>Kot Zulfiqar</t>
  </si>
  <si>
    <t>basti chamb blochan p/o Tranda sway khan Teh.RYk</t>
  </si>
  <si>
    <t>Chamb Blochan</t>
  </si>
  <si>
    <t>Mao Mubarak</t>
  </si>
  <si>
    <t>15134</t>
  </si>
  <si>
    <t>30173</t>
  </si>
  <si>
    <t>GGHS BASHIR MEMORIAL FEROZ PUR ROAD</t>
  </si>
  <si>
    <t>Ichra</t>
  </si>
  <si>
    <t>pcsir feroze pur road Lhr</t>
  </si>
  <si>
    <t>Old Fc College</t>
  </si>
  <si>
    <t>Fc College  Katchi Abadi  FccKatchiAbadi</t>
  </si>
  <si>
    <t>Sadia Zahid</t>
  </si>
  <si>
    <t>2353</t>
  </si>
  <si>
    <t>16731</t>
  </si>
  <si>
    <t>GES 598/GB</t>
  </si>
  <si>
    <t>Jhok Alla</t>
  </si>
  <si>
    <t>CHAK NO 598 GB</t>
  </si>
  <si>
    <t>Chak No 598 GB</t>
  </si>
  <si>
    <t>CHAK NO 597 GB</t>
  </si>
  <si>
    <t>Ishtiaq Ahmad Khan</t>
  </si>
  <si>
    <t>1388</t>
  </si>
  <si>
    <t>GHS THATHI JALAL</t>
  </si>
  <si>
    <t>Thathi Jalal</t>
  </si>
  <si>
    <t>thathi jalal sahiwal sargodha</t>
  </si>
  <si>
    <t>Noorey Wala</t>
  </si>
  <si>
    <t>Imran latif</t>
  </si>
  <si>
    <t>200000</t>
  </si>
  <si>
    <t>4438</t>
  </si>
  <si>
    <t>12442</t>
  </si>
  <si>
    <t>GGHS DEWALA</t>
  </si>
  <si>
    <t>Dewala</t>
  </si>
  <si>
    <t>basti moza dewala p /o dewala m.garh</t>
  </si>
  <si>
    <t>Manka bhutta</t>
  </si>
  <si>
    <t>Tabinda Tenveer</t>
  </si>
  <si>
    <t>53158</t>
  </si>
  <si>
    <t>3682</t>
  </si>
  <si>
    <t>GGPS SAMUNDARI WALA P/O NAI WALA</t>
  </si>
  <si>
    <t>DOMRA - FEMALE</t>
  </si>
  <si>
    <t>Meyani Rawaan</t>
  </si>
  <si>
    <t>GGPS Samandari p/o nai wala basti samandari 18 kasi vehari road Multan</t>
  </si>
  <si>
    <t>Basti Samandari</t>
  </si>
  <si>
    <t>Kot Rab Nawaz</t>
  </si>
  <si>
    <t>Adeela Farman</t>
  </si>
  <si>
    <t>18225</t>
  </si>
  <si>
    <t>39080</t>
  </si>
  <si>
    <t>40305</t>
  </si>
  <si>
    <t>GGHS MC PINDI SAID PUR</t>
  </si>
  <si>
    <t>PINDI SAID PUR</t>
  </si>
  <si>
    <t>PINDI SAID PUR,TEHSIL:PIND DADAN KHAN,DISTT:JHELUM</t>
  </si>
  <si>
    <t>RAHILA KAUSAR</t>
  </si>
  <si>
    <t>MOTOR PUMP</t>
  </si>
  <si>
    <t>4346</t>
  </si>
  <si>
    <t>GGHS INAITI</t>
  </si>
  <si>
    <t>anaiti</t>
  </si>
  <si>
    <t>Anaiti</t>
  </si>
  <si>
    <t>Ghazala Shafi</t>
  </si>
  <si>
    <t>455</t>
  </si>
  <si>
    <t>48177</t>
  </si>
  <si>
    <t>32638</t>
  </si>
  <si>
    <t>GHS REHAN WALA P/O MANDI FAIZABAD</t>
  </si>
  <si>
    <t>GHS Rehanwala</t>
  </si>
  <si>
    <t>muhammad amin tahir</t>
  </si>
  <si>
    <t>12302</t>
  </si>
  <si>
    <t>49044</t>
  </si>
  <si>
    <t>GPS CHAK NO.50 NB</t>
  </si>
  <si>
    <t>49-NB - MALE</t>
  </si>
  <si>
    <t>Asian Wala</t>
  </si>
  <si>
    <t>govt.primary school 50 nb</t>
  </si>
  <si>
    <t>chak # 50 nb</t>
  </si>
  <si>
    <t>Chak # 50</t>
  </si>
  <si>
    <t>11534</t>
  </si>
  <si>
    <t>41745</t>
  </si>
  <si>
    <t>30210</t>
  </si>
  <si>
    <t>15645</t>
  </si>
  <si>
    <t>GGHS CHAK NO. 443 GB</t>
  </si>
  <si>
    <t>443gb</t>
  </si>
  <si>
    <t>chak#443 gb</t>
  </si>
  <si>
    <t>442gb</t>
  </si>
  <si>
    <t>Sadia Ashraf</t>
  </si>
  <si>
    <t>93926</t>
  </si>
  <si>
    <t>882</t>
  </si>
  <si>
    <t>4760</t>
  </si>
  <si>
    <t>1909</t>
  </si>
  <si>
    <t>37415</t>
  </si>
  <si>
    <t>GHS 67/15-L, MIAN CHANNU</t>
  </si>
  <si>
    <t>67/15-L</t>
  </si>
  <si>
    <t>67/15-l</t>
  </si>
  <si>
    <t>61-a/15-l</t>
  </si>
  <si>
    <t>Altaf Hussain Saqib</t>
  </si>
  <si>
    <t>61528</t>
  </si>
  <si>
    <t>19259</t>
  </si>
  <si>
    <t>GGHS CHAK 324 GB</t>
  </si>
  <si>
    <t>324 GB</t>
  </si>
  <si>
    <t>chak  no. 324 gb</t>
  </si>
  <si>
    <t>Chak  No 324 GB</t>
  </si>
  <si>
    <t>330 GB</t>
  </si>
  <si>
    <t>Afia Jabbar</t>
  </si>
  <si>
    <t>8303</t>
  </si>
  <si>
    <t>13759</t>
  </si>
  <si>
    <t>1291</t>
  </si>
  <si>
    <t>2746</t>
  </si>
  <si>
    <t>18105</t>
  </si>
  <si>
    <t>GGES NAI BASTI ABBAS PURA SHORKOT SHAHR</t>
  </si>
  <si>
    <t>SHORKOT CITY - FEMALE</t>
  </si>
  <si>
    <t>A bass Pura</t>
  </si>
  <si>
    <t>shorkot</t>
  </si>
  <si>
    <t>Asifa Naz</t>
  </si>
  <si>
    <t>7204</t>
  </si>
  <si>
    <t>35110</t>
  </si>
  <si>
    <t>GPS SIDDIQUE NAGAR</t>
  </si>
  <si>
    <t>Sadddique Nagar</t>
  </si>
  <si>
    <t>Main shreef town Okada</t>
  </si>
  <si>
    <t>Sidddique Nagar</t>
  </si>
  <si>
    <t>8976</t>
  </si>
  <si>
    <t>36187</t>
  </si>
  <si>
    <t>GPS CHAK NO.8 W.B</t>
  </si>
  <si>
    <t>Chak No 8/W-b</t>
  </si>
  <si>
    <t>chak no 8/w-b Vehari</t>
  </si>
  <si>
    <t>Chak No 1/W-b</t>
  </si>
  <si>
    <t>MUHAMMAD ZAFAR IQBAL</t>
  </si>
  <si>
    <t>546</t>
  </si>
  <si>
    <t>28031</t>
  </si>
  <si>
    <t>GPS PINDI BAHAUDDIN</t>
  </si>
  <si>
    <t>Pindi Bahauddin</t>
  </si>
  <si>
    <t>post office Pindi Bahauddin teh.&amp;dist. Mandi Bahauddin</t>
  </si>
  <si>
    <t>Shahzad Iqbal Cheema</t>
  </si>
  <si>
    <t>53802</t>
  </si>
  <si>
    <t>53835</t>
  </si>
  <si>
    <t>53500</t>
  </si>
  <si>
    <t>1662</t>
  </si>
  <si>
    <t>4177</t>
  </si>
  <si>
    <t>46525</t>
  </si>
  <si>
    <t>GPS WARRI USMAN KHEL</t>
  </si>
  <si>
    <t>CHAK NO 22/MB (MALE)</t>
  </si>
  <si>
    <t>4 TDA</t>
  </si>
  <si>
    <t>Chak no 1 TDA Khushab</t>
  </si>
  <si>
    <t>1 TDA</t>
  </si>
  <si>
    <t>14 MB</t>
  </si>
  <si>
    <t>Muhammad Hayat</t>
  </si>
  <si>
    <t>14897</t>
  </si>
  <si>
    <t>26409</t>
  </si>
  <si>
    <t>12376</t>
  </si>
  <si>
    <t>13428</t>
  </si>
  <si>
    <t>GES JAMPUR NO. 1</t>
  </si>
  <si>
    <t>Jampur West</t>
  </si>
  <si>
    <t>Muhammadia colony jampur</t>
  </si>
  <si>
    <t>Muhammadia Colony</t>
  </si>
  <si>
    <t>Mc Jampur</t>
  </si>
  <si>
    <t>GGECMS GOTH NOOR MUHAMMAD</t>
  </si>
  <si>
    <t>Goth Shah Muh</t>
  </si>
  <si>
    <t>ggcmes  goth. noor  Muhammad  kpt</t>
  </si>
  <si>
    <t>Goth Noor Muhamma</t>
  </si>
  <si>
    <t>Gudden</t>
  </si>
  <si>
    <t>Zahida  Perveen</t>
  </si>
  <si>
    <t>14968</t>
  </si>
  <si>
    <t>29216</t>
  </si>
  <si>
    <t>2508</t>
  </si>
  <si>
    <t>53701</t>
  </si>
  <si>
    <t>GPS GUBBA FAZIL</t>
  </si>
  <si>
    <t>CHUCHAK - MALE</t>
  </si>
  <si>
    <t>Gubba Fazil</t>
  </si>
  <si>
    <t>gps gubba fazil</t>
  </si>
  <si>
    <t>Bazida</t>
  </si>
  <si>
    <t>14142</t>
  </si>
  <si>
    <t>36845</t>
  </si>
  <si>
    <t>GGPS JALLAH NAICH, MOOHI WALA KABIRWALA</t>
  </si>
  <si>
    <t>Okanwala</t>
  </si>
  <si>
    <t>basti dinga mouza okanwala</t>
  </si>
  <si>
    <t>Basti Dinga</t>
  </si>
  <si>
    <t>Shafqat Saleem</t>
  </si>
  <si>
    <t>9981</t>
  </si>
  <si>
    <t>25941</t>
  </si>
  <si>
    <t>GGCMS KOT LAKHA SINGH</t>
  </si>
  <si>
    <t>Kot Lakha Singh</t>
  </si>
  <si>
    <t>Village Kot Lakha Singh Tehsil &amp; District Narowal</t>
  </si>
  <si>
    <t>Razia Parveen</t>
  </si>
  <si>
    <t>29220</t>
  </si>
  <si>
    <t>51199</t>
  </si>
  <si>
    <t>46128</t>
  </si>
  <si>
    <t>GHS CHAK NO. 47/MB</t>
  </si>
  <si>
    <t>47 MB</t>
  </si>
  <si>
    <t>Govt high School Chak No 47 MB</t>
  </si>
  <si>
    <t>51 MB</t>
  </si>
  <si>
    <t>fazal elahi</t>
  </si>
  <si>
    <t>19661</t>
  </si>
  <si>
    <t>1565</t>
  </si>
  <si>
    <t>3135</t>
  </si>
  <si>
    <t>GGHS NISHAT COLONY</t>
  </si>
  <si>
    <t>Nishat colony</t>
  </si>
  <si>
    <t>GGHS  Nishat Colony, Lahore Cantt</t>
  </si>
  <si>
    <t>nIL</t>
  </si>
  <si>
    <t>Azra Iqbal</t>
  </si>
  <si>
    <t>9775</t>
  </si>
  <si>
    <t>5865</t>
  </si>
  <si>
    <t>41230</t>
  </si>
  <si>
    <t>43893</t>
  </si>
  <si>
    <t>GGPS KHARANG</t>
  </si>
  <si>
    <t>DAKHALI - FEMALE</t>
  </si>
  <si>
    <t>Kharang Kalan</t>
  </si>
  <si>
    <t>Village kharang post office khas tehsil kahuta district RWP</t>
  </si>
  <si>
    <t>Dakhali</t>
  </si>
  <si>
    <t>Musrrat Jabeen</t>
  </si>
  <si>
    <t>Electric water motor</t>
  </si>
  <si>
    <t>23662</t>
  </si>
  <si>
    <t>39982</t>
  </si>
  <si>
    <t>GES KOT KAY</t>
  </si>
  <si>
    <t>Kotkay</t>
  </si>
  <si>
    <t>Village kotkay Tehsil hazro District Attock</t>
  </si>
  <si>
    <t>Malak Mala</t>
  </si>
  <si>
    <t>MUHAMMAD SHAUKAT</t>
  </si>
  <si>
    <t>7842</t>
  </si>
  <si>
    <t>37986</t>
  </si>
  <si>
    <t>40309</t>
  </si>
  <si>
    <t>40087</t>
  </si>
  <si>
    <t>GHS BAGGA</t>
  </si>
  <si>
    <t>Bagga</t>
  </si>
  <si>
    <t>Tehsil &amp; District Jhelum. Post Office Bagga.</t>
  </si>
  <si>
    <t>Musaddaq Hussain</t>
  </si>
  <si>
    <t>14974</t>
  </si>
  <si>
    <t>GHS RATRI</t>
  </si>
  <si>
    <t>RATRI</t>
  </si>
  <si>
    <t>P/O RATRI TEHSIL KALLUR KOT DIST BHAKKAR</t>
  </si>
  <si>
    <t>CHAK NO 40 ML</t>
  </si>
  <si>
    <t>MATI UR REHMAN KHAN</t>
  </si>
  <si>
    <t>GPS NO. 2 LALIAN</t>
  </si>
  <si>
    <t>Near old thana Lalian Tehsil Lalian District Chiniot</t>
  </si>
  <si>
    <t>Hujrah road</t>
  </si>
  <si>
    <t>MC LALIAN</t>
  </si>
  <si>
    <t>16318</t>
  </si>
  <si>
    <t>36700</t>
  </si>
  <si>
    <t>26557</t>
  </si>
  <si>
    <t>3570</t>
  </si>
  <si>
    <t>35428</t>
  </si>
  <si>
    <t>GMPS 257 EB</t>
  </si>
  <si>
    <t>257 Eb</t>
  </si>
  <si>
    <t>257 EB teh Burewala ditt vehari</t>
  </si>
  <si>
    <t>267Eb</t>
  </si>
  <si>
    <t>Zahida Rahim</t>
  </si>
  <si>
    <t>7463</t>
  </si>
  <si>
    <t>962</t>
  </si>
  <si>
    <t>34791</t>
  </si>
  <si>
    <t>GHS ADU WALI JPP</t>
  </si>
  <si>
    <t>Addo Wali</t>
  </si>
  <si>
    <t>ado wali</t>
  </si>
  <si>
    <t>Ali Pur Sadat</t>
  </si>
  <si>
    <t>Muhammad Amjad</t>
  </si>
  <si>
    <t>8893</t>
  </si>
  <si>
    <t>22083</t>
  </si>
  <si>
    <t>42180</t>
  </si>
  <si>
    <t>2644</t>
  </si>
  <si>
    <t>GPS MUHAMMAD BUKHSH MAHAR</t>
  </si>
  <si>
    <t>Muhammad Bux Mahar</t>
  </si>
  <si>
    <t>Basti Haji Rab Nawaz Arain Mouza Muhammad Bux Mahar</t>
  </si>
  <si>
    <t>Rab Nawaz Arain</t>
  </si>
  <si>
    <t>Shahid Saleem</t>
  </si>
  <si>
    <t>28947</t>
  </si>
  <si>
    <t>37261</t>
  </si>
  <si>
    <t>GMES 43/10-R, KHANEWAL</t>
  </si>
  <si>
    <t>43/10r</t>
  </si>
  <si>
    <t>chak# 43/10.r khanewal</t>
  </si>
  <si>
    <t>Amna Batool</t>
  </si>
  <si>
    <t>25789</t>
  </si>
  <si>
    <t>35689</t>
  </si>
  <si>
    <t>GPS QUTAB PUR</t>
  </si>
  <si>
    <t>Qutab pur p,o fateh pur teh mailsi distt vehari</t>
  </si>
  <si>
    <t>Qutab Pur</t>
  </si>
  <si>
    <t>Mukhtiar Hussain</t>
  </si>
  <si>
    <t>947</t>
  </si>
  <si>
    <t>38942</t>
  </si>
  <si>
    <t>GHS JHANG</t>
  </si>
  <si>
    <t>vpo jhang fateh jang attock</t>
  </si>
  <si>
    <t>Muhammad Bashir</t>
  </si>
  <si>
    <t>9568</t>
  </si>
  <si>
    <t>1101</t>
  </si>
  <si>
    <t>41698</t>
  </si>
  <si>
    <t>GPS DHOK ROSHAN DIN RAWALPINDI</t>
  </si>
  <si>
    <t>Gulistan colony Rawalpindi</t>
  </si>
  <si>
    <t>Khalida Shaheen</t>
  </si>
  <si>
    <t>9527</t>
  </si>
  <si>
    <t>7532</t>
  </si>
  <si>
    <t>5696</t>
  </si>
  <si>
    <t>GGPS CHAK NO. 270/HR-Q</t>
  </si>
  <si>
    <t>FTS-IX-FEMALE</t>
  </si>
  <si>
    <t>GGPS 270/HR QT</t>
  </si>
  <si>
    <t>chak no. 270/  H.R Q.T</t>
  </si>
  <si>
    <t>270/HR QT</t>
  </si>
  <si>
    <t>Pholra</t>
  </si>
  <si>
    <t>Amira Noreen</t>
  </si>
  <si>
    <t>15654</t>
  </si>
  <si>
    <t>GGHS CHAK NO. 49 GB</t>
  </si>
  <si>
    <t>49 GB</t>
  </si>
  <si>
    <t>chak no.49 GB chawinda</t>
  </si>
  <si>
    <t>Chak 49 GB</t>
  </si>
  <si>
    <t>48 GB</t>
  </si>
  <si>
    <t>SAIMA BASHIR</t>
  </si>
  <si>
    <t>7812</t>
  </si>
  <si>
    <t>5932</t>
  </si>
  <si>
    <t>50393</t>
  </si>
  <si>
    <t>GES  56-A/12-L</t>
  </si>
  <si>
    <t>OKANWALA EAST-MALE</t>
  </si>
  <si>
    <t>56A/12L</t>
  </si>
  <si>
    <t>56-A/12-L</t>
  </si>
  <si>
    <t>57/12-L</t>
  </si>
  <si>
    <t>ASIF MEHMOOD</t>
  </si>
  <si>
    <t>15068</t>
  </si>
  <si>
    <t>41355</t>
  </si>
  <si>
    <t>41534</t>
  </si>
  <si>
    <t>29627</t>
  </si>
  <si>
    <t>52408</t>
  </si>
  <si>
    <t>GPS ABDULLAH COLONY</t>
  </si>
  <si>
    <t>Hujra</t>
  </si>
  <si>
    <t>hujra Shah muqeem</t>
  </si>
  <si>
    <t>Abdullahcolonyhujra</t>
  </si>
  <si>
    <t>MC Hujra</t>
  </si>
  <si>
    <t>Muhammad Amin Asi</t>
  </si>
  <si>
    <t>6010</t>
  </si>
  <si>
    <t>43036</t>
  </si>
  <si>
    <t>23605</t>
  </si>
  <si>
    <t>GHS BHILO MAHAR</t>
  </si>
  <si>
    <t>Bhilo Mahar</t>
  </si>
  <si>
    <t>Bhilo Mahar, P/O Jamke Cheema, Tehsil Daska, Distt. Sialkor</t>
  </si>
  <si>
    <t>Alo Mahar</t>
  </si>
  <si>
    <t>FAZAL UR REHMAN</t>
  </si>
  <si>
    <t>1111</t>
  </si>
  <si>
    <t>31002</t>
  </si>
  <si>
    <t>1147</t>
  </si>
  <si>
    <t>43156</t>
  </si>
  <si>
    <t>GGES SARPAK CHAKWAL COAT GANASH CHAKWAL</t>
  </si>
  <si>
    <t>GGES Sarpak moh kot Ghanaish Chakwal</t>
  </si>
  <si>
    <t>50340</t>
  </si>
  <si>
    <t>50300</t>
  </si>
  <si>
    <t>36465</t>
  </si>
  <si>
    <t>GGPS CHAK NO.63 KB</t>
  </si>
  <si>
    <t>63kb</t>
  </si>
  <si>
    <t>GGPS63kb  Luddan Vehari</t>
  </si>
  <si>
    <t>Akbar shah</t>
  </si>
  <si>
    <t>Noreen Hafiz</t>
  </si>
  <si>
    <t>703</t>
  </si>
  <si>
    <t>5875</t>
  </si>
  <si>
    <t>606</t>
  </si>
  <si>
    <t>33549</t>
  </si>
  <si>
    <t>53829</t>
  </si>
  <si>
    <t>GGPS CHAK NO.5/GD</t>
  </si>
  <si>
    <t>5GD</t>
  </si>
  <si>
    <t>5gd</t>
  </si>
  <si>
    <t>Parveen Talat</t>
  </si>
  <si>
    <t>6587</t>
  </si>
  <si>
    <t>18700</t>
  </si>
  <si>
    <t>19702</t>
  </si>
  <si>
    <t>35351</t>
  </si>
  <si>
    <t>48809</t>
  </si>
  <si>
    <t>GGHS CHAK NO.142 SB</t>
  </si>
  <si>
    <t>142sb</t>
  </si>
  <si>
    <t>chak no 142sb sargodha</t>
  </si>
  <si>
    <t>Chak No 142sb</t>
  </si>
  <si>
    <t>Chak No 113sb</t>
  </si>
  <si>
    <t>Shakira Khanum</t>
  </si>
  <si>
    <t>11773</t>
  </si>
  <si>
    <t>986</t>
  </si>
  <si>
    <t>37745</t>
  </si>
  <si>
    <t>GES JAHANIAN</t>
  </si>
  <si>
    <t>block No.6 Jahanian</t>
  </si>
  <si>
    <t>Mc Jahanian</t>
  </si>
  <si>
    <t>308</t>
  </si>
  <si>
    <t>1336</t>
  </si>
  <si>
    <t>39974</t>
  </si>
  <si>
    <t>GPS YASIN KALAN</t>
  </si>
  <si>
    <t>Yasin Kalan</t>
  </si>
  <si>
    <t>village yasin kalan post office khas Tehsil Hazro District Attock</t>
  </si>
  <si>
    <t>Shinka</t>
  </si>
  <si>
    <t>29435</t>
  </si>
  <si>
    <t>14055</t>
  </si>
  <si>
    <t>51298</t>
  </si>
  <si>
    <t>GHS (MODEL) FAZILKA ISLAMIA PAKPATTAN</t>
  </si>
  <si>
    <t>college road pakpattan</t>
  </si>
  <si>
    <t>ABDUL MAJEED KHAN</t>
  </si>
  <si>
    <t>33445</t>
  </si>
  <si>
    <t>GHS MIAN WALA BANGLA</t>
  </si>
  <si>
    <t>Mianwala Bangla</t>
  </si>
  <si>
    <t>CHAK NO. 91/6R HAROONABAD</t>
  </si>
  <si>
    <t>Chak No 91/ 6R</t>
  </si>
  <si>
    <t>CHAK NO. 94/6R HND</t>
  </si>
  <si>
    <t>MUHAMMAD ANWAR</t>
  </si>
  <si>
    <t>29091</t>
  </si>
  <si>
    <t>GES KUTLOOHI KOLAN</t>
  </si>
  <si>
    <t>Katlohi Kalan</t>
  </si>
  <si>
    <t>Lakhnekey</t>
  </si>
  <si>
    <t>Mahmood</t>
  </si>
  <si>
    <t>9900</t>
  </si>
  <si>
    <t>26618</t>
  </si>
  <si>
    <t>35275</t>
  </si>
  <si>
    <t>GGES LALA</t>
  </si>
  <si>
    <t>AHMADABAD-FEMALE</t>
  </si>
  <si>
    <t>Lala</t>
  </si>
  <si>
    <t>lala</t>
  </si>
  <si>
    <t>Shamas U Nisa</t>
  </si>
  <si>
    <t>22704</t>
  </si>
  <si>
    <t>24353</t>
  </si>
  <si>
    <t>47600</t>
  </si>
  <si>
    <t>27060</t>
  </si>
  <si>
    <t>46622</t>
  </si>
  <si>
    <t>51394</t>
  </si>
  <si>
    <t>GES MC NO. 3 SOFIA ABAD</t>
  </si>
  <si>
    <t>Sufia Ababd</t>
  </si>
  <si>
    <t>sufia abad main road near city thana pakpattan</t>
  </si>
  <si>
    <t>City Aera</t>
  </si>
  <si>
    <t>Urban Ward #23</t>
  </si>
  <si>
    <t>Asif Iqbal</t>
  </si>
  <si>
    <t>5070</t>
  </si>
  <si>
    <t>6493</t>
  </si>
  <si>
    <t>7342</t>
  </si>
  <si>
    <t>5116</t>
  </si>
  <si>
    <t>15549</t>
  </si>
  <si>
    <t>GGES CHAK 140 GB SAMUNDRI</t>
  </si>
  <si>
    <t>Sardar Kot</t>
  </si>
  <si>
    <t>GGES 140 GB samundri</t>
  </si>
  <si>
    <t>140 Gb</t>
  </si>
  <si>
    <t>Ward No 14</t>
  </si>
  <si>
    <t>6555</t>
  </si>
  <si>
    <t>GMPS MUHAMMAD KHAN JATOI</t>
  </si>
  <si>
    <t>BULAQI WALI -FEMALE</t>
  </si>
  <si>
    <t>Abdullah Pur</t>
  </si>
  <si>
    <t>M Khan Jatoi p/o chak abbas Teh &amp;Dis Rahim yar Khan</t>
  </si>
  <si>
    <t>M Khan Jatoi</t>
  </si>
  <si>
    <t>Bulaqi Wali</t>
  </si>
  <si>
    <t>Bushra Majeed</t>
  </si>
  <si>
    <t>43396</t>
  </si>
  <si>
    <t>35360</t>
  </si>
  <si>
    <t>GGPS 357 EB</t>
  </si>
  <si>
    <t>357/EB</t>
  </si>
  <si>
    <t>chak no 357/EB Burewala</t>
  </si>
  <si>
    <t>Chak No 175/EB</t>
  </si>
  <si>
    <t>Hafiza Aisha Amtul</t>
  </si>
  <si>
    <t>762</t>
  </si>
  <si>
    <t>42561</t>
  </si>
  <si>
    <t>GMPS HAFIAL</t>
  </si>
  <si>
    <t>HAFIAL</t>
  </si>
  <si>
    <t>GMPS HAFIAL P.O KHENGAR MAMDAL TEH G KHAN DISTT RWP</t>
  </si>
  <si>
    <t>KAUNTRILA</t>
  </si>
  <si>
    <t>Raheela Begum</t>
  </si>
  <si>
    <t>43243</t>
  </si>
  <si>
    <t>28644</t>
  </si>
  <si>
    <t>GHS KANGAN PUR</t>
  </si>
  <si>
    <t>KANGAN PUR</t>
  </si>
  <si>
    <t>muhammad imtiaz awan</t>
  </si>
  <si>
    <t>22848</t>
  </si>
  <si>
    <t>2269</t>
  </si>
  <si>
    <t>11514</t>
  </si>
  <si>
    <t>GHS RAKH THAL WALI</t>
  </si>
  <si>
    <t>Zulfiqar Abad</t>
  </si>
  <si>
    <t>Govt. High school Rakh Thal Wali P/O Sultan Colony Muzaffargarh</t>
  </si>
  <si>
    <t>Sultan Colony</t>
  </si>
  <si>
    <t>EHSAN AHMAD</t>
  </si>
  <si>
    <t>22640</t>
  </si>
  <si>
    <t>GGPS CHAK SARO</t>
  </si>
  <si>
    <t>chak saro</t>
  </si>
  <si>
    <t>village chak saro p.o.jhandywal gujrat</t>
  </si>
  <si>
    <t>sheikh sukha</t>
  </si>
  <si>
    <t>Ayesha Falak</t>
  </si>
  <si>
    <t>29651</t>
  </si>
  <si>
    <t>26260</t>
  </si>
  <si>
    <t>16655</t>
  </si>
  <si>
    <t>GGES 423/GB</t>
  </si>
  <si>
    <t>Innovana</t>
  </si>
  <si>
    <t>GGES423gb</t>
  </si>
  <si>
    <t>Katto</t>
  </si>
  <si>
    <t>Farah Naz</t>
  </si>
  <si>
    <t>35380</t>
  </si>
  <si>
    <t>GGPS 195 EB</t>
  </si>
  <si>
    <t>195/EB</t>
  </si>
  <si>
    <t>chak no195/e.b</t>
  </si>
  <si>
    <t>Shazia Yaqub</t>
  </si>
  <si>
    <t>2367</t>
  </si>
  <si>
    <t>26013</t>
  </si>
  <si>
    <t>27714</t>
  </si>
  <si>
    <t>23500</t>
  </si>
  <si>
    <t>3370</t>
  </si>
  <si>
    <t>24803</t>
  </si>
  <si>
    <t>GMES DHILAM GHAZI</t>
  </si>
  <si>
    <t>Dhilam Ghazi</t>
  </si>
  <si>
    <t>Village Dhilam ghazi tehsil and district  Sialkot</t>
  </si>
  <si>
    <t>Vario</t>
  </si>
  <si>
    <t>Fiaz Akhtar</t>
  </si>
  <si>
    <t>40277</t>
  </si>
  <si>
    <t>15993</t>
  </si>
  <si>
    <t>GGES CHAK 114 JB</t>
  </si>
  <si>
    <t>114jb</t>
  </si>
  <si>
    <t>114jb Fsd</t>
  </si>
  <si>
    <t>115jb Dialgarh</t>
  </si>
  <si>
    <t>5197</t>
  </si>
  <si>
    <t>GPS CHAK NO 421 GB II</t>
  </si>
  <si>
    <t>Chak Dara</t>
  </si>
  <si>
    <t>chak no 421 GB/2 tehsil Tandlianwala</t>
  </si>
  <si>
    <t>Chak No 421GB / N</t>
  </si>
  <si>
    <t>Chak No 422 GB</t>
  </si>
  <si>
    <t>Muhammad iqbal javed</t>
  </si>
  <si>
    <t>17885</t>
  </si>
  <si>
    <t>14890</t>
  </si>
  <si>
    <t>2943</t>
  </si>
  <si>
    <t>35100</t>
  </si>
  <si>
    <t>53480</t>
  </si>
  <si>
    <t>GGES 261 EB</t>
  </si>
  <si>
    <t>MASOOM SHAH - FEMALE</t>
  </si>
  <si>
    <t>261/EB</t>
  </si>
  <si>
    <t>261/E.B Burewala</t>
  </si>
  <si>
    <t>447/EB</t>
  </si>
  <si>
    <t>Sidra Tabasum</t>
  </si>
  <si>
    <t>2952</t>
  </si>
  <si>
    <t>35385</t>
  </si>
  <si>
    <t>53697</t>
  </si>
  <si>
    <t>GGPS 110 EB</t>
  </si>
  <si>
    <t>SHEIKH FAZAL WEST - FEMALE</t>
  </si>
  <si>
    <t>110/EB</t>
  </si>
  <si>
    <t>chack# 110/EB burewala district veharias</t>
  </si>
  <si>
    <t>124/EB</t>
  </si>
  <si>
    <t>Nadia Qutab</t>
  </si>
  <si>
    <t>29542</t>
  </si>
  <si>
    <t>7427</t>
  </si>
  <si>
    <t>827</t>
  </si>
  <si>
    <t>36419</t>
  </si>
  <si>
    <t>GGPS CHAK NO 52 WB EAST</t>
  </si>
  <si>
    <t>52 East</t>
  </si>
  <si>
    <t>chalk no 52 wb east tehsil district vehari</t>
  </si>
  <si>
    <t>52 Wb</t>
  </si>
  <si>
    <t>Sadaf Huma</t>
  </si>
  <si>
    <t>2495</t>
  </si>
  <si>
    <t>19370</t>
  </si>
  <si>
    <t>47759</t>
  </si>
  <si>
    <t>GGES NASEER WALA</t>
  </si>
  <si>
    <t>GGES Naseer wala</t>
  </si>
  <si>
    <t>Allu Wali</t>
  </si>
  <si>
    <t>Rizwana Bibi</t>
  </si>
  <si>
    <t>8606</t>
  </si>
  <si>
    <t>54641</t>
  </si>
  <si>
    <t>48774</t>
  </si>
  <si>
    <t>51350</t>
  </si>
  <si>
    <t>GGES 15/SP</t>
  </si>
  <si>
    <t>CHAKBEDI 1 - FEMALE</t>
  </si>
  <si>
    <t>15sp</t>
  </si>
  <si>
    <t>Shehla Afzal</t>
  </si>
  <si>
    <t>444</t>
  </si>
  <si>
    <t>22399</t>
  </si>
  <si>
    <t>1069</t>
  </si>
  <si>
    <t>33392</t>
  </si>
  <si>
    <t>SHAHKOT SADDAR - MALE</t>
  </si>
  <si>
    <t>Kamal Pur</t>
  </si>
  <si>
    <t>GES kamal pur chak no 183.</t>
  </si>
  <si>
    <t>Nathu Wala</t>
  </si>
  <si>
    <t>MUHAMMAD SHAFIQUE</t>
  </si>
  <si>
    <t>10516</t>
  </si>
  <si>
    <t>16744</t>
  </si>
  <si>
    <t>853</t>
  </si>
  <si>
    <t>41940</t>
  </si>
  <si>
    <t>GGES KOTHA KALLAN</t>
  </si>
  <si>
    <t>Pothohar</t>
  </si>
  <si>
    <t>GGES kotha kallan</t>
  </si>
  <si>
    <t>Kotha Kallan</t>
  </si>
  <si>
    <t>Nadia Shaheen</t>
  </si>
  <si>
    <t>ARL water supply</t>
  </si>
  <si>
    <t>4206</t>
  </si>
  <si>
    <t>16569</t>
  </si>
  <si>
    <t>GPS CHAH LODHRAN</t>
  </si>
  <si>
    <t>Chah Lodhran Teh Tandlianwala Distt Fqisalabad</t>
  </si>
  <si>
    <t>Chah Iodhran</t>
  </si>
  <si>
    <t>14237</t>
  </si>
  <si>
    <t>14217</t>
  </si>
  <si>
    <t>14100</t>
  </si>
  <si>
    <t>51570</t>
  </si>
  <si>
    <t>GGES 34 SP</t>
  </si>
  <si>
    <t>34/sp</t>
  </si>
  <si>
    <t>Dhawna</t>
  </si>
  <si>
    <t>Asia Jan Muhammad</t>
  </si>
  <si>
    <t>5316</t>
  </si>
  <si>
    <t>34551</t>
  </si>
  <si>
    <t>26382</t>
  </si>
  <si>
    <t>3499</t>
  </si>
  <si>
    <t>3346</t>
  </si>
  <si>
    <t>GGPS KAUSAR COLONY BAHAWALPUR</t>
  </si>
  <si>
    <t>KHANOO WALI (A) - FEMALE</t>
  </si>
  <si>
    <t>Bahawalpur</t>
  </si>
  <si>
    <t>GGPS KOSAR COLONY BAHAWALPUR</t>
  </si>
  <si>
    <t>Kosar Colony</t>
  </si>
  <si>
    <t>BWP CITY XVII</t>
  </si>
  <si>
    <t>SHAFAQ SHOUKAT</t>
  </si>
  <si>
    <t>coolers filled from filter plant outside school</t>
  </si>
  <si>
    <t>35982</t>
  </si>
  <si>
    <t>16472</t>
  </si>
  <si>
    <t>GPS CHAK 558/2 GB MAMUKANJAN</t>
  </si>
  <si>
    <t>558 Raja Dulo</t>
  </si>
  <si>
    <t>Chak No 558/2 GB Teh Tandlianwala Distt Faisalabad</t>
  </si>
  <si>
    <t>558/2 GB</t>
  </si>
  <si>
    <t>558GB</t>
  </si>
  <si>
    <t>Abdul Ghafoor</t>
  </si>
  <si>
    <t>4164</t>
  </si>
  <si>
    <t>15981</t>
  </si>
  <si>
    <t>11817</t>
  </si>
  <si>
    <t>16452</t>
  </si>
  <si>
    <t>4157</t>
  </si>
  <si>
    <t>46222</t>
  </si>
  <si>
    <t>GPS JAURAN WALA</t>
  </si>
  <si>
    <t>JURA KALAN (WEST) (MALE)</t>
  </si>
  <si>
    <t>Noor Pur Thal</t>
  </si>
  <si>
    <t>Bhan Jaurian Wala Jharkil road tehsil noor pur thal district khushab</t>
  </si>
  <si>
    <t>Bhan Jaurian Wala</t>
  </si>
  <si>
    <t>Noor pur Rural</t>
  </si>
  <si>
    <t>19510</t>
  </si>
  <si>
    <t>16557</t>
  </si>
  <si>
    <t>GPS CHAK KOT JAY RAM TANDLIANWALA</t>
  </si>
  <si>
    <t>Deghadi Mahshana</t>
  </si>
  <si>
    <t>abadi wangujjrain</t>
  </si>
  <si>
    <t>Van Gujjrain</t>
  </si>
  <si>
    <t>615gb</t>
  </si>
  <si>
    <t>Kashif Ayyub</t>
  </si>
  <si>
    <t>6106</t>
  </si>
  <si>
    <t>11475</t>
  </si>
  <si>
    <t>53462</t>
  </si>
  <si>
    <t>GGPS CHAK NO. 35/2-RA GHOGHIAN WALA</t>
  </si>
  <si>
    <t>South City</t>
  </si>
  <si>
    <t>35/2 ra goghian wala</t>
  </si>
  <si>
    <t>35/2ra Goghian Wala</t>
  </si>
  <si>
    <t>38/2ra</t>
  </si>
  <si>
    <t>26094</t>
  </si>
  <si>
    <t>GGPS 25 WB</t>
  </si>
  <si>
    <t>25wb</t>
  </si>
  <si>
    <t>chak no25wb,vehari</t>
  </si>
  <si>
    <t>Chak No 25wb</t>
  </si>
  <si>
    <t>41wb</t>
  </si>
  <si>
    <t>Mumtaz Bibi</t>
  </si>
  <si>
    <t>11138</t>
  </si>
  <si>
    <t>5972</t>
  </si>
  <si>
    <t>50870</t>
  </si>
  <si>
    <t>GPS MILLAT SAHIWAL</t>
  </si>
  <si>
    <t>SAHIWAL SADAR-B-MALE</t>
  </si>
  <si>
    <t>Tariq Bin Ziad Colony Sahiwal</t>
  </si>
  <si>
    <t>Z block tariq bin ziad colony sahiwal</t>
  </si>
  <si>
    <t>Madina Colony New Abadi</t>
  </si>
  <si>
    <t>Waqar Adrees</t>
  </si>
  <si>
    <t>4872</t>
  </si>
  <si>
    <t>16659</t>
  </si>
  <si>
    <t>GGPS 593 GB</t>
  </si>
  <si>
    <t>Sahli Ana 593 Gb</t>
  </si>
  <si>
    <t>chak no 593 gb</t>
  </si>
  <si>
    <t>Chak No 593 Gb</t>
  </si>
  <si>
    <t>Chak No 599 Gb</t>
  </si>
  <si>
    <t>Misbah iftikhar</t>
  </si>
  <si>
    <t>10009</t>
  </si>
  <si>
    <t>30929</t>
  </si>
  <si>
    <t>20266</t>
  </si>
  <si>
    <t>GMPS JAISAL</t>
  </si>
  <si>
    <t>Jaisal</t>
  </si>
  <si>
    <t>Mouza Jaisal  Teh Lalian Dist  chiniot</t>
  </si>
  <si>
    <t>Bushra Sultana</t>
  </si>
  <si>
    <t>24370</t>
  </si>
  <si>
    <t>42688</t>
  </si>
  <si>
    <t>GGPS ARIF KANIAL</t>
  </si>
  <si>
    <t>Arif Kanyal</t>
  </si>
  <si>
    <t>moza arif kanyal teh Gujar Khan disst rwp</t>
  </si>
  <si>
    <t>Bhadana</t>
  </si>
  <si>
    <t>Shah Bagum</t>
  </si>
  <si>
    <t>2832</t>
  </si>
  <si>
    <t>10164</t>
  </si>
  <si>
    <t>18119</t>
  </si>
  <si>
    <t>16600</t>
  </si>
  <si>
    <t>GPS CHAK 490 GB MAMUNKANJAN</t>
  </si>
  <si>
    <t>490GB</t>
  </si>
  <si>
    <t>Chak No 490G.B Tehsil Tandlianwala Disstt Faisalabad</t>
  </si>
  <si>
    <t>Chak No 490 GB</t>
  </si>
  <si>
    <t>Chak 490GB</t>
  </si>
  <si>
    <t>Muhammad Ahsan Danish</t>
  </si>
  <si>
    <t>8175</t>
  </si>
  <si>
    <t>28551</t>
  </si>
  <si>
    <t>28440</t>
  </si>
  <si>
    <t>33186</t>
  </si>
  <si>
    <t>18930</t>
  </si>
  <si>
    <t>GMES SAIR MOHAL CHAK 743 GB</t>
  </si>
  <si>
    <t>Wahgahi</t>
  </si>
  <si>
    <t>GMES743 GB Teh.Kamalia.</t>
  </si>
  <si>
    <t>743 GB</t>
  </si>
  <si>
    <t>Kot Pathana</t>
  </si>
  <si>
    <t>Shaista Malik</t>
  </si>
  <si>
    <t>5016</t>
  </si>
  <si>
    <t>16416</t>
  </si>
  <si>
    <t>11400</t>
  </si>
  <si>
    <t>31442</t>
  </si>
  <si>
    <t>14530</t>
  </si>
  <si>
    <t>GPS MC MUNIR ABAD</t>
  </si>
  <si>
    <t>Munir Abad</t>
  </si>
  <si>
    <t>St # 25, Razaabad, Faisalabad.</t>
  </si>
  <si>
    <t>Norin Rahat</t>
  </si>
  <si>
    <t>9424</t>
  </si>
  <si>
    <t>53792</t>
  </si>
  <si>
    <t>3936</t>
  </si>
  <si>
    <t>51862</t>
  </si>
  <si>
    <t>GES 21 EB</t>
  </si>
  <si>
    <t>ARIFWALA 2 - MALE</t>
  </si>
  <si>
    <t>Chak # 21/EB</t>
  </si>
  <si>
    <t>chak # 21/EB tehsil Arifwala District Pakpattan</t>
  </si>
  <si>
    <t>Chak #13/ EB</t>
  </si>
  <si>
    <t>GGHS CHAK NO. 196 GB</t>
  </si>
  <si>
    <t>196 GB</t>
  </si>
  <si>
    <t>chak no 196 GB</t>
  </si>
  <si>
    <t>196 Gb</t>
  </si>
  <si>
    <t>198 Gb</t>
  </si>
  <si>
    <t>Tahseen Sadia Hafeez</t>
  </si>
  <si>
    <t>23609</t>
  </si>
  <si>
    <t>40259</t>
  </si>
  <si>
    <t>1390</t>
  </si>
  <si>
    <t>3245</t>
  </si>
  <si>
    <t>GGHS CHAK NO. 32/BC</t>
  </si>
  <si>
    <t>Dera Bakha</t>
  </si>
  <si>
    <t>Govt. Girls High School. Chak No. 32/BC, Dera Bakha Bahawalpur</t>
  </si>
  <si>
    <t>Chak no. 32/BC dera bakha BWP</t>
  </si>
  <si>
    <t>4-BC</t>
  </si>
  <si>
    <t>FOZIA NAZAR</t>
  </si>
  <si>
    <t>73734</t>
  </si>
  <si>
    <t>5687</t>
  </si>
  <si>
    <t>GES NABI SHAH BALA</t>
  </si>
  <si>
    <t>CHABBA PURANA - MALE</t>
  </si>
  <si>
    <t>Nabi Shah Bala</t>
  </si>
  <si>
    <t>village NABI SHAH BALA tehsil bhalwal district sargodha</t>
  </si>
  <si>
    <t>Nabi Shah  Bala</t>
  </si>
  <si>
    <t>Bilal Ahmed</t>
  </si>
  <si>
    <t>24290</t>
  </si>
  <si>
    <t>39233</t>
  </si>
  <si>
    <t>GPS CHAK 625 GB II JAGATAN</t>
  </si>
  <si>
    <t>625GB JAGATAN</t>
  </si>
  <si>
    <t>GPS 625/2 JAGATAN</t>
  </si>
  <si>
    <t>CHAK #625/2 JAGATAN</t>
  </si>
  <si>
    <t>235GB</t>
  </si>
  <si>
    <t>M SHAFIQ</t>
  </si>
  <si>
    <t>13685</t>
  </si>
  <si>
    <t>35242</t>
  </si>
  <si>
    <t>GPS CHAK NO 173 EB</t>
  </si>
  <si>
    <t>Chak No173/EB</t>
  </si>
  <si>
    <t>Chak No 173/E.B Teh. Burewala Distt. Vehari</t>
  </si>
  <si>
    <t>2862</t>
  </si>
  <si>
    <t>36948</t>
  </si>
  <si>
    <t>14604</t>
  </si>
  <si>
    <t>GGPS SHADAB COLONY 2</t>
  </si>
  <si>
    <t>g.g.p.s no.2 shadab colony</t>
  </si>
  <si>
    <t>Shadab Coliny</t>
  </si>
  <si>
    <t>Nasira Jabeen</t>
  </si>
  <si>
    <t>3486</t>
  </si>
  <si>
    <t>17617</t>
  </si>
  <si>
    <t>6232</t>
  </si>
  <si>
    <t>52112</t>
  </si>
  <si>
    <t>GGPS 68 EB TEH ARIF WALA</t>
  </si>
  <si>
    <t>Chak No 66/ Eb</t>
  </si>
  <si>
    <t>chak no 68/ eb</t>
  </si>
  <si>
    <t>68/ Eb</t>
  </si>
  <si>
    <t>Chak No 66/Eb</t>
  </si>
  <si>
    <t>Sidra Waheed</t>
  </si>
  <si>
    <t>3559</t>
  </si>
  <si>
    <t>23514</t>
  </si>
  <si>
    <t>15420</t>
  </si>
  <si>
    <t>22354</t>
  </si>
  <si>
    <t>GPS 642 GB I</t>
  </si>
  <si>
    <t>chakk 642 GB1</t>
  </si>
  <si>
    <t>642GB</t>
  </si>
  <si>
    <t>chakk 644 gb</t>
  </si>
  <si>
    <t>16357</t>
  </si>
  <si>
    <t>GGPS CHAK NO 188 RB</t>
  </si>
  <si>
    <t>188 Rb</t>
  </si>
  <si>
    <t>188Rb lakarwala teh jhumra dist Faisalabad</t>
  </si>
  <si>
    <t>Lakarwala</t>
  </si>
  <si>
    <t>Attia Tariq</t>
  </si>
  <si>
    <t>4070</t>
  </si>
  <si>
    <t>4882</t>
  </si>
  <si>
    <t>21869</t>
  </si>
  <si>
    <t>GPS KOT MARI</t>
  </si>
  <si>
    <t>BUDHA GORAYA - MALE</t>
  </si>
  <si>
    <t>kot mari</t>
  </si>
  <si>
    <t>gps kot mari</t>
  </si>
  <si>
    <t>chak chudary</t>
  </si>
  <si>
    <t>40765</t>
  </si>
  <si>
    <t>21302</t>
  </si>
  <si>
    <t>GPS KOT FAZAL (SUNIARIAN WALA)</t>
  </si>
  <si>
    <t>Sinyarinwala</t>
  </si>
  <si>
    <t>village sinyarinwala tehsil wazirabad</t>
  </si>
  <si>
    <t>Kot Fazal Sinyarinwala</t>
  </si>
  <si>
    <t>Bharoke Cheema</t>
  </si>
  <si>
    <t>Tariq Ali</t>
  </si>
  <si>
    <t>Running In The Mosque</t>
  </si>
  <si>
    <t>1194</t>
  </si>
  <si>
    <t>18420</t>
  </si>
  <si>
    <t>11202</t>
  </si>
  <si>
    <t>48447</t>
  </si>
  <si>
    <t>GPS CHAK MISRAN</t>
  </si>
  <si>
    <t>Chak Misran</t>
  </si>
  <si>
    <t>chak misran bhera sargodha</t>
  </si>
  <si>
    <t>Dhal</t>
  </si>
  <si>
    <t>16978</t>
  </si>
  <si>
    <t>3931</t>
  </si>
  <si>
    <t>51663</t>
  </si>
  <si>
    <t>38335</t>
  </si>
  <si>
    <t>GGCMS AMAR SINGH</t>
  </si>
  <si>
    <t>PAKPATTAN 4 - FEMALE</t>
  </si>
  <si>
    <t>Amer Singh</t>
  </si>
  <si>
    <t>Chak Amer Singh, Pakpattan</t>
  </si>
  <si>
    <t>Feroze Pur Chistian</t>
  </si>
  <si>
    <t>Robina Zaheer</t>
  </si>
  <si>
    <t>4509</t>
  </si>
  <si>
    <t>36129</t>
  </si>
  <si>
    <t>GGES 53 WB</t>
  </si>
  <si>
    <t>53wb</t>
  </si>
  <si>
    <t>gges53wb vehari</t>
  </si>
  <si>
    <t>53 Wb</t>
  </si>
  <si>
    <t>Muaffia Perveen</t>
  </si>
  <si>
    <t>17577</t>
  </si>
  <si>
    <t>42160</t>
  </si>
  <si>
    <t>7691</t>
  </si>
  <si>
    <t>48415</t>
  </si>
  <si>
    <t>GPS HAJKA</t>
  </si>
  <si>
    <t>Hajka</t>
  </si>
  <si>
    <t>GPS hajka</t>
  </si>
  <si>
    <t>Jhmat Ranjha Wala</t>
  </si>
  <si>
    <t>Ghulam Raza Shah</t>
  </si>
  <si>
    <t>35825</t>
  </si>
  <si>
    <t>21111</t>
  </si>
  <si>
    <t>GGES KOT JAFAR</t>
  </si>
  <si>
    <t>Kot Jaffar</t>
  </si>
  <si>
    <t>Village kot jaffar, p/o gunianwala tehsil Wazirabad, district gujranwala</t>
  </si>
  <si>
    <t>Amina Firdous</t>
  </si>
  <si>
    <t>14539</t>
  </si>
  <si>
    <t>23650</t>
  </si>
  <si>
    <t>3009</t>
  </si>
  <si>
    <t>26274</t>
  </si>
  <si>
    <t>GGPS KISANA</t>
  </si>
  <si>
    <t>DHUDHU CHAK - FEMALE</t>
  </si>
  <si>
    <t>Kasana</t>
  </si>
  <si>
    <t>village Kasana p/o dudhuchak tehsil shakargarh distt narowal</t>
  </si>
  <si>
    <t>Dudhuchak</t>
  </si>
  <si>
    <t>Sumaira Rasheed</t>
  </si>
  <si>
    <t>2706</t>
  </si>
  <si>
    <t>49875</t>
  </si>
  <si>
    <t>GES JALLA BALLA</t>
  </si>
  <si>
    <t>FAROOQA - MALE</t>
  </si>
  <si>
    <t>Jalla Bala</t>
  </si>
  <si>
    <t>jalla Bala Tehsil sahiwal district sargodha</t>
  </si>
  <si>
    <t>Kudlathi Aara</t>
  </si>
  <si>
    <t>6990</t>
  </si>
  <si>
    <t>17519</t>
  </si>
  <si>
    <t>22172</t>
  </si>
  <si>
    <t>33527</t>
  </si>
  <si>
    <t>GGPS NANDAH CHAK 115/RB</t>
  </si>
  <si>
    <t>Nandah Chak</t>
  </si>
  <si>
    <t>nandah chak 115 tehsil sangla hill district nankana sahib</t>
  </si>
  <si>
    <t>Pendorian 122</t>
  </si>
  <si>
    <t>Samia Maqsood</t>
  </si>
  <si>
    <t>5590</t>
  </si>
  <si>
    <t>10029</t>
  </si>
  <si>
    <t>41762</t>
  </si>
  <si>
    <t>49769</t>
  </si>
  <si>
    <t>GPS CHAK NO.49 SB</t>
  </si>
  <si>
    <t>Chak no 49 sb</t>
  </si>
  <si>
    <t>chak no 49 sb</t>
  </si>
  <si>
    <t>Jaffar Ali Bhutta</t>
  </si>
  <si>
    <t>21583</t>
  </si>
  <si>
    <t>27749</t>
  </si>
  <si>
    <t>51041</t>
  </si>
  <si>
    <t>GPS 117/9-L BHOJIAN</t>
  </si>
  <si>
    <t>Bhojian</t>
  </si>
  <si>
    <t>GPS 117/9L Bhojian</t>
  </si>
  <si>
    <t>117/9L Bhojian</t>
  </si>
  <si>
    <t>TARIQ MAHBOOB</t>
  </si>
  <si>
    <t>5024</t>
  </si>
  <si>
    <t>16263</t>
  </si>
  <si>
    <t>51392</t>
  </si>
  <si>
    <t>GPS BASTI ASLAM NOI PAKPATTAN</t>
  </si>
  <si>
    <t>Fareed Nagar</t>
  </si>
  <si>
    <t>Depalpur road near tehsil office aslam noi pakpattan</t>
  </si>
  <si>
    <t>Urban Ward 6</t>
  </si>
  <si>
    <t>Muhammad Sajjad Haider</t>
  </si>
  <si>
    <t>1498</t>
  </si>
  <si>
    <t>2574</t>
  </si>
  <si>
    <t>54300</t>
  </si>
  <si>
    <t>10112</t>
  </si>
  <si>
    <t>GGES 50 WB</t>
  </si>
  <si>
    <t>50 w/b</t>
  </si>
  <si>
    <t>daak khana khas 50 w/b</t>
  </si>
  <si>
    <t>52 w/b</t>
  </si>
  <si>
    <t>Asia Parveen</t>
  </si>
  <si>
    <t>1883</t>
  </si>
  <si>
    <t>39374</t>
  </si>
  <si>
    <t>GGPS BHOONA WALI</t>
  </si>
  <si>
    <t>MIANWALA - FEMALE</t>
  </si>
  <si>
    <t>Bhoonawali</t>
  </si>
  <si>
    <t>VPO, Mianwala, Tehsil Pindigheb, Distt Attock.</t>
  </si>
  <si>
    <t>Najab Sultana</t>
  </si>
  <si>
    <t>by fetching from the well.</t>
  </si>
  <si>
    <t>51746</t>
  </si>
  <si>
    <t>46498</t>
  </si>
  <si>
    <t>GMPS CHAK NO. 23 MB</t>
  </si>
  <si>
    <t>23MB</t>
  </si>
  <si>
    <t>Chak no 23 khushab</t>
  </si>
  <si>
    <t>Chak No 23/MB</t>
  </si>
  <si>
    <t>14MB</t>
  </si>
  <si>
    <t>24179</t>
  </si>
  <si>
    <t>54179</t>
  </si>
  <si>
    <t>54441</t>
  </si>
  <si>
    <t>GPS MUNIAN WALA</t>
  </si>
  <si>
    <t>MANGTAN WALA - MALE</t>
  </si>
  <si>
    <t>Muninwala</t>
  </si>
  <si>
    <t>Village Munianwala P/O More Khunda Tehsil &amp; District Nankana Sahib.</t>
  </si>
  <si>
    <t>Chachkay Gill</t>
  </si>
  <si>
    <t>20142</t>
  </si>
  <si>
    <t>2987</t>
  </si>
  <si>
    <t>15659</t>
  </si>
  <si>
    <t>GGES CHAK NO. 174 GB I</t>
  </si>
  <si>
    <t>Skaragian</t>
  </si>
  <si>
    <t>chak no 174/1gb</t>
  </si>
  <si>
    <t>174/1</t>
  </si>
  <si>
    <t>Iqra Tariq</t>
  </si>
  <si>
    <t>14210</t>
  </si>
  <si>
    <t>6104</t>
  </si>
  <si>
    <t>38071</t>
  </si>
  <si>
    <t>GGPS FAZIL WALA</t>
  </si>
  <si>
    <t>MEHARABAD - FEMALE</t>
  </si>
  <si>
    <t>Fazil Wala</t>
  </si>
  <si>
    <t>moza fazil wala bsti fazilwala</t>
  </si>
  <si>
    <t>fazilwala</t>
  </si>
  <si>
    <t>duranwala</t>
  </si>
  <si>
    <t>Kishwer Noreen</t>
  </si>
  <si>
    <t>51391</t>
  </si>
  <si>
    <t>GPS AZIZ ABAD BASTI SWL.ROAD PAKPATTAN</t>
  </si>
  <si>
    <t>Mohallah Aziz Abad</t>
  </si>
  <si>
    <t>Mohallah Aziz Abad Pakpattan</t>
  </si>
  <si>
    <t>Urban Ward No 49</t>
  </si>
  <si>
    <t>Mohammad  Manzoor Ahmad</t>
  </si>
  <si>
    <t>37960</t>
  </si>
  <si>
    <t>37457</t>
  </si>
  <si>
    <t>35853</t>
  </si>
  <si>
    <t>36370</t>
  </si>
  <si>
    <t>GGPS 10 WB</t>
  </si>
  <si>
    <t>10 Wb</t>
  </si>
  <si>
    <t>chak no 10 wb</t>
  </si>
  <si>
    <t>16 Wb</t>
  </si>
  <si>
    <t>Tahira Tabassum</t>
  </si>
  <si>
    <t>17763</t>
  </si>
  <si>
    <t>41678</t>
  </si>
  <si>
    <t>GGHS KOLIAN HAMEED</t>
  </si>
  <si>
    <t>Kolian Hameed</t>
  </si>
  <si>
    <t>VILLAGE and post office Kolian hameed Rawalpindi</t>
  </si>
  <si>
    <t>KOLIAN HAMEED</t>
  </si>
  <si>
    <t>Madeeha Hussain</t>
  </si>
  <si>
    <t>43024</t>
  </si>
  <si>
    <t>1464</t>
  </si>
  <si>
    <t>53123</t>
  </si>
  <si>
    <t>GGES SIDDIQUE NAGAR OKARA</t>
  </si>
  <si>
    <t>Siddique Nagar</t>
  </si>
  <si>
    <t>siddique Nagir street #7 okara</t>
  </si>
  <si>
    <t>98/10</t>
  </si>
  <si>
    <t>Riffet Attique Khan</t>
  </si>
  <si>
    <t>789</t>
  </si>
  <si>
    <t>3188</t>
  </si>
  <si>
    <t>42155</t>
  </si>
  <si>
    <t>GGHS KARORE</t>
  </si>
  <si>
    <t>KARORE</t>
  </si>
  <si>
    <t>village KARORE KOTLI SATTIAN Rawalpindi</t>
  </si>
  <si>
    <t>Karore</t>
  </si>
  <si>
    <t>boreing</t>
  </si>
  <si>
    <t>776</t>
  </si>
  <si>
    <t>2454</t>
  </si>
  <si>
    <t>16701</t>
  </si>
  <si>
    <t>GGPS 399/GB</t>
  </si>
  <si>
    <t>TANDLIANWALA 2 - FEMALE</t>
  </si>
  <si>
    <t>Jandawali</t>
  </si>
  <si>
    <t>chak no 399gb</t>
  </si>
  <si>
    <t>399gb</t>
  </si>
  <si>
    <t>Chak 452gb</t>
  </si>
  <si>
    <t>Maria Munir</t>
  </si>
  <si>
    <t>26009</t>
  </si>
  <si>
    <t>26700</t>
  </si>
  <si>
    <t>42165</t>
  </si>
  <si>
    <t>4459</t>
  </si>
  <si>
    <t>GGES KOT AZAM</t>
  </si>
  <si>
    <t>Kotazam</t>
  </si>
  <si>
    <t>gges kotazam shirin wala kpt</t>
  </si>
  <si>
    <t>Kotla Qaim Khan</t>
  </si>
  <si>
    <t>Nadia Mahar</t>
  </si>
  <si>
    <t>6661</t>
  </si>
  <si>
    <t>38456</t>
  </si>
  <si>
    <t>51331</t>
  </si>
  <si>
    <t>GES MC NO. 2 GHALLA MANDI</t>
  </si>
  <si>
    <t>Ghallah Mandi</t>
  </si>
  <si>
    <t>GES M.C GHALLAH MANDI PAKPATTAN</t>
  </si>
  <si>
    <t>URBAN Ward No 39</t>
  </si>
  <si>
    <t>25844</t>
  </si>
  <si>
    <t>48416</t>
  </si>
  <si>
    <t>27703</t>
  </si>
  <si>
    <t>GMPS CHAK NO. 19</t>
  </si>
  <si>
    <t>C. NO.III MALIKWAL - FEMALE</t>
  </si>
  <si>
    <t>Chak 19</t>
  </si>
  <si>
    <t>chak 19</t>
  </si>
  <si>
    <t>Wara Alam Shah</t>
  </si>
  <si>
    <t>Abdul Rauf</t>
  </si>
  <si>
    <t>2389</t>
  </si>
  <si>
    <t>6852</t>
  </si>
  <si>
    <t>25407</t>
  </si>
  <si>
    <t>27041</t>
  </si>
  <si>
    <t>47474</t>
  </si>
  <si>
    <t>40156</t>
  </si>
  <si>
    <t>40474</t>
  </si>
  <si>
    <t>15626</t>
  </si>
  <si>
    <t>GES CHAK NO.444/GB</t>
  </si>
  <si>
    <t>chak no. 444 gb</t>
  </si>
  <si>
    <t>chak No 444 gB Tehsil Samundri</t>
  </si>
  <si>
    <t>Chak No 444 GB</t>
  </si>
  <si>
    <t>Chak No. 442 GB</t>
  </si>
  <si>
    <t>5746</t>
  </si>
  <si>
    <t>14898</t>
  </si>
  <si>
    <t>516</t>
  </si>
  <si>
    <t>19780</t>
  </si>
  <si>
    <t>GGPS CHAH MUHAMMAD KHAN WALA</t>
  </si>
  <si>
    <t>ggps chah m.khan wala</t>
  </si>
  <si>
    <t>Chah M Khan Wala</t>
  </si>
  <si>
    <t>Shaheen Fatima</t>
  </si>
  <si>
    <t>38092</t>
  </si>
  <si>
    <t>GGES KOT PIR SADAT</t>
  </si>
  <si>
    <t>Kot Peer</t>
  </si>
  <si>
    <t>KOT PEER saadat lodhran</t>
  </si>
  <si>
    <t>KOT PEER saadat</t>
  </si>
  <si>
    <t>Wahi Imam Bakhsh</t>
  </si>
  <si>
    <t>TEHSEEN AYESHA</t>
  </si>
  <si>
    <t>3361</t>
  </si>
  <si>
    <t>5867</t>
  </si>
  <si>
    <t>3642</t>
  </si>
  <si>
    <t>16542</t>
  </si>
  <si>
    <t>GPS CHAK 397 GB TANDLIANWALA</t>
  </si>
  <si>
    <t>Chrkhi</t>
  </si>
  <si>
    <t>chak no397GB. Tandlianwala Dist,Fsd</t>
  </si>
  <si>
    <t>Chak397gb</t>
  </si>
  <si>
    <t>Chak 452 Gb</t>
  </si>
  <si>
    <t>6363</t>
  </si>
  <si>
    <t>28208</t>
  </si>
  <si>
    <t>31895</t>
  </si>
  <si>
    <t>5437</t>
  </si>
  <si>
    <t>20041</t>
  </si>
  <si>
    <t>GMPS KOLIAN</t>
  </si>
  <si>
    <t>AEO (W) CHINIOT NO.16</t>
  </si>
  <si>
    <t>Colian</t>
  </si>
  <si>
    <t>gmps colian</t>
  </si>
  <si>
    <t>Nadia Arshad</t>
  </si>
  <si>
    <t>25686</t>
  </si>
  <si>
    <t>24570</t>
  </si>
  <si>
    <t>6353</t>
  </si>
  <si>
    <t>GGES CHAK 718 GB</t>
  </si>
  <si>
    <t>ISLAMPURA KAMALIA-FEMALE</t>
  </si>
  <si>
    <t>718 GB</t>
  </si>
  <si>
    <t>chak no 718 gb kamalia</t>
  </si>
  <si>
    <t>GGES 718 GB</t>
  </si>
  <si>
    <t>Salma Ghafoor</t>
  </si>
  <si>
    <t>1094</t>
  </si>
  <si>
    <t>28040</t>
  </si>
  <si>
    <t>35357</t>
  </si>
  <si>
    <t>GGPS CHAK NO. 219/EB</t>
  </si>
  <si>
    <t>219/EB</t>
  </si>
  <si>
    <t>Chak No 219/E.B. Post Office Gaggoo Tehsil Burewala District Vehari</t>
  </si>
  <si>
    <t>Chak No 219/E.B.</t>
  </si>
  <si>
    <t>223/EB</t>
  </si>
  <si>
    <t>Wajeeha Unber</t>
  </si>
  <si>
    <t>15279</t>
  </si>
  <si>
    <t>29343</t>
  </si>
  <si>
    <t>8632</t>
  </si>
  <si>
    <t>GPS CITY NO. 3</t>
  </si>
  <si>
    <t>SADAR SOUTH MALE</t>
  </si>
  <si>
    <t>Qasba Dera</t>
  </si>
  <si>
    <t>E block Dera Ghazi khan</t>
  </si>
  <si>
    <t>Block No 5</t>
  </si>
  <si>
    <t>Rukhsana Zia Piracha</t>
  </si>
  <si>
    <t>37380</t>
  </si>
  <si>
    <t>GMPS 68-69/15-L, KACHA KHUH</t>
  </si>
  <si>
    <t>68-69/15L</t>
  </si>
  <si>
    <t>70/15L</t>
  </si>
  <si>
    <t>SOFIA MATLOOB</t>
  </si>
  <si>
    <t>29605</t>
  </si>
  <si>
    <t>27868</t>
  </si>
  <si>
    <t>GHS MILLAT HEAD RASOOL</t>
  </si>
  <si>
    <t>Rasul</t>
  </si>
  <si>
    <t>GHS Millat Head Rasul</t>
  </si>
  <si>
    <t>Muhammad Aslam Janjua</t>
  </si>
  <si>
    <t>8170</t>
  </si>
  <si>
    <t>39973</t>
  </si>
  <si>
    <t>GPS ASGHAR</t>
  </si>
  <si>
    <t>Asghar</t>
  </si>
  <si>
    <t>village Asghar Tehsil Hazro district Attock</t>
  </si>
  <si>
    <t>36279</t>
  </si>
  <si>
    <t>52043</t>
  </si>
  <si>
    <t>GGPS 9 EB POST OFFICE 7 EB</t>
  </si>
  <si>
    <t>9eb</t>
  </si>
  <si>
    <t>chak no 9eb p/o 7eb</t>
  </si>
  <si>
    <t>Chak No 9eb</t>
  </si>
  <si>
    <t>13eb</t>
  </si>
  <si>
    <t>Kulsoom Abdul Rehman</t>
  </si>
  <si>
    <t>46483</t>
  </si>
  <si>
    <t>19866</t>
  </si>
  <si>
    <t>GMPS CHAK NO 184 JB</t>
  </si>
  <si>
    <t>Jangloo</t>
  </si>
  <si>
    <t>chak no.184 West</t>
  </si>
  <si>
    <t>Chak No184 W</t>
  </si>
  <si>
    <t>Farkhanda Maqbool</t>
  </si>
  <si>
    <t>9872</t>
  </si>
  <si>
    <t>23740</t>
  </si>
  <si>
    <t>977</t>
  </si>
  <si>
    <t>50179</t>
  </si>
  <si>
    <t>GES 111/12-L</t>
  </si>
  <si>
    <t>111/12-l</t>
  </si>
  <si>
    <t>chak no 111/12-l cci</t>
  </si>
  <si>
    <t>110/12-l</t>
  </si>
  <si>
    <t>Syed Muzammal Hussain</t>
  </si>
  <si>
    <t>5458</t>
  </si>
  <si>
    <t>9264</t>
  </si>
  <si>
    <t>15462</t>
  </si>
  <si>
    <t>GPS CHAK 468 GB SAMUNDRI</t>
  </si>
  <si>
    <t>468GB</t>
  </si>
  <si>
    <t>Chak No468GB(ward no 11)</t>
  </si>
  <si>
    <t>1217</t>
  </si>
  <si>
    <t>6009</t>
  </si>
  <si>
    <t>27024</t>
  </si>
  <si>
    <t>16428</t>
  </si>
  <si>
    <t>GGHS 130 RB</t>
  </si>
  <si>
    <t>RATIAN</t>
  </si>
  <si>
    <t>GGHS 130 R.B Rattian.  CHAK. JHUMRA.  FSD</t>
  </si>
  <si>
    <t>130 rb Rattian</t>
  </si>
  <si>
    <t>44  JB Paka Dalla</t>
  </si>
  <si>
    <t>Nargis Shehla</t>
  </si>
  <si>
    <t>22032</t>
  </si>
  <si>
    <t>33005</t>
  </si>
  <si>
    <t>52227</t>
  </si>
  <si>
    <t>5991</t>
  </si>
  <si>
    <t>15459</t>
  </si>
  <si>
    <t>GPS CHAK 446 GB SAMUNDRI</t>
  </si>
  <si>
    <t>446 GB</t>
  </si>
  <si>
    <t>chak no.446 GB</t>
  </si>
  <si>
    <t>448 GB</t>
  </si>
  <si>
    <t>Waseem-ur-Rehman</t>
  </si>
  <si>
    <t>27145</t>
  </si>
  <si>
    <t>16535</t>
  </si>
  <si>
    <t>GPS THATHA KHOKHRAN</t>
  </si>
  <si>
    <t>jangle sarkar</t>
  </si>
  <si>
    <t>Government primary school thatha Khokhran  markaz jhamra teh. . tandlianwala. Distt. faisalabad</t>
  </si>
  <si>
    <t>thatha Khokhran</t>
  </si>
  <si>
    <t>Muhammad Hussain khan</t>
  </si>
  <si>
    <t>3640</t>
  </si>
  <si>
    <t>40564</t>
  </si>
  <si>
    <t>28837</t>
  </si>
  <si>
    <t>GPS HAVELI TELIAAN</t>
  </si>
  <si>
    <t>KANGAN PUR - MALE</t>
  </si>
  <si>
    <t>GPS Haveli Telian</t>
  </si>
  <si>
    <t>5585</t>
  </si>
  <si>
    <t>13620</t>
  </si>
  <si>
    <t>710</t>
  </si>
  <si>
    <t>38965</t>
  </si>
  <si>
    <t>GES MARI</t>
  </si>
  <si>
    <t>VPO. Mari, Teh. Fatehjang, distt.attock</t>
  </si>
  <si>
    <t>51940</t>
  </si>
  <si>
    <t>2065</t>
  </si>
  <si>
    <t>41238</t>
  </si>
  <si>
    <t>16608</t>
  </si>
  <si>
    <t>GPS CHAK 503 GB MAMUNKANJAN</t>
  </si>
  <si>
    <t>Chak No 503 Gb</t>
  </si>
  <si>
    <t>chak no 503 g.b p/o mamunkanjan tehsil tandlianwala distt Faisalabad.</t>
  </si>
  <si>
    <t>Riaz Khan</t>
  </si>
  <si>
    <t>4771</t>
  </si>
  <si>
    <t>46088</t>
  </si>
  <si>
    <t>36088</t>
  </si>
  <si>
    <t>41317</t>
  </si>
  <si>
    <t>37363</t>
  </si>
  <si>
    <t>GPS 78-B/15-L, KHANEWAL</t>
  </si>
  <si>
    <t>78b/15L</t>
  </si>
  <si>
    <t>Chak no 78b/15.L khanewal</t>
  </si>
  <si>
    <t>Chak No 78b/15L</t>
  </si>
  <si>
    <t>74/15L</t>
  </si>
  <si>
    <t>MMUHAMMAD Kashif</t>
  </si>
  <si>
    <t>6214</t>
  </si>
  <si>
    <t>GES AMAN GARH</t>
  </si>
  <si>
    <t>AMAAN GARH - MALE</t>
  </si>
  <si>
    <t>GBES AMAN GARH,ABU DHABI ROAD RYK</t>
  </si>
  <si>
    <t>M Azam Rasheed</t>
  </si>
  <si>
    <t>GGHS MC GULISTAN COLONY FSD</t>
  </si>
  <si>
    <t>Gulistan Colony</t>
  </si>
  <si>
    <t>Government MC girls high school k block gulistan colony faisalabad</t>
  </si>
  <si>
    <t>riffat sultana</t>
  </si>
  <si>
    <t>mineral water</t>
  </si>
  <si>
    <t>2968</t>
  </si>
  <si>
    <t>1031</t>
  </si>
  <si>
    <t>53546</t>
  </si>
  <si>
    <t>GPS ADP KHYBER FARM</t>
  </si>
  <si>
    <t>Khyber Farm Okara</t>
  </si>
  <si>
    <t>GPS ADP Khyber farm Okara</t>
  </si>
  <si>
    <t>Khyber Farm</t>
  </si>
  <si>
    <t>Village-no/42-3R</t>
  </si>
  <si>
    <t>29138</t>
  </si>
  <si>
    <t>50091</t>
  </si>
  <si>
    <t>GHSS 4/14-L KASSOWAL</t>
  </si>
  <si>
    <t>Kassowal</t>
  </si>
  <si>
    <t>CHAK NO.4/14L KASSOWAL</t>
  </si>
  <si>
    <t>AHMAD NAWAZ NASIR</t>
  </si>
  <si>
    <t>21631</t>
  </si>
  <si>
    <t>15669</t>
  </si>
  <si>
    <t>GGHS CHAK NO. 530 GB</t>
  </si>
  <si>
    <t>Chak No 530 GB</t>
  </si>
  <si>
    <t>chak no 530 GB tehsil Samundri district Faisalabad</t>
  </si>
  <si>
    <t>10374</t>
  </si>
  <si>
    <t>12456</t>
  </si>
  <si>
    <t>32651</t>
  </si>
  <si>
    <t>GHS MIRAN PUR NANKANA SAHIB</t>
  </si>
  <si>
    <t>MIRAN PUR</t>
  </si>
  <si>
    <t>GHS MIRAN PUR P/O MIRAN PUR TEHSIL AND DISTRICT NANKANA SAHIB</t>
  </si>
  <si>
    <t>IMRAN KHAN</t>
  </si>
  <si>
    <t>50293</t>
  </si>
  <si>
    <t>30679</t>
  </si>
  <si>
    <t>GGES GAJU MATTA</t>
  </si>
  <si>
    <t>Gajjumatta</t>
  </si>
  <si>
    <t>Gajjumatta Kahna Nau Lahore</t>
  </si>
  <si>
    <t>Talat Nasim</t>
  </si>
  <si>
    <t>Evening</t>
  </si>
  <si>
    <t>32910</t>
  </si>
  <si>
    <t>21544</t>
  </si>
  <si>
    <t>53110</t>
  </si>
  <si>
    <t>21110</t>
  </si>
  <si>
    <t>29123</t>
  </si>
  <si>
    <t>GGHS WEHGAL</t>
  </si>
  <si>
    <t>wehgal</t>
  </si>
  <si>
    <t>Govt. Girls High School Wehgal, Mustafabad, Kasur.</t>
  </si>
  <si>
    <t>Ibrahimabad</t>
  </si>
  <si>
    <t>Farah Mehmood</t>
  </si>
  <si>
    <t>1311</t>
  </si>
  <si>
    <t>51593</t>
  </si>
  <si>
    <t>GGPS SEEL GAON</t>
  </si>
  <si>
    <t>CHAKBEDI 3 - FEMALE</t>
  </si>
  <si>
    <t>23/Sp</t>
  </si>
  <si>
    <t>GGPS Seel Gaon,Markaz Chakbedi # 3</t>
  </si>
  <si>
    <t>Seel Gaon</t>
  </si>
  <si>
    <t>Chak Noor Muhammad Muhammad</t>
  </si>
  <si>
    <t>Salma Kanwal</t>
  </si>
  <si>
    <t>1322</t>
  </si>
  <si>
    <t>13580</t>
  </si>
  <si>
    <t>14209</t>
  </si>
  <si>
    <t>32314</t>
  </si>
  <si>
    <t>2238</t>
  </si>
  <si>
    <t>5941</t>
  </si>
  <si>
    <t>50918</t>
  </si>
  <si>
    <t>46019</t>
  </si>
  <si>
    <t>GPS 76/5-L</t>
  </si>
  <si>
    <t>BURJWALA-B-MALE</t>
  </si>
  <si>
    <t>76-5l</t>
  </si>
  <si>
    <t>chak no 76/5L sahiwal</t>
  </si>
  <si>
    <t>76/5L</t>
  </si>
  <si>
    <t>78/5L</t>
  </si>
  <si>
    <t>7358</t>
  </si>
  <si>
    <t>52331</t>
  </si>
  <si>
    <t>GGES KANI PUR</t>
  </si>
  <si>
    <t>CHURASTA MIAN KHAN - FEMALE</t>
  </si>
  <si>
    <t>Kanipur</t>
  </si>
  <si>
    <t>G.G.E.S Kanipur</t>
  </si>
  <si>
    <t>FARKHANDA JABEEN</t>
  </si>
  <si>
    <t>3463</t>
  </si>
  <si>
    <t>26965</t>
  </si>
  <si>
    <t>26237</t>
  </si>
  <si>
    <t>52059</t>
  </si>
  <si>
    <t>GMPS CHAK NO. 23 EB</t>
  </si>
  <si>
    <t>Chak # 23EB</t>
  </si>
  <si>
    <t>Chack No. 23/EB, Arifwala, distt. Pakpattan</t>
  </si>
  <si>
    <t>Chack No 23/EB</t>
  </si>
  <si>
    <t>Pir Sadar Din</t>
  </si>
  <si>
    <t>Abida Iqbal</t>
  </si>
  <si>
    <t>2776</t>
  </si>
  <si>
    <t>3609</t>
  </si>
  <si>
    <t>14980</t>
  </si>
  <si>
    <t>13143</t>
  </si>
  <si>
    <t>22094</t>
  </si>
  <si>
    <t>GHS RA.MADINA</t>
  </si>
  <si>
    <t>Madina Syedan</t>
  </si>
  <si>
    <t>VPO MADINA TEH. &amp; DISTT. GUJRAT</t>
  </si>
  <si>
    <t>MADINA</t>
  </si>
  <si>
    <t>Mahmada Sharqi</t>
  </si>
  <si>
    <t>Syed qaisar hussain shah</t>
  </si>
  <si>
    <t>GPS 11/4-L</t>
  </si>
  <si>
    <t>11/4l</t>
  </si>
  <si>
    <t>chak no 11/4l okara</t>
  </si>
  <si>
    <t>11/4L</t>
  </si>
  <si>
    <t>CBO</t>
  </si>
  <si>
    <t>24278</t>
  </si>
  <si>
    <t>43328</t>
  </si>
  <si>
    <t>GPS DHOK LADHIAL</t>
  </si>
  <si>
    <t>DULLAH-MALE</t>
  </si>
  <si>
    <t>Dhok Ladhyal</t>
  </si>
  <si>
    <t>dhok ladhyal,</t>
  </si>
  <si>
    <t>10529</t>
  </si>
  <si>
    <t>GGHSS PAHAR PUR</t>
  </si>
  <si>
    <t>pahar pur</t>
  </si>
  <si>
    <t>p/o pahar pur city near RHC pahar pur</t>
  </si>
  <si>
    <t>pahar pur city</t>
  </si>
  <si>
    <t>MEMOONA iRAM</t>
  </si>
  <si>
    <t>20681</t>
  </si>
  <si>
    <t>33847</t>
  </si>
  <si>
    <t>GGES CHAK NO. 201/8-R P/O KHICHI WALA</t>
  </si>
  <si>
    <t>201/ 8R</t>
  </si>
  <si>
    <t>Chak No. 201/8R</t>
  </si>
  <si>
    <t>201/8R</t>
  </si>
  <si>
    <t>199/8R</t>
  </si>
  <si>
    <t>Saima Almas</t>
  </si>
  <si>
    <t>13613</t>
  </si>
  <si>
    <t>19731</t>
  </si>
  <si>
    <t>30480</t>
  </si>
  <si>
    <t>52003</t>
  </si>
  <si>
    <t>GGCMES 21 EB P/O 21 EB</t>
  </si>
  <si>
    <t>21/eb</t>
  </si>
  <si>
    <t>chak 21eb</t>
  </si>
  <si>
    <t>Farzana Sharif</t>
  </si>
  <si>
    <t>4901</t>
  </si>
  <si>
    <t>34738</t>
  </si>
  <si>
    <t>33606</t>
  </si>
  <si>
    <t>1543</t>
  </si>
  <si>
    <t>16216</t>
  </si>
  <si>
    <t>GHS CHAK 258 RB FAISALABAD</t>
  </si>
  <si>
    <t>Lamanpind</t>
  </si>
  <si>
    <t>CHAK NO 258 RB Lamanpind Faisalabad</t>
  </si>
  <si>
    <t>Chak No 258RB</t>
  </si>
  <si>
    <t>Dr Muhammad Saeed</t>
  </si>
  <si>
    <t>7330</t>
  </si>
  <si>
    <t>2328</t>
  </si>
  <si>
    <t>15070</t>
  </si>
  <si>
    <t>GGES CHAK 58 GB JARANWALA</t>
  </si>
  <si>
    <t>PULL 93 GB - FEMALE</t>
  </si>
  <si>
    <t>chak no 58 gb</t>
  </si>
  <si>
    <t>khurshid akhter</t>
  </si>
  <si>
    <t>5838</t>
  </si>
  <si>
    <t>50132</t>
  </si>
  <si>
    <t>GHS 119/7-DR</t>
  </si>
  <si>
    <t>P/O CHAK NO. 119/7-DR KASSOWAL</t>
  </si>
  <si>
    <t>CHAK NO. 119/7-DR</t>
  </si>
  <si>
    <t>Muhammad Mumtaz Ali</t>
  </si>
  <si>
    <t>6885</t>
  </si>
  <si>
    <t>10959</t>
  </si>
  <si>
    <t>GGPS CHAK NO. 158 TDA</t>
  </si>
  <si>
    <t>159TDA</t>
  </si>
  <si>
    <t>Chak No.158TDA,P/O Ladhana,Layyah</t>
  </si>
  <si>
    <t>158/TDA</t>
  </si>
  <si>
    <t>Bushra Sarfraz</t>
  </si>
  <si>
    <t>16116</t>
  </si>
  <si>
    <t>16104</t>
  </si>
  <si>
    <t>41090</t>
  </si>
  <si>
    <t>52104</t>
  </si>
  <si>
    <t>GGES 81 EB</t>
  </si>
  <si>
    <t>81/EB</t>
  </si>
  <si>
    <t>chak#81/ARIFWALA</t>
  </si>
  <si>
    <t>83/EB</t>
  </si>
  <si>
    <t>Humeira Mushtaq</t>
  </si>
  <si>
    <t>31251</t>
  </si>
  <si>
    <t>31346</t>
  </si>
  <si>
    <t>51079</t>
  </si>
  <si>
    <t>GGPS KOT FRID KHAN</t>
  </si>
  <si>
    <t>Habib Town</t>
  </si>
  <si>
    <t>85/6R</t>
  </si>
  <si>
    <t>NASEEM BIB</t>
  </si>
  <si>
    <t>48681</t>
  </si>
  <si>
    <t>42259</t>
  </si>
  <si>
    <t>46147</t>
  </si>
  <si>
    <t>30432</t>
  </si>
  <si>
    <t>52064</t>
  </si>
  <si>
    <t>GMPS CHAK NO 39 EB</t>
  </si>
  <si>
    <t>39eb</t>
  </si>
  <si>
    <t>Peer Sadr Deen</t>
  </si>
  <si>
    <t>Muneeran Bibi</t>
  </si>
  <si>
    <t>6818</t>
  </si>
  <si>
    <t>28904</t>
  </si>
  <si>
    <t>16300</t>
  </si>
  <si>
    <t>50782</t>
  </si>
  <si>
    <t>GGHS CHAK NO. 78/5-R</t>
  </si>
  <si>
    <t>Chak No 78/5-R</t>
  </si>
  <si>
    <t>GGHS 78/5-R,Swl</t>
  </si>
  <si>
    <t>78/5-R</t>
  </si>
  <si>
    <t>Sadaf Aslam</t>
  </si>
  <si>
    <t>21248</t>
  </si>
  <si>
    <t>24245</t>
  </si>
  <si>
    <t>5947</t>
  </si>
  <si>
    <t>51158</t>
  </si>
  <si>
    <t>GGPS 101-A/6-R COAL WALA</t>
  </si>
  <si>
    <t>HARAPPA-FEMALE</t>
  </si>
  <si>
    <t>Coal Wala</t>
  </si>
  <si>
    <t>101/6AR(cw)</t>
  </si>
  <si>
    <t>101/6AR</t>
  </si>
  <si>
    <t>102/AR</t>
  </si>
  <si>
    <t>Najma Tasnim</t>
  </si>
  <si>
    <t>41806</t>
  </si>
  <si>
    <t>42240</t>
  </si>
  <si>
    <t>54667</t>
  </si>
  <si>
    <t>GGES MC NO. 2 HAJVERI TOWN</t>
  </si>
  <si>
    <t>Islamia Park</t>
  </si>
  <si>
    <t>Govt. MC Girls Elementary school no.2 hajvery town</t>
  </si>
  <si>
    <t>Hajvery town</t>
  </si>
  <si>
    <t>Naheeda Sultana</t>
  </si>
  <si>
    <t>636</t>
  </si>
  <si>
    <t>31327</t>
  </si>
  <si>
    <t>51159</t>
  </si>
  <si>
    <t>GGPS 101/6AR DHAMRAN WALA</t>
  </si>
  <si>
    <t>Dumran Wala</t>
  </si>
  <si>
    <t>101/6ar dumran wala</t>
  </si>
  <si>
    <t>101/6ar</t>
  </si>
  <si>
    <t>102/6ar</t>
  </si>
  <si>
    <t>Sadia Ashiq</t>
  </si>
  <si>
    <t>5460</t>
  </si>
  <si>
    <t>5364</t>
  </si>
  <si>
    <t>8343</t>
  </si>
  <si>
    <t>30867</t>
  </si>
  <si>
    <t>GGHSS SHAHDRA TOWN, LAHORE</t>
  </si>
  <si>
    <t>Shahdara Town</t>
  </si>
  <si>
    <t>naeem park shahdara town lahore</t>
  </si>
  <si>
    <t>Naeem Park Shahdara Town Lahore</t>
  </si>
  <si>
    <t>lady shah</t>
  </si>
  <si>
    <t>NAJMA RIAZ</t>
  </si>
  <si>
    <t>16188</t>
  </si>
  <si>
    <t>GHS 80/GB</t>
  </si>
  <si>
    <t>Chak No 80/GB Fsd.</t>
  </si>
  <si>
    <t>CHAK NO. 80/GB Khushi Pur Fsd.</t>
  </si>
  <si>
    <t>CHAK NO. 80/  GB Fsd.</t>
  </si>
  <si>
    <t>Chak No. 82/GB Fsd.</t>
  </si>
  <si>
    <t>Manzoor Hssain</t>
  </si>
  <si>
    <t>25070</t>
  </si>
  <si>
    <t>14589</t>
  </si>
  <si>
    <t>GGPS NAWAZ PARK</t>
  </si>
  <si>
    <t>Nawaz Park</t>
  </si>
  <si>
    <t>279 RB Nawaz Park faisalabad</t>
  </si>
  <si>
    <t>Kaleem Shaheed Colony 1</t>
  </si>
  <si>
    <t>Shehnaz Kousar</t>
  </si>
  <si>
    <t>9689</t>
  </si>
  <si>
    <t>565</t>
  </si>
  <si>
    <t>2647</t>
  </si>
  <si>
    <t>30482</t>
  </si>
  <si>
    <t>GPS KASHMIR PATTI</t>
  </si>
  <si>
    <t>KAHNA - MALE</t>
  </si>
  <si>
    <t>Kashmir Pattti</t>
  </si>
  <si>
    <t>village Kashmir patti</t>
  </si>
  <si>
    <t>Kashmir Patti</t>
  </si>
  <si>
    <t>Shahzada</t>
  </si>
  <si>
    <t>Muhammad Israil Ayubi</t>
  </si>
  <si>
    <t>2925</t>
  </si>
  <si>
    <t>4765</t>
  </si>
  <si>
    <t>54887</t>
  </si>
  <si>
    <t>41736</t>
  </si>
  <si>
    <t>GMPS BAGRA SYEDAN</t>
  </si>
  <si>
    <t>Village bagra sydan p/o sihal</t>
  </si>
  <si>
    <t>Bagra Sydan</t>
  </si>
  <si>
    <t>Attia Firdous</t>
  </si>
  <si>
    <t>2384</t>
  </si>
  <si>
    <t>49754</t>
  </si>
  <si>
    <t>GPS CHAK NO.127 SB</t>
  </si>
  <si>
    <t>Chak No 127 Sb</t>
  </si>
  <si>
    <t>GPS Chak No 127 sb</t>
  </si>
  <si>
    <t>Chak  No127 Sb</t>
  </si>
  <si>
    <t>Chak  No125 Sb</t>
  </si>
  <si>
    <t>49640</t>
  </si>
  <si>
    <t>30576</t>
  </si>
  <si>
    <t>GGPS PAKIZA GONDAL IQBAL TOWN LAHORE</t>
  </si>
  <si>
    <t>ICHRA - FEMALE</t>
  </si>
  <si>
    <t>Pak Block</t>
  </si>
  <si>
    <t>288Pak Block Allama Iqbal Town Lhr.</t>
  </si>
  <si>
    <t>Neellam  block</t>
  </si>
  <si>
    <t>Yasmin akhter</t>
  </si>
  <si>
    <t>2697</t>
  </si>
  <si>
    <t>20716</t>
  </si>
  <si>
    <t>1508</t>
  </si>
  <si>
    <t>8212</t>
  </si>
  <si>
    <t>49765</t>
  </si>
  <si>
    <t>GPS CHAK NO.50 SB</t>
  </si>
  <si>
    <t>50sb</t>
  </si>
  <si>
    <t>chak no 50 sb sillanwali</t>
  </si>
  <si>
    <t>136sb</t>
  </si>
  <si>
    <t>Asad Iqbal Chaudhary</t>
  </si>
  <si>
    <t>22310</t>
  </si>
  <si>
    <t>39852</t>
  </si>
  <si>
    <t>48378</t>
  </si>
  <si>
    <t>GPS MIDH PARGANA</t>
  </si>
  <si>
    <t>MIDH Pargana</t>
  </si>
  <si>
    <t>MIDH pargana</t>
  </si>
  <si>
    <t>Ghazanfar Iqbal</t>
  </si>
  <si>
    <t>4795</t>
  </si>
  <si>
    <t>20676</t>
  </si>
  <si>
    <t>GGES THERI SANSI (Station Wali)</t>
  </si>
  <si>
    <t>GUJRANWALA SADAR 2  - FEMALE</t>
  </si>
  <si>
    <t>Theri Sansi Station Wali</t>
  </si>
  <si>
    <t>govt.girls elementary school theri sansi gujranwala</t>
  </si>
  <si>
    <t>Theri Sansi</t>
  </si>
  <si>
    <t>SHAZIA PARVEEN</t>
  </si>
  <si>
    <t>2301</t>
  </si>
  <si>
    <t>12301</t>
  </si>
  <si>
    <t>49734</t>
  </si>
  <si>
    <t>GPS CHAK NO.132 SB</t>
  </si>
  <si>
    <t>132 sb</t>
  </si>
  <si>
    <t>chak 132 sb</t>
  </si>
  <si>
    <t>Sohail Aftab</t>
  </si>
  <si>
    <t>25119</t>
  </si>
  <si>
    <t>30226</t>
  </si>
  <si>
    <t>GES THEH PANJOO</t>
  </si>
  <si>
    <t>Theh Panjoo</t>
  </si>
  <si>
    <t>Manzoor  Ahmad</t>
  </si>
  <si>
    <t>11864</t>
  </si>
  <si>
    <t>31931</t>
  </si>
  <si>
    <t>33208</t>
  </si>
  <si>
    <t>GGES TIBBI MATOO</t>
  </si>
  <si>
    <t>tIBBI mATTO</t>
  </si>
  <si>
    <t>TIBBI MATTO</t>
  </si>
  <si>
    <t>JHANDIAN WALI</t>
  </si>
  <si>
    <t>FOZIA MUSHRAF</t>
  </si>
  <si>
    <t>6533</t>
  </si>
  <si>
    <t>51200</t>
  </si>
  <si>
    <t>50200</t>
  </si>
  <si>
    <t>49667</t>
  </si>
  <si>
    <t>GES CHAK NO.135 SB</t>
  </si>
  <si>
    <t>135 Sb</t>
  </si>
  <si>
    <t>135 sb sillanwali sargodha</t>
  </si>
  <si>
    <t>Ali Asghar</t>
  </si>
  <si>
    <t>10456</t>
  </si>
  <si>
    <t>41508</t>
  </si>
  <si>
    <t>35325</t>
  </si>
  <si>
    <t>38134</t>
  </si>
  <si>
    <t>68125</t>
  </si>
  <si>
    <t>16626</t>
  </si>
  <si>
    <t>GGCMES CHAK 407 GB TANDLIAN WALA</t>
  </si>
  <si>
    <t>chak no 407 gb</t>
  </si>
  <si>
    <t>Chak No 407 GB</t>
  </si>
  <si>
    <t>Samina Asghar</t>
  </si>
  <si>
    <t>41677</t>
  </si>
  <si>
    <t>54680</t>
  </si>
  <si>
    <t>51626</t>
  </si>
  <si>
    <t>26654</t>
  </si>
  <si>
    <t>36159</t>
  </si>
  <si>
    <t>GGHS 218 EB</t>
  </si>
  <si>
    <t>218 EB</t>
  </si>
  <si>
    <t>CHAK NUMBER 218 EB TEHSIL AND DISTRICT VEHARI</t>
  </si>
  <si>
    <t>34 WB</t>
  </si>
  <si>
    <t>amna ghulam mujadad</t>
  </si>
  <si>
    <t>51115</t>
  </si>
  <si>
    <t>GGHS 61/5-L</t>
  </si>
  <si>
    <t>Chak No 61/5l</t>
  </si>
  <si>
    <t>Government Girls High school 61/5l shiwal</t>
  </si>
  <si>
    <t>Chak No 60/5l</t>
  </si>
  <si>
    <t>mrs.azra akmal</t>
  </si>
  <si>
    <t>24248</t>
  </si>
  <si>
    <t>GMPS GOGIAL</t>
  </si>
  <si>
    <t>Gogial</t>
  </si>
  <si>
    <t>gmps gogial p/o charwa teh pasrur distt Sialkot</t>
  </si>
  <si>
    <t>Prail</t>
  </si>
  <si>
    <t>40767</t>
  </si>
  <si>
    <t>GGPS CHAK 112/P YOUSAF COLONY</t>
  </si>
  <si>
    <t>MANZOOR ABAD-FEMALE</t>
  </si>
  <si>
    <t>Bindoor</t>
  </si>
  <si>
    <t>yousaf colony chak no 112/p ryk</t>
  </si>
  <si>
    <t>Yousaf Colony 112/p</t>
  </si>
  <si>
    <t>Wah Kohna</t>
  </si>
  <si>
    <t>Nazia Rasheed</t>
  </si>
  <si>
    <t>46927</t>
  </si>
  <si>
    <t>44880</t>
  </si>
  <si>
    <t>2047</t>
  </si>
  <si>
    <t>19644</t>
  </si>
  <si>
    <t>31039</t>
  </si>
  <si>
    <t>GPS NAWAZISH ABAD RAIWIND ROAD</t>
  </si>
  <si>
    <t>Nawazish Abad</t>
  </si>
  <si>
    <t>Nawazish Abad near EME housing society Lahore</t>
  </si>
  <si>
    <t>Israr Khan</t>
  </si>
  <si>
    <t>8550</t>
  </si>
  <si>
    <t>38168</t>
  </si>
  <si>
    <t>36168</t>
  </si>
  <si>
    <t>36167</t>
  </si>
  <si>
    <t>16644</t>
  </si>
  <si>
    <t>GGPS CHAK 610 GB TANDLIANWALA</t>
  </si>
  <si>
    <t>chak no 610 gb</t>
  </si>
  <si>
    <t>Chak No 610 Gb</t>
  </si>
  <si>
    <t>Chak No 617 Gb</t>
  </si>
  <si>
    <t>14081</t>
  </si>
  <si>
    <t>19700</t>
  </si>
  <si>
    <t>45392</t>
  </si>
  <si>
    <t>51167</t>
  </si>
  <si>
    <t>GGPS ARAZI SHAHAMIND</t>
  </si>
  <si>
    <t>Araazi Shahamind</t>
  </si>
  <si>
    <t>Chak Abaadi Bhattian, Harappa GPS Araazi Shahamind</t>
  </si>
  <si>
    <t>Musharraf Almass</t>
  </si>
  <si>
    <t>2886</t>
  </si>
  <si>
    <t>9780</t>
  </si>
  <si>
    <t>8913</t>
  </si>
  <si>
    <t>51434</t>
  </si>
  <si>
    <t>GPS MC NO. 1 MOHALLAH EID GAH</t>
  </si>
  <si>
    <t>Zafar Abaad</t>
  </si>
  <si>
    <t>mohalla zafar abaad near kamir chungi pakpattan</t>
  </si>
  <si>
    <t>Ward No 28</t>
  </si>
  <si>
    <t>Asif Afzal</t>
  </si>
  <si>
    <t>49066</t>
  </si>
  <si>
    <t>53126</t>
  </si>
  <si>
    <t>GGES 21/G.D</t>
  </si>
  <si>
    <t>Chak # 21/gd</t>
  </si>
  <si>
    <t>Chak #21gd okara</t>
  </si>
  <si>
    <t>21/gd</t>
  </si>
  <si>
    <t>32/2r A</t>
  </si>
  <si>
    <t>Masooda Zafar</t>
  </si>
  <si>
    <t>GGES MUHAMMAD PUR SANSARAN</t>
  </si>
  <si>
    <t>Muhammad Pur Sansran</t>
  </si>
  <si>
    <t>Muhammad pur sansran</t>
  </si>
  <si>
    <t>Muhammad Pur Muhammad Pur sansran</t>
  </si>
  <si>
    <t>Shahina Perveen</t>
  </si>
  <si>
    <t>5876</t>
  </si>
  <si>
    <t>42297</t>
  </si>
  <si>
    <t>GGPS DHEER GRAN</t>
  </si>
  <si>
    <t>DHIRKOT SATTIAN -FEMALE</t>
  </si>
  <si>
    <t>Dheer Gran</t>
  </si>
  <si>
    <t>village dheer gran Po kottlisattian</t>
  </si>
  <si>
    <t>TMC</t>
  </si>
  <si>
    <t>Sidra Kausar</t>
  </si>
  <si>
    <t>45895</t>
  </si>
  <si>
    <t>51172</t>
  </si>
  <si>
    <t>GGPS CHAH DAD LUKHAN WALA</t>
  </si>
  <si>
    <t>Lukhan Wala</t>
  </si>
  <si>
    <t>GGPS Chan dad lukhan wala</t>
  </si>
  <si>
    <t>Chahdad Lukhan Wala</t>
  </si>
  <si>
    <t>Harappa City</t>
  </si>
  <si>
    <t>Nusrat Iqbal</t>
  </si>
  <si>
    <t>4238</t>
  </si>
  <si>
    <t>18580</t>
  </si>
  <si>
    <t>18600</t>
  </si>
  <si>
    <t>31225</t>
  </si>
  <si>
    <t>GMMS MOHAMMADIA RIZVIA AKRAM PARK SANDA KHURD LAHORE</t>
  </si>
  <si>
    <t>Sanda Kalan</t>
  </si>
  <si>
    <t>T#4 Shibli Town Akram Park Sanda Band Road Lahore</t>
  </si>
  <si>
    <t>Sanda Khurd</t>
  </si>
  <si>
    <t>Shibli Town</t>
  </si>
  <si>
    <t>Imtiaz Hussain</t>
  </si>
  <si>
    <t>Bore</t>
  </si>
  <si>
    <t>GMPS KASHMIR COLONY JALLAN</t>
  </si>
  <si>
    <t>jallan</t>
  </si>
  <si>
    <t>Govt Model Primary school Kashmir colony post office Jallan. Gujranwala</t>
  </si>
  <si>
    <t>Kashmir colony</t>
  </si>
  <si>
    <t>Nazima Perveen</t>
  </si>
  <si>
    <t>38104</t>
  </si>
  <si>
    <t>50532</t>
  </si>
  <si>
    <t>GGPS NO.2 GARH</t>
  </si>
  <si>
    <t>garh fateh shah</t>
  </si>
  <si>
    <t>Lnbna Akhtar</t>
  </si>
  <si>
    <t>23648</t>
  </si>
  <si>
    <t>1103</t>
  </si>
  <si>
    <t>27410</t>
  </si>
  <si>
    <t>10969</t>
  </si>
  <si>
    <t>GGES CHAK NO.150-A/TDA KOTLA NARANG SARANG LAYYAH</t>
  </si>
  <si>
    <t>konal Thal Jandi</t>
  </si>
  <si>
    <t>150 A TDA KOTLA NARING SARING</t>
  </si>
  <si>
    <t>150 A TDA KOTLA NARING   SARING</t>
  </si>
  <si>
    <t>Farzana Sultan</t>
  </si>
  <si>
    <t>51986</t>
  </si>
  <si>
    <t>27452</t>
  </si>
  <si>
    <t>43389</t>
  </si>
  <si>
    <t>15156</t>
  </si>
  <si>
    <t>39504</t>
  </si>
  <si>
    <t>GGHS CHAPRI</t>
  </si>
  <si>
    <t>Chapri</t>
  </si>
  <si>
    <t>vpo chapri teh jand distt attock</t>
  </si>
  <si>
    <t>Shabana Noureen</t>
  </si>
  <si>
    <t>8891</t>
  </si>
  <si>
    <t>2433</t>
  </si>
  <si>
    <t>54712</t>
  </si>
  <si>
    <t>GGPS CHAK WALI MUHAMMAD</t>
  </si>
  <si>
    <t>DEPALPUR - FEMALE</t>
  </si>
  <si>
    <t>Chak Wali Muhammad</t>
  </si>
  <si>
    <t>chak wali Muhammad depalpur okara</t>
  </si>
  <si>
    <t>Jaith Pur</t>
  </si>
  <si>
    <t>27631</t>
  </si>
  <si>
    <t>GHS CHAK NO.26</t>
  </si>
  <si>
    <t>chak 26</t>
  </si>
  <si>
    <t>vpo chak26 malakwal mbdin</t>
  </si>
  <si>
    <t>chak26</t>
  </si>
  <si>
    <t>warryait</t>
  </si>
  <si>
    <t>attique-ur-Rehman Sandhoo</t>
  </si>
  <si>
    <t>15231</t>
  </si>
  <si>
    <t>GGPS CHAK NO. 216 RB III</t>
  </si>
  <si>
    <t>216 RB</t>
  </si>
  <si>
    <t>GGPS 216 RB III Chota Muhammad wala</t>
  </si>
  <si>
    <t>Muhammad Wala</t>
  </si>
  <si>
    <t>109 RB</t>
  </si>
  <si>
    <t>26796</t>
  </si>
  <si>
    <t>17103</t>
  </si>
  <si>
    <t>22201</t>
  </si>
  <si>
    <t>53086</t>
  </si>
  <si>
    <t>GES CHAK NO. 40/GD</t>
  </si>
  <si>
    <t>chak no 40gd Rai Pur teh n district okara p/o same</t>
  </si>
  <si>
    <t>40gd Rai Pur</t>
  </si>
  <si>
    <t>m aslam</t>
  </si>
  <si>
    <t>filteration water plant</t>
  </si>
  <si>
    <t>11073</t>
  </si>
  <si>
    <t>41600</t>
  </si>
  <si>
    <t>45100</t>
  </si>
  <si>
    <t>GGPS CHAK 49/3-R</t>
  </si>
  <si>
    <t>49 /3r</t>
  </si>
  <si>
    <t>GGPS 49/3R</t>
  </si>
  <si>
    <t>49/3R</t>
  </si>
  <si>
    <t>Ghazala Shahnaz</t>
  </si>
  <si>
    <t>25223</t>
  </si>
  <si>
    <t>GMPS VINJAL</t>
  </si>
  <si>
    <t>village Vinjal  Teh&amp; Distt Sialkot</t>
  </si>
  <si>
    <t>Pragpur</t>
  </si>
  <si>
    <t>Fatima Bint-e-Asad</t>
  </si>
  <si>
    <t>49153</t>
  </si>
  <si>
    <t>15314</t>
  </si>
  <si>
    <t>50467</t>
  </si>
  <si>
    <t>2626</t>
  </si>
  <si>
    <t>30412</t>
  </si>
  <si>
    <t>24243</t>
  </si>
  <si>
    <t>GPS KULAKI</t>
  </si>
  <si>
    <t>HAIR - MALE</t>
  </si>
  <si>
    <t>Kullaki</t>
  </si>
  <si>
    <t>GPS Kullaki, Village Kullaki, P.O. Khana Nau, Tehsil Cantt, District Lahore</t>
  </si>
  <si>
    <t>Dhalloki</t>
  </si>
  <si>
    <t>Arif Ali</t>
  </si>
  <si>
    <t>5993</t>
  </si>
  <si>
    <t>10737</t>
  </si>
  <si>
    <t>38899</t>
  </si>
  <si>
    <t>GGPS DHOK WARAICH</t>
  </si>
  <si>
    <t>Dhok Waraich</t>
  </si>
  <si>
    <t>dhok waraich</t>
  </si>
  <si>
    <t>Surg Salar</t>
  </si>
  <si>
    <t>4995</t>
  </si>
  <si>
    <t>44479</t>
  </si>
  <si>
    <t>52109</t>
  </si>
  <si>
    <t>GGPS 141 EB TEH ARIFWALA</t>
  </si>
  <si>
    <t>Chak No 141/EB</t>
  </si>
  <si>
    <t>Chak No 141/E.B Teh. Arifwala  District  Pakpattan</t>
  </si>
  <si>
    <t>Chak No 151/EB</t>
  </si>
  <si>
    <t>Khalida Saeed</t>
  </si>
  <si>
    <t>28992</t>
  </si>
  <si>
    <t>10320</t>
  </si>
  <si>
    <t>33428</t>
  </si>
  <si>
    <t>51686</t>
  </si>
  <si>
    <t>GMPS KUND KANJUAN</t>
  </si>
  <si>
    <t>Kund Kanjuan</t>
  </si>
  <si>
    <t>Kund  Kanjuan</t>
  </si>
  <si>
    <t>Muhammad  Shabbir</t>
  </si>
  <si>
    <t>2327</t>
  </si>
  <si>
    <t>26147</t>
  </si>
  <si>
    <t>23820</t>
  </si>
  <si>
    <t>35301</t>
  </si>
  <si>
    <t>7183</t>
  </si>
  <si>
    <t>5651</t>
  </si>
  <si>
    <t>GGES CHAK NO 103/F</t>
  </si>
  <si>
    <t>CTN -I-FEMALE</t>
  </si>
  <si>
    <t>103/Fatah</t>
  </si>
  <si>
    <t>chak no 103 Fatah tehsil Chishtian Disst BWN</t>
  </si>
  <si>
    <t>Chak  No 103 Fatah</t>
  </si>
  <si>
    <t>40/F</t>
  </si>
  <si>
    <t>4246</t>
  </si>
  <si>
    <t>8560</t>
  </si>
  <si>
    <t>51242</t>
  </si>
  <si>
    <t>GGPS 112/9-L GUNGAJA</t>
  </si>
  <si>
    <t>Budh Dhako</t>
  </si>
  <si>
    <t>GGPS112/9L Gungaja sahiwal</t>
  </si>
  <si>
    <t>Gungaja</t>
  </si>
  <si>
    <t>2936</t>
  </si>
  <si>
    <t>35089</t>
  </si>
  <si>
    <t>GPS RAKH JAMLERA</t>
  </si>
  <si>
    <t>SAHUKA - MALE</t>
  </si>
  <si>
    <t>Jamlera</t>
  </si>
  <si>
    <t>Moza Rakh Jamlera</t>
  </si>
  <si>
    <t>Rakh Jamlera</t>
  </si>
  <si>
    <t>Imran Khan</t>
  </si>
  <si>
    <t>4357</t>
  </si>
  <si>
    <t>5851</t>
  </si>
  <si>
    <t>42774</t>
  </si>
  <si>
    <t>GGPS BHIR RATIAL</t>
  </si>
  <si>
    <t>DAULTALA-FEMALE</t>
  </si>
  <si>
    <t>Bhair Ratial</t>
  </si>
  <si>
    <t>vpo Bhair Ratial</t>
  </si>
  <si>
    <t>Amina Ajmal</t>
  </si>
  <si>
    <t>6213</t>
  </si>
  <si>
    <t>19607</t>
  </si>
  <si>
    <t>29564</t>
  </si>
  <si>
    <t>15927</t>
  </si>
  <si>
    <t>GPS CHAK 86 JB</t>
  </si>
  <si>
    <t>86 Jb</t>
  </si>
  <si>
    <t>chak no 86 jb fsd</t>
  </si>
  <si>
    <t>Dhol Majra</t>
  </si>
  <si>
    <t>Hassyana</t>
  </si>
  <si>
    <t>50290</t>
  </si>
  <si>
    <t>25926</t>
  </si>
  <si>
    <t>19967</t>
  </si>
  <si>
    <t>GES ASIAN</t>
  </si>
  <si>
    <t>Asian</t>
  </si>
  <si>
    <t>mouza Asian tehcil&amp;district chiniot</t>
  </si>
  <si>
    <t>Mouza Asian</t>
  </si>
  <si>
    <t>Hersa Sheikh</t>
  </si>
  <si>
    <t>Muhammad Ahsan Tahir</t>
  </si>
  <si>
    <t>16782</t>
  </si>
  <si>
    <t>GHS CHAK 455 GB TANDLIANWALA FSD</t>
  </si>
  <si>
    <t>Govt High School 455 GB</t>
  </si>
  <si>
    <t>455gb</t>
  </si>
  <si>
    <t>Muhammad iqbal khan</t>
  </si>
  <si>
    <t>10070</t>
  </si>
  <si>
    <t>GPS CHAK NO.224/TDA</t>
  </si>
  <si>
    <t>SHAUKAT ABAD - MALE</t>
  </si>
  <si>
    <t>Moj Gahr</t>
  </si>
  <si>
    <t>chak no 224/tda tehsil karor district layyah</t>
  </si>
  <si>
    <t>Chak No 224/tda</t>
  </si>
  <si>
    <t>SHOUKAT Abad</t>
  </si>
  <si>
    <t>Kamran Hussain</t>
  </si>
  <si>
    <t>16085</t>
  </si>
  <si>
    <t>GGPS KAMLA BHAND</t>
  </si>
  <si>
    <t>Kamla Bhand</t>
  </si>
  <si>
    <t>vill Kamla Bhand post office Hanj Tehsil Kharian District Gujrat</t>
  </si>
  <si>
    <t>Khawspur</t>
  </si>
  <si>
    <t>Saba Shahnaz</t>
  </si>
  <si>
    <t>20226</t>
  </si>
  <si>
    <t>25285</t>
  </si>
  <si>
    <t>24520</t>
  </si>
  <si>
    <t>21646</t>
  </si>
  <si>
    <t>31818</t>
  </si>
  <si>
    <t>GGES AKBAR PURA</t>
  </si>
  <si>
    <t>MURIDKE-III - FEMALE</t>
  </si>
  <si>
    <t>Akbar Pura</t>
  </si>
  <si>
    <t>Akbar Pura Narang Mandi</t>
  </si>
  <si>
    <t>Rabia Sehar</t>
  </si>
  <si>
    <t>34225</t>
  </si>
  <si>
    <t>31970</t>
  </si>
  <si>
    <t>GGES FAROOQ ABAD GAON</t>
  </si>
  <si>
    <t>FAROOQABAD GAON</t>
  </si>
  <si>
    <t>Tasnim kausar</t>
  </si>
  <si>
    <t>53325</t>
  </si>
  <si>
    <t>GPS CHAK NO. 30/2-R</t>
  </si>
  <si>
    <t>30/2R</t>
  </si>
  <si>
    <t>chak number 30/2R</t>
  </si>
  <si>
    <t>BIBI PUR</t>
  </si>
  <si>
    <t>Muhammad Shahzad</t>
  </si>
  <si>
    <t>33945</t>
  </si>
  <si>
    <t>16638</t>
  </si>
  <si>
    <t>GGPS CHAK 412 GB II NORTH TANDLIANWALA</t>
  </si>
  <si>
    <t>Bhatiyan Wala</t>
  </si>
  <si>
    <t>Chak no 412/2 GB North UC 82</t>
  </si>
  <si>
    <t>Chak no 412/2 GB</t>
  </si>
  <si>
    <t>Chak no 411 GB</t>
  </si>
  <si>
    <t>Rashida Perveen</t>
  </si>
  <si>
    <t>18920</t>
  </si>
  <si>
    <t>15358</t>
  </si>
  <si>
    <t>23162</t>
  </si>
  <si>
    <t>54923</t>
  </si>
  <si>
    <t>GGPS SYEDA IMAM BIBI BHIKHI SHARIF</t>
  </si>
  <si>
    <t>bhikhi shareef</t>
  </si>
  <si>
    <t>Misbah Hina</t>
  </si>
  <si>
    <t>12345</t>
  </si>
  <si>
    <t>33765</t>
  </si>
  <si>
    <t>GGPS KOTLA MATTARBAN KOTLA MUTAR BUN</t>
  </si>
  <si>
    <t>Neel Kot</t>
  </si>
  <si>
    <t>Chah deeny wala</t>
  </si>
  <si>
    <t>Chah Deeny Wala</t>
  </si>
  <si>
    <t>Nadia Manzoor</t>
  </si>
  <si>
    <t>52499</t>
  </si>
  <si>
    <t>6581</t>
  </si>
  <si>
    <t>GGPS CHAK ABBAS</t>
  </si>
  <si>
    <t>Chak   Abbas</t>
  </si>
  <si>
    <t>GGPS   Chak   Abbas    Basti  Noor   Pur   Moza   Chak   Abbas</t>
  </si>
  <si>
    <t>Basti  Noor  Pur</t>
  </si>
  <si>
    <t>Bulaqi  Wali</t>
  </si>
  <si>
    <t>Rukhsana Shaheen</t>
  </si>
  <si>
    <t>2357</t>
  </si>
  <si>
    <t>12293</t>
  </si>
  <si>
    <t>GGPS QASIM WALA</t>
  </si>
  <si>
    <t>KOT ADU-I - FEMALE</t>
  </si>
  <si>
    <t>ajri wala moza Hala KOT Adu</t>
  </si>
  <si>
    <t>Ajri Wala</t>
  </si>
  <si>
    <t>Umaira Qureshi</t>
  </si>
  <si>
    <t>8016</t>
  </si>
  <si>
    <t>8008</t>
  </si>
  <si>
    <t>49426</t>
  </si>
  <si>
    <t>51703</t>
  </si>
  <si>
    <t>GPS GURU WALA</t>
  </si>
  <si>
    <t>Guruwala</t>
  </si>
  <si>
    <t>Chak Guruwala p/o Kalyana teh.&amp; Distt. Pakpattan</t>
  </si>
  <si>
    <t>Arshid Mehmood</t>
  </si>
  <si>
    <t>4030</t>
  </si>
  <si>
    <t>14835</t>
  </si>
  <si>
    <t>24668</t>
  </si>
  <si>
    <t>31131</t>
  </si>
  <si>
    <t>41109</t>
  </si>
  <si>
    <t>GPS MORI</t>
  </si>
  <si>
    <t>Kahuta</t>
  </si>
  <si>
    <t>village Mori po hanesar kahuta rwp</t>
  </si>
  <si>
    <t>Mori</t>
  </si>
  <si>
    <t>Doberan</t>
  </si>
  <si>
    <t>Abdur Rab Janjua</t>
  </si>
  <si>
    <t>11965</t>
  </si>
  <si>
    <t>451</t>
  </si>
  <si>
    <t>17533</t>
  </si>
  <si>
    <t>GGPS DARBAR KANWAN</t>
  </si>
  <si>
    <t>GGPS darbar kanwan moza gagrana district jhang</t>
  </si>
  <si>
    <t>Darbar Kanwan</t>
  </si>
  <si>
    <t>Itrat Naveed</t>
  </si>
  <si>
    <t>6086</t>
  </si>
  <si>
    <t>53326</t>
  </si>
  <si>
    <t>GPS CHAK NO. 34/ 2-RA</t>
  </si>
  <si>
    <t>Satgara</t>
  </si>
  <si>
    <t>GPS 34/2RA OKARA</t>
  </si>
  <si>
    <t>34/2RA</t>
  </si>
  <si>
    <t>Kunwar Liaqat Ali</t>
  </si>
  <si>
    <t>20288</t>
  </si>
  <si>
    <t>GPS KHOOBER CHISHTI</t>
  </si>
  <si>
    <t>Khober</t>
  </si>
  <si>
    <t>khober chishti p/o jandwala teh&amp;distt bahawal nagar</t>
  </si>
  <si>
    <t>Khober Chishti</t>
  </si>
  <si>
    <t>Nathay Wala</t>
  </si>
  <si>
    <t>Dilshad Ahmed</t>
  </si>
  <si>
    <t>1621</t>
  </si>
  <si>
    <t>GGCMS CHAK NO. 7 GB SAINI BAR</t>
  </si>
  <si>
    <t>CHAK NO 5 KALAN-FEMALE</t>
  </si>
  <si>
    <t>Chak No 7 Saini Bar</t>
  </si>
  <si>
    <t>chak no 7 saini bar</t>
  </si>
  <si>
    <t>Chak No7 Saini Bar</t>
  </si>
  <si>
    <t>Chak No 4</t>
  </si>
  <si>
    <t>Hafiza Tahira Yasmin</t>
  </si>
  <si>
    <t>27542</t>
  </si>
  <si>
    <t>36946</t>
  </si>
  <si>
    <t>52111</t>
  </si>
  <si>
    <t>GGPS 74 EB ARIFWALA</t>
  </si>
  <si>
    <t>Chak 74 EB</t>
  </si>
  <si>
    <t>Teh Arifwala dist pakpattan</t>
  </si>
  <si>
    <t>74 Eb</t>
  </si>
  <si>
    <t>Chak # 66 EB</t>
  </si>
  <si>
    <t>28527</t>
  </si>
  <si>
    <t>28901</t>
  </si>
  <si>
    <t>53445</t>
  </si>
  <si>
    <t>GMPS BASTI REHMAT PURA</t>
  </si>
  <si>
    <t>B</t>
  </si>
  <si>
    <t>basti rehmat pur okara</t>
  </si>
  <si>
    <t>Basti Rehmat Pur</t>
  </si>
  <si>
    <t>1/4l</t>
  </si>
  <si>
    <t>Rai Muhammad Ikram</t>
  </si>
  <si>
    <t>8790</t>
  </si>
  <si>
    <t>40500</t>
  </si>
  <si>
    <t>34028</t>
  </si>
  <si>
    <t>33487</t>
  </si>
  <si>
    <t>32655</t>
  </si>
  <si>
    <t>GHS PIDDI PUR NANKANA</t>
  </si>
  <si>
    <t>Piddi Pur</t>
  </si>
  <si>
    <t>Village Piddi Pur</t>
  </si>
  <si>
    <t>Fatta Thatta</t>
  </si>
  <si>
    <t>muhammad nadeem</t>
  </si>
  <si>
    <t>10660</t>
  </si>
  <si>
    <t>1129</t>
  </si>
  <si>
    <t>33021</t>
  </si>
  <si>
    <t>5290</t>
  </si>
  <si>
    <t>27900</t>
  </si>
  <si>
    <t>GGHSS CHALIANWALA</t>
  </si>
  <si>
    <t>Chillianwala</t>
  </si>
  <si>
    <t>Village &amp; P/O Chillianwala. Tehsil and District Mandi Bahauddin.</t>
  </si>
  <si>
    <t>Ismat Iqbal</t>
  </si>
  <si>
    <t>11275</t>
  </si>
  <si>
    <t>1256</t>
  </si>
  <si>
    <t>38798</t>
  </si>
  <si>
    <t>GGHS FAQEER ABAD</t>
  </si>
  <si>
    <t>near railway station village faqirabad</t>
  </si>
  <si>
    <t>Faqirabad</t>
  </si>
  <si>
    <t>Gorla</t>
  </si>
  <si>
    <t>dilshad bibi</t>
  </si>
  <si>
    <t>19965</t>
  </si>
  <si>
    <t>1467</t>
  </si>
  <si>
    <t>35362</t>
  </si>
  <si>
    <t>GGES 245 EB</t>
  </si>
  <si>
    <t>Ch#245/EB</t>
  </si>
  <si>
    <t>ch#245/E.B. Tehsil Burewala. Dist. Vehari.</t>
  </si>
  <si>
    <t>245/EB</t>
  </si>
  <si>
    <t>Ch#247/EB</t>
  </si>
  <si>
    <t>72690</t>
  </si>
  <si>
    <t>36571</t>
  </si>
  <si>
    <t>GHS DAR-UL-ALOOM KABIRWALA</t>
  </si>
  <si>
    <t>Kabirwala</t>
  </si>
  <si>
    <t>Canal Road Near Eid Ghah</t>
  </si>
  <si>
    <t>Eidghah</t>
  </si>
  <si>
    <t>City Kabirwala</t>
  </si>
  <si>
    <t>Manzoor Hussain</t>
  </si>
  <si>
    <t>16100</t>
  </si>
  <si>
    <t>GGES CHAK NO 240 RB</t>
  </si>
  <si>
    <t>240 Rb</t>
  </si>
  <si>
    <t>GGES240 RB FSD</t>
  </si>
  <si>
    <t>Radana</t>
  </si>
  <si>
    <t>Aneela Rasheed</t>
  </si>
  <si>
    <t>16313</t>
  </si>
  <si>
    <t>53956</t>
  </si>
  <si>
    <t>GGPS CHAK NO. 50 JB II</t>
  </si>
  <si>
    <t>Boreywal</t>
  </si>
  <si>
    <t>50 jb II boreywal Faisalabad</t>
  </si>
  <si>
    <t>50 Jb II</t>
  </si>
  <si>
    <t>SADIA BASHIR</t>
  </si>
  <si>
    <t>14349</t>
  </si>
  <si>
    <t>53324</t>
  </si>
  <si>
    <t>GPS CHAK NO. 29 / 2-R</t>
  </si>
  <si>
    <t>29/2r</t>
  </si>
  <si>
    <t>Chak no. 29_2R</t>
  </si>
  <si>
    <t>32/2r</t>
  </si>
  <si>
    <t>Mohammad Khalid</t>
  </si>
  <si>
    <t>13317</t>
  </si>
  <si>
    <t>38969</t>
  </si>
  <si>
    <t>38904</t>
  </si>
  <si>
    <t>32633</t>
  </si>
  <si>
    <t>GGHSS SYED WALA P/O NANKANA</t>
  </si>
  <si>
    <t>syedwala</t>
  </si>
  <si>
    <t>syedwala tehsil and district nankana sahib</t>
  </si>
  <si>
    <t>Rukhsana Riaz</t>
  </si>
  <si>
    <t>80704</t>
  </si>
  <si>
    <t>5509</t>
  </si>
  <si>
    <t>15977</t>
  </si>
  <si>
    <t>GGPS CHAK NO 82 JB I</t>
  </si>
  <si>
    <t>82jb Jagat Pur</t>
  </si>
  <si>
    <t>Ggps 82 jb jagat pur</t>
  </si>
  <si>
    <t>82 JB</t>
  </si>
  <si>
    <t>Farzana Anjum</t>
  </si>
  <si>
    <t>40712</t>
  </si>
  <si>
    <t>53456</t>
  </si>
  <si>
    <t>GGPS DERA BASTI</t>
  </si>
  <si>
    <t>Dera Basti</t>
  </si>
  <si>
    <t>Dera Basti 36/2RA</t>
  </si>
  <si>
    <t>38/2RA</t>
  </si>
  <si>
    <t>Sana Khalid</t>
  </si>
  <si>
    <t>40875</t>
  </si>
  <si>
    <t>GGPS CHAK 295 RB</t>
  </si>
  <si>
    <t>CHAK NO 295 RBC</t>
  </si>
  <si>
    <t>CHAK NO 295 RB FAISALABAD</t>
  </si>
  <si>
    <t>295 RB</t>
  </si>
  <si>
    <t>SITARA COLONY</t>
  </si>
  <si>
    <t>ZAHIDA PARVEEN</t>
  </si>
  <si>
    <t>2819</t>
  </si>
  <si>
    <t>17393</t>
  </si>
  <si>
    <t>34400</t>
  </si>
  <si>
    <t>17250</t>
  </si>
  <si>
    <t>16040</t>
  </si>
  <si>
    <t>GGPS CHAK NO. 261 RB</t>
  </si>
  <si>
    <t>Chak No 261 rb Bhagowal</t>
  </si>
  <si>
    <t>chak no 261 rb bhagowal</t>
  </si>
  <si>
    <t>Bhagowal</t>
  </si>
  <si>
    <t>Wahela Kallan</t>
  </si>
  <si>
    <t>Shakeela Perveen</t>
  </si>
  <si>
    <t>33340</t>
  </si>
  <si>
    <t>28900</t>
  </si>
  <si>
    <t>30126</t>
  </si>
  <si>
    <t>5272</t>
  </si>
  <si>
    <t>24501</t>
  </si>
  <si>
    <t>GGPS DHARI WAL</t>
  </si>
  <si>
    <t>DHODHA - FEMALE</t>
  </si>
  <si>
    <t>village dhariwal po unvhapharang</t>
  </si>
  <si>
    <t>Takht Pur</t>
  </si>
  <si>
    <t>Nazia Samina</t>
  </si>
  <si>
    <t>14983</t>
  </si>
  <si>
    <t>2553</t>
  </si>
  <si>
    <t>1393</t>
  </si>
  <si>
    <t>33394</t>
  </si>
  <si>
    <t>GGHS KARTAR PURA CHAK 51/RB</t>
  </si>
  <si>
    <t>Kartarpura51</t>
  </si>
  <si>
    <t>gghs kartarpura 51 shahkot nankana sahib</t>
  </si>
  <si>
    <t>Kariwala</t>
  </si>
  <si>
    <t>nazia naseem</t>
  </si>
  <si>
    <t>21414</t>
  </si>
  <si>
    <t>GGHS TAMBOLI</t>
  </si>
  <si>
    <t>Tamboli</t>
  </si>
  <si>
    <t>gghs tamboli sadhoke</t>
  </si>
  <si>
    <t>Gunaur</t>
  </si>
  <si>
    <t>Naila Malik</t>
  </si>
  <si>
    <t>683</t>
  </si>
  <si>
    <t>608</t>
  </si>
  <si>
    <t>49737</t>
  </si>
  <si>
    <t>GPS CHAK NO.139 SB</t>
  </si>
  <si>
    <t>Chak No 139 Sb</t>
  </si>
  <si>
    <t>govt boys primary school chak no 139 s.b</t>
  </si>
  <si>
    <t>Chak No 136 Sb</t>
  </si>
  <si>
    <t>Muhammad Ijaz Khalid</t>
  </si>
  <si>
    <t>2104</t>
  </si>
  <si>
    <t>34760</t>
  </si>
  <si>
    <t>36959</t>
  </si>
  <si>
    <t>10913</t>
  </si>
  <si>
    <t>26856</t>
  </si>
  <si>
    <t>GGPS BASTI MOLVIAN</t>
  </si>
  <si>
    <t>Basti Molvian</t>
  </si>
  <si>
    <t>basti molvian  bakhei ahmad khan</t>
  </si>
  <si>
    <t>Samia Bibi</t>
  </si>
  <si>
    <t>54790</t>
  </si>
  <si>
    <t>4184</t>
  </si>
  <si>
    <t>46578</t>
  </si>
  <si>
    <t>GES AMIR WALA</t>
  </si>
  <si>
    <t>QUAIDABAD (MALE)</t>
  </si>
  <si>
    <t>Gunjial</t>
  </si>
  <si>
    <t>Ameerwala Tehsil Quaidabsd District Khushab</t>
  </si>
  <si>
    <t>Ameerwala</t>
  </si>
  <si>
    <t>11119</t>
  </si>
  <si>
    <t>27894</t>
  </si>
  <si>
    <t>GGHSS MURALA</t>
  </si>
  <si>
    <t>Murala</t>
  </si>
  <si>
    <t>vill,murala,tehsil and district mandi bahauddin</t>
  </si>
  <si>
    <t>Muniba Zaman</t>
  </si>
  <si>
    <t>13498</t>
  </si>
  <si>
    <t>16582</t>
  </si>
  <si>
    <t>GPS 545 GB II</t>
  </si>
  <si>
    <t>545gb</t>
  </si>
  <si>
    <t>Chak no 545 gb</t>
  </si>
  <si>
    <t>Sajjad Ahmad Zauq</t>
  </si>
  <si>
    <t>18538</t>
  </si>
  <si>
    <t>32604</t>
  </si>
  <si>
    <t>54225</t>
  </si>
  <si>
    <t>GGPS BASTI MANGAN</t>
  </si>
  <si>
    <t>Shumali</t>
  </si>
  <si>
    <t>GGPS basti mangan</t>
  </si>
  <si>
    <t>Daban Wala</t>
  </si>
  <si>
    <t>Bhangu</t>
  </si>
  <si>
    <t>Tahira Samreen</t>
  </si>
  <si>
    <t>12148</t>
  </si>
  <si>
    <t>14134</t>
  </si>
  <si>
    <t>GMPS BASTI NAZROO</t>
  </si>
  <si>
    <t>BASTI NAZROO</t>
  </si>
  <si>
    <t>DHEGAN</t>
  </si>
  <si>
    <t>Mehwish Nadeem</t>
  </si>
  <si>
    <t>28107</t>
  </si>
  <si>
    <t>28530</t>
  </si>
  <si>
    <t>GGES KHUMB KHURD</t>
  </si>
  <si>
    <t>KUTHIALA SHEIKHAN -I- FEMALE</t>
  </si>
  <si>
    <t>Khumb Khurd</t>
  </si>
  <si>
    <t>VPO khumb khurd  tehsil and Distt mandi bahauddin</t>
  </si>
  <si>
    <t>Kadher</t>
  </si>
  <si>
    <t>Kiran Ashraf</t>
  </si>
  <si>
    <t>6261</t>
  </si>
  <si>
    <t>39360</t>
  </si>
  <si>
    <t>20531</t>
  </si>
  <si>
    <t>GGES KOT SHAH MOHAMMAD</t>
  </si>
  <si>
    <t>Kot Shah Muhammad</t>
  </si>
  <si>
    <t>Kot shah Muhammad tehsil &amp; district gujranwala</t>
  </si>
  <si>
    <t>Chak Uggu</t>
  </si>
  <si>
    <t>Ubaida Rauf</t>
  </si>
  <si>
    <t>649</t>
  </si>
  <si>
    <t>6969</t>
  </si>
  <si>
    <t>10578</t>
  </si>
  <si>
    <t>GGHS CHAK NO.459/TDA</t>
  </si>
  <si>
    <t>Mirhan</t>
  </si>
  <si>
    <t>dstrct layyah tehsil layyah near dhori adda</t>
  </si>
  <si>
    <t>Chak No459tda</t>
  </si>
  <si>
    <t>Nadia Riaz</t>
  </si>
  <si>
    <t>electric motor and hand pumps</t>
  </si>
  <si>
    <t>53542</t>
  </si>
  <si>
    <t>18116</t>
  </si>
  <si>
    <t>16594</t>
  </si>
  <si>
    <t>GPS MOZA WULIY WALI</t>
  </si>
  <si>
    <t>Wully Wali</t>
  </si>
  <si>
    <t>GPS Wullay Wali Teh. Tandlianwala Distt. Faisalabad</t>
  </si>
  <si>
    <t>Moza Wullay Wali</t>
  </si>
  <si>
    <t>Chak No 556 Gb</t>
  </si>
  <si>
    <t>Nabila Nasir</t>
  </si>
  <si>
    <t>19946</t>
  </si>
  <si>
    <t>19902</t>
  </si>
  <si>
    <t>40667</t>
  </si>
  <si>
    <t>GPS LOAJH SYEDAN</t>
  </si>
  <si>
    <t>GPS Lohj syedan</t>
  </si>
  <si>
    <t>Lohjsyedan</t>
  </si>
  <si>
    <t>Madeeha</t>
  </si>
  <si>
    <t>12384</t>
  </si>
  <si>
    <t>41360</t>
  </si>
  <si>
    <t>28976</t>
  </si>
  <si>
    <t>47763</t>
  </si>
  <si>
    <t>GGHS CHAK NO. 15 ML</t>
  </si>
  <si>
    <t>GGHMS Chak No. 15/ML Teh Piplan Distt. Mianwali</t>
  </si>
  <si>
    <t>Chak No 15/ML</t>
  </si>
  <si>
    <t>29947</t>
  </si>
  <si>
    <t>34740</t>
  </si>
  <si>
    <t>GMMS BHENI HAJI AKBAR MULTAN</t>
  </si>
  <si>
    <t>Bhani Haji Akbar wali Qadir pur Ran District   Multan</t>
  </si>
  <si>
    <t>Bhani  Haji Akbar W</t>
  </si>
  <si>
    <t>Qadir Pur Gharbi</t>
  </si>
  <si>
    <t>585</t>
  </si>
  <si>
    <t>15467</t>
  </si>
  <si>
    <t>GPS CHAK 471 GB SAMUNDRI</t>
  </si>
  <si>
    <t>471 GB</t>
  </si>
  <si>
    <t>GPS 471 GB samundri</t>
  </si>
  <si>
    <t>6238</t>
  </si>
  <si>
    <t>39612</t>
  </si>
  <si>
    <t>35750</t>
  </si>
  <si>
    <t>16742</t>
  </si>
  <si>
    <t>GES CHAK NO.497/GB</t>
  </si>
  <si>
    <t>497 GB</t>
  </si>
  <si>
    <t>chak No 497 GB MAMUNKANJAN</t>
  </si>
  <si>
    <t>497 Gb</t>
  </si>
  <si>
    <t>Mc Mamunkanjan</t>
  </si>
  <si>
    <t>GHULAM MURTAZA</t>
  </si>
  <si>
    <t>3542</t>
  </si>
  <si>
    <t>28609</t>
  </si>
  <si>
    <t>40644</t>
  </si>
  <si>
    <t>GES  RASOOL PUR</t>
  </si>
  <si>
    <t>DOMELI - MALE</t>
  </si>
  <si>
    <t>Rasoolpur</t>
  </si>
  <si>
    <t>rasoolpur</t>
  </si>
  <si>
    <t>Domeli</t>
  </si>
  <si>
    <t>Ch Muhammad Rasheed</t>
  </si>
  <si>
    <t>12895</t>
  </si>
  <si>
    <t>50253</t>
  </si>
  <si>
    <t>12424</t>
  </si>
  <si>
    <t>GGHS KARAM DAD QURESHI</t>
  </si>
  <si>
    <t>KD Qureshi</t>
  </si>
  <si>
    <t>GGHSchool KD qureshi ,muzaffargarh</t>
  </si>
  <si>
    <t>RABIA qureshi</t>
  </si>
  <si>
    <t>27325</t>
  </si>
  <si>
    <t>16027</t>
  </si>
  <si>
    <t>GGPS CHAK 250 RB KACHI KOTI</t>
  </si>
  <si>
    <t>Katchi Kothi</t>
  </si>
  <si>
    <t>chak no 250 RB 2katchi kothi Faisalabad</t>
  </si>
  <si>
    <t>250RB2 Katchi Kothi</t>
  </si>
  <si>
    <t>Dhingan Wala</t>
  </si>
  <si>
    <t>Salma Saleman</t>
  </si>
  <si>
    <t>10814</t>
  </si>
  <si>
    <t>45194</t>
  </si>
  <si>
    <t>GPS SANDILIAN WALA</t>
  </si>
  <si>
    <t>gps sandilan wala</t>
  </si>
  <si>
    <t>Sandilian Wala</t>
  </si>
  <si>
    <t>SHAMS UR REHMAN</t>
  </si>
  <si>
    <t>44600</t>
  </si>
  <si>
    <t>54168</t>
  </si>
  <si>
    <t>GGPS ANSAR COLONY NO.1 MULTAN</t>
  </si>
  <si>
    <t>Ansar Colony</t>
  </si>
  <si>
    <t>ggps.ansarcolony no 1</t>
  </si>
  <si>
    <t>Bilal Nager</t>
  </si>
  <si>
    <t>Momana Abad</t>
  </si>
  <si>
    <t>Naila Shaheen</t>
  </si>
  <si>
    <t>9820</t>
  </si>
  <si>
    <t>24027</t>
  </si>
  <si>
    <t>47637</t>
  </si>
  <si>
    <t>33213</t>
  </si>
  <si>
    <t>GGES DHABAN KALAN</t>
  </si>
  <si>
    <t>SAFDARABAD-II - FEMALE</t>
  </si>
  <si>
    <t>Dhaban kalan  chak no 13</t>
  </si>
  <si>
    <t>Shabana Shamim</t>
  </si>
  <si>
    <t>40160</t>
  </si>
  <si>
    <t>25768</t>
  </si>
  <si>
    <t>GGPS CHAK PADDA</t>
  </si>
  <si>
    <t>Chakpadda</t>
  </si>
  <si>
    <t>GGPS Chakpadda</t>
  </si>
  <si>
    <t>Saddowala Uncha</t>
  </si>
  <si>
    <t>Qudsia Jabeen</t>
  </si>
  <si>
    <t>filtered water from adjacent mosque</t>
  </si>
  <si>
    <t>18040</t>
  </si>
  <si>
    <t>18115</t>
  </si>
  <si>
    <t>23140</t>
  </si>
  <si>
    <t>11128</t>
  </si>
  <si>
    <t>32672</t>
  </si>
  <si>
    <t>GES MANGTANWALA GAON</t>
  </si>
  <si>
    <t>MANGTANWALA</t>
  </si>
  <si>
    <t>GAON MANGTANWALA P/O MORE KHUNDA</t>
  </si>
  <si>
    <t>MANGTANWALA GAON</t>
  </si>
  <si>
    <t>Muhammad Asghar Shah</t>
  </si>
  <si>
    <t>10867</t>
  </si>
  <si>
    <t>413</t>
  </si>
  <si>
    <t>15106</t>
  </si>
  <si>
    <t>GGPS MOHALLAH SALIMEE PARK JARANWALA</t>
  </si>
  <si>
    <t>Jaranwala</t>
  </si>
  <si>
    <t>mohalla saleemi park jaranwala</t>
  </si>
  <si>
    <t>43/5</t>
  </si>
  <si>
    <t>Zakia Parveen</t>
  </si>
  <si>
    <t>1422</t>
  </si>
  <si>
    <t>45932</t>
  </si>
  <si>
    <t>GGPS CHAK NO. 62 MB</t>
  </si>
  <si>
    <t>Chak 62MB</t>
  </si>
  <si>
    <t>GGPS 62MB JBD</t>
  </si>
  <si>
    <t>62MB</t>
  </si>
  <si>
    <t>63MB</t>
  </si>
  <si>
    <t>Rubina Ijaz</t>
  </si>
  <si>
    <t>42052</t>
  </si>
  <si>
    <t>GPS CHAK NO 445 GB II</t>
  </si>
  <si>
    <t>Chak No 445 GB  2nd Thagawali</t>
  </si>
  <si>
    <t>Chak no 445 GB</t>
  </si>
  <si>
    <t>445 GB -2</t>
  </si>
  <si>
    <t>M Ashfaq Ahmad</t>
  </si>
  <si>
    <t>19752</t>
  </si>
  <si>
    <t>53786</t>
  </si>
  <si>
    <t>43500</t>
  </si>
  <si>
    <t>49633</t>
  </si>
  <si>
    <t>16589</t>
  </si>
  <si>
    <t>GPS HEKEEM KAY KATHIAY</t>
  </si>
  <si>
    <t>Hakeem Kay Kathiay</t>
  </si>
  <si>
    <t>hakeem kay kathiay uc 95 darbar salah din mamukanjan</t>
  </si>
  <si>
    <t>Darbar Salah Din</t>
  </si>
  <si>
    <t>Arshad Ali</t>
  </si>
  <si>
    <t>15225</t>
  </si>
  <si>
    <t>21683</t>
  </si>
  <si>
    <t>3033</t>
  </si>
  <si>
    <t>23174</t>
  </si>
  <si>
    <t>GMPS CHAK SAKANDAR NO.53</t>
  </si>
  <si>
    <t>LALAMUSA II - FEMALE</t>
  </si>
  <si>
    <t>Chak Sikandar 53</t>
  </si>
  <si>
    <t>Village Chak Sikandar 53</t>
  </si>
  <si>
    <t>Ali Chak</t>
  </si>
  <si>
    <t>4458</t>
  </si>
  <si>
    <t>9825</t>
  </si>
  <si>
    <t>37920</t>
  </si>
  <si>
    <t>GGCMS CHAK NO. 136/10-R</t>
  </si>
  <si>
    <t>chak no 136/10.R</t>
  </si>
  <si>
    <t>Chak No 136/10R</t>
  </si>
  <si>
    <t>Surriya Rashid</t>
  </si>
  <si>
    <t>15250</t>
  </si>
  <si>
    <t>1074</t>
  </si>
  <si>
    <t>38422</t>
  </si>
  <si>
    <t>GHS 3/M DUNYAPUR</t>
  </si>
  <si>
    <t>3/M</t>
  </si>
  <si>
    <t>chak no. 3/M</t>
  </si>
  <si>
    <t>Ladha Bohar</t>
  </si>
  <si>
    <t>Asad Saleem</t>
  </si>
  <si>
    <t>88753</t>
  </si>
  <si>
    <t>16515</t>
  </si>
  <si>
    <t>GPS CHAK NO 597GB</t>
  </si>
  <si>
    <t>Chak No 597 GB Tandlianwala Faisalabad</t>
  </si>
  <si>
    <t>45977</t>
  </si>
  <si>
    <t>33892</t>
  </si>
  <si>
    <t>36528</t>
  </si>
  <si>
    <t>41012</t>
  </si>
  <si>
    <t>GGPS PIND JATTA</t>
  </si>
  <si>
    <t>Pindjata</t>
  </si>
  <si>
    <t>village pindjata, p/o dina, tehsil dina, distt jhelum</t>
  </si>
  <si>
    <t>Reema  Shazeen</t>
  </si>
  <si>
    <t>1592</t>
  </si>
  <si>
    <t>8706</t>
  </si>
  <si>
    <t>38176</t>
  </si>
  <si>
    <t>35650</t>
  </si>
  <si>
    <t>30419</t>
  </si>
  <si>
    <t>5404</t>
  </si>
  <si>
    <t>45704</t>
  </si>
  <si>
    <t>GPS DERA MUHAMMAD SIDDIQUE</t>
  </si>
  <si>
    <t>Sandral</t>
  </si>
  <si>
    <t>village/post office sandral tehsil/district khushab</t>
  </si>
  <si>
    <t>34435</t>
  </si>
  <si>
    <t>24260</t>
  </si>
  <si>
    <t>20912</t>
  </si>
  <si>
    <t>14578</t>
  </si>
  <si>
    <t>GGPS CHAK NO 214 RB I</t>
  </si>
  <si>
    <t>Dhuddi Wala</t>
  </si>
  <si>
    <t>214 RB 1 Dhuddhi wala Faisalabad</t>
  </si>
  <si>
    <t>Kahkashan Colony</t>
  </si>
  <si>
    <t>Saima Nazir</t>
  </si>
  <si>
    <t>10239</t>
  </si>
  <si>
    <t>33743</t>
  </si>
  <si>
    <t>GGPS PURANA BARAF KHANA</t>
  </si>
  <si>
    <t>Taraf Daira</t>
  </si>
  <si>
    <t>purana baraf khana Multan.</t>
  </si>
  <si>
    <t>Purana Baraf Khana</t>
  </si>
  <si>
    <t>Ameerabad</t>
  </si>
  <si>
    <t>Riffat Yasmeen</t>
  </si>
  <si>
    <t>33808</t>
  </si>
  <si>
    <t>42622</t>
  </si>
  <si>
    <t>GGPS DHOKE MIRZA GUL HASSAN</t>
  </si>
  <si>
    <t>Haffayal</t>
  </si>
  <si>
    <t>GGPS Dhoke Mirza gul Hassan moza haffayal dhoke planh</t>
  </si>
  <si>
    <t>Dhoke Planh</t>
  </si>
  <si>
    <t>Bewal</t>
  </si>
  <si>
    <t>Andeela Qamar</t>
  </si>
  <si>
    <t>Electric Motor</t>
  </si>
  <si>
    <t>14009</t>
  </si>
  <si>
    <t>13781</t>
  </si>
  <si>
    <t>9838</t>
  </si>
  <si>
    <t>36152</t>
  </si>
  <si>
    <t>GGES 174 WB</t>
  </si>
  <si>
    <t>174 WBvehari</t>
  </si>
  <si>
    <t>Gov't girls middle school vehari</t>
  </si>
  <si>
    <t>Chak No 174wB</t>
  </si>
  <si>
    <t>78wB</t>
  </si>
  <si>
    <t>safia begum</t>
  </si>
  <si>
    <t>10896</t>
  </si>
  <si>
    <t>46589</t>
  </si>
  <si>
    <t>GPS CHAK 493 GB MAMUNKANJAN</t>
  </si>
  <si>
    <t>Hussain Pure</t>
  </si>
  <si>
    <t>Chak 493 GB MAMUNKANJAN FSD</t>
  </si>
  <si>
    <t>Chak 493gb</t>
  </si>
  <si>
    <t>Chak 507gb</t>
  </si>
  <si>
    <t>8900</t>
  </si>
  <si>
    <t>15466</t>
  </si>
  <si>
    <t>GPS CHAK 470 GB I SAMUNDRI</t>
  </si>
  <si>
    <t>Kishan Pura</t>
  </si>
  <si>
    <t>Chak No 470GB</t>
  </si>
  <si>
    <t>470GB</t>
  </si>
  <si>
    <t>M/c Samundri</t>
  </si>
  <si>
    <t>42876</t>
  </si>
  <si>
    <t>15595</t>
  </si>
  <si>
    <t>48199</t>
  </si>
  <si>
    <t>GPS ABADI LAL SHAH</t>
  </si>
  <si>
    <t>abadi lal shah</t>
  </si>
  <si>
    <t>Abadi Lal Shah</t>
  </si>
  <si>
    <t>Muhammad Ahsan Aslam</t>
  </si>
  <si>
    <t>31512</t>
  </si>
  <si>
    <t>GGPS MODEL KALAR</t>
  </si>
  <si>
    <t>FEROZWALA-III - FEMALE</t>
  </si>
  <si>
    <t>Kallar</t>
  </si>
  <si>
    <t>Govt Model school kallar Ferozwala Sheikhupura</t>
  </si>
  <si>
    <t>Rana Town Labour Colony</t>
  </si>
  <si>
    <t>Farah jabian</t>
  </si>
  <si>
    <t>18902</t>
  </si>
  <si>
    <t>GGES TIBBI SAYDAN 712 GB</t>
  </si>
  <si>
    <t>Tibbi Saydan</t>
  </si>
  <si>
    <t>chak no.712 GB Tibbi Saydan wali</t>
  </si>
  <si>
    <t>Tibbi Saydan Wali</t>
  </si>
  <si>
    <t>Chak no 712GB</t>
  </si>
  <si>
    <t>Azra Sultana</t>
  </si>
  <si>
    <t>7455</t>
  </si>
  <si>
    <t>5647</t>
  </si>
  <si>
    <t>995</t>
  </si>
  <si>
    <t>15335</t>
  </si>
  <si>
    <t>GGES CHAK 36 GB SATIANA</t>
  </si>
  <si>
    <t>kheri majra</t>
  </si>
  <si>
    <t>GGES, 36GB, Satiana</t>
  </si>
  <si>
    <t>36 GB</t>
  </si>
  <si>
    <t>37 GB</t>
  </si>
  <si>
    <t>Zahra Parveen Akhtar</t>
  </si>
  <si>
    <t>Waterman supplies water in school</t>
  </si>
  <si>
    <t>15089</t>
  </si>
  <si>
    <t>35425</t>
  </si>
  <si>
    <t>GGPS 201/EB NEW</t>
  </si>
  <si>
    <t>Laat Ghuman</t>
  </si>
  <si>
    <t>chak # 201 / EB New dera ghuman</t>
  </si>
  <si>
    <t>201 / EB</t>
  </si>
  <si>
    <t>Chak # 199 /EB</t>
  </si>
  <si>
    <t>Rafia Naveed</t>
  </si>
  <si>
    <t>75038</t>
  </si>
  <si>
    <t>19374</t>
  </si>
  <si>
    <t>34730</t>
  </si>
  <si>
    <t>48419</t>
  </si>
  <si>
    <t>GES PINDI KOT</t>
  </si>
  <si>
    <t>pindikoot</t>
  </si>
  <si>
    <t>village pindikoot bhera</t>
  </si>
  <si>
    <t>ali pur syedhan</t>
  </si>
  <si>
    <t>Tahir Shahzad</t>
  </si>
  <si>
    <t>2279</t>
  </si>
  <si>
    <t>3895</t>
  </si>
  <si>
    <t>30672</t>
  </si>
  <si>
    <t>GGPS THEH PANJOO</t>
  </si>
  <si>
    <t>Theh Panju</t>
  </si>
  <si>
    <t>theh panju</t>
  </si>
  <si>
    <t>Arzoo Saba</t>
  </si>
  <si>
    <t>15264</t>
  </si>
  <si>
    <t>3525</t>
  </si>
  <si>
    <t>6367</t>
  </si>
  <si>
    <t>19667</t>
  </si>
  <si>
    <t>52765</t>
  </si>
  <si>
    <t>GPS CHAK 513 GB THATTA CHANNER</t>
  </si>
  <si>
    <t>KOT DARIABAL-MALE</t>
  </si>
  <si>
    <t>Jhoke Channar</t>
  </si>
  <si>
    <t>Chak no 513 GB thatha Channar</t>
  </si>
  <si>
    <t>Chak No 513 GB</t>
  </si>
  <si>
    <t>189 GB Patli</t>
  </si>
  <si>
    <t>14737</t>
  </si>
  <si>
    <t>14660</t>
  </si>
  <si>
    <t>14800</t>
  </si>
  <si>
    <t>17155</t>
  </si>
  <si>
    <t>GES AURA</t>
  </si>
  <si>
    <t>Aura</t>
  </si>
  <si>
    <t>moza aura</t>
  </si>
  <si>
    <t>Marishahsakhera</t>
  </si>
  <si>
    <t>Imran Abbas</t>
  </si>
  <si>
    <t>811</t>
  </si>
  <si>
    <t>36729</t>
  </si>
  <si>
    <t>37378</t>
  </si>
  <si>
    <t>48379</t>
  </si>
  <si>
    <t>GPS BOOLA BALA</t>
  </si>
  <si>
    <t>Boola Bala</t>
  </si>
  <si>
    <t>village boolabala p/o kalas shrief teh.bhera distt sgd</t>
  </si>
  <si>
    <t>Chak Saida</t>
  </si>
  <si>
    <t>Shahid Imran</t>
  </si>
  <si>
    <t>6695</t>
  </si>
  <si>
    <t>32017</t>
  </si>
  <si>
    <t>1287</t>
  </si>
  <si>
    <t>5129</t>
  </si>
  <si>
    <t>695</t>
  </si>
  <si>
    <t>33346</t>
  </si>
  <si>
    <t>GGPS BAJWANA CHAK NO.294</t>
  </si>
  <si>
    <t>Bajwana</t>
  </si>
  <si>
    <t>ggps bajwana khanqa dogran</t>
  </si>
  <si>
    <t>Ruqia Kousar</t>
  </si>
  <si>
    <t>5480</t>
  </si>
  <si>
    <t>11952</t>
  </si>
  <si>
    <t>GPS MATTAY KA KHOO</t>
  </si>
  <si>
    <t>Alah Abad</t>
  </si>
  <si>
    <t>mattay ka khoh p/o miani tehsil bhera district sargodha</t>
  </si>
  <si>
    <t>Mattay Ka Khoh</t>
  </si>
  <si>
    <t>Chaksaida</t>
  </si>
  <si>
    <t>696</t>
  </si>
  <si>
    <t>6704</t>
  </si>
  <si>
    <t>19149</t>
  </si>
  <si>
    <t>19348</t>
  </si>
  <si>
    <t>GGHS CHAK 386 JB</t>
  </si>
  <si>
    <t>386jb</t>
  </si>
  <si>
    <t>gghs386jb toba</t>
  </si>
  <si>
    <t>rehana aftab</t>
  </si>
  <si>
    <t>33554</t>
  </si>
  <si>
    <t>26648</t>
  </si>
  <si>
    <t>49712</t>
  </si>
  <si>
    <t>GGES CHAK NO.143 NB</t>
  </si>
  <si>
    <t>SHAH NIKDAR-II - FEMALE</t>
  </si>
  <si>
    <t>Chak No 143 NB</t>
  </si>
  <si>
    <t>Chak No 147/148 NB</t>
  </si>
  <si>
    <t>Mahmooda Begum</t>
  </si>
  <si>
    <t>51076</t>
  </si>
  <si>
    <t>GPS ZAIN PUR</t>
  </si>
  <si>
    <t>Zainpur</t>
  </si>
  <si>
    <t>GPS zainpur</t>
  </si>
  <si>
    <t>Zain Pur</t>
  </si>
  <si>
    <t>Ranjhian Wala</t>
  </si>
  <si>
    <t>Muhammad Ajmal</t>
  </si>
  <si>
    <t>2264</t>
  </si>
  <si>
    <t>2973</t>
  </si>
  <si>
    <t>21500</t>
  </si>
  <si>
    <t>43718</t>
  </si>
  <si>
    <t>GGES DHOK MUNAWAR KHAN</t>
  </si>
  <si>
    <t>Pira Fathial</t>
  </si>
  <si>
    <t>gges dhk munawar vpo pira fathial</t>
  </si>
  <si>
    <t>Farkhanda Ashraf</t>
  </si>
  <si>
    <t>43487</t>
  </si>
  <si>
    <t>3792</t>
  </si>
  <si>
    <t>19364</t>
  </si>
  <si>
    <t>GGES CHAK 149 GB</t>
  </si>
  <si>
    <t>BHAGAT BANGLA-FEMALE</t>
  </si>
  <si>
    <t>Chak No 149 G B</t>
  </si>
  <si>
    <t>Govt girls elementary school 149 G B teh/ diist Toba Tek Singh</t>
  </si>
  <si>
    <t>Chak No 151 G B</t>
  </si>
  <si>
    <t>Zubaida Bano</t>
  </si>
  <si>
    <t>25324</t>
  </si>
  <si>
    <t>39378</t>
  </si>
  <si>
    <t>GGPS MAIRA SHARIF</t>
  </si>
  <si>
    <t>Maira sharif</t>
  </si>
  <si>
    <t>AZMAT JAN</t>
  </si>
  <si>
    <t>19400</t>
  </si>
  <si>
    <t>31968</t>
  </si>
  <si>
    <t>GGES HARDO BANDO KEY</t>
  </si>
  <si>
    <t>HERDOBANDOK</t>
  </si>
  <si>
    <t>HERDOBANDOKAY</t>
  </si>
  <si>
    <t>BANDOKAY</t>
  </si>
  <si>
    <t>MUREEDKAY</t>
  </si>
  <si>
    <t>Aqeela Kousar</t>
  </si>
  <si>
    <t>GGPS 109/P</t>
  </si>
  <si>
    <t>Chak No109/p</t>
  </si>
  <si>
    <t>chak no 109/p</t>
  </si>
  <si>
    <t>Chak No 109/p</t>
  </si>
  <si>
    <t>105/p</t>
  </si>
  <si>
    <t>3786</t>
  </si>
  <si>
    <t>54066</t>
  </si>
  <si>
    <t>GPS CHAK 401 JB I</t>
  </si>
  <si>
    <t>KHAN PUR-MALE</t>
  </si>
  <si>
    <t>401jb 1</t>
  </si>
  <si>
    <t>chak#401jb 1</t>
  </si>
  <si>
    <t>Chak#401 Jb  1</t>
  </si>
  <si>
    <t>Chak#393jb</t>
  </si>
  <si>
    <t>Munaza Bano</t>
  </si>
  <si>
    <t>12789</t>
  </si>
  <si>
    <t>47968</t>
  </si>
  <si>
    <t>GMPS SULTANY WALA</t>
  </si>
  <si>
    <t>Sultanay Wala</t>
  </si>
  <si>
    <t>sultanay wala tehsil piplan district mianwali</t>
  </si>
  <si>
    <t>Harnoli</t>
  </si>
  <si>
    <t>Kausar Nasim</t>
  </si>
  <si>
    <t>11165</t>
  </si>
  <si>
    <t>20954</t>
  </si>
  <si>
    <t>GGES RASUL PUR JANDANWALA</t>
  </si>
  <si>
    <t>Rasool Pur Jandanwala</t>
  </si>
  <si>
    <t>rasool pur jandan wala</t>
  </si>
  <si>
    <t>Hazrat Kalian Wala</t>
  </si>
  <si>
    <t>Shamim Afshan</t>
  </si>
  <si>
    <t>11226</t>
  </si>
  <si>
    <t>35840</t>
  </si>
  <si>
    <t>44500</t>
  </si>
  <si>
    <t>18063</t>
  </si>
  <si>
    <t>GMPS BASTI QAZIAN</t>
  </si>
  <si>
    <t>Shorkot Janubi</t>
  </si>
  <si>
    <t>Basti Qazian pattan road shorkot</t>
  </si>
  <si>
    <t>Basti Qazian</t>
  </si>
  <si>
    <t>Rukhsana Sharif</t>
  </si>
  <si>
    <t>25370</t>
  </si>
  <si>
    <t>30468</t>
  </si>
  <si>
    <t>2971</t>
  </si>
  <si>
    <t>39351</t>
  </si>
  <si>
    <t>GMPS THATTI SAIDU SHAH</t>
  </si>
  <si>
    <t>Thatti Saidu Shah</t>
  </si>
  <si>
    <t>thatti saidu shah tensile pindi gheb district attock</t>
  </si>
  <si>
    <t>Mera Shareef</t>
  </si>
  <si>
    <t>Um I Kalsoom</t>
  </si>
  <si>
    <t>47664</t>
  </si>
  <si>
    <t>14520</t>
  </si>
  <si>
    <t>43059</t>
  </si>
  <si>
    <t>2558</t>
  </si>
  <si>
    <t>29806</t>
  </si>
  <si>
    <t>GPS ALPA SADHARI</t>
  </si>
  <si>
    <t>HALLAH - MALE</t>
  </si>
  <si>
    <t>Alpa Sadhari</t>
  </si>
  <si>
    <t>alpa sadhari</t>
  </si>
  <si>
    <t>Alpa Kalan</t>
  </si>
  <si>
    <t>3458</t>
  </si>
  <si>
    <t>3315</t>
  </si>
  <si>
    <t>GGES CHAK NO. 137/P</t>
  </si>
  <si>
    <t>137/p</t>
  </si>
  <si>
    <t>GGES137/p</t>
  </si>
  <si>
    <t>139/p</t>
  </si>
  <si>
    <t>48371</t>
  </si>
  <si>
    <t>34352</t>
  </si>
  <si>
    <t>GPS JHOKE WAINS PARLI P/O JHOKE VAINS</t>
  </si>
  <si>
    <t>Jhoke Wains</t>
  </si>
  <si>
    <t>mouza jhoke wains chah pattan wali</t>
  </si>
  <si>
    <t>Muhammad Abid</t>
  </si>
  <si>
    <t>2188</t>
  </si>
  <si>
    <t>5372</t>
  </si>
  <si>
    <t>33063</t>
  </si>
  <si>
    <t>34511</t>
  </si>
  <si>
    <t>GGPS DUFFER KHOKHARAN</t>
  </si>
  <si>
    <t>JOGAY KOT-FEMALE</t>
  </si>
  <si>
    <t>Daffar Khokhran</t>
  </si>
  <si>
    <t>Daffar khokhran</t>
  </si>
  <si>
    <t>Meran Pur</t>
  </si>
  <si>
    <t>2293</t>
  </si>
  <si>
    <t>6899</t>
  </si>
  <si>
    <t>GGPS CHAK NO. 138/P DHANDA</t>
  </si>
  <si>
    <t>Wah Faqira</t>
  </si>
  <si>
    <t>138/p Dhanda</t>
  </si>
  <si>
    <t>138/P Dhanda</t>
  </si>
  <si>
    <t>Sabahat Iqbal</t>
  </si>
  <si>
    <t>1124</t>
  </si>
  <si>
    <t>21209</t>
  </si>
  <si>
    <t>21794</t>
  </si>
  <si>
    <t>40075</t>
  </si>
  <si>
    <t>GES JAMMAR GHAL</t>
  </si>
  <si>
    <t>Jammarghal</t>
  </si>
  <si>
    <t>V. P. O JAMMARGHAL TEHSIL JHELUM DISTT JHELUM</t>
  </si>
  <si>
    <t>Shakil Ahmad</t>
  </si>
  <si>
    <t>GGHS CHAK NO.58/F</t>
  </si>
  <si>
    <t>58f</t>
  </si>
  <si>
    <t>58f, Hasilpur</t>
  </si>
  <si>
    <t>Ummara Tahir</t>
  </si>
  <si>
    <t>7748</t>
  </si>
  <si>
    <t>31453</t>
  </si>
  <si>
    <t>GGPS MODEL DARGAHI GILL QADEEM</t>
  </si>
  <si>
    <t>Darghai Gill Qadeem</t>
  </si>
  <si>
    <t>Shamky</t>
  </si>
  <si>
    <t>Tahira Ghafoor</t>
  </si>
  <si>
    <t>10502</t>
  </si>
  <si>
    <t>4335</t>
  </si>
  <si>
    <t>45084</t>
  </si>
  <si>
    <t>4556</t>
  </si>
  <si>
    <t>17776</t>
  </si>
  <si>
    <t>GGPS CHAK NO. 250 NAGAY UMRANAY</t>
  </si>
  <si>
    <t>CHIMRAN WALI-FEMALE</t>
  </si>
  <si>
    <t>Nangey Amrany</t>
  </si>
  <si>
    <t>chak no 250 nange amrane jhang</t>
  </si>
  <si>
    <t>Nange Amrane</t>
  </si>
  <si>
    <t>Sadeeqa Bibi</t>
  </si>
  <si>
    <t>5182</t>
  </si>
  <si>
    <t>2537</t>
  </si>
  <si>
    <t>18871</t>
  </si>
  <si>
    <t>GES CHAK 725 GB</t>
  </si>
  <si>
    <t>JAKHAR MALE</t>
  </si>
  <si>
    <t>Chak 725 gb</t>
  </si>
  <si>
    <t>chak no 725 gb</t>
  </si>
  <si>
    <t>Ges 725 gb</t>
  </si>
  <si>
    <t>Chak No 724 gb</t>
  </si>
  <si>
    <t>Asif Freed</t>
  </si>
  <si>
    <t>12397</t>
  </si>
  <si>
    <t>52799</t>
  </si>
  <si>
    <t>16888</t>
  </si>
  <si>
    <t>1330</t>
  </si>
  <si>
    <t>10980</t>
  </si>
  <si>
    <t>GGCMS GHAT THAL</t>
  </si>
  <si>
    <t>Ghut Thal</t>
  </si>
  <si>
    <t>Chak no 149 c mouza gut thal layyah</t>
  </si>
  <si>
    <t>Basti Gut</t>
  </si>
  <si>
    <t>Robina Saddique</t>
  </si>
  <si>
    <t>41081</t>
  </si>
  <si>
    <t>40998</t>
  </si>
  <si>
    <t>51785</t>
  </si>
  <si>
    <t>GPS LOHAR WALA</t>
  </si>
  <si>
    <t>Drigh</t>
  </si>
  <si>
    <t>chah bhambho mouza drigh tehseel kotaddu district muzaffargarh</t>
  </si>
  <si>
    <t>Bhumbhu</t>
  </si>
  <si>
    <t>Muhammad Waqas</t>
  </si>
  <si>
    <t>5721</t>
  </si>
  <si>
    <t>GHS MURAD KAY KATHIA</t>
  </si>
  <si>
    <t>GHS murad kay kathia chichawatni</t>
  </si>
  <si>
    <t>Murad Kay kathia</t>
  </si>
  <si>
    <t>17424</t>
  </si>
  <si>
    <t>9529</t>
  </si>
  <si>
    <t>37228</t>
  </si>
  <si>
    <t>GMPS 73/10-R, KHANEWAL</t>
  </si>
  <si>
    <t>73/10-r</t>
  </si>
  <si>
    <t>Safora Afzal</t>
  </si>
  <si>
    <t>4243</t>
  </si>
  <si>
    <t>16371</t>
  </si>
  <si>
    <t>29480</t>
  </si>
  <si>
    <t>15955</t>
  </si>
  <si>
    <t>GGES CHAK 66 JB-II ISLAM PURA</t>
  </si>
  <si>
    <t>GGES66jbislam pura</t>
  </si>
  <si>
    <t>12203</t>
  </si>
  <si>
    <t>21370</t>
  </si>
  <si>
    <t>GGHS LALU PUR</t>
  </si>
  <si>
    <t>lalu pur</t>
  </si>
  <si>
    <t>GGHS LALU PUR KAMOKE GUJRANWALA</t>
  </si>
  <si>
    <t>mucharala</t>
  </si>
  <si>
    <t>MUSSARAT JABEEN</t>
  </si>
  <si>
    <t>4434</t>
  </si>
  <si>
    <t>12910</t>
  </si>
  <si>
    <t>GGPS BASTI KACHI</t>
  </si>
  <si>
    <t>TALIRI- FEMALE</t>
  </si>
  <si>
    <t>Taliri</t>
  </si>
  <si>
    <t>GGPS BASTI kachi nokh wala taliri canal MUZAFFAR GARH</t>
  </si>
  <si>
    <t>Nokh Wali</t>
  </si>
  <si>
    <t>Talairi</t>
  </si>
  <si>
    <t>Samrala Naz</t>
  </si>
  <si>
    <t>2858</t>
  </si>
  <si>
    <t>23848</t>
  </si>
  <si>
    <t>2516</t>
  </si>
  <si>
    <t>GHS SADIQ GARH PALACE</t>
  </si>
  <si>
    <t>Sadiq Garh Palace</t>
  </si>
  <si>
    <t>Govt. S.A High School (S.G.P) Dera Nawab Sahib</t>
  </si>
  <si>
    <t>Dera Nawab Sahib</t>
  </si>
  <si>
    <t>Ahmadpur East</t>
  </si>
  <si>
    <t>saleem maseeh</t>
  </si>
  <si>
    <t>12250</t>
  </si>
  <si>
    <t>49970</t>
  </si>
  <si>
    <t>36599</t>
  </si>
  <si>
    <t>GES CHAK NO. 32 SP</t>
  </si>
  <si>
    <t>32/Sp</t>
  </si>
  <si>
    <t>chak no.32/sp</t>
  </si>
  <si>
    <t>30/Sp</t>
  </si>
  <si>
    <t>SALEEM  AKHTAR</t>
  </si>
  <si>
    <t>40080</t>
  </si>
  <si>
    <t>GES BAJWALA KALAN</t>
  </si>
  <si>
    <t>Bajwala Kalan</t>
  </si>
  <si>
    <t>village and post office bajwala Kalan</t>
  </si>
  <si>
    <t>Darapur</t>
  </si>
  <si>
    <t>Atta Ur Rehman</t>
  </si>
  <si>
    <t>26715</t>
  </si>
  <si>
    <t>24173</t>
  </si>
  <si>
    <t>14107</t>
  </si>
  <si>
    <t>51812</t>
  </si>
  <si>
    <t>GES CHAK NO. 59 EB</t>
  </si>
  <si>
    <t>Chak No. 59/EB</t>
  </si>
  <si>
    <t>Chak No. 59/EB, Arifwala</t>
  </si>
  <si>
    <t>muhammad khan nasir</t>
  </si>
  <si>
    <t>8644</t>
  </si>
  <si>
    <t>36569</t>
  </si>
  <si>
    <t>GGHS BAGAR SARGANA, SARAI SIDHU</t>
  </si>
  <si>
    <t>BAGAR SARGANA</t>
  </si>
  <si>
    <t>GGHS BAGAR SARGANA, SARAI SIDHU TEH:KABIRWALA, DISTT: KHANEWAL</t>
  </si>
  <si>
    <t>khalida aziz</t>
  </si>
  <si>
    <t>22908</t>
  </si>
  <si>
    <t>1118</t>
  </si>
  <si>
    <t>40078</t>
  </si>
  <si>
    <t>GES HASNOTE</t>
  </si>
  <si>
    <t>ges hasnote</t>
  </si>
  <si>
    <t>Tahir Mahmood</t>
  </si>
  <si>
    <t>30684</t>
  </si>
  <si>
    <t>51132</t>
  </si>
  <si>
    <t>GGHS CHAK NO. 76/5-R</t>
  </si>
  <si>
    <t>76/5R</t>
  </si>
  <si>
    <t>chak no 76/5R</t>
  </si>
  <si>
    <t>77/5R</t>
  </si>
  <si>
    <t>SYEDA SAIMA FIAZ</t>
  </si>
  <si>
    <t>24332</t>
  </si>
  <si>
    <t>9651</t>
  </si>
  <si>
    <t>2203</t>
  </si>
  <si>
    <t>17775</t>
  </si>
  <si>
    <t>GMPS CHAK NO 250 II</t>
  </si>
  <si>
    <t>Gnjru</t>
  </si>
  <si>
    <t>ch ak 250</t>
  </si>
  <si>
    <t>Ganjru</t>
  </si>
  <si>
    <t>Chak 250</t>
  </si>
  <si>
    <t>8647</t>
  </si>
  <si>
    <t>37372</t>
  </si>
  <si>
    <t>GPS 66/15-L CHOKI CHAB, KACHA KHUH</t>
  </si>
  <si>
    <t>Chak No 66/15L Chab</t>
  </si>
  <si>
    <t>GPS 66/15.L Choki Chab  Teh &amp;Dist.Khanewal</t>
  </si>
  <si>
    <t>chak No 66/15L</t>
  </si>
  <si>
    <t>Chak No 81/15L</t>
  </si>
  <si>
    <t>4952</t>
  </si>
  <si>
    <t>17978</t>
  </si>
  <si>
    <t>51406</t>
  </si>
  <si>
    <t>GPS ARIF ABAD</t>
  </si>
  <si>
    <t>Arifabad</t>
  </si>
  <si>
    <t>Arif Abad</t>
  </si>
  <si>
    <t>MUHAMMAD ALI</t>
  </si>
  <si>
    <t>30782</t>
  </si>
  <si>
    <t>5417</t>
  </si>
  <si>
    <t>36926</t>
  </si>
  <si>
    <t>GGPS 10 GHAGH NO.1 ABDUL HAKIM</t>
  </si>
  <si>
    <t>DARKHANA - FEMALE</t>
  </si>
  <si>
    <t>10ghagh No 1</t>
  </si>
  <si>
    <t>10 ghagh no. 1</t>
  </si>
  <si>
    <t>10 Ghagh No1</t>
  </si>
  <si>
    <t>9 Ghagh</t>
  </si>
  <si>
    <t>19049</t>
  </si>
  <si>
    <t>3944</t>
  </si>
  <si>
    <t>51965</t>
  </si>
  <si>
    <t>GPS 133 EB P.O 135 E.B</t>
  </si>
  <si>
    <t>BEHLI DILAWAR - MALE</t>
  </si>
  <si>
    <t>133/EB</t>
  </si>
  <si>
    <t>chak 133/EB post office 135/EB Teh .Arifwala. Dist. .Pakpattan.</t>
  </si>
  <si>
    <t>Muhammad Nawaz Khan</t>
  </si>
  <si>
    <t>1593</t>
  </si>
  <si>
    <t>19596</t>
  </si>
  <si>
    <t>11727</t>
  </si>
  <si>
    <t>3929</t>
  </si>
  <si>
    <t>51448</t>
  </si>
  <si>
    <t>GPS NOORA DADU PO PAKPATTAN</t>
  </si>
  <si>
    <t>CHANN PEER - MALE</t>
  </si>
  <si>
    <t>Noora Ahloka</t>
  </si>
  <si>
    <t>GPS NOORA DADU CHAK NOORA AHLOKA</t>
  </si>
  <si>
    <t>Jagga Baloch</t>
  </si>
  <si>
    <t>muhammad jamil</t>
  </si>
  <si>
    <t>12118</t>
  </si>
  <si>
    <t>3510</t>
  </si>
  <si>
    <t>19718</t>
  </si>
  <si>
    <t>20496</t>
  </si>
  <si>
    <t>14590</t>
  </si>
  <si>
    <t>GGPS 279 RB RAFIQ ABAD</t>
  </si>
  <si>
    <t>Rafiqabad</t>
  </si>
  <si>
    <t>RAFIQABAD 279 RB</t>
  </si>
  <si>
    <t>Sadiq Akber</t>
  </si>
  <si>
    <t>Afifa Fatima</t>
  </si>
  <si>
    <t>22575</t>
  </si>
  <si>
    <t>21187</t>
  </si>
  <si>
    <t>36940</t>
  </si>
  <si>
    <t>GPS MODEL 5/D DARKHANA, ABDUL HAKIM</t>
  </si>
  <si>
    <t>Darkhana</t>
  </si>
  <si>
    <t>5d</t>
  </si>
  <si>
    <t>Tasneem Akhtar</t>
  </si>
  <si>
    <t>3322</t>
  </si>
  <si>
    <t>22530</t>
  </si>
  <si>
    <t>48140</t>
  </si>
  <si>
    <t>51089</t>
  </si>
  <si>
    <t>GGPS KOT KHADIM ALI</t>
  </si>
  <si>
    <t>gg p/s kot khadam ali</t>
  </si>
  <si>
    <t>Zahida Khanum</t>
  </si>
  <si>
    <t>37584</t>
  </si>
  <si>
    <t>49176</t>
  </si>
  <si>
    <t>51407</t>
  </si>
  <si>
    <t>GES PACCA SIDHAR</t>
  </si>
  <si>
    <t>Pacca Sridhar</t>
  </si>
  <si>
    <t>Farid Iqbal Anjum</t>
  </si>
  <si>
    <t>35059</t>
  </si>
  <si>
    <t>1312</t>
  </si>
  <si>
    <t>51594</t>
  </si>
  <si>
    <t>GGPS 22 SP</t>
  </si>
  <si>
    <t>CHAKBEDI 2 - FEMALE</t>
  </si>
  <si>
    <t>22sp</t>
  </si>
  <si>
    <t>22 Sp</t>
  </si>
  <si>
    <t>Chak Noor Muhammad</t>
  </si>
  <si>
    <t>5525</t>
  </si>
  <si>
    <t>3934</t>
  </si>
  <si>
    <t>51596</t>
  </si>
  <si>
    <t>GGPS KARTAR PUR PAKPATTAN</t>
  </si>
  <si>
    <t>CHAKBEDI 4 - FEMALE</t>
  </si>
  <si>
    <t>Kartarpur</t>
  </si>
  <si>
    <t>kartarpur</t>
  </si>
  <si>
    <t>Twana Kalan</t>
  </si>
  <si>
    <t>17338</t>
  </si>
  <si>
    <t>15414</t>
  </si>
  <si>
    <t>16925</t>
  </si>
  <si>
    <t>20484</t>
  </si>
  <si>
    <t>GES MUSA DUGGAL</t>
  </si>
  <si>
    <t>Sadar 3</t>
  </si>
  <si>
    <t>Musa duggal P.O.Qila Didar Singh tehsil and district Gujranwala</t>
  </si>
  <si>
    <t>Musa Duggal</t>
  </si>
  <si>
    <t>Chahil Kalan</t>
  </si>
  <si>
    <t>Shamshad Khan</t>
  </si>
  <si>
    <t>14204</t>
  </si>
  <si>
    <t>20169</t>
  </si>
  <si>
    <t>49791</t>
  </si>
  <si>
    <t>GPS CHAK NO.124 SB</t>
  </si>
  <si>
    <t>124 Sb</t>
  </si>
  <si>
    <t>GPS 124 sb</t>
  </si>
  <si>
    <t>Chak No 124 Sb</t>
  </si>
  <si>
    <t>Shaheen Abad</t>
  </si>
  <si>
    <t>9493</t>
  </si>
  <si>
    <t>53431</t>
  </si>
  <si>
    <t>3956</t>
  </si>
  <si>
    <t>GGES CHAK NO.68/DB BAGGI</t>
  </si>
  <si>
    <t>ADDA SOKAR MINNAR - FEMALE</t>
  </si>
  <si>
    <t>68 DB</t>
  </si>
  <si>
    <t>chak no. 68 db baggi po kudwala tehsil yazman distt. bwp</t>
  </si>
  <si>
    <t>68 DB Baggi</t>
  </si>
  <si>
    <t>Chak # 68 DB</t>
  </si>
  <si>
    <t>Nabeela Noor</t>
  </si>
  <si>
    <t>6208</t>
  </si>
  <si>
    <t>13670</t>
  </si>
  <si>
    <t>39808</t>
  </si>
  <si>
    <t>31018</t>
  </si>
  <si>
    <t>GPS HAKIMAN WALA RAIWIND</t>
  </si>
  <si>
    <t>Burhanpura</t>
  </si>
  <si>
    <t>raiwind</t>
  </si>
  <si>
    <t>32403</t>
  </si>
  <si>
    <t>GPS QABAR WALI</t>
  </si>
  <si>
    <t>Qabar Wali Jadeed</t>
  </si>
  <si>
    <t>Qabar wali jadeed p/o Mananwala  these&amp; distt sheikhupura.</t>
  </si>
  <si>
    <t>32560</t>
  </si>
  <si>
    <t>28620</t>
  </si>
  <si>
    <t>4221</t>
  </si>
  <si>
    <t>GGES CHAK NO.68/DB (S)</t>
  </si>
  <si>
    <t>68/db s</t>
  </si>
  <si>
    <t>68/db S</t>
  </si>
  <si>
    <t>68/db  S</t>
  </si>
  <si>
    <t>Sidrah Naz</t>
  </si>
  <si>
    <t>30974</t>
  </si>
  <si>
    <t>GGHS ARRAYIAN</t>
  </si>
  <si>
    <t>Arriyan</t>
  </si>
  <si>
    <t>village arriyan</t>
  </si>
  <si>
    <t>Humaira Zafar</t>
  </si>
  <si>
    <t>1105</t>
  </si>
  <si>
    <t>6953</t>
  </si>
  <si>
    <t>GES DAUWALA</t>
  </si>
  <si>
    <t>Dauwala</t>
  </si>
  <si>
    <t>Sadiqabad- Guddu Road</t>
  </si>
  <si>
    <t>nawazabad</t>
  </si>
  <si>
    <t>Abdul Hakeem</t>
  </si>
  <si>
    <t>14954</t>
  </si>
  <si>
    <t>2646</t>
  </si>
  <si>
    <t>30236</t>
  </si>
  <si>
    <t>GGCMES GLOBE KEER KALAN</t>
  </si>
  <si>
    <t>MODEL TOWN - FEMALE</t>
  </si>
  <si>
    <t>Keer Kallan</t>
  </si>
  <si>
    <t>block 5 sector d1 Keer Kallan green Town Lahore</t>
  </si>
  <si>
    <t>Keer Kallan   Lahore</t>
  </si>
  <si>
    <t>Parveen Akhtar</t>
  </si>
  <si>
    <t>water</t>
  </si>
  <si>
    <t>40770</t>
  </si>
  <si>
    <t>51591</t>
  </si>
  <si>
    <t>GGPS KOT MAN SINGG</t>
  </si>
  <si>
    <t>Kot Man Singh</t>
  </si>
  <si>
    <t>Chak Kot Man Singh</t>
  </si>
  <si>
    <t>Bunga Hayat</t>
  </si>
  <si>
    <t>Zubaida Ashraf</t>
  </si>
  <si>
    <t>4570</t>
  </si>
  <si>
    <t>4252</t>
  </si>
  <si>
    <t>GGPS CHAK NO.63/DB (S)</t>
  </si>
  <si>
    <t>63 Db  S</t>
  </si>
  <si>
    <t>Chak no 63d. b s</t>
  </si>
  <si>
    <t>Toshiba Nargis</t>
  </si>
  <si>
    <t>2356</t>
  </si>
  <si>
    <t>1426</t>
  </si>
  <si>
    <t>33295</t>
  </si>
  <si>
    <t>49096</t>
  </si>
  <si>
    <t>GGPS JATRI NAO WASEER</t>
  </si>
  <si>
    <t>SAFDARABAD-III - FEMALE</t>
  </si>
  <si>
    <t>jatri nou waseer</t>
  </si>
  <si>
    <t>Jhandian Wali</t>
  </si>
  <si>
    <t>SUMAIRA ASLAM</t>
  </si>
  <si>
    <t>18996</t>
  </si>
  <si>
    <t>22740</t>
  </si>
  <si>
    <t>16753</t>
  </si>
  <si>
    <t>32127</t>
  </si>
  <si>
    <t>36434</t>
  </si>
  <si>
    <t>GGPS 65 KB</t>
  </si>
  <si>
    <t>65 Kb</t>
  </si>
  <si>
    <t>chak no 65 kb luddan</t>
  </si>
  <si>
    <t>Mehwish Rasheed</t>
  </si>
  <si>
    <t>30775</t>
  </si>
  <si>
    <t>GGPS CDG  SECTOR A-II TOWNSHIP</t>
  </si>
  <si>
    <t>Township</t>
  </si>
  <si>
    <t>C.D.G.JM.SCHOOL A2 TOWNSHIP LAHOR</t>
  </si>
  <si>
    <t>Munaza Rafiq</t>
  </si>
  <si>
    <t>17723</t>
  </si>
  <si>
    <t>5902</t>
  </si>
  <si>
    <t>GPS EMINA CHAJJA</t>
  </si>
  <si>
    <t>SANTH SAROOLA -MALE</t>
  </si>
  <si>
    <t>Emma Chajja</t>
  </si>
  <si>
    <t>v@p!o mallot Sattian teh Kotli Sattian dist rwp</t>
  </si>
  <si>
    <t>Mallot Sattian</t>
  </si>
  <si>
    <t>aqida bibi</t>
  </si>
  <si>
    <t>15015</t>
  </si>
  <si>
    <t>GGES YAZMAN</t>
  </si>
  <si>
    <t>Yazman</t>
  </si>
  <si>
    <t>GGES yazman</t>
  </si>
  <si>
    <t>10533</t>
  </si>
  <si>
    <t>19431</t>
  </si>
  <si>
    <t>13080</t>
  </si>
  <si>
    <t>42981</t>
  </si>
  <si>
    <t>51409</t>
  </si>
  <si>
    <t>GPS 35 SP</t>
  </si>
  <si>
    <t>35/sp</t>
  </si>
  <si>
    <t>GPS 35/sp pakpattan</t>
  </si>
  <si>
    <t>Chakh 35/sp Pakpattan</t>
  </si>
  <si>
    <t>Khalid Pervaiz Akhtar</t>
  </si>
  <si>
    <t>14572</t>
  </si>
  <si>
    <t>20280</t>
  </si>
  <si>
    <t>31317</t>
  </si>
  <si>
    <t>2820</t>
  </si>
  <si>
    <t>GPS SALOOR</t>
  </si>
  <si>
    <t>KARORE - MALE</t>
  </si>
  <si>
    <t>Iryari</t>
  </si>
  <si>
    <t>PO box Morri village SALOOR</t>
  </si>
  <si>
    <t>SALOOR</t>
  </si>
  <si>
    <t>Nagina Kousar</t>
  </si>
  <si>
    <t>5580</t>
  </si>
  <si>
    <t>6920</t>
  </si>
  <si>
    <t>16624</t>
  </si>
  <si>
    <t>GPS CHAK 556 GB MAMUANKANJAN</t>
  </si>
  <si>
    <t>Nalli Wala</t>
  </si>
  <si>
    <t>Chak # 556 GB Mamunkanjan Teh Tandlianwala Distt Fsd</t>
  </si>
  <si>
    <t>556 GB</t>
  </si>
  <si>
    <t>9137</t>
  </si>
  <si>
    <t>21850</t>
  </si>
  <si>
    <t>48925</t>
  </si>
  <si>
    <t>763</t>
  </si>
  <si>
    <t>31959</t>
  </si>
  <si>
    <t>GGES MOHALLAH RASOOL PURA</t>
  </si>
  <si>
    <t>Farooqabad</t>
  </si>
  <si>
    <t>GGES MOHALA RASOOLPURA FAROOQABAD</t>
  </si>
  <si>
    <t>farooqabad</t>
  </si>
  <si>
    <t>shahmim kousar</t>
  </si>
  <si>
    <t>6281</t>
  </si>
  <si>
    <t>13956</t>
  </si>
  <si>
    <t>GPS GUL KHAN</t>
  </si>
  <si>
    <t>WANG  - MALE</t>
  </si>
  <si>
    <t>Mud Bhoora</t>
  </si>
  <si>
    <t>GPS GULL KHAN</t>
  </si>
  <si>
    <t>Basti Traicheri</t>
  </si>
  <si>
    <t>Rakh Daima</t>
  </si>
  <si>
    <t>Muhammad Muneer</t>
  </si>
  <si>
    <t>37698</t>
  </si>
  <si>
    <t>17698</t>
  </si>
  <si>
    <t>30747</t>
  </si>
  <si>
    <t>GGES CDG NEELAM BLOCK IQBAL TOWN</t>
  </si>
  <si>
    <t>302 Neelam block</t>
  </si>
  <si>
    <t>Neelam Block</t>
  </si>
  <si>
    <t>Gulshan E Iqbal</t>
  </si>
  <si>
    <t>Sadia Naz</t>
  </si>
  <si>
    <t>54099</t>
  </si>
  <si>
    <t>33762</t>
  </si>
  <si>
    <t>GGPS TALAB WALA NO:1 MAUZA TARAF MUBARIK 2ND MULTAN</t>
  </si>
  <si>
    <t>Taraf Mubarak2</t>
  </si>
  <si>
    <t>ggps talabwala</t>
  </si>
  <si>
    <t>Talab Wala</t>
  </si>
  <si>
    <t>18685</t>
  </si>
  <si>
    <t>9985</t>
  </si>
  <si>
    <t>44195</t>
  </si>
  <si>
    <t>GGES KAHOOT</t>
  </si>
  <si>
    <t>kahoot</t>
  </si>
  <si>
    <t>vpo kahoot tehsil Kaler Kaher district Chakwal</t>
  </si>
  <si>
    <t>Kahoot</t>
  </si>
  <si>
    <t>Aqeela Begum</t>
  </si>
  <si>
    <t>1757</t>
  </si>
  <si>
    <t>51417</t>
  </si>
  <si>
    <t>GPS SINGH PURA</t>
  </si>
  <si>
    <t>Singh Pura</t>
  </si>
  <si>
    <t>singh Pura  dist pakpattan post office kalyana</t>
  </si>
  <si>
    <t>Pacca Sadhar</t>
  </si>
  <si>
    <t>Sabir Ali</t>
  </si>
  <si>
    <t>14797</t>
  </si>
  <si>
    <t>21679</t>
  </si>
  <si>
    <t>31282</t>
  </si>
  <si>
    <t>GPS MC JUNIOR MODEL DHOBI MANDI OLD ANARKALI</t>
  </si>
  <si>
    <t>Dhobimandi</t>
  </si>
  <si>
    <t>cdg junior model school dhobimandi old anarkali lahore</t>
  </si>
  <si>
    <t>Old Anarkali</t>
  </si>
  <si>
    <t>Anarkali</t>
  </si>
  <si>
    <t>Bushra Asghar</t>
  </si>
  <si>
    <t>35985</t>
  </si>
  <si>
    <t>7385</t>
  </si>
  <si>
    <t>36442</t>
  </si>
  <si>
    <t>53803</t>
  </si>
  <si>
    <t>GMPS CHAK NO. 26/2-R</t>
  </si>
  <si>
    <t>26/2R</t>
  </si>
  <si>
    <t>chak # 26/2R</t>
  </si>
  <si>
    <t>26 2R</t>
  </si>
  <si>
    <t>25/2R</t>
  </si>
  <si>
    <t>3882</t>
  </si>
  <si>
    <t>1180</t>
  </si>
  <si>
    <t>5778</t>
  </si>
  <si>
    <t>3426</t>
  </si>
  <si>
    <t>GPS RASHID KOT</t>
  </si>
  <si>
    <t>MND-I-MALE</t>
  </si>
  <si>
    <t>Rashid  Kot</t>
  </si>
  <si>
    <t>rashid Kot, Pakpattan Road, Minchinabad</t>
  </si>
  <si>
    <t>Rashid Kot</t>
  </si>
  <si>
    <t>ZAFAR JAMIL</t>
  </si>
  <si>
    <t>GPS CHAK 271 RB II FSD</t>
  </si>
  <si>
    <t>Bharoliyanwala</t>
  </si>
  <si>
    <t>chak no 271 R.B BHROLIYANWALA</t>
  </si>
  <si>
    <t>Bhroliyanwala</t>
  </si>
  <si>
    <t>Cheema Chak</t>
  </si>
  <si>
    <t>Zirwa Tariq</t>
  </si>
  <si>
    <t>7694</t>
  </si>
  <si>
    <t>18984</t>
  </si>
  <si>
    <t>33770</t>
  </si>
  <si>
    <t>36122</t>
  </si>
  <si>
    <t>GGES V BLOCK VEHARI</t>
  </si>
  <si>
    <t>TEMOOR SHAHEED COLONY</t>
  </si>
  <si>
    <t>GOVT. GIRLS ELEMENTORY SCHOOL V.BLOCK VEHARI</t>
  </si>
  <si>
    <t>V. BLOCK</t>
  </si>
  <si>
    <t>TEMOOR SHAHEED Colony</t>
  </si>
  <si>
    <t>Razia Nazli</t>
  </si>
  <si>
    <t>6112</t>
  </si>
  <si>
    <t>367</t>
  </si>
  <si>
    <t>38928</t>
  </si>
  <si>
    <t>21726</t>
  </si>
  <si>
    <t>GPS MC NO.3</t>
  </si>
  <si>
    <t>BHUTA TOWN KAMOKE, GUJRANWALA</t>
  </si>
  <si>
    <t>Kamoke</t>
  </si>
  <si>
    <t>Kamoke-VIII</t>
  </si>
  <si>
    <t>21158</t>
  </si>
  <si>
    <t>4374</t>
  </si>
  <si>
    <t>5055</t>
  </si>
  <si>
    <t>GPS BAGH ALI ARAIN</t>
  </si>
  <si>
    <t>Bagh Ali Arain</t>
  </si>
  <si>
    <t>bagh ali arain</t>
  </si>
  <si>
    <t>Sheikhwahan</t>
  </si>
  <si>
    <t>4318</t>
  </si>
  <si>
    <t>12047</t>
  </si>
  <si>
    <t>GGPS CHAK NO. 141/ML</t>
  </si>
  <si>
    <t>DAIRA DIN PANNAH- FEMALE</t>
  </si>
  <si>
    <t>141ml</t>
  </si>
  <si>
    <t>chak no 141/ml tehsil kotadu dit m.garh</t>
  </si>
  <si>
    <t>Chak No 141/ml</t>
  </si>
  <si>
    <t>518TDA</t>
  </si>
  <si>
    <t>Murrawat Rubab</t>
  </si>
  <si>
    <t>50757</t>
  </si>
  <si>
    <t>GPS MAJHI JAMALERA</t>
  </si>
  <si>
    <t>majhi jamlera post office ada jamler</t>
  </si>
  <si>
    <t>Majhi Jamler</t>
  </si>
  <si>
    <t>20302</t>
  </si>
  <si>
    <t>50969</t>
  </si>
  <si>
    <t>21425</t>
  </si>
  <si>
    <t>GMPS QAZI AMAM SHAH</t>
  </si>
  <si>
    <t>qazi imam shah</t>
  </si>
  <si>
    <t>village qazi imam shah post office lalamusa</t>
  </si>
  <si>
    <t>Miana chak</t>
  </si>
  <si>
    <t>syeda zaira fatima</t>
  </si>
  <si>
    <t>17148</t>
  </si>
  <si>
    <t>30814</t>
  </si>
  <si>
    <t>26046</t>
  </si>
  <si>
    <t>30787</t>
  </si>
  <si>
    <t>GPS MC NABI PURA GULBERG-III</t>
  </si>
  <si>
    <t>Ghose Azam</t>
  </si>
  <si>
    <t>mc nabi pura no.1 gulberg</t>
  </si>
  <si>
    <t>Shahid Mehmood</t>
  </si>
  <si>
    <t>29820</t>
  </si>
  <si>
    <t>29506</t>
  </si>
  <si>
    <t>37576</t>
  </si>
  <si>
    <t>51908</t>
  </si>
  <si>
    <t>GPS CHAK NO. 21 KB</t>
  </si>
  <si>
    <t>21/kb</t>
  </si>
  <si>
    <t>check no 21/KB the.Arifwala district pakpattan</t>
  </si>
  <si>
    <t>Jamu Bodla</t>
  </si>
  <si>
    <t>Zahid Aslam</t>
  </si>
  <si>
    <t>7379</t>
  </si>
  <si>
    <t>45625</t>
  </si>
  <si>
    <t>44555</t>
  </si>
  <si>
    <t>4376</t>
  </si>
  <si>
    <t>GPS ZAUR WALA</t>
  </si>
  <si>
    <t>Kot Haibat</t>
  </si>
  <si>
    <t>kot haibat</t>
  </si>
  <si>
    <t>3611</t>
  </si>
  <si>
    <t>3008</t>
  </si>
  <si>
    <t>GPS NABI BUKHSH KHOR</t>
  </si>
  <si>
    <t>MAHAND SHARIF - MALE</t>
  </si>
  <si>
    <t>Mahand</t>
  </si>
  <si>
    <t>Basti Nabi Bux Khor Mouza Mahand P/o Mahand Tehsil Ahmad Pur East District Bahawalpur</t>
  </si>
  <si>
    <t>Basti Nabi Bux Khor</t>
  </si>
  <si>
    <t>21512</t>
  </si>
  <si>
    <t>39507</t>
  </si>
  <si>
    <t>GGHS HADDOWALI</t>
  </si>
  <si>
    <t>Chhab</t>
  </si>
  <si>
    <t>Vpo Haddowali Teh Jand Attock</t>
  </si>
  <si>
    <t>Haddowali</t>
  </si>
  <si>
    <t>Tarap</t>
  </si>
  <si>
    <t>Shazia Naureen</t>
  </si>
  <si>
    <t>63920</t>
  </si>
  <si>
    <t>25440</t>
  </si>
  <si>
    <t>25678</t>
  </si>
  <si>
    <t>24875</t>
  </si>
  <si>
    <t>52436</t>
  </si>
  <si>
    <t>GPS CHAK NO.18-D</t>
  </si>
  <si>
    <t>18/d</t>
  </si>
  <si>
    <t>chack no.18/d tehsil depalpur district   okara</t>
  </si>
  <si>
    <t>Chack no18/d</t>
  </si>
  <si>
    <t>dhool choorh</t>
  </si>
  <si>
    <t>21247</t>
  </si>
  <si>
    <t>51415</t>
  </si>
  <si>
    <t>GPS TAI JAWIND SINGH</t>
  </si>
  <si>
    <t>Tahi</t>
  </si>
  <si>
    <t>khalid mahmood GPS TAHI JAWIND SINGH  DIST pakpattan</t>
  </si>
  <si>
    <t>Tahi Jawind Singh</t>
  </si>
  <si>
    <t>2976</t>
  </si>
  <si>
    <t>32671</t>
  </si>
  <si>
    <t>15916</t>
  </si>
  <si>
    <t>GPS CHAK 271 RB I FSD</t>
  </si>
  <si>
    <t>Lehrian</t>
  </si>
  <si>
    <t>chak 271 R.B.</t>
  </si>
  <si>
    <t>Chak # 271 RB</t>
  </si>
  <si>
    <t>Muhammad Talha Javed</t>
  </si>
  <si>
    <t>10072</t>
  </si>
  <si>
    <t>15430</t>
  </si>
  <si>
    <t>10910</t>
  </si>
  <si>
    <t>7795</t>
  </si>
  <si>
    <t>1310</t>
  </si>
  <si>
    <t>4739</t>
  </si>
  <si>
    <t>10203</t>
  </si>
  <si>
    <t>GGPS MOHSAN SHAH</t>
  </si>
  <si>
    <t>ROSHAN SHAH FEMALE</t>
  </si>
  <si>
    <t>mohsan shah</t>
  </si>
  <si>
    <t>mohsan shah moza mohsan shah Tehsil Karor Lal Eason District Layyah.</t>
  </si>
  <si>
    <t>roshan shah</t>
  </si>
  <si>
    <t>kousar parveen</t>
  </si>
  <si>
    <t>23222</t>
  </si>
  <si>
    <t>13302</t>
  </si>
  <si>
    <t>27326</t>
  </si>
  <si>
    <t>50912</t>
  </si>
  <si>
    <t>GPS 72/5-L</t>
  </si>
  <si>
    <t>72s/5L</t>
  </si>
  <si>
    <t>Liaqat ali</t>
  </si>
  <si>
    <t>Electrial pump</t>
  </si>
  <si>
    <t>26395</t>
  </si>
  <si>
    <t>41040</t>
  </si>
  <si>
    <t>11821</t>
  </si>
  <si>
    <t>GGPS TOUQEER ABAD</t>
  </si>
  <si>
    <t>Mansa Ram Sundila</t>
  </si>
  <si>
    <t>Basti Karak wala Moza ManSa Ram Sundila</t>
  </si>
  <si>
    <t>Basti Karak Wasa</t>
  </si>
  <si>
    <t>Douna</t>
  </si>
  <si>
    <t>Kalsoom BIBI</t>
  </si>
  <si>
    <t>17520</t>
  </si>
  <si>
    <t>15811</t>
  </si>
  <si>
    <t>37204</t>
  </si>
  <si>
    <t>GES 15/8-R, KACHA KHUH</t>
  </si>
  <si>
    <t>15/8- R</t>
  </si>
  <si>
    <t>Chak # 15/8-R markaz kacha khuh Khanewal</t>
  </si>
  <si>
    <t>15/8-R</t>
  </si>
  <si>
    <t>14/8-R Gull Abad</t>
  </si>
  <si>
    <t>Muhammad Saeed Ahmad</t>
  </si>
  <si>
    <t>9695</t>
  </si>
  <si>
    <t>20740</t>
  </si>
  <si>
    <t>11408</t>
  </si>
  <si>
    <t>24071</t>
  </si>
  <si>
    <t>34276</t>
  </si>
  <si>
    <t>53451</t>
  </si>
  <si>
    <t>GGPS HUSSAIN COLONY</t>
  </si>
  <si>
    <t>Hussain Colony</t>
  </si>
  <si>
    <t>Hussain colony</t>
  </si>
  <si>
    <t>Nasreen Ahktar</t>
  </si>
  <si>
    <t>868</t>
  </si>
  <si>
    <t>6846</t>
  </si>
  <si>
    <t>24826</t>
  </si>
  <si>
    <t>51410</t>
  </si>
  <si>
    <t>GPS BAHU KEY DOGAR</t>
  </si>
  <si>
    <t>Bahu Kay Dogar</t>
  </si>
  <si>
    <t>Chak Bahu Kay Dogar Pakpattan</t>
  </si>
  <si>
    <t>14556</t>
  </si>
  <si>
    <t>9193</t>
  </si>
  <si>
    <t>21703</t>
  </si>
  <si>
    <t>GPS TATLAY ROAD KAMOKE</t>
  </si>
  <si>
    <t>Mohallah Sadarabad Kamoke</t>
  </si>
  <si>
    <t>Sadarabad</t>
  </si>
  <si>
    <t>Kamoke-I</t>
  </si>
  <si>
    <t>Hakim Tahir</t>
  </si>
  <si>
    <t>44445</t>
  </si>
  <si>
    <t>7338</t>
  </si>
  <si>
    <t>21765</t>
  </si>
  <si>
    <t>GHS NATHU SIVIA</t>
  </si>
  <si>
    <t>Nathu Sivia</t>
  </si>
  <si>
    <t>nathu sivia PO chabba sandhuwan tehsil noshehra virkan district gujranwala</t>
  </si>
  <si>
    <t>Urgn</t>
  </si>
  <si>
    <t>Sufian Ahmad</t>
  </si>
  <si>
    <t>11409</t>
  </si>
  <si>
    <t>54744</t>
  </si>
  <si>
    <t>35746</t>
  </si>
  <si>
    <t>GPS CHAK NO 119 WB</t>
  </si>
  <si>
    <t>Chak No 119 W/B</t>
  </si>
  <si>
    <t>Chak No 119 W /B</t>
  </si>
  <si>
    <t>Kaleemullah</t>
  </si>
  <si>
    <t>19387</t>
  </si>
  <si>
    <t>10343</t>
  </si>
  <si>
    <t>GGPS CHAK NO 305 TDA</t>
  </si>
  <si>
    <t>305 Tda</t>
  </si>
  <si>
    <t>chak no 305 tda</t>
  </si>
  <si>
    <t>Chak No 305 Tda</t>
  </si>
  <si>
    <t>Nosherathal Kalan</t>
  </si>
  <si>
    <t>RUQIA BANO</t>
  </si>
  <si>
    <t>10045</t>
  </si>
  <si>
    <t>9955</t>
  </si>
  <si>
    <t>43505</t>
  </si>
  <si>
    <t>53830</t>
  </si>
  <si>
    <t>GGES CHAK NO.9/1R</t>
  </si>
  <si>
    <t>9/1 R</t>
  </si>
  <si>
    <t>Chak no 9/1R</t>
  </si>
  <si>
    <t>9/1R</t>
  </si>
  <si>
    <t>7/1R Fojyan Wala</t>
  </si>
  <si>
    <t>Samina  Asrar</t>
  </si>
  <si>
    <t>23640</t>
  </si>
  <si>
    <t>10457</t>
  </si>
  <si>
    <t>27719</t>
  </si>
  <si>
    <t>26719</t>
  </si>
  <si>
    <t>31382</t>
  </si>
  <si>
    <t>GPS SUGGIAN KALAN</t>
  </si>
  <si>
    <t>Suggian Kalan</t>
  </si>
  <si>
    <t>suggian kalan</t>
  </si>
  <si>
    <t>Faiz Pur</t>
  </si>
  <si>
    <t>Muhammad Malik</t>
  </si>
  <si>
    <t>401</t>
  </si>
  <si>
    <t>12625</t>
  </si>
  <si>
    <t>18937</t>
  </si>
  <si>
    <t>51554</t>
  </si>
  <si>
    <t>1437</t>
  </si>
  <si>
    <t>31535</t>
  </si>
  <si>
    <t>GGHS AHDIAN</t>
  </si>
  <si>
    <t>Ahdian</t>
  </si>
  <si>
    <t>GGHSAhdian</t>
  </si>
  <si>
    <t>Fauzia Sattar</t>
  </si>
  <si>
    <t>30651</t>
  </si>
  <si>
    <t>GGES KOT DUNI CHAND GT ROAD</t>
  </si>
  <si>
    <t>Kot Duni Chand</t>
  </si>
  <si>
    <t>kot duni chand</t>
  </si>
  <si>
    <t>Handoo Gujar</t>
  </si>
  <si>
    <t>Maria Iftikhar</t>
  </si>
  <si>
    <t>14241</t>
  </si>
  <si>
    <t>26984</t>
  </si>
  <si>
    <t>5346</t>
  </si>
  <si>
    <t>54717</t>
  </si>
  <si>
    <t>GPS THATHA SANDRANA</t>
  </si>
  <si>
    <t>HALLA KHICHIAN-MALE</t>
  </si>
  <si>
    <t>Thatha Sandrana</t>
  </si>
  <si>
    <t>thatha Sandrana Post office chaind Pur Tehsil &amp; District. Nankana Sahib</t>
  </si>
  <si>
    <t>Chaind Pur</t>
  </si>
  <si>
    <t>Abdulgahfoor</t>
  </si>
  <si>
    <t>4182</t>
  </si>
  <si>
    <t>GGPS BALOCHI WALA</t>
  </si>
  <si>
    <t>Marhanwali</t>
  </si>
  <si>
    <t>G g primary school balouchi wala</t>
  </si>
  <si>
    <t>Balouchi Wala</t>
  </si>
  <si>
    <t>Aasma batool</t>
  </si>
  <si>
    <t>13096</t>
  </si>
  <si>
    <t>30697</t>
  </si>
  <si>
    <t>GGHS BHOGAN</t>
  </si>
  <si>
    <t>Heir</t>
  </si>
  <si>
    <t>post office lakhoki bohgan lhr cantt</t>
  </si>
  <si>
    <t>Bohgan</t>
  </si>
  <si>
    <t>Jahman</t>
  </si>
  <si>
    <t>Rani Raqia</t>
  </si>
  <si>
    <t>47047</t>
  </si>
  <si>
    <t>50684</t>
  </si>
  <si>
    <t>GHS 64/5-L YOUSAF WALA</t>
  </si>
  <si>
    <t>Yousaf Wala</t>
  </si>
  <si>
    <t>CHAK# 64/5L YOUSAFWALA SAHIWAL</t>
  </si>
  <si>
    <t>Chak 64/5L</t>
  </si>
  <si>
    <t>CHAK  65/5-L</t>
  </si>
  <si>
    <t>74800</t>
  </si>
  <si>
    <t>1298</t>
  </si>
  <si>
    <t>46210</t>
  </si>
  <si>
    <t>GPS DERA ZAHID WALA</t>
  </si>
  <si>
    <t>Nawan Saggu</t>
  </si>
  <si>
    <t>GPS Dera Zahid Wala Katimar Noor Pur Thal Khushab</t>
  </si>
  <si>
    <t>Katimar</t>
  </si>
  <si>
    <t>Jherkil</t>
  </si>
  <si>
    <t>30859</t>
  </si>
  <si>
    <t>51493</t>
  </si>
  <si>
    <t>39623</t>
  </si>
  <si>
    <t>GPS DHOK NILHAD</t>
  </si>
  <si>
    <t>CHHEB - MALE</t>
  </si>
  <si>
    <t>Makhad Sharif</t>
  </si>
  <si>
    <t>District Attock  Tehsil Jand P/O Makhad Sharif , Dhoke Nilhad</t>
  </si>
  <si>
    <t>Dk Nilhad</t>
  </si>
  <si>
    <t>Sajjad Ahmed</t>
  </si>
  <si>
    <t>3543</t>
  </si>
  <si>
    <t>13008</t>
  </si>
  <si>
    <t>29604</t>
  </si>
  <si>
    <t>43304</t>
  </si>
  <si>
    <t>GPS BIKHARI KHURD</t>
  </si>
  <si>
    <t>bikhari Khurd</t>
  </si>
  <si>
    <t>bikhari khurd</t>
  </si>
  <si>
    <t>Bikhari Khurd</t>
  </si>
  <si>
    <t>ABDUL KHALIL</t>
  </si>
  <si>
    <t>13767</t>
  </si>
  <si>
    <t>11911</t>
  </si>
  <si>
    <t>14149</t>
  </si>
  <si>
    <t>24149</t>
  </si>
  <si>
    <t>41155</t>
  </si>
  <si>
    <t>GMPS BAGLA</t>
  </si>
  <si>
    <t>Bagla</t>
  </si>
  <si>
    <t>vill bagla p.o.matore teh kahuta dist rwp</t>
  </si>
  <si>
    <t>sidra mehtab</t>
  </si>
  <si>
    <t>3662</t>
  </si>
  <si>
    <t>5720</t>
  </si>
  <si>
    <t>GPS CHAK NO.33/3-R AB</t>
  </si>
  <si>
    <t>HND-10-MALE</t>
  </si>
  <si>
    <t>33/3R Ab</t>
  </si>
  <si>
    <t>chak no 33/3R ab HND BWN</t>
  </si>
  <si>
    <t>33/3R</t>
  </si>
  <si>
    <t>Chak No 33/3R</t>
  </si>
  <si>
    <t>9653</t>
  </si>
  <si>
    <t>GPS CHAK NO 125 ML</t>
  </si>
  <si>
    <t>chak no 125 ML Chau bara layyah</t>
  </si>
  <si>
    <t>Chak 125 ML</t>
  </si>
  <si>
    <t>27860</t>
  </si>
  <si>
    <t>15860</t>
  </si>
  <si>
    <t>37196</t>
  </si>
  <si>
    <t>GPS 26/10-R  RAHIM ABAD, KACHA KHUH</t>
  </si>
  <si>
    <t>26/10r RAHIMABAD</t>
  </si>
  <si>
    <t>GPS 26/10.r RAHIMABAD</t>
  </si>
  <si>
    <t>Chack NO 30/10r</t>
  </si>
  <si>
    <t>TARIQ AZIZ</t>
  </si>
  <si>
    <t>4100</t>
  </si>
  <si>
    <t>16965</t>
  </si>
  <si>
    <t>40637</t>
  </si>
  <si>
    <t>5856</t>
  </si>
  <si>
    <t>42620</t>
  </si>
  <si>
    <t>GMPS KHAN PUR</t>
  </si>
  <si>
    <t>GULYANA-FEMALE</t>
  </si>
  <si>
    <t>village Khanpur po thathi tehsil gujarkhan distt rwp</t>
  </si>
  <si>
    <t>Thathi</t>
  </si>
  <si>
    <t>Robina Begum</t>
  </si>
  <si>
    <t>35745</t>
  </si>
  <si>
    <t>GES SHATAB GARH</t>
  </si>
  <si>
    <t>shatab garh</t>
  </si>
  <si>
    <t>Ali Ahmad</t>
  </si>
  <si>
    <t>3815</t>
  </si>
  <si>
    <t>7450</t>
  </si>
  <si>
    <t>33190</t>
  </si>
  <si>
    <t>2598</t>
  </si>
  <si>
    <t>GPS WAHI QADIR DINA</t>
  </si>
  <si>
    <t>Wahi Qadir Dina</t>
  </si>
  <si>
    <t>BASTI RAHRI NEAR DERA BOBAK,MOUZA WAHI QADIR DEENA.</t>
  </si>
  <si>
    <t>Rahri</t>
  </si>
  <si>
    <t>TiBBi AZZIT</t>
  </si>
  <si>
    <t>Jahangir Saeed</t>
  </si>
  <si>
    <t>23950</t>
  </si>
  <si>
    <t>17093</t>
  </si>
  <si>
    <t>GPS BASTI DR. ABDUL AZIZ</t>
  </si>
  <si>
    <t>Chak Koryana J</t>
  </si>
  <si>
    <t>Basti Dr Abdul Aziz Chak Koryana Janoobi Jhang</t>
  </si>
  <si>
    <t>Chak Koryana Janubi</t>
  </si>
  <si>
    <t>Cheikh Chohar</t>
  </si>
  <si>
    <t>Muhammad Said Zaman</t>
  </si>
  <si>
    <t>8309</t>
  </si>
  <si>
    <t>36205</t>
  </si>
  <si>
    <t>48745</t>
  </si>
  <si>
    <t>GHS SULTAN ABAD SGD</t>
  </si>
  <si>
    <t>PAF Road Sargodha</t>
  </si>
  <si>
    <t>MUHAMMAD NAZIR</t>
  </si>
  <si>
    <t>13300</t>
  </si>
  <si>
    <t>28281</t>
  </si>
  <si>
    <t>15230</t>
  </si>
  <si>
    <t>GGPS CHAK 216 RB II MUHAMMAD WALA KHURRIANWALA</t>
  </si>
  <si>
    <t>Chak number 216 rb ii muhammad wala</t>
  </si>
  <si>
    <t>216 Rb II</t>
  </si>
  <si>
    <t>109 Roda</t>
  </si>
  <si>
    <t>46345</t>
  </si>
  <si>
    <t>46200</t>
  </si>
  <si>
    <t>1509</t>
  </si>
  <si>
    <t>25202</t>
  </si>
  <si>
    <t>GMES REHMAT ABAD</t>
  </si>
  <si>
    <t>SADDAR - FEMALE</t>
  </si>
  <si>
    <t>Rehmat Abad</t>
  </si>
  <si>
    <t>village Rehmat abad p/o box pertanwali</t>
  </si>
  <si>
    <t>Pertanwali</t>
  </si>
  <si>
    <t>3652</t>
  </si>
  <si>
    <t>23577</t>
  </si>
  <si>
    <t>8756</t>
  </si>
  <si>
    <t>14575</t>
  </si>
  <si>
    <t>GGPS MC MOTGHUMERY BAZAR FSD</t>
  </si>
  <si>
    <t>Montgumery Bazar</t>
  </si>
  <si>
    <t>Tika street no 2. Montgumery Bazar . Faisalabad</t>
  </si>
  <si>
    <t>Clock Tower</t>
  </si>
  <si>
    <t>Rafiqa Bano</t>
  </si>
  <si>
    <t>23537</t>
  </si>
  <si>
    <t>23670</t>
  </si>
  <si>
    <t>18923</t>
  </si>
  <si>
    <t>Pakhiwar</t>
  </si>
  <si>
    <t>busti Ahmed nagar moza pakhiwar teh Liaqat pur</t>
  </si>
  <si>
    <t>Ahmed Nagar</t>
  </si>
  <si>
    <t>Ghooka</t>
  </si>
  <si>
    <t>Muhammad Rafiq Bhatti</t>
  </si>
  <si>
    <t>40097</t>
  </si>
  <si>
    <t>GGHS AV MUSLIM JHELUM</t>
  </si>
  <si>
    <t>islam pura</t>
  </si>
  <si>
    <t>Jun-17</t>
  </si>
  <si>
    <t>LUBNA QAISER</t>
  </si>
  <si>
    <t>938</t>
  </si>
  <si>
    <t>35023</t>
  </si>
  <si>
    <t>3054</t>
  </si>
  <si>
    <t>43383</t>
  </si>
  <si>
    <t>GGPS KOT SAR FARAZ, CHAKWAL</t>
  </si>
  <si>
    <t>CHAKWAL-III-FEMALE</t>
  </si>
  <si>
    <t>GGPS Kot Sarfraz Khan Chakwal</t>
  </si>
  <si>
    <t>Mumtaz Bano</t>
  </si>
  <si>
    <t>16155</t>
  </si>
  <si>
    <t>GGES CHAK NO 87 GB</t>
  </si>
  <si>
    <t>Baby Di Bal</t>
  </si>
  <si>
    <t>87 GB</t>
  </si>
  <si>
    <t>Farhat Un Nisa</t>
  </si>
  <si>
    <t>3325</t>
  </si>
  <si>
    <t>28700</t>
  </si>
  <si>
    <t>25375</t>
  </si>
  <si>
    <t>4770</t>
  </si>
  <si>
    <t>45485</t>
  </si>
  <si>
    <t>GPS JHOK SINGHAR</t>
  </si>
  <si>
    <t>HASSAN SHAH- MALE</t>
  </si>
  <si>
    <t>Weha</t>
  </si>
  <si>
    <t>jhoke singhar</t>
  </si>
  <si>
    <t>Jhoke Singhar</t>
  </si>
  <si>
    <t>Kharal</t>
  </si>
  <si>
    <t>48179</t>
  </si>
  <si>
    <t>50530</t>
  </si>
  <si>
    <t>GGPS 174-75/9-L</t>
  </si>
  <si>
    <t>SHERWALA-B-FEMALE</t>
  </si>
  <si>
    <t>174-75/9-L</t>
  </si>
  <si>
    <t>ggps174-75/9-L</t>
  </si>
  <si>
    <t>162/9-L</t>
  </si>
  <si>
    <t>Ushna Asif</t>
  </si>
  <si>
    <t>13225</t>
  </si>
  <si>
    <t>30134</t>
  </si>
  <si>
    <t>GHS HAIR LAHORE CANTT</t>
  </si>
  <si>
    <t>HEIR</t>
  </si>
  <si>
    <t>VILLAGE HEIR P.O. HEIR LAHORE CANTT</t>
  </si>
  <si>
    <t>IFTIKHAR AHMAD</t>
  </si>
  <si>
    <t>FILTER PLANT</t>
  </si>
  <si>
    <t>13271</t>
  </si>
  <si>
    <t>53963</t>
  </si>
  <si>
    <t>GGPS 595 GB</t>
  </si>
  <si>
    <t>Chak no 595 GB</t>
  </si>
  <si>
    <t>Chak No 597 GB Bhutty</t>
  </si>
  <si>
    <t>Neelam Boota</t>
  </si>
  <si>
    <t>8697</t>
  </si>
  <si>
    <t>46673</t>
  </si>
  <si>
    <t>5443</t>
  </si>
  <si>
    <t>19994</t>
  </si>
  <si>
    <t>GPS KOT AHMAD YAR</t>
  </si>
  <si>
    <t>AEO (M) CHINIOT NO.40</t>
  </si>
  <si>
    <t>Kot Ahmad Yar</t>
  </si>
  <si>
    <t>kot Ahmad yar</t>
  </si>
  <si>
    <t>Rajoya</t>
  </si>
  <si>
    <t>Asif Ali</t>
  </si>
  <si>
    <t>2830</t>
  </si>
  <si>
    <t>7598</t>
  </si>
  <si>
    <t>4768</t>
  </si>
  <si>
    <t>11842</t>
  </si>
  <si>
    <t>GGPS JAMAL WALA</t>
  </si>
  <si>
    <t>MEHMOOD KOT- FEMALE</t>
  </si>
  <si>
    <t>Panwar shumali</t>
  </si>
  <si>
    <t>basti walli wala mouza panwar shumali Mehmood kot city</t>
  </si>
  <si>
    <t>Walli Wala</t>
  </si>
  <si>
    <t>Mehmood kot</t>
  </si>
  <si>
    <t>Amir Bano</t>
  </si>
  <si>
    <t>53443</t>
  </si>
  <si>
    <t>GGES GHAZI ABAD</t>
  </si>
  <si>
    <t>ghazi abad</t>
  </si>
  <si>
    <t>g girls E school ghazi abad</t>
  </si>
  <si>
    <t>urban</t>
  </si>
  <si>
    <t>glass factory</t>
  </si>
  <si>
    <t>Rukhsana Azhar</t>
  </si>
  <si>
    <t>17014</t>
  </si>
  <si>
    <t>51032</t>
  </si>
  <si>
    <t>GPS 118/9-L GHUNNA</t>
  </si>
  <si>
    <t>118/9-L GHUNNAH</t>
  </si>
  <si>
    <t>118/9-L</t>
  </si>
  <si>
    <t>119/9-L</t>
  </si>
  <si>
    <t>4330</t>
  </si>
  <si>
    <t>7630</t>
  </si>
  <si>
    <t>9623</t>
  </si>
  <si>
    <t>25846</t>
  </si>
  <si>
    <t>GGES NARANG CHAINA</t>
  </si>
  <si>
    <t>RAYYA KHAS-FEMALE</t>
  </si>
  <si>
    <t>Narang Chaina</t>
  </si>
  <si>
    <t>village narang chaina</t>
  </si>
  <si>
    <t>Bhenian</t>
  </si>
  <si>
    <t>Anila Jabeen</t>
  </si>
  <si>
    <t>21991</t>
  </si>
  <si>
    <t>37232</t>
  </si>
  <si>
    <t>GGPS 6-A/10-R (15/V), KHANEWAL</t>
  </si>
  <si>
    <t>15/v</t>
  </si>
  <si>
    <t>Chak no. 15/v tehsil khanewal district khanewal</t>
  </si>
  <si>
    <t>16/v</t>
  </si>
  <si>
    <t>Farzana Sadaf</t>
  </si>
  <si>
    <t>47839</t>
  </si>
  <si>
    <t>34914</t>
  </si>
  <si>
    <t>1734</t>
  </si>
  <si>
    <t>GHS SARAI SIDHU</t>
  </si>
  <si>
    <t>Sarai sidhu</t>
  </si>
  <si>
    <t>1869</t>
  </si>
  <si>
    <t>15908</t>
  </si>
  <si>
    <t>GPS CHAK 263 RB MARZI PUR FSD</t>
  </si>
  <si>
    <t>Dijkot</t>
  </si>
  <si>
    <t>Chak 263 Rb 5 marzi pura Dijkot</t>
  </si>
  <si>
    <t>Town Commety Dijkot</t>
  </si>
  <si>
    <t>7625</t>
  </si>
  <si>
    <t>12670</t>
  </si>
  <si>
    <t>42403</t>
  </si>
  <si>
    <t>2121</t>
  </si>
  <si>
    <t>15587</t>
  </si>
  <si>
    <t>GGPS CHAK 389 GB SAMUNDRI</t>
  </si>
  <si>
    <t>389 GB</t>
  </si>
  <si>
    <t>ggps 389gb</t>
  </si>
  <si>
    <t>Chak 389 Gb</t>
  </si>
  <si>
    <t>Ward #17 467gb</t>
  </si>
  <si>
    <t>Shahnaz Akther</t>
  </si>
  <si>
    <t>36551</t>
  </si>
  <si>
    <t>17892</t>
  </si>
  <si>
    <t>GPS CHAK NOOR SHAH</t>
  </si>
  <si>
    <t>Chak Noor Shah</t>
  </si>
  <si>
    <t>GPS chak noor shah jhang city</t>
  </si>
  <si>
    <t>Noor Shah</t>
  </si>
  <si>
    <t>Mc Ward 3</t>
  </si>
  <si>
    <t>Muhammad ASHRAF</t>
  </si>
  <si>
    <t>13376</t>
  </si>
  <si>
    <t>13210</t>
  </si>
  <si>
    <t>32747</t>
  </si>
  <si>
    <t>GPS KHANPUR SAHWAN</t>
  </si>
  <si>
    <t>Khanpur Sahwan</t>
  </si>
  <si>
    <t>Khanpur Sahwan P/O Bara Ghar</t>
  </si>
  <si>
    <t>Chaindpur</t>
  </si>
  <si>
    <t>ALLAH RAKHA</t>
  </si>
  <si>
    <t>5356</t>
  </si>
  <si>
    <t>GPS CHAK NO 129 NP</t>
  </si>
  <si>
    <t>Chak No 129NP</t>
  </si>
  <si>
    <t>chak no 129NP TEH.liaquatpur Dist. rahim yar khan</t>
  </si>
  <si>
    <t>Chak No129NP</t>
  </si>
  <si>
    <t>20377</t>
  </si>
  <si>
    <t>51036</t>
  </si>
  <si>
    <t>GPS 121/9-L ABADI KODAN WALA</t>
  </si>
  <si>
    <t>Abadi Kodhan</t>
  </si>
  <si>
    <t>chak number 121/9.L Abadi kodhan</t>
  </si>
  <si>
    <t>121/9L Abadi Kodhan</t>
  </si>
  <si>
    <t>153/9L</t>
  </si>
  <si>
    <t>Arshad Ahmad Akhter</t>
  </si>
  <si>
    <t>13851</t>
  </si>
  <si>
    <t>19884</t>
  </si>
  <si>
    <t>GMPS OBHAN</t>
  </si>
  <si>
    <t>Obhan</t>
  </si>
  <si>
    <t>moza obhan tehsil Bhowana district chiniot</t>
  </si>
  <si>
    <t>Samundr</t>
  </si>
  <si>
    <t>Sajeela Khursheed</t>
  </si>
  <si>
    <t>17176</t>
  </si>
  <si>
    <t>52226</t>
  </si>
  <si>
    <t>GHS DHARMAY WALA</t>
  </si>
  <si>
    <t>dharmaywala</t>
  </si>
  <si>
    <t>dharmaywala tehsil depal pur okara</t>
  </si>
  <si>
    <t>Muhammad  Arshad Nadeem</t>
  </si>
  <si>
    <t>1799</t>
  </si>
  <si>
    <t>42451</t>
  </si>
  <si>
    <t>GGHS DHONG</t>
  </si>
  <si>
    <t>dhoong</t>
  </si>
  <si>
    <t>GGH/S DHOONG P/O DHOONG TEHSIL GUJAR KHAN DISTT RWP</t>
  </si>
  <si>
    <t>AHDI</t>
  </si>
  <si>
    <t>MARIA  NAZIR</t>
  </si>
  <si>
    <t>29345</t>
  </si>
  <si>
    <t>11940</t>
  </si>
  <si>
    <t>32908</t>
  </si>
  <si>
    <t>GGES BASTI SULTAN WALI</t>
  </si>
  <si>
    <t>SULTAN COLONY-FEMALE</t>
  </si>
  <si>
    <t>Patti Naich Sinawia</t>
  </si>
  <si>
    <t>Basti Sultan wali moza patti naich post office sinawia</t>
  </si>
  <si>
    <t>Basti Sultan wali</t>
  </si>
  <si>
    <t>HAMEEDA BALOUCH</t>
  </si>
  <si>
    <t>39600</t>
  </si>
  <si>
    <t>50640</t>
  </si>
  <si>
    <t>GGCMS 178/9-L</t>
  </si>
  <si>
    <t>178/9l</t>
  </si>
  <si>
    <t>chak no 178/9l</t>
  </si>
  <si>
    <t>180/9l</t>
  </si>
  <si>
    <t>GULSHAN GHOAUS</t>
  </si>
  <si>
    <t>17646</t>
  </si>
  <si>
    <t>2376</t>
  </si>
  <si>
    <t>7402</t>
  </si>
  <si>
    <t>38869</t>
  </si>
  <si>
    <t>GGES DHOK GAMA</t>
  </si>
  <si>
    <t>Dhok Gama</t>
  </si>
  <si>
    <t>dhok Gama</t>
  </si>
  <si>
    <t>Sobia Mehmood</t>
  </si>
  <si>
    <t>17092</t>
  </si>
  <si>
    <t>GPS DERA NAWAB</t>
  </si>
  <si>
    <t>Kurana Janobi</t>
  </si>
  <si>
    <t>link road near sufi more moza kurana Janobi</t>
  </si>
  <si>
    <t>Dera Hawaldar</t>
  </si>
  <si>
    <t>Shiekh Chuhar</t>
  </si>
  <si>
    <t>Muhammad Majid</t>
  </si>
  <si>
    <t>15237</t>
  </si>
  <si>
    <t>14881</t>
  </si>
  <si>
    <t>GPS 53 RB I</t>
  </si>
  <si>
    <t>53 RB I SARHALI</t>
  </si>
  <si>
    <t>CHAK NO. 53 RB (l), SARHALI, TEHSIL JARANAWALA, DISTRICT FAISALABAD.</t>
  </si>
  <si>
    <t>MUHAMMAD WAHEED</t>
  </si>
  <si>
    <t>1847</t>
  </si>
  <si>
    <t>53101</t>
  </si>
  <si>
    <t>GES CHAK 42/3R</t>
  </si>
  <si>
    <t>Chak 42/3R Pathanwala</t>
  </si>
  <si>
    <t>Chak 42/3R</t>
  </si>
  <si>
    <t>Sachanwala</t>
  </si>
  <si>
    <t>Muhammad Arif Dar</t>
  </si>
  <si>
    <t>6534</t>
  </si>
  <si>
    <t>21191</t>
  </si>
  <si>
    <t>18509</t>
  </si>
  <si>
    <t>45910</t>
  </si>
  <si>
    <t>GGPS DHOK BALAL KHB</t>
  </si>
  <si>
    <t>TALOKER (FEMALE)</t>
  </si>
  <si>
    <t>Badliwala</t>
  </si>
  <si>
    <t>mohala anwarabad badliwala khushab</t>
  </si>
  <si>
    <t>Riffat Batool</t>
  </si>
  <si>
    <t>47300</t>
  </si>
  <si>
    <t>50730</t>
  </si>
  <si>
    <t>GGHS 55/4-R</t>
  </si>
  <si>
    <t>Chak No. 55/4-R</t>
  </si>
  <si>
    <t>GGHS 55/4-R SAHIWAL,Chak No. 55/4-R,Tehsil &amp; District Sahiwal</t>
  </si>
  <si>
    <t>61/4-r</t>
  </si>
  <si>
    <t>Bushra Anjum</t>
  </si>
  <si>
    <t>53011</t>
  </si>
  <si>
    <t>GPS DARBAR HABEBIA</t>
  </si>
  <si>
    <t>Dogar Kalasra</t>
  </si>
  <si>
    <t>Basti Peer mitha moza dogar kalasra p/O Sinawan</t>
  </si>
  <si>
    <t>Peer Mitha</t>
  </si>
  <si>
    <t>Muhammad  Mazhar  Iqbal</t>
  </si>
  <si>
    <t>GES HAFIZ WALA</t>
  </si>
  <si>
    <t>Hafiz Wala</t>
  </si>
  <si>
    <t>Hafiz wala Bahawalnagar</t>
  </si>
  <si>
    <t>Muhammad Jamil Bhutta</t>
  </si>
  <si>
    <t>11961</t>
  </si>
  <si>
    <t>24600</t>
  </si>
  <si>
    <t>2477</t>
  </si>
  <si>
    <t>53130</t>
  </si>
  <si>
    <t>GGES SOBAY WALA</t>
  </si>
  <si>
    <t>GASHKORI - FEMALE</t>
  </si>
  <si>
    <t>Sobhy Wal</t>
  </si>
  <si>
    <t>Sobhay Wala okara</t>
  </si>
  <si>
    <t>Sobhay Wala Okara</t>
  </si>
  <si>
    <t>38/2R A</t>
  </si>
  <si>
    <t>Shagufta Khanum</t>
  </si>
  <si>
    <t>34031</t>
  </si>
  <si>
    <t>52363</t>
  </si>
  <si>
    <t>GPS ISLAMIA AHMED ABAD</t>
  </si>
  <si>
    <t>Mandi Ahmad Abad</t>
  </si>
  <si>
    <t>Gps Islamia mandi ahmad abad</t>
  </si>
  <si>
    <t>Mc Mandi Ahmad Abad</t>
  </si>
  <si>
    <t>Shahid Saleem Ahmad</t>
  </si>
  <si>
    <t>40750</t>
  </si>
  <si>
    <t>53317</t>
  </si>
  <si>
    <t>GPS BASTI KARAM CHAND</t>
  </si>
  <si>
    <t>Dil Bag Rai</t>
  </si>
  <si>
    <t>Chak Basti Karam Chand Okara</t>
  </si>
  <si>
    <t>Basti Karam Chand</t>
  </si>
  <si>
    <t>18/gd</t>
  </si>
  <si>
    <t>1258</t>
  </si>
  <si>
    <t>16217</t>
  </si>
  <si>
    <t>GHS CHAK 535 GB FSD</t>
  </si>
  <si>
    <t>chak no 535 gb</t>
  </si>
  <si>
    <t>Chak No 535 Gb</t>
  </si>
  <si>
    <t>659 GB</t>
  </si>
  <si>
    <t>khan asim iqbal</t>
  </si>
  <si>
    <t>51809</t>
  </si>
  <si>
    <t>GGHS 67 EB</t>
  </si>
  <si>
    <t>Govt girls High School 67eb arifwala</t>
  </si>
  <si>
    <t>67/eb</t>
  </si>
  <si>
    <t>69eb</t>
  </si>
  <si>
    <t>Atiqa Tur Rahman</t>
  </si>
  <si>
    <t>13885</t>
  </si>
  <si>
    <t>354</t>
  </si>
  <si>
    <t>16103</t>
  </si>
  <si>
    <t>50707</t>
  </si>
  <si>
    <t>GHS 140/9-L</t>
  </si>
  <si>
    <t>chak No. 140/9-L</t>
  </si>
  <si>
    <t>Chak No. 140/9-L Sahiwal</t>
  </si>
  <si>
    <t>Chak No. 140/9-L</t>
  </si>
  <si>
    <t>Chak No. 150/9-L</t>
  </si>
  <si>
    <t>Muhammad Arif Iqbal</t>
  </si>
  <si>
    <t>8533</t>
  </si>
  <si>
    <t>1653</t>
  </si>
  <si>
    <t>5577</t>
  </si>
  <si>
    <t>2273</t>
  </si>
  <si>
    <t>14702</t>
  </si>
  <si>
    <t>GGES MC ZEESHAN PARK FSD</t>
  </si>
  <si>
    <t>Zeeshanpark</t>
  </si>
  <si>
    <t>m.c girls middle school zeeshanpark faisalaad</t>
  </si>
  <si>
    <t>Ishrat Perveen</t>
  </si>
  <si>
    <t>5444</t>
  </si>
  <si>
    <t>52352</t>
  </si>
  <si>
    <t>GGES SHAH YAKKA</t>
  </si>
  <si>
    <t>SUKH PUR - FEMALE</t>
  </si>
  <si>
    <t>Shah Yakka</t>
  </si>
  <si>
    <t>Shah yakka</t>
  </si>
  <si>
    <t>Mehnaz Ashiq</t>
  </si>
  <si>
    <t>51196</t>
  </si>
  <si>
    <t>GGPS KORE SHAH ZAREN</t>
  </si>
  <si>
    <t>Korey Shah Zareen</t>
  </si>
  <si>
    <t>GGPS korey shah zareen</t>
  </si>
  <si>
    <t>Aurangabad</t>
  </si>
  <si>
    <t>9557</t>
  </si>
  <si>
    <t>24935</t>
  </si>
  <si>
    <t>5975</t>
  </si>
  <si>
    <t>51110</t>
  </si>
  <si>
    <t>GGES 71/5-L PACCA KHOO</t>
  </si>
  <si>
    <t>YOUSAF WALA-B-FEMALE</t>
  </si>
  <si>
    <t>71/5L Pacca Khoo</t>
  </si>
  <si>
    <t>71/5L pacca khoo</t>
  </si>
  <si>
    <t>Bushra Akhtar</t>
  </si>
  <si>
    <t>3589</t>
  </si>
  <si>
    <t>12956</t>
  </si>
  <si>
    <t>52370</t>
  </si>
  <si>
    <t>44315</t>
  </si>
  <si>
    <t>14571</t>
  </si>
  <si>
    <t>GGPS MC ALLAMA IQBAL COLONY FSD</t>
  </si>
  <si>
    <t>Moza</t>
  </si>
  <si>
    <t>Allama  iqbal colony C block fsd</t>
  </si>
  <si>
    <t>Allama Iqbal Colony Fsd</t>
  </si>
  <si>
    <t>Allama iqbal colony</t>
  </si>
  <si>
    <t>Farida Begum</t>
  </si>
  <si>
    <t>purch</t>
  </si>
  <si>
    <t>35293</t>
  </si>
  <si>
    <t>2446</t>
  </si>
  <si>
    <t>52320</t>
  </si>
  <si>
    <t>GGES BHUTTA MUHABBAT</t>
  </si>
  <si>
    <t>HUJRA SHAH MUQEEM - FEMALE</t>
  </si>
  <si>
    <t>Bhutta Muhabbat</t>
  </si>
  <si>
    <t>Bhutta Muhabbat, Teh Depalpur District Okara</t>
  </si>
  <si>
    <t>Muzammal Fatema</t>
  </si>
  <si>
    <t>39790</t>
  </si>
  <si>
    <t>51165</t>
  </si>
  <si>
    <t>GGES 2/10- L</t>
  </si>
  <si>
    <t>Syedan Wala</t>
  </si>
  <si>
    <t>chak  no 2/10L near harappa distt sahiwal</t>
  </si>
  <si>
    <t>Chak No 2/10-L</t>
  </si>
  <si>
    <t>Jonah Town Harappa Station</t>
  </si>
  <si>
    <t>Sadia GhulamRasool</t>
  </si>
  <si>
    <t>19058</t>
  </si>
  <si>
    <t>26660</t>
  </si>
  <si>
    <t>17932</t>
  </si>
  <si>
    <t>GHSS WARYAM WALA</t>
  </si>
  <si>
    <t>KOT LAL</t>
  </si>
  <si>
    <t>WARYAM WALA P/O WARYAM WALA TEHSIL SHORKOT DISTT. JHANG</t>
  </si>
  <si>
    <t>WARYAM WALA</t>
  </si>
  <si>
    <t>CHAYN WALA</t>
  </si>
  <si>
    <t>NAZAR HUSSAIN</t>
  </si>
  <si>
    <t>33002</t>
  </si>
  <si>
    <t>54830</t>
  </si>
  <si>
    <t>GPS TEWEEN</t>
  </si>
  <si>
    <t>JalyWali</t>
  </si>
  <si>
    <t>Jaly wali post office Naushera tehsil naushera dist khushab.</t>
  </si>
  <si>
    <t>Khura</t>
  </si>
  <si>
    <t>Muhammad Khurram Bilal</t>
  </si>
  <si>
    <t>brought from nearby houses</t>
  </si>
  <si>
    <t>2020</t>
  </si>
  <si>
    <t>1374</t>
  </si>
  <si>
    <t>20488</t>
  </si>
  <si>
    <t>GES CHAHIL KHURD</t>
  </si>
  <si>
    <t>Chahal Khurd</t>
  </si>
  <si>
    <t>chahal khurd</t>
  </si>
  <si>
    <t>muhammad Asim</t>
  </si>
  <si>
    <t>7426</t>
  </si>
  <si>
    <t>32491</t>
  </si>
  <si>
    <t>36793</t>
  </si>
  <si>
    <t>GGHS HABIB COLONY BAHAWALPUR</t>
  </si>
  <si>
    <t>zakhera samma satta</t>
  </si>
  <si>
    <t>GGHS habib colony bwp</t>
  </si>
  <si>
    <t>habib colony</t>
  </si>
  <si>
    <t>bahawalpur-18 city</t>
  </si>
  <si>
    <t>shagufta parveen</t>
  </si>
  <si>
    <t>17208</t>
  </si>
  <si>
    <t>31463</t>
  </si>
  <si>
    <t>GMPS QILA DAVE</t>
  </si>
  <si>
    <t>Qila Dave</t>
  </si>
  <si>
    <t>qila dave</t>
  </si>
  <si>
    <t>Botala Jhanda Singh</t>
  </si>
  <si>
    <t>Iram Rafiq</t>
  </si>
  <si>
    <t>18083</t>
  </si>
  <si>
    <t>40757</t>
  </si>
  <si>
    <t>GGPS NALLAH</t>
  </si>
  <si>
    <t>DHONGI -FEMALE</t>
  </si>
  <si>
    <t>Nallah</t>
  </si>
  <si>
    <t>Nallah. Sohawa</t>
  </si>
  <si>
    <t>MC sohawa</t>
  </si>
  <si>
    <t>Asifa Bibi</t>
  </si>
  <si>
    <t>36253</t>
  </si>
  <si>
    <t>35980</t>
  </si>
  <si>
    <t>33728</t>
  </si>
  <si>
    <t>4728</t>
  </si>
  <si>
    <t>25222</t>
  </si>
  <si>
    <t>GGPS PAKAR PUR</t>
  </si>
  <si>
    <t>Pakhar Pur</t>
  </si>
  <si>
    <t>GGPS pakhar pur gunnah kalan teh &amp;distt skt</t>
  </si>
  <si>
    <t>Gunna Kalan</t>
  </si>
  <si>
    <t>Paragpur</t>
  </si>
  <si>
    <t>Fiza Talib</t>
  </si>
  <si>
    <t>2762</t>
  </si>
  <si>
    <t>46150</t>
  </si>
  <si>
    <t>52035</t>
  </si>
  <si>
    <t>15596</t>
  </si>
  <si>
    <t>GGPS HOUSING COLONY 1 SAMUNDRI</t>
  </si>
  <si>
    <t>Salaughter House</t>
  </si>
  <si>
    <t>housing colony no1 samundri</t>
  </si>
  <si>
    <t>Mc samundri</t>
  </si>
  <si>
    <t>Farida Yasmin Gill</t>
  </si>
  <si>
    <t>26431</t>
  </si>
  <si>
    <t>24850</t>
  </si>
  <si>
    <t>29043</t>
  </si>
  <si>
    <t>31963</t>
  </si>
  <si>
    <t>GGES KERIAN WALI</t>
  </si>
  <si>
    <t>Kerianwali</t>
  </si>
  <si>
    <t>gges  keerianwsli farooq abad</t>
  </si>
  <si>
    <t>Jatri Kohna</t>
  </si>
  <si>
    <t>Rukhsana Jabeen</t>
  </si>
  <si>
    <t>30054</t>
  </si>
  <si>
    <t>24756</t>
  </si>
  <si>
    <t>18161</t>
  </si>
  <si>
    <t>GGPS KHUDAL WALA</t>
  </si>
  <si>
    <t>Khudal Wala</t>
  </si>
  <si>
    <t>govet girls primary school kudal wala</t>
  </si>
  <si>
    <t>Shorkot Janobi</t>
  </si>
  <si>
    <t>Kalsoom Khanam</t>
  </si>
  <si>
    <t>19500</t>
  </si>
  <si>
    <t>20767</t>
  </si>
  <si>
    <t>2675</t>
  </si>
  <si>
    <t>16997</t>
  </si>
  <si>
    <t>GMPS CHOKIN JAN PUR</t>
  </si>
  <si>
    <t>18-HAZARI - FEMALE</t>
  </si>
  <si>
    <t>Chokin Jan Pur</t>
  </si>
  <si>
    <t>chokin Jan pur tehsil 18 hazari</t>
  </si>
  <si>
    <t>18 Hazari</t>
  </si>
  <si>
    <t>Mc 18 Hazari</t>
  </si>
  <si>
    <t>rukhsana yasmin</t>
  </si>
  <si>
    <t>29666</t>
  </si>
  <si>
    <t>23458</t>
  </si>
  <si>
    <t>52682</t>
  </si>
  <si>
    <t>51020</t>
  </si>
  <si>
    <t>GPS 123/9-L</t>
  </si>
  <si>
    <t>123/9L</t>
  </si>
  <si>
    <t>123/9.L</t>
  </si>
  <si>
    <t>119/9L</t>
  </si>
  <si>
    <t>Ansar Abbas</t>
  </si>
  <si>
    <t>8686</t>
  </si>
  <si>
    <t>GGPS BASTI JEEVA</t>
  </si>
  <si>
    <t>RAJAN PUR - FEMALE</t>
  </si>
  <si>
    <t>Rajan pur</t>
  </si>
  <si>
    <t>GGPS BASTI JEEVA RAJAN PUR KALAN</t>
  </si>
  <si>
    <t>BASTI JEEVA</t>
  </si>
  <si>
    <t>Rajan pur Kalan</t>
  </si>
  <si>
    <t>Aiman Arshad</t>
  </si>
  <si>
    <t>1552</t>
  </si>
  <si>
    <t>49789</t>
  </si>
  <si>
    <t>GES CHAK NO.117 SB</t>
  </si>
  <si>
    <t>Chak No 117 SB</t>
  </si>
  <si>
    <t>Mohammad Asad</t>
  </si>
  <si>
    <t>2319</t>
  </si>
  <si>
    <t>41453</t>
  </si>
  <si>
    <t>30361</t>
  </si>
  <si>
    <t>GPS RAMPURA JAGIR</t>
  </si>
  <si>
    <t>rampura jagir</t>
  </si>
  <si>
    <t>Govt p/s rampura jagir</t>
  </si>
  <si>
    <t>manawan</t>
  </si>
  <si>
    <t>Safdar Ali</t>
  </si>
  <si>
    <t>5699</t>
  </si>
  <si>
    <t>48671</t>
  </si>
  <si>
    <t>48266</t>
  </si>
  <si>
    <t>GGES SHER MUHAMMAD WALA</t>
  </si>
  <si>
    <t>HAFIZ ABAD - FEMALE</t>
  </si>
  <si>
    <t>Noor Pur Noon</t>
  </si>
  <si>
    <t>Iqra Zanib</t>
  </si>
  <si>
    <t>15373</t>
  </si>
  <si>
    <t>53732</t>
  </si>
  <si>
    <t>GPS CHAK NO. 4 KM</t>
  </si>
  <si>
    <t>chak no 4/km p.o. Akhtar abad Tehsil Renala khurd District  okara</t>
  </si>
  <si>
    <t>4/KM</t>
  </si>
  <si>
    <t>Islampur</t>
  </si>
  <si>
    <t>10033</t>
  </si>
  <si>
    <t>2499</t>
  </si>
  <si>
    <t>53544</t>
  </si>
  <si>
    <t>GES JANDRAKA</t>
  </si>
  <si>
    <t>SHEIKHU SHARIF - MALE</t>
  </si>
  <si>
    <t>Jandraka</t>
  </si>
  <si>
    <t>Jandraka p/o same tehsil/ district okara</t>
  </si>
  <si>
    <t>Rai Ahmad Ali</t>
  </si>
  <si>
    <t>7408</t>
  </si>
  <si>
    <t>28490</t>
  </si>
  <si>
    <t>21082</t>
  </si>
  <si>
    <t>39400</t>
  </si>
  <si>
    <t>GGPS DHOK DUB</t>
  </si>
  <si>
    <t>Aranwali</t>
  </si>
  <si>
    <t>GGPS dhok dub</t>
  </si>
  <si>
    <t>Dhok Dub</t>
  </si>
  <si>
    <t>Chaki</t>
  </si>
  <si>
    <t>NASEEM NAZIR</t>
  </si>
  <si>
    <t>15752</t>
  </si>
  <si>
    <t>11740</t>
  </si>
  <si>
    <t>43659</t>
  </si>
  <si>
    <t>GPS 91/9-L</t>
  </si>
  <si>
    <t>Achlana 91/9L</t>
  </si>
  <si>
    <t>chak no 91/9l sahiwal</t>
  </si>
  <si>
    <t>Chak No 91/9l Swl</t>
  </si>
  <si>
    <t>19919</t>
  </si>
  <si>
    <t>23816</t>
  </si>
  <si>
    <t>48170</t>
  </si>
  <si>
    <t>GGES SARDAR PUR NOON</t>
  </si>
  <si>
    <t>Chawa</t>
  </si>
  <si>
    <t>GGES SARDARPURNOON</t>
  </si>
  <si>
    <t>Sardarpurnoon</t>
  </si>
  <si>
    <t>Humara Nosheen</t>
  </si>
  <si>
    <t>2770</t>
  </si>
  <si>
    <t>22617</t>
  </si>
  <si>
    <t>34354</t>
  </si>
  <si>
    <t>GPS GHULLOO BASTI GHULLOO MULTAN</t>
  </si>
  <si>
    <t>Jhowk Wains</t>
  </si>
  <si>
    <t>basti Ghulloo Jhowk Wains Parli Tehsil and District Multan Saddar</t>
  </si>
  <si>
    <t>Basti Ghulloo</t>
  </si>
  <si>
    <t>GGPS ZAM ZAM COLONY SAMUNDRI</t>
  </si>
  <si>
    <t>Zam Zam Colony</t>
  </si>
  <si>
    <t>zam zam colony samundri</t>
  </si>
  <si>
    <t>Shahnaz Kousar</t>
  </si>
  <si>
    <t>18623</t>
  </si>
  <si>
    <t>53726</t>
  </si>
  <si>
    <t>GPS CHAK 1-A/GD SAKHI ABDAL</t>
  </si>
  <si>
    <t>1a/gd Sakhi Abdal</t>
  </si>
  <si>
    <t>G.p.s 1a.gd sakhi abdal</t>
  </si>
  <si>
    <t>28469</t>
  </si>
  <si>
    <t>27120</t>
  </si>
  <si>
    <t>26119</t>
  </si>
  <si>
    <t>41909</t>
  </si>
  <si>
    <t>GGPS LILA KAMALA PUR</t>
  </si>
  <si>
    <t>Lila Kamalpur</t>
  </si>
  <si>
    <t>village lila kamalpur, p/o jhatta hathial,d/t rwp</t>
  </si>
  <si>
    <t>Nabila kousar</t>
  </si>
  <si>
    <t>6700</t>
  </si>
  <si>
    <t>3572</t>
  </si>
  <si>
    <t>31108</t>
  </si>
  <si>
    <t>31094</t>
  </si>
  <si>
    <t>7325</t>
  </si>
  <si>
    <t>GGPS CHAK 255/P JADEED</t>
  </si>
  <si>
    <t>KANDAIR-FEMALE</t>
  </si>
  <si>
    <t>chak No 255p</t>
  </si>
  <si>
    <t>chak No  255p</t>
  </si>
  <si>
    <t>Chak No 255p</t>
  </si>
  <si>
    <t>186p</t>
  </si>
  <si>
    <t>Miss Serwat Ashraf</t>
  </si>
  <si>
    <t>6054</t>
  </si>
  <si>
    <t>25859</t>
  </si>
  <si>
    <t>GGPS MODEL RANDHIR KALAN</t>
  </si>
  <si>
    <t>DARIANWALA-FEMALE</t>
  </si>
  <si>
    <t>Randheer Kala</t>
  </si>
  <si>
    <t>Village Randheer kalan</t>
  </si>
  <si>
    <t>Randheer Kalan</t>
  </si>
  <si>
    <t>Rasinwal</t>
  </si>
  <si>
    <t>Rukhsana Maqsood</t>
  </si>
  <si>
    <t>22920</t>
  </si>
  <si>
    <t>5795</t>
  </si>
  <si>
    <t>GPS (LOWER MIDDLE) CHAKOKA</t>
  </si>
  <si>
    <t>MND-XV-MALE</t>
  </si>
  <si>
    <t>Chakoka</t>
  </si>
  <si>
    <t>Moza Chakoka Teh Minchinabad</t>
  </si>
  <si>
    <t>Fidai Shah</t>
  </si>
  <si>
    <t>Liaqat Ali</t>
  </si>
  <si>
    <t>18273</t>
  </si>
  <si>
    <t>4325</t>
  </si>
  <si>
    <t>11906</t>
  </si>
  <si>
    <t>32901</t>
  </si>
  <si>
    <t>GGPS BASTI PIRZADA</t>
  </si>
  <si>
    <t>PIRHAR GHARBI- FEMALE</t>
  </si>
  <si>
    <t>Pirzada</t>
  </si>
  <si>
    <t>Basti peer Zada</t>
  </si>
  <si>
    <t>Farhat Perveen</t>
  </si>
  <si>
    <t>17220</t>
  </si>
  <si>
    <t>46044</t>
  </si>
  <si>
    <t>GGPS DERA MUHAMMAD SHER NOON</t>
  </si>
  <si>
    <t>RODA (FEMALE)</t>
  </si>
  <si>
    <t>RODA</t>
  </si>
  <si>
    <t>DERA MUHAMMAD SHER NOON</t>
  </si>
  <si>
    <t>14401</t>
  </si>
  <si>
    <t>14461</t>
  </si>
  <si>
    <t>26199</t>
  </si>
  <si>
    <t>GPS KOTLA KAHLWAN</t>
  </si>
  <si>
    <t>Kotla Kahlwan</t>
  </si>
  <si>
    <t>GPS Kotla Kahlwan p/o Baramanga the Shakargarh</t>
  </si>
  <si>
    <t>4726</t>
  </si>
  <si>
    <t>10613</t>
  </si>
  <si>
    <t>GGES CHAK NO 157 TDA</t>
  </si>
  <si>
    <t>164/TDA FEMALE</t>
  </si>
  <si>
    <t>Miawala</t>
  </si>
  <si>
    <t>chk no 157/TDA</t>
  </si>
  <si>
    <t>164/TDA</t>
  </si>
  <si>
    <t>Zeenat perveen</t>
  </si>
  <si>
    <t>48852</t>
  </si>
  <si>
    <t>21046</t>
  </si>
  <si>
    <t>40735</t>
  </si>
  <si>
    <t>46015</t>
  </si>
  <si>
    <t>36833</t>
  </si>
  <si>
    <t>GGPS MODI CHAWAN KABIRWALA</t>
  </si>
  <si>
    <t>GGPS modhichawan p/o kohiwala teh:kabirwala distt :khanewal</t>
  </si>
  <si>
    <t>Hajiwala</t>
  </si>
  <si>
    <t>okanwala</t>
  </si>
  <si>
    <t>Tahira Nazar</t>
  </si>
  <si>
    <t>23086</t>
  </si>
  <si>
    <t>23054</t>
  </si>
  <si>
    <t>23839</t>
  </si>
  <si>
    <t>11566</t>
  </si>
  <si>
    <t>GGES LANGER WALA</t>
  </si>
  <si>
    <t>Kharee Sanawan</t>
  </si>
  <si>
    <t>basti haji pur mouza kahiri sinawan</t>
  </si>
  <si>
    <t>Darig</t>
  </si>
  <si>
    <t>NAHEED HAMID</t>
  </si>
  <si>
    <t>45690</t>
  </si>
  <si>
    <t>45070</t>
  </si>
  <si>
    <t>36973</t>
  </si>
  <si>
    <t>GMES KHATTI CHOOR, NAWAN SHEHR</t>
  </si>
  <si>
    <t>ggems khattichoor markaz nawan shehr kabirwala</t>
  </si>
  <si>
    <t>Khatti Choor</t>
  </si>
  <si>
    <t>Thul Najeeb</t>
  </si>
  <si>
    <t>Maria Rafiq</t>
  </si>
  <si>
    <t>2705</t>
  </si>
  <si>
    <t>43300</t>
  </si>
  <si>
    <t>20880</t>
  </si>
  <si>
    <t>GHS SALHOKE CHATHA</t>
  </si>
  <si>
    <t>Salhoke</t>
  </si>
  <si>
    <t>village salhoke chatha p/o same tehsil wazirabad district gujranwala</t>
  </si>
  <si>
    <t>Salhoke Chatha</t>
  </si>
  <si>
    <t>Jamkey Chatha</t>
  </si>
  <si>
    <t>10424</t>
  </si>
  <si>
    <t>15625</t>
  </si>
  <si>
    <t>GGPS CHAK 495 GB MAMUNKANJAN</t>
  </si>
  <si>
    <t>Nawabhutti</t>
  </si>
  <si>
    <t>chak#495GB</t>
  </si>
  <si>
    <t>495 GB</t>
  </si>
  <si>
    <t>487gb</t>
  </si>
  <si>
    <t>Faiza Javaid</t>
  </si>
  <si>
    <t>11825</t>
  </si>
  <si>
    <t>32792</t>
  </si>
  <si>
    <t>GGPS NASEEM IJAZ WALA</t>
  </si>
  <si>
    <t>BUDH- FEMALE</t>
  </si>
  <si>
    <t>Panwar Shumali</t>
  </si>
  <si>
    <t>GGPS Nasim ijaz wala, mauza Panwar Shumali,  Mehmood Kot city. District Muzaffargarh, Tehsil Kot Adu</t>
  </si>
  <si>
    <t>Barhaman Wala</t>
  </si>
  <si>
    <t>Khalida Mumtaz</t>
  </si>
  <si>
    <t>2483</t>
  </si>
  <si>
    <t>34795</t>
  </si>
  <si>
    <t>GMES 167/10-R, KHANEWAL</t>
  </si>
  <si>
    <t>MEHR SHAH - FEMALE</t>
  </si>
  <si>
    <t>167/10-R</t>
  </si>
  <si>
    <t>Chak No.167/10.R Khnewal</t>
  </si>
  <si>
    <t>92/10R</t>
  </si>
  <si>
    <t>PARVEEN AKHTAR</t>
  </si>
  <si>
    <t>7060</t>
  </si>
  <si>
    <t>4331</t>
  </si>
  <si>
    <t>11983</t>
  </si>
  <si>
    <t>GGPS DHOLAY WALA</t>
  </si>
  <si>
    <t>BASEERA- FEMALE</t>
  </si>
  <si>
    <t>Halla</t>
  </si>
  <si>
    <t>chungi no 04 cha dholy wala mouza halla kot addu</t>
  </si>
  <si>
    <t>Dholy Walla</t>
  </si>
  <si>
    <t>MC Kot Addu</t>
  </si>
  <si>
    <t>17444</t>
  </si>
  <si>
    <t>30706</t>
  </si>
  <si>
    <t>GES BOTALA</t>
  </si>
  <si>
    <t>MITHA TIWANA (WEST) (MALE)</t>
  </si>
  <si>
    <t>Botala</t>
  </si>
  <si>
    <t>govt elementary school Botala, Tehsil &amp;distt. Khushab</t>
  </si>
  <si>
    <t>Mahmood-ul-Hassan</t>
  </si>
  <si>
    <t>19689</t>
  </si>
  <si>
    <t>GGES IQBAL CHANNAR</t>
  </si>
  <si>
    <t>Bhinda Kharji</t>
  </si>
  <si>
    <t>Govt.Girls High School Iqbal Channar basti Falak munir</t>
  </si>
  <si>
    <t>Khanu Walu</t>
  </si>
  <si>
    <t>Farida Naeem</t>
  </si>
  <si>
    <t>22642</t>
  </si>
  <si>
    <t>7263</t>
  </si>
  <si>
    <t>GMPS 187/P</t>
  </si>
  <si>
    <t>MANTHAR SDK -FEMALE</t>
  </si>
  <si>
    <t>Chak#187</t>
  </si>
  <si>
    <t>chak #187</t>
  </si>
  <si>
    <t>Chak # 186</t>
  </si>
  <si>
    <t>Aisha Razzaq</t>
  </si>
  <si>
    <t>15802</t>
  </si>
  <si>
    <t>24699</t>
  </si>
  <si>
    <t>GHS SIR SYED PAKKI KOTLI</t>
  </si>
  <si>
    <t>pakki Kotli</t>
  </si>
  <si>
    <t>Govt. Sir Syed High School Pakki Kotli Sialkot</t>
  </si>
  <si>
    <t>Pakki Kotli</t>
  </si>
  <si>
    <t>MUHAMMAD AFZAL BUTT</t>
  </si>
  <si>
    <t>1378</t>
  </si>
  <si>
    <t>GGES CHAK 611 GB TANDLIANWALA</t>
  </si>
  <si>
    <t>Piindi Sheik Musa</t>
  </si>
  <si>
    <t>611 gb</t>
  </si>
  <si>
    <t>611 GB</t>
  </si>
  <si>
    <t>Moza Pindi Sheikh Musa</t>
  </si>
  <si>
    <t>Zakia Amir</t>
  </si>
  <si>
    <t>33358</t>
  </si>
  <si>
    <t>GGPS SHAFIQ NAGAR</t>
  </si>
  <si>
    <t>Safdarabad</t>
  </si>
  <si>
    <t>shafiq nagar</t>
  </si>
  <si>
    <t>rashida roshan</t>
  </si>
  <si>
    <t>9340</t>
  </si>
  <si>
    <t>8490</t>
  </si>
  <si>
    <t>6577</t>
  </si>
  <si>
    <t>GMPS BASTI QAIM PUR</t>
  </si>
  <si>
    <t>Mehran</t>
  </si>
  <si>
    <t>basti qaim pur</t>
  </si>
  <si>
    <t>Qaim Pur</t>
  </si>
  <si>
    <t>Mao Mubarik</t>
  </si>
  <si>
    <t>15062</t>
  </si>
  <si>
    <t>14553</t>
  </si>
  <si>
    <t>43923</t>
  </si>
  <si>
    <t>GGHS DAROOT</t>
  </si>
  <si>
    <t>Daroot</t>
  </si>
  <si>
    <t>Vpo daroot teh.lawa   district Chakwal</t>
  </si>
  <si>
    <t>Dhermond</t>
  </si>
  <si>
    <t>52300</t>
  </si>
  <si>
    <t>10463</t>
  </si>
  <si>
    <t>41863</t>
  </si>
  <si>
    <t>GGPS CARRIAGE FACTORY COLONY RWP</t>
  </si>
  <si>
    <t>rawalpindi</t>
  </si>
  <si>
    <t>carriage factory colony dokh huss</t>
  </si>
  <si>
    <t>cantt</t>
  </si>
  <si>
    <t>Saeeda Perveen</t>
  </si>
  <si>
    <t>22075</t>
  </si>
  <si>
    <t>4597</t>
  </si>
  <si>
    <t>9238</t>
  </si>
  <si>
    <t>GGPS MUNDHAR</t>
  </si>
  <si>
    <t>VEHOVA SOUTH-FEMALE</t>
  </si>
  <si>
    <t>Veohva North</t>
  </si>
  <si>
    <t>g.g.p.s.mandhar</t>
  </si>
  <si>
    <t>Mandhar</t>
  </si>
  <si>
    <t>Vehova North</t>
  </si>
  <si>
    <t>aamera parven</t>
  </si>
  <si>
    <t>cooler</t>
  </si>
  <si>
    <t>54431</t>
  </si>
  <si>
    <t>GPS THATHA INAYAT KAY</t>
  </si>
  <si>
    <t>AKBAR - MALE</t>
  </si>
  <si>
    <t>Akbar</t>
  </si>
  <si>
    <t>Thatha inaayat ky</t>
  </si>
  <si>
    <t>Innayat Ka Thatha</t>
  </si>
  <si>
    <t>96376</t>
  </si>
  <si>
    <t>19574</t>
  </si>
  <si>
    <t>GGPS CHAK 361 GB NAI ABADI</t>
  </si>
  <si>
    <t>Chak#361 Gb</t>
  </si>
  <si>
    <t>Chak 361 GB</t>
  </si>
  <si>
    <t>361 GB</t>
  </si>
  <si>
    <t>Shgufta Tasnim</t>
  </si>
  <si>
    <t>31100</t>
  </si>
  <si>
    <t>22226</t>
  </si>
  <si>
    <t>33316</t>
  </si>
  <si>
    <t>GGPS DHABAN KHURD</t>
  </si>
  <si>
    <t>dhaban khurd</t>
  </si>
  <si>
    <t>DHABAN KHURD Teh Safdarabad Dis SKP</t>
  </si>
  <si>
    <t>Dhaban Khurd</t>
  </si>
  <si>
    <t>Dhaban Klan</t>
  </si>
  <si>
    <t>Sadia Fatima</t>
  </si>
  <si>
    <t>35480</t>
  </si>
  <si>
    <t>34975</t>
  </si>
  <si>
    <t>25053</t>
  </si>
  <si>
    <t>GMPS PINDI PANJORAN</t>
  </si>
  <si>
    <t>MARAKIWAL - FEMALE</t>
  </si>
  <si>
    <t>Pindi Punjoran</t>
  </si>
  <si>
    <t>village pindi punjoran P/o Abadi Mehr Hakim Din teh.Sialkot</t>
  </si>
  <si>
    <t>Muhammad Razzaq</t>
  </si>
  <si>
    <t>4576</t>
  </si>
  <si>
    <t>5900</t>
  </si>
  <si>
    <t>42737</t>
  </si>
  <si>
    <t>4203</t>
  </si>
  <si>
    <t>5238</t>
  </si>
  <si>
    <t>GGPS CHAK NO.39/DB</t>
  </si>
  <si>
    <t>ADDA CHAK 42/DB - FEMALE</t>
  </si>
  <si>
    <t>39D/B</t>
  </si>
  <si>
    <t>GGPS CHAK NO. 39D/B</t>
  </si>
  <si>
    <t>44D/B</t>
  </si>
  <si>
    <t>Sumara Ghafoor</t>
  </si>
  <si>
    <t>41481</t>
  </si>
  <si>
    <t>GGPS MOWALA</t>
  </si>
  <si>
    <t>Mahwala</t>
  </si>
  <si>
    <t>village ghel p.o dhanda TEHSIL murree district rawalpindi</t>
  </si>
  <si>
    <t>Gehal</t>
  </si>
  <si>
    <t>Sobia Imtiaz</t>
  </si>
  <si>
    <t>supply water</t>
  </si>
  <si>
    <t>11900</t>
  </si>
  <si>
    <t>46601</t>
  </si>
  <si>
    <t>GHS BANDIAL</t>
  </si>
  <si>
    <t>Bandial</t>
  </si>
  <si>
    <t>VPO Bandial</t>
  </si>
  <si>
    <t>Bandial South</t>
  </si>
  <si>
    <t>41240</t>
  </si>
  <si>
    <t>36346</t>
  </si>
  <si>
    <t>GGPS 535 EB</t>
  </si>
  <si>
    <t>MACHIWAL NORTH - FEMALE</t>
  </si>
  <si>
    <t>535/ EB</t>
  </si>
  <si>
    <t>535/EB DISTRICT AND TEHSEEL VEHARI</t>
  </si>
  <si>
    <t>535/EB</t>
  </si>
  <si>
    <t>Machiwal</t>
  </si>
  <si>
    <t>Rafia Tanveer</t>
  </si>
  <si>
    <t>19835</t>
  </si>
  <si>
    <t>9836</t>
  </si>
  <si>
    <t>46117</t>
  </si>
  <si>
    <t>GGHS KATHA SAGHRAL</t>
  </si>
  <si>
    <t>Katha Saghral</t>
  </si>
  <si>
    <t>Govt Girls High School Katha Saghral District Khushab</t>
  </si>
  <si>
    <t>Mehwish Anwar</t>
  </si>
  <si>
    <t>102000</t>
  </si>
  <si>
    <t>36561</t>
  </si>
  <si>
    <t>1030</t>
  </si>
  <si>
    <t>33224</t>
  </si>
  <si>
    <t>GPS KOT HAYAT KHAN</t>
  </si>
  <si>
    <t>KOT HAYAT KHAN</t>
  </si>
  <si>
    <t>Muhammad Amjad Farooq</t>
  </si>
  <si>
    <t>41488</t>
  </si>
  <si>
    <t>GGES MC SANI BANK</t>
  </si>
  <si>
    <t>Sunnybank</t>
  </si>
  <si>
    <t>Near pakistan cadet colleg sunnybank</t>
  </si>
  <si>
    <t>Murree</t>
  </si>
  <si>
    <t>Nafeesa Naz</t>
  </si>
  <si>
    <t>5380</t>
  </si>
  <si>
    <t>8788</t>
  </si>
  <si>
    <t>GHS KACHI WANGA</t>
  </si>
  <si>
    <t>kachiwanga</t>
  </si>
  <si>
    <t>HS kachiwanga Tribal area dg khan</t>
  </si>
  <si>
    <t>Fazla kuch</t>
  </si>
  <si>
    <t>Ahmad Khan</t>
  </si>
  <si>
    <t>pound</t>
  </si>
  <si>
    <t>45359</t>
  </si>
  <si>
    <t>GPS LOT NO.191 JADEED</t>
  </si>
  <si>
    <t>MANKERA HQ - MALE</t>
  </si>
  <si>
    <t>Rakh</t>
  </si>
  <si>
    <t>Chak no 7 near sialkoti mor Mankera</t>
  </si>
  <si>
    <t>Chak No 7</t>
  </si>
  <si>
    <t>UC Mankera</t>
  </si>
  <si>
    <t>Muhammad Afzal</t>
  </si>
  <si>
    <t>4167</t>
  </si>
  <si>
    <t>26543</t>
  </si>
  <si>
    <t>GES SUPPEN WAL</t>
  </si>
  <si>
    <t>LESSAR KALAN - MALE</t>
  </si>
  <si>
    <t>SUPPANWAL</t>
  </si>
  <si>
    <t>VILLAGE AND P/O SUPPANWAL UPERLA TEHSIL ZAFARWAL NAROWAL</t>
  </si>
  <si>
    <t>SUPPANWAL UPERLA</t>
  </si>
  <si>
    <t>CHAK DODHO</t>
  </si>
  <si>
    <t>MUHAMMAD RAZZAQ</t>
  </si>
  <si>
    <t>35200</t>
  </si>
  <si>
    <t>25300</t>
  </si>
  <si>
    <t>18865</t>
  </si>
  <si>
    <t>50980</t>
  </si>
  <si>
    <t>GPS 49/GD</t>
  </si>
  <si>
    <t>QADIRABAD-B-MALE</t>
  </si>
  <si>
    <t>49/GD</t>
  </si>
  <si>
    <t>GPS chak 49 /GD noor shah sahiwal</t>
  </si>
  <si>
    <t>48/GD</t>
  </si>
  <si>
    <t>Mazhar Iqbal</t>
  </si>
  <si>
    <t>2672</t>
  </si>
  <si>
    <t>5917</t>
  </si>
  <si>
    <t>10392</t>
  </si>
  <si>
    <t>11415</t>
  </si>
  <si>
    <t>10891</t>
  </si>
  <si>
    <t>GGPS CHAK NO 159 TDA</t>
  </si>
  <si>
    <t>Dadhu Wala</t>
  </si>
  <si>
    <t>chak no159/tda p/o jaman shah layyah</t>
  </si>
  <si>
    <t>159/tda</t>
  </si>
  <si>
    <t>4649</t>
  </si>
  <si>
    <t>8424</t>
  </si>
  <si>
    <t>46036</t>
  </si>
  <si>
    <t>35881</t>
  </si>
  <si>
    <t>GGES BULAND PUR</t>
  </si>
  <si>
    <t>BULAND PUR-FEMALE</t>
  </si>
  <si>
    <t>BULAND PUR</t>
  </si>
  <si>
    <t>GOVT.GIRLS ELEMENTARY SCHOOL BULAND PUR</t>
  </si>
  <si>
    <t>Farhat Majeed</t>
  </si>
  <si>
    <t>1.00733e+006</t>
  </si>
  <si>
    <t>7556</t>
  </si>
  <si>
    <t>33974</t>
  </si>
  <si>
    <t>21756</t>
  </si>
  <si>
    <t>163500</t>
  </si>
  <si>
    <t>16431</t>
  </si>
  <si>
    <t>GGES CHAK NO 142 RB</t>
  </si>
  <si>
    <t>142 Rb</t>
  </si>
  <si>
    <t>chak no 142 rb ghartal khurd tehsil chak jhumra distt faisalabad</t>
  </si>
  <si>
    <t>Ghartal Khurd</t>
  </si>
  <si>
    <t>Bhakray Wali</t>
  </si>
  <si>
    <t>shabana Kousar</t>
  </si>
  <si>
    <t>11385</t>
  </si>
  <si>
    <t>17387</t>
  </si>
  <si>
    <t>16098</t>
  </si>
  <si>
    <t>GGES CHAK NO 227 RB</t>
  </si>
  <si>
    <t>Chak 227rb</t>
  </si>
  <si>
    <t>gges 227rb  chaddar fsd</t>
  </si>
  <si>
    <t>227 RB Chdhar</t>
  </si>
  <si>
    <t>227 RB</t>
  </si>
  <si>
    <t>Samrana Gulzar</t>
  </si>
  <si>
    <t>29623</t>
  </si>
  <si>
    <t>38850</t>
  </si>
  <si>
    <t>GPS PIR KOT</t>
  </si>
  <si>
    <t>BOLIAN WAL - MALE</t>
  </si>
  <si>
    <t>village pir kot attock</t>
  </si>
  <si>
    <t>Pir Kot</t>
  </si>
  <si>
    <t>maqsood ahmed</t>
  </si>
  <si>
    <t>27432</t>
  </si>
  <si>
    <t>30041</t>
  </si>
  <si>
    <t>11236</t>
  </si>
  <si>
    <t>GGPS CHAK NO. 163/TDA</t>
  </si>
  <si>
    <t>Chak No163 Tda</t>
  </si>
  <si>
    <t>Chak no 163/TDA markz ladhana</t>
  </si>
  <si>
    <t>163/TDA</t>
  </si>
  <si>
    <t>Nishat  Fatima</t>
  </si>
  <si>
    <t>1040</t>
  </si>
  <si>
    <t>28780</t>
  </si>
  <si>
    <t>54774</t>
  </si>
  <si>
    <t>GHS CHAK 24 JB CHAK JHUMRA FSD</t>
  </si>
  <si>
    <t>24 jb</t>
  </si>
  <si>
    <t>GHS 24 JB FSD</t>
  </si>
  <si>
    <t>24jb</t>
  </si>
  <si>
    <t>20 jb</t>
  </si>
  <si>
    <t>Khalid Saleem</t>
  </si>
  <si>
    <t>4715</t>
  </si>
  <si>
    <t>26684</t>
  </si>
  <si>
    <t>GPS MALIK ABAD</t>
  </si>
  <si>
    <t>SUMRA NASHAIB MALE</t>
  </si>
  <si>
    <t>Warah Gishkori</t>
  </si>
  <si>
    <t>GPS malik abad the&amp;disst layyah</t>
  </si>
  <si>
    <t>Abdul Majeed</t>
  </si>
  <si>
    <t>GGPS CHAK NO.166/TDA</t>
  </si>
  <si>
    <t>chak no 166 tda p/o ladhana tehsil and district layyah</t>
  </si>
  <si>
    <t>Chak No 166 Tda</t>
  </si>
  <si>
    <t>Chak 164A</t>
  </si>
  <si>
    <t>maqsooda parveen</t>
  </si>
  <si>
    <t>5244</t>
  </si>
  <si>
    <t>17843</t>
  </si>
  <si>
    <t>10871</t>
  </si>
  <si>
    <t>GGPS CHAK NO 164-B TDA PO PEER JAGGI</t>
  </si>
  <si>
    <t>Chak No 164b/tda</t>
  </si>
  <si>
    <t>chak no 281 chowk azam</t>
  </si>
  <si>
    <t>Chak No 164b Tda</t>
  </si>
  <si>
    <t>164a Tda</t>
  </si>
  <si>
    <t>bushra parveen</t>
  </si>
  <si>
    <t>30661</t>
  </si>
  <si>
    <t>GGPS MODEL THATA DILWAN</t>
  </si>
  <si>
    <t>Thatha Dhilwan</t>
  </si>
  <si>
    <t>govt primary school thatha dhilwan</t>
  </si>
  <si>
    <t>Asma Zafar</t>
  </si>
  <si>
    <t>7878</t>
  </si>
  <si>
    <t>8460</t>
  </si>
  <si>
    <t>20603</t>
  </si>
  <si>
    <t>GPS NO.3 QILA DIDAR SINGH</t>
  </si>
  <si>
    <t>Qila Dedar Singh</t>
  </si>
  <si>
    <t>Mohallah taj pura, Qila Dedar Singh.</t>
  </si>
  <si>
    <t>M C Qila Dedar Singh</t>
  </si>
  <si>
    <t>30218</t>
  </si>
  <si>
    <t>9573</t>
  </si>
  <si>
    <t>GHS FAZLA KATCHH</t>
  </si>
  <si>
    <t>Fazla Kuch</t>
  </si>
  <si>
    <t>HS Fazla kach Tribal Area DG khan</t>
  </si>
  <si>
    <t>Mir Taimoor Khan Buzdar</t>
  </si>
  <si>
    <t>3015</t>
  </si>
  <si>
    <t>26857</t>
  </si>
  <si>
    <t>GGMPS PIND BOHLIAN</t>
  </si>
  <si>
    <t>DARMAN - FEMALE</t>
  </si>
  <si>
    <t>Pind Bohlian</t>
  </si>
  <si>
    <t>Pind Bohlian Post Office Darman The Zafarwal Dist Narowal</t>
  </si>
  <si>
    <t>Dinga Narine Pur</t>
  </si>
  <si>
    <t>54309</t>
  </si>
  <si>
    <t>53109</t>
  </si>
  <si>
    <t>20928</t>
  </si>
  <si>
    <t>GGHS DAD WALI</t>
  </si>
  <si>
    <t>gghs dadwali,teh wzd,dist grw.</t>
  </si>
  <si>
    <t>dadwali</t>
  </si>
  <si>
    <t>dhounkal</t>
  </si>
  <si>
    <t>Saira Jamil</t>
  </si>
  <si>
    <t>57120</t>
  </si>
  <si>
    <t>29662</t>
  </si>
  <si>
    <t>GGHS PURANI MANDI PATTOKI</t>
  </si>
  <si>
    <t>OLD MANDI</t>
  </si>
  <si>
    <t>GOVT GIRLS HIGH SCHOOL OLD MANDI PATTOKI</t>
  </si>
  <si>
    <t>ward no.12</t>
  </si>
  <si>
    <t>asima amber</t>
  </si>
  <si>
    <t>49661</t>
  </si>
  <si>
    <t>GGHS CHAK NO.132 SB</t>
  </si>
  <si>
    <t>Chak No 132 Sb</t>
  </si>
  <si>
    <t>gghs chak no 132 sb</t>
  </si>
  <si>
    <t>SAIMA YAQUB</t>
  </si>
  <si>
    <t>35944</t>
  </si>
  <si>
    <t>GGPS JAHAN PUR</t>
  </si>
  <si>
    <t>Jahan Pur</t>
  </si>
  <si>
    <t>jahanpur</t>
  </si>
  <si>
    <t>Jahanpur</t>
  </si>
  <si>
    <t>asia mai</t>
  </si>
  <si>
    <t>4735</t>
  </si>
  <si>
    <t>9265</t>
  </si>
  <si>
    <t>3915</t>
  </si>
  <si>
    <t>GGHS CHAK NO.48/DB</t>
  </si>
  <si>
    <t>Chak No 48/db</t>
  </si>
  <si>
    <t>GGHS 48/DB YAZMAN</t>
  </si>
  <si>
    <t>68/db</t>
  </si>
  <si>
    <t>Warda Jamil</t>
  </si>
  <si>
    <t>11205</t>
  </si>
  <si>
    <t>GGPS CHAK NO.169/TDA</t>
  </si>
  <si>
    <t>ggps 169/tda layyah</t>
  </si>
  <si>
    <t>Hira Rani</t>
  </si>
  <si>
    <t>7579</t>
  </si>
  <si>
    <t>41513</t>
  </si>
  <si>
    <t>GHS ISLAMIA NO. 2 RAWALPINDI</t>
  </si>
  <si>
    <t>circular road RWP</t>
  </si>
  <si>
    <t>Kartarpura</t>
  </si>
  <si>
    <t>MAQBOOL AHMED MUGHAL</t>
  </si>
  <si>
    <t>52640</t>
  </si>
  <si>
    <t>12973</t>
  </si>
  <si>
    <t>10190</t>
  </si>
  <si>
    <t>GGPS CHAK NO.116-C TDA</t>
  </si>
  <si>
    <t>Shah Pur</t>
  </si>
  <si>
    <t>116-C/TDA langrial wala</t>
  </si>
  <si>
    <t>langrial wala</t>
  </si>
  <si>
    <t>HASEENA MAI</t>
  </si>
  <si>
    <t>1659</t>
  </si>
  <si>
    <t>GGPS MUGHEES WALA</t>
  </si>
  <si>
    <t>Basti Din Pur</t>
  </si>
  <si>
    <t>chak no.164 A tda basti din pur</t>
  </si>
  <si>
    <t>164A</t>
  </si>
  <si>
    <t>TEHMINA KAUSAR</t>
  </si>
  <si>
    <t>1678</t>
  </si>
  <si>
    <t>33984</t>
  </si>
  <si>
    <t>36538</t>
  </si>
  <si>
    <t>4225</t>
  </si>
  <si>
    <t>11392</t>
  </si>
  <si>
    <t>32060</t>
  </si>
  <si>
    <t>GGPS BASTI GHULAM HAYEDER WALA</t>
  </si>
  <si>
    <t>ALI PUR-II- FEMALE</t>
  </si>
  <si>
    <t>Fateh Pur Janubi Janobii273</t>
  </si>
  <si>
    <t>Basti ghulam haider markand</t>
  </si>
  <si>
    <t>Basti Markand</t>
  </si>
  <si>
    <t>Ali Wali</t>
  </si>
  <si>
    <t>6168</t>
  </si>
  <si>
    <t>35877</t>
  </si>
  <si>
    <t>GGPS MANDAH</t>
  </si>
  <si>
    <t>Shah Star</t>
  </si>
  <si>
    <t>Ggps chak mandah</t>
  </si>
  <si>
    <t>Chak Mandah</t>
  </si>
  <si>
    <t>1107</t>
  </si>
  <si>
    <t>5589</t>
  </si>
  <si>
    <t>GGPS CHAK NO.20/A</t>
  </si>
  <si>
    <t>LQP EAST - FEMALE</t>
  </si>
  <si>
    <t>20/a</t>
  </si>
  <si>
    <t>Ggps chak 20/a</t>
  </si>
  <si>
    <t>32/a</t>
  </si>
  <si>
    <t>Nazia Qamar</t>
  </si>
  <si>
    <t>43180</t>
  </si>
  <si>
    <t>48406</t>
  </si>
  <si>
    <t>13283</t>
  </si>
  <si>
    <t>3312</t>
  </si>
  <si>
    <t>18643</t>
  </si>
  <si>
    <t>52124</t>
  </si>
  <si>
    <t>GPS CHAK 421 JB</t>
  </si>
  <si>
    <t>MURAD SHAH MALE</t>
  </si>
  <si>
    <t>MURAD SHAH</t>
  </si>
  <si>
    <t>CHAK NO. 421 JB MURAD SHAH - TEHSIL: GOJRA - DISTRICT: TOBA TEK SINGH</t>
  </si>
  <si>
    <t>421 JB / MURAD SHAH</t>
  </si>
  <si>
    <t>CHAK NO. 423 JB ADAH</t>
  </si>
  <si>
    <t>11399</t>
  </si>
  <si>
    <t>46779</t>
  </si>
  <si>
    <t>GPS MAJANI QUTBI KHEL</t>
  </si>
  <si>
    <t>VANJARI-MALE</t>
  </si>
  <si>
    <t>Malla khel</t>
  </si>
  <si>
    <t>Majani qutbikhel p/o makerwal esakhel mianwali</t>
  </si>
  <si>
    <t>Majani Qutbikhel</t>
  </si>
  <si>
    <t>Vanjari</t>
  </si>
  <si>
    <t>Sada Khan</t>
  </si>
  <si>
    <t>3027</t>
  </si>
  <si>
    <t>10954</t>
  </si>
  <si>
    <t>GGCMS CHAK NO.165/TDA LHADHANA</t>
  </si>
  <si>
    <t>Sarishta Thal Jandi</t>
  </si>
  <si>
    <t>chak 165/TDA</t>
  </si>
  <si>
    <t>chak#165/ TDA</t>
  </si>
  <si>
    <t>shahida bader</t>
  </si>
  <si>
    <t>28340</t>
  </si>
  <si>
    <t>7539</t>
  </si>
  <si>
    <t>GPS MAZHAR FARID COLONY</t>
  </si>
  <si>
    <t>Goth Jura</t>
  </si>
  <si>
    <t>GPS boys Mazhar Fareed colony Sadiq Abad</t>
  </si>
  <si>
    <t>C</t>
  </si>
  <si>
    <t>Syed Iftikhar Ul Hassan</t>
  </si>
  <si>
    <t>954</t>
  </si>
  <si>
    <t>2856</t>
  </si>
  <si>
    <t>GGPS JAM ALLAH DITTA KHORE</t>
  </si>
  <si>
    <t>AHMADPUR CITY - FEMALE</t>
  </si>
  <si>
    <t>Mosa Khukhr</t>
  </si>
  <si>
    <t>jam allah ditta khur  muza mosa khukhr gmps</t>
  </si>
  <si>
    <t>Basti Khur</t>
  </si>
  <si>
    <t>Muenspl Comety</t>
  </si>
  <si>
    <t>Hummara Irum</t>
  </si>
  <si>
    <t>4363</t>
  </si>
  <si>
    <t>12265</t>
  </si>
  <si>
    <t>GES QABOOL WALA</t>
  </si>
  <si>
    <t>AZIZ ABAD-I- MALE</t>
  </si>
  <si>
    <t>Pattal Munda</t>
  </si>
  <si>
    <t>p/o Rang pur teh kot adu distt m garh</t>
  </si>
  <si>
    <t>Qabool Wala</t>
  </si>
  <si>
    <t>Aziz Abad</t>
  </si>
  <si>
    <t>Ghulam Hasnain</t>
  </si>
  <si>
    <t>8258</t>
  </si>
  <si>
    <t>45647</t>
  </si>
  <si>
    <t>GPS NAZOO WALA</t>
  </si>
  <si>
    <t>PANJGRAIN - MALE</t>
  </si>
  <si>
    <t>Haji Hussain Shah Dagger</t>
  </si>
  <si>
    <t>Chah Nazoo Wala</t>
  </si>
  <si>
    <t>6 TDA</t>
  </si>
  <si>
    <t>Muhammad Taqi Shah</t>
  </si>
  <si>
    <t>3048</t>
  </si>
  <si>
    <t>3358</t>
  </si>
  <si>
    <t>46986</t>
  </si>
  <si>
    <t>GPS NAR KHELAN WALA</t>
  </si>
  <si>
    <t>Pakka Kamar Mushani</t>
  </si>
  <si>
    <t>Nar khelan wala ,kamar mushani ,Isa khel, Mianwali</t>
  </si>
  <si>
    <t>Nar Khelan Wala</t>
  </si>
  <si>
    <t>Fiaz Ahmad Khan</t>
  </si>
  <si>
    <t>49151</t>
  </si>
  <si>
    <t>13315</t>
  </si>
  <si>
    <t>GGPS CHOHAN WALA</t>
  </si>
  <si>
    <t>Dammar Wala</t>
  </si>
  <si>
    <t>basti chohan wala,jatoi,</t>
  </si>
  <si>
    <t>Chohan Wala</t>
  </si>
  <si>
    <t>Dammar Wala Shumali</t>
  </si>
  <si>
    <t>Ruqia Begum</t>
  </si>
  <si>
    <t>23785</t>
  </si>
  <si>
    <t>GGPS CHAK NO 167 TDA PO PEER JAGGI LAYYAH</t>
  </si>
  <si>
    <t>GGPS167tda</t>
  </si>
  <si>
    <t>Hafsa Sohail</t>
  </si>
  <si>
    <t>12801</t>
  </si>
  <si>
    <t>28225</t>
  </si>
  <si>
    <t>20442</t>
  </si>
  <si>
    <t>GGHS MUBARAK COLONY</t>
  </si>
  <si>
    <t>Mubarak  Colony</t>
  </si>
  <si>
    <t>Mubarak colony Grw</t>
  </si>
  <si>
    <t>Khalid Colony</t>
  </si>
  <si>
    <t>GHS NOOR SAR</t>
  </si>
  <si>
    <t>Noor Sar</t>
  </si>
  <si>
    <t>Noor sar p/o same teh/dist Bahawalnagar</t>
  </si>
  <si>
    <t>14429</t>
  </si>
  <si>
    <t>13003</t>
  </si>
  <si>
    <t>38616</t>
  </si>
  <si>
    <t>51044</t>
  </si>
  <si>
    <t>16420</t>
  </si>
  <si>
    <t>GGES JUMRA CITY II</t>
  </si>
  <si>
    <t>CHAK JHUMRA</t>
  </si>
  <si>
    <t>GGES #2 MUHALLA MUHAMMAD PURA JHUMRA</t>
  </si>
  <si>
    <t>MUHAMMAD PURA</t>
  </si>
  <si>
    <t>JHUMRA</t>
  </si>
  <si>
    <t>NASEEM AKHTAR</t>
  </si>
  <si>
    <t>5545</t>
  </si>
  <si>
    <t>5555</t>
  </si>
  <si>
    <t>GGPS ISLAM NAGAR</t>
  </si>
  <si>
    <t>Islam Nagar</t>
  </si>
  <si>
    <t>Islam Nagar Sharqi Tehsil Liaquat Pur District Rahim Yar Khan</t>
  </si>
  <si>
    <t>MC LQP</t>
  </si>
  <si>
    <t>Kousar Bano</t>
  </si>
  <si>
    <t>22876</t>
  </si>
  <si>
    <t>38734</t>
  </si>
  <si>
    <t>16672</t>
  </si>
  <si>
    <t>22062</t>
  </si>
  <si>
    <t>28265</t>
  </si>
  <si>
    <t>52674</t>
  </si>
  <si>
    <t>46981</t>
  </si>
  <si>
    <t>GPS QATAL KHEL</t>
  </si>
  <si>
    <t>Sultankhel</t>
  </si>
  <si>
    <t>wandha nizam khel 0
post office Makarwal Tehsil isakhel dist mianwali</t>
  </si>
  <si>
    <t>Nizam Khel</t>
  </si>
  <si>
    <t>Abdullah Jan Khan</t>
  </si>
  <si>
    <t>39630</t>
  </si>
  <si>
    <t>2138</t>
  </si>
  <si>
    <t>11001</t>
  </si>
  <si>
    <t>GGPS AKHTAR ABAD</t>
  </si>
  <si>
    <t>Noshahra Nashaib</t>
  </si>
  <si>
    <t>G.G.P/S Akhtar Abad layyah</t>
  </si>
  <si>
    <t>Noshahra Nashaib Shah Pur Duratta Layyah</t>
  </si>
  <si>
    <t>Shadu Kham</t>
  </si>
  <si>
    <t>FAMIA SHAHEEN</t>
  </si>
  <si>
    <t>hand pump+electric motor</t>
  </si>
  <si>
    <t>14619</t>
  </si>
  <si>
    <t>22160</t>
  </si>
  <si>
    <t>20815</t>
  </si>
  <si>
    <t>GGPS MC NO. 21 GUJRANWALA</t>
  </si>
  <si>
    <t>camp no4</t>
  </si>
  <si>
    <t>sadar thana para camp no 4 street no 4</t>
  </si>
  <si>
    <t>none</t>
  </si>
  <si>
    <t>Attia Anees</t>
  </si>
  <si>
    <t>42581</t>
  </si>
  <si>
    <t>GPS MOHRA HAYAT</t>
  </si>
  <si>
    <t>Mohra Hayat</t>
  </si>
  <si>
    <t>village Mohra Hayat, tehail Gujar khan, dist Rawalpindi</t>
  </si>
  <si>
    <t>Devi</t>
  </si>
  <si>
    <t>23897</t>
  </si>
  <si>
    <t>43169</t>
  </si>
  <si>
    <t>GGHS DHARUGI</t>
  </si>
  <si>
    <t>Dharuggi</t>
  </si>
  <si>
    <t>VPO DHARUGGI CHAKWAL</t>
  </si>
  <si>
    <t>Farhat Jabeen</t>
  </si>
  <si>
    <t>34976</t>
  </si>
  <si>
    <t>1005</t>
  </si>
  <si>
    <t>22045</t>
  </si>
  <si>
    <t>GGPS CHAHIA WALA</t>
  </si>
  <si>
    <t>Jhalan</t>
  </si>
  <si>
    <t>village chahia wala p/o jhalan tehsil nowshera virkan district Gujranwala</t>
  </si>
  <si>
    <t>Shehnaz Akhtar</t>
  </si>
  <si>
    <t>7324</t>
  </si>
  <si>
    <t>39831</t>
  </si>
  <si>
    <t>GMPS HASSAN ABDAL NO.4</t>
  </si>
  <si>
    <t>NIL</t>
  </si>
  <si>
    <t>Munnu nagar</t>
  </si>
  <si>
    <t>MUNOO NAGAR</t>
  </si>
  <si>
    <t>ABIDA SULTANA</t>
  </si>
  <si>
    <t>26210</t>
  </si>
  <si>
    <t>15910</t>
  </si>
  <si>
    <t>GPS CHAK 264 RB II FSD</t>
  </si>
  <si>
    <t>264RB 2nd</t>
  </si>
  <si>
    <t>264 RB 2nd</t>
  </si>
  <si>
    <t>Jalandhar</t>
  </si>
  <si>
    <t>Shafique Ahmad</t>
  </si>
  <si>
    <t>44280</t>
  </si>
  <si>
    <t>GGES MIANI</t>
  </si>
  <si>
    <t>village miani p/o miani Teh, kallar kahar</t>
  </si>
  <si>
    <t>Asmat Bibi</t>
  </si>
  <si>
    <t>27007</t>
  </si>
  <si>
    <t>47060</t>
  </si>
  <si>
    <t>51702</t>
  </si>
  <si>
    <t>34423</t>
  </si>
  <si>
    <t>GHS JAM PUR EAST P/O LAR MULTAN</t>
  </si>
  <si>
    <t>Jam Pur Sharqi</t>
  </si>
  <si>
    <t>P/o jam pur sharqi Multan</t>
  </si>
  <si>
    <t>Basti Jam Pur Sharqi</t>
  </si>
  <si>
    <t>Hamid Pur Kanorah</t>
  </si>
  <si>
    <t>MIAN ABDUL QADEER AHMAD KHAN</t>
  </si>
  <si>
    <t>34981</t>
  </si>
  <si>
    <t>GGPS CHAH KHOSA WALA</t>
  </si>
  <si>
    <t>JAHAN PUR - FEMALE</t>
  </si>
  <si>
    <t>Kikry</t>
  </si>
  <si>
    <t>mouza kikry union counsil 118 khosay wala</t>
  </si>
  <si>
    <t>Khosay Wala</t>
  </si>
  <si>
    <t>Ghazi Pur</t>
  </si>
  <si>
    <t>sajida perveen</t>
  </si>
  <si>
    <t>6085</t>
  </si>
  <si>
    <t>40070</t>
  </si>
  <si>
    <t>GGPS GUL MUHAMMAD ARAIN</t>
  </si>
  <si>
    <t>DUFLI KABIR KHAN-FEMALE</t>
  </si>
  <si>
    <t>Ghousabad</t>
  </si>
  <si>
    <t>Basti Gul Muhammad Arain  Tehsil Liaquat pur Distt Rahim Yar Khan</t>
  </si>
  <si>
    <t>Basti Gul Mohd Arain</t>
  </si>
  <si>
    <t>Salma Niaz</t>
  </si>
  <si>
    <t>37412</t>
  </si>
  <si>
    <t>GHS 110/15-L, MIAN CHANNU</t>
  </si>
  <si>
    <t>110/15-L</t>
  </si>
  <si>
    <t>Chak no. 110/15-L Mian Channu District Khanewal</t>
  </si>
  <si>
    <t>SAJID NAVEED</t>
  </si>
  <si>
    <t>18209</t>
  </si>
  <si>
    <t>29020</t>
  </si>
  <si>
    <t>3124</t>
  </si>
  <si>
    <t>7671</t>
  </si>
  <si>
    <t>GHS SHERO</t>
  </si>
  <si>
    <t>Noor Wahi Maril</t>
  </si>
  <si>
    <t>moza noir Wahi maril village sheru jadeed post office khas teh kot chutta distt dera ghazi khan</t>
  </si>
  <si>
    <t>Sheru Jadeed</t>
  </si>
  <si>
    <t>Jhakar Imam Shah</t>
  </si>
  <si>
    <t>Muhammad Saleem Ayaz</t>
  </si>
  <si>
    <t>496</t>
  </si>
  <si>
    <t>35109</t>
  </si>
  <si>
    <t>GGES 499 EB</t>
  </si>
  <si>
    <t>Chak No 499eb</t>
  </si>
  <si>
    <t>chack no 499/E.B burewala</t>
  </si>
  <si>
    <t>16755</t>
  </si>
  <si>
    <t>22071</t>
  </si>
  <si>
    <t>GGPS JHALIAN WALA</t>
  </si>
  <si>
    <t>Jhalian Wala</t>
  </si>
  <si>
    <t>post office Jalhan village jhalian wala</t>
  </si>
  <si>
    <t>Jalhan</t>
  </si>
  <si>
    <t>Iram Shahzadi</t>
  </si>
  <si>
    <t>15038</t>
  </si>
  <si>
    <t>GPS 652-3 GB</t>
  </si>
  <si>
    <t>652/3gb</t>
  </si>
  <si>
    <t>chak no652/3gb</t>
  </si>
  <si>
    <t>147gb</t>
  </si>
  <si>
    <t>Abdul Shakoor Sajid</t>
  </si>
  <si>
    <t>747</t>
  </si>
  <si>
    <t>8176</t>
  </si>
  <si>
    <t>3754</t>
  </si>
  <si>
    <t>4422</t>
  </si>
  <si>
    <t>24574</t>
  </si>
  <si>
    <t>GGPS SHAH PUR</t>
  </si>
  <si>
    <t>vill shahpur p/o bhagyari teh:Pasrur dist:sialkot</t>
  </si>
  <si>
    <t>40260</t>
  </si>
  <si>
    <t>36782</t>
  </si>
  <si>
    <t>36019</t>
  </si>
  <si>
    <t>GGHS WARD NO. 8 MAILSI</t>
  </si>
  <si>
    <t>Govt Girls H/S Ward No. 8 Mailsi</t>
  </si>
  <si>
    <t>East Mailsi</t>
  </si>
  <si>
    <t>ASIA NASEEM</t>
  </si>
  <si>
    <t>28247</t>
  </si>
  <si>
    <t>GG BBS HS HASLAN WALA</t>
  </si>
  <si>
    <t>village and post office haslanwala tehsil phalia district m. b. din</t>
  </si>
  <si>
    <t>Azeez Fatima</t>
  </si>
  <si>
    <t>38115</t>
  </si>
  <si>
    <t>391</t>
  </si>
  <si>
    <t>26173</t>
  </si>
  <si>
    <t>47802</t>
  </si>
  <si>
    <t>4531</t>
  </si>
  <si>
    <t>8177</t>
  </si>
  <si>
    <t>10929</t>
  </si>
  <si>
    <t>GGPS ATTA MUHAMMAD KACHHELA</t>
  </si>
  <si>
    <t>CHOTI BALA-FEMALE</t>
  </si>
  <si>
    <t>Bakhr wah</t>
  </si>
  <si>
    <t>bakhr wah</t>
  </si>
  <si>
    <t>Jam Chatta</t>
  </si>
  <si>
    <t>Rani Noureen</t>
  </si>
  <si>
    <t>42196</t>
  </si>
  <si>
    <t>GPS CHAPPRANA KHATER</t>
  </si>
  <si>
    <t>Kamkot Haidar</t>
  </si>
  <si>
    <t>village kamkot haidar P/O Biaga Teh. kottli sattian Distt.Rawapindi</t>
  </si>
  <si>
    <t>Lehthrar Bala</t>
  </si>
  <si>
    <t>pipe line</t>
  </si>
  <si>
    <t>30922</t>
  </si>
  <si>
    <t>29700</t>
  </si>
  <si>
    <t>35404</t>
  </si>
  <si>
    <t>GGPS CHAK NO. 217 /EB</t>
  </si>
  <si>
    <t>217/B</t>
  </si>
  <si>
    <t>chak no 217/eb</t>
  </si>
  <si>
    <t>217/Eb</t>
  </si>
  <si>
    <t>215/Eb</t>
  </si>
  <si>
    <t>21740</t>
  </si>
  <si>
    <t>10493</t>
  </si>
  <si>
    <t>GGPS 368/WB</t>
  </si>
  <si>
    <t>CHAK NO. 369/WB - FEMALE</t>
  </si>
  <si>
    <t>369/wb</t>
  </si>
  <si>
    <t>368/wb teh  dunyapur district lodhran</t>
  </si>
  <si>
    <t>368/wb</t>
  </si>
  <si>
    <t>353/wb</t>
  </si>
  <si>
    <t>KALSOOM ANWAR</t>
  </si>
  <si>
    <t>35006</t>
  </si>
  <si>
    <t>38837</t>
  </si>
  <si>
    <t>GPS DHOK PATTA</t>
  </si>
  <si>
    <t>Akhori</t>
  </si>
  <si>
    <t>dhok patta</t>
  </si>
  <si>
    <t>4067</t>
  </si>
  <si>
    <t>54939</t>
  </si>
  <si>
    <t>GPS 9/EB</t>
  </si>
  <si>
    <t>Chack No. 9/EB</t>
  </si>
  <si>
    <t>Chack No 9/EB</t>
  </si>
  <si>
    <t>13/EB</t>
  </si>
  <si>
    <t>Ghulam Rasool Tsbassum</t>
  </si>
  <si>
    <t>97920</t>
  </si>
  <si>
    <t>15240</t>
  </si>
  <si>
    <t>GGPS CHAK NO 54 RB</t>
  </si>
  <si>
    <t>Sariali</t>
  </si>
  <si>
    <t>54 rb</t>
  </si>
  <si>
    <t>54 Rb</t>
  </si>
  <si>
    <t>54 Rb Sarali</t>
  </si>
  <si>
    <t>Nusrat Sultana</t>
  </si>
  <si>
    <t>10219</t>
  </si>
  <si>
    <t>13561</t>
  </si>
  <si>
    <t>14677</t>
  </si>
  <si>
    <t>GGES MC KHALASA COLLEGE</t>
  </si>
  <si>
    <t>Khalsa College</t>
  </si>
  <si>
    <t>GGES KHALSA COLLEGE</t>
  </si>
  <si>
    <t>Small D Ground</t>
  </si>
  <si>
    <t>Abida Naheed</t>
  </si>
  <si>
    <t>6529</t>
  </si>
  <si>
    <t>GGHS CHAK NO 184 JB</t>
  </si>
  <si>
    <t>Janglu</t>
  </si>
  <si>
    <t>Chak No 184 Janglu</t>
  </si>
  <si>
    <t>CHAK NO 184 WEST Sial</t>
  </si>
  <si>
    <t>Surayya Batool</t>
  </si>
  <si>
    <t>39776</t>
  </si>
  <si>
    <t>52906</t>
  </si>
  <si>
    <t>GPS ADP STATION HAJI CHAND</t>
  </si>
  <si>
    <t>Station Haji Chand</t>
  </si>
  <si>
    <t>Bhella Gulab Singh</t>
  </si>
  <si>
    <t>Hafiz Muhammad Yaseen</t>
  </si>
  <si>
    <t>1363</t>
  </si>
  <si>
    <t>GGHSS TRANDA SAWAY KHAN</t>
  </si>
  <si>
    <t>TRANDA SAWAY KHAN</t>
  </si>
  <si>
    <t>TRANDA SAWAY KHAN DISTRIC RAHIM YAR KHAN</t>
  </si>
  <si>
    <t>M.C</t>
  </si>
  <si>
    <t>Hina Perveen</t>
  </si>
  <si>
    <t>35394</t>
  </si>
  <si>
    <t>GMES 359 EB NO 1</t>
  </si>
  <si>
    <t>GMES 359 E.B Burewala</t>
  </si>
  <si>
    <t>359 Eb</t>
  </si>
  <si>
    <t>175 EB</t>
  </si>
  <si>
    <t>Nabila Habib</t>
  </si>
  <si>
    <t>6735</t>
  </si>
  <si>
    <t>51961</t>
  </si>
  <si>
    <t>GPS 131 EB P.O SAME</t>
  </si>
  <si>
    <t>chak no 131eb po same tehsil Arifwala distt pakpattan</t>
  </si>
  <si>
    <t>131/eb</t>
  </si>
  <si>
    <t>26924</t>
  </si>
  <si>
    <t>26344</t>
  </si>
  <si>
    <t>24628</t>
  </si>
  <si>
    <t>GGPS JHAMBIAN</t>
  </si>
  <si>
    <t>Jhumbian</t>
  </si>
  <si>
    <t>village jhumbian post office pindibhago tehsil pasrur district sialkot</t>
  </si>
  <si>
    <t>Charwah</t>
  </si>
  <si>
    <t>Shaista Mobashar</t>
  </si>
  <si>
    <t>14262</t>
  </si>
  <si>
    <t>6780</t>
  </si>
  <si>
    <t>35412</t>
  </si>
  <si>
    <t>GGES CHAK NO.171/EB</t>
  </si>
  <si>
    <t>Chak #171/EB</t>
  </si>
  <si>
    <t>chak #171/EB</t>
  </si>
  <si>
    <t>Chak #215/EB</t>
  </si>
  <si>
    <t>Munazza Aslam</t>
  </si>
  <si>
    <t>24584</t>
  </si>
  <si>
    <t>GMPS LALYAL</t>
  </si>
  <si>
    <t>Lalyal</t>
  </si>
  <si>
    <t>GMPS Lalyal</t>
  </si>
  <si>
    <t>Isma Aslam</t>
  </si>
  <si>
    <t>7244</t>
  </si>
  <si>
    <t>51740</t>
  </si>
  <si>
    <t>43624</t>
  </si>
  <si>
    <t>52899</t>
  </si>
  <si>
    <t>GGCMES MIRZA PUR</t>
  </si>
  <si>
    <t>Mirza Pur</t>
  </si>
  <si>
    <t>mirza  pur</t>
  </si>
  <si>
    <t>Tara singh</t>
  </si>
  <si>
    <t>Zahida Bibi</t>
  </si>
  <si>
    <t>4319</t>
  </si>
  <si>
    <t>39130</t>
  </si>
  <si>
    <t>39050</t>
  </si>
  <si>
    <t>24579</t>
  </si>
  <si>
    <t>GGPS UNCHA KHURD</t>
  </si>
  <si>
    <t>Unchakhurd</t>
  </si>
  <si>
    <t>GGPS uncha khurd village uncha khurd, p/o paktal,tehsil. pasrur,distt sialkot</t>
  </si>
  <si>
    <t>Shamaila Akram</t>
  </si>
  <si>
    <t>4718</t>
  </si>
  <si>
    <t>1545</t>
  </si>
  <si>
    <t>35342</t>
  </si>
  <si>
    <t>GGES 457/EB</t>
  </si>
  <si>
    <t>457 EB</t>
  </si>
  <si>
    <t>CHAK NO. 457/EB BUREWALA</t>
  </si>
  <si>
    <t>457EB</t>
  </si>
  <si>
    <t>Razia Bibi</t>
  </si>
  <si>
    <t>21700</t>
  </si>
  <si>
    <t>35391</t>
  </si>
  <si>
    <t>GGES 225 EB</t>
  </si>
  <si>
    <t>225/EB</t>
  </si>
  <si>
    <t>Chak No 225/EB</t>
  </si>
  <si>
    <t>UC 225/EB</t>
  </si>
  <si>
    <t>samina jabeen</t>
  </si>
  <si>
    <t>1098</t>
  </si>
  <si>
    <t>13929</t>
  </si>
  <si>
    <t>14670</t>
  </si>
  <si>
    <t>GGES MC IQBAL NAGAR FAISALABAD</t>
  </si>
  <si>
    <t>Allama Iqbal colony</t>
  </si>
  <si>
    <t>M.C.GIRLS ELEMENTARY SCHOOL IQBAL NAGAR FAISALABAD</t>
  </si>
  <si>
    <t>36336</t>
  </si>
  <si>
    <t>14597</t>
  </si>
  <si>
    <t>GGPS BATALA MODEL G WAHEED PARK</t>
  </si>
  <si>
    <t>g g batala model p/s abdullah pur</t>
  </si>
  <si>
    <t>Almas Sultana</t>
  </si>
  <si>
    <t>19738</t>
  </si>
  <si>
    <t>16531</t>
  </si>
  <si>
    <t>GPS SARWAR KAY</t>
  </si>
  <si>
    <t>Sarwer Ka Tehsil Tandlianwala Distt Faisalabad</t>
  </si>
  <si>
    <t>Govt. primary scchool sarwer kay  p/0 Jhamra tehsil tandlianwala distt Faisalabad</t>
  </si>
  <si>
    <t>Thatha Sarwer Ka Tehsil Tandlianwala Distt Faisala</t>
  </si>
  <si>
    <t>7991</t>
  </si>
  <si>
    <t>7926</t>
  </si>
  <si>
    <t>16566</t>
  </si>
  <si>
    <t>GPS 53/1 TUKRA</t>
  </si>
  <si>
    <t>53/1 Tukra</t>
  </si>
  <si>
    <t>Chak 53/1 tukra p/o mamunkanjan Teh Tandlianwala Distt Faisalabad</t>
  </si>
  <si>
    <t>chak 53/1 tukra</t>
  </si>
  <si>
    <t>darbar slah deen</t>
  </si>
  <si>
    <t>Muhammad Sadique</t>
  </si>
  <si>
    <t>31080</t>
  </si>
  <si>
    <t>31014</t>
  </si>
  <si>
    <t>49881</t>
  </si>
  <si>
    <t>GHS RATRI SAHIWAL</t>
  </si>
  <si>
    <t>Raitri</t>
  </si>
  <si>
    <t>Ghs raitri tehsil sahiwal District sargodha</t>
  </si>
  <si>
    <t>Malik Muhammad Tahir</t>
  </si>
  <si>
    <t>29549</t>
  </si>
  <si>
    <t>20486</t>
  </si>
  <si>
    <t>GES MAAN</t>
  </si>
  <si>
    <t>Maan</t>
  </si>
  <si>
    <t>Maan Tehil &amp;district Gujranwala</t>
  </si>
  <si>
    <t>Sajid Mahmood Khan</t>
  </si>
  <si>
    <t>11118</t>
  </si>
  <si>
    <t>49854</t>
  </si>
  <si>
    <t>GHS DHOOL KADHI</t>
  </si>
  <si>
    <t>Dhool Kadhi</t>
  </si>
  <si>
    <t>ghs Dhool Kadhi teh sahiwal sargodha</t>
  </si>
  <si>
    <t>Ghazanfar Ali</t>
  </si>
  <si>
    <t>20281</t>
  </si>
  <si>
    <t>2754</t>
  </si>
  <si>
    <t>20962</t>
  </si>
  <si>
    <t>GPS SOHDRA NO.2</t>
  </si>
  <si>
    <t>GPS No.2 Sohdra Main Bazar Sohdra</t>
  </si>
  <si>
    <t>Kanwal Shehzadi</t>
  </si>
  <si>
    <t>6619</t>
  </si>
  <si>
    <t>43670</t>
  </si>
  <si>
    <t>GES DHOK KHALAS</t>
  </si>
  <si>
    <t>TAMMAN-MALE</t>
  </si>
  <si>
    <t>Dhoke Abaki</t>
  </si>
  <si>
    <t>vill dhoke khalas po patwali teh talagang distt chakwal</t>
  </si>
  <si>
    <t>Dhoke Khalas</t>
  </si>
  <si>
    <t>32260</t>
  </si>
  <si>
    <t>10360</t>
  </si>
  <si>
    <t>GPS NO.2 CHAK NO. 115 A SB</t>
  </si>
  <si>
    <t>Chak 115 A S B</t>
  </si>
  <si>
    <t>Chak 120 S B</t>
  </si>
  <si>
    <t>Muhammad Arshad Javed</t>
  </si>
  <si>
    <t>5524</t>
  </si>
  <si>
    <t>5301</t>
  </si>
  <si>
    <t>46403</t>
  </si>
  <si>
    <t>GGES CHAK NO 51 GB ST DOMENIC</t>
  </si>
  <si>
    <t>51 gb</t>
  </si>
  <si>
    <t>GGES 51 GB</t>
  </si>
  <si>
    <t>khush pur</t>
  </si>
  <si>
    <t>naradada</t>
  </si>
  <si>
    <t>Irsa Gul</t>
  </si>
  <si>
    <t>24575</t>
  </si>
  <si>
    <t>GMPS SANGRIAL</t>
  </si>
  <si>
    <t>Sangrial</t>
  </si>
  <si>
    <t>Village Sangrial P/O Kingra Tehsil Pasrur Sialkot</t>
  </si>
  <si>
    <t>Kingra</t>
  </si>
  <si>
    <t>Shahida Parveen</t>
  </si>
  <si>
    <t>1284</t>
  </si>
  <si>
    <t>18542</t>
  </si>
  <si>
    <t>51523</t>
  </si>
  <si>
    <t>GPS CHAK NO. 95 /D</t>
  </si>
  <si>
    <t>95d</t>
  </si>
  <si>
    <t>chak no 95/d  tehsel and distt pakpattan</t>
  </si>
  <si>
    <t>gps 95/d</t>
  </si>
  <si>
    <t>85d</t>
  </si>
  <si>
    <t>4527</t>
  </si>
  <si>
    <t>48614</t>
  </si>
  <si>
    <t>29653</t>
  </si>
  <si>
    <t>GES LAKHO DHER CHAK NO.48</t>
  </si>
  <si>
    <t>Lakhodher Chak48</t>
  </si>
  <si>
    <t>Government elementary school Lakhodher chak 48 Markaz Hallah</t>
  </si>
  <si>
    <t>Lakhodher</t>
  </si>
  <si>
    <t>Hallah</t>
  </si>
  <si>
    <t>Abdul razzaq abid</t>
  </si>
  <si>
    <t>9558</t>
  </si>
  <si>
    <t>39880</t>
  </si>
  <si>
    <t>30322</t>
  </si>
  <si>
    <t>36182</t>
  </si>
  <si>
    <t>GPS CHAK NO.51 WB</t>
  </si>
  <si>
    <t>51WB</t>
  </si>
  <si>
    <t>chak no 51 wb</t>
  </si>
  <si>
    <t>Chak No 51 51WB</t>
  </si>
  <si>
    <t>Chak No 63 Wb</t>
  </si>
  <si>
    <t>Riaz Hussain</t>
  </si>
  <si>
    <t>23068</t>
  </si>
  <si>
    <t>34084</t>
  </si>
  <si>
    <t>GPS THATHI REHMU</t>
  </si>
  <si>
    <t>Thathi Rehmu</t>
  </si>
  <si>
    <t>thathi rehmu</t>
  </si>
  <si>
    <t>Mari Shah Saghera</t>
  </si>
  <si>
    <t>Sibtain qasim</t>
  </si>
  <si>
    <t>2412</t>
  </si>
  <si>
    <t>50719</t>
  </si>
  <si>
    <t>GGHS 98/ 6-R SWL</t>
  </si>
  <si>
    <t>chak 98/6.r sahiwal</t>
  </si>
  <si>
    <t>99/6.r</t>
  </si>
  <si>
    <t>Najma Wali Muhammad</t>
  </si>
  <si>
    <t>27066</t>
  </si>
  <si>
    <t>2163</t>
  </si>
  <si>
    <t>20345</t>
  </si>
  <si>
    <t>GGCMS VINOKA</t>
  </si>
  <si>
    <t>LALIAN MARKAZ NO.05 - FEMALE</t>
  </si>
  <si>
    <t>vinoka</t>
  </si>
  <si>
    <t>GGCMS VINOKA TEHSIL LALIAN</t>
  </si>
  <si>
    <t>ShahnazBegam</t>
  </si>
  <si>
    <t>21368</t>
  </si>
  <si>
    <t>33372</t>
  </si>
  <si>
    <t>GHS ABU UL KHAIR SHAHKOT</t>
  </si>
  <si>
    <t>Shahkot</t>
  </si>
  <si>
    <t>GOVT. ABU-UL-KHAIR HIGH SCHOOL SHAHKOT</t>
  </si>
  <si>
    <t>shahkot</t>
  </si>
  <si>
    <t>MUHAMMAD ZAHID</t>
  </si>
  <si>
    <t>47776</t>
  </si>
  <si>
    <t>845</t>
  </si>
  <si>
    <t>53583</t>
  </si>
  <si>
    <t>GGPS CHAK NO. 28-A/4.L</t>
  </si>
  <si>
    <t>South</t>
  </si>
  <si>
    <t>chk no 28A/4L okara</t>
  </si>
  <si>
    <t>28A/4L</t>
  </si>
  <si>
    <t>30/4L</t>
  </si>
  <si>
    <t>Ammara Abbas</t>
  </si>
  <si>
    <t>51424</t>
  </si>
  <si>
    <t>GPS DHAWANA</t>
  </si>
  <si>
    <t>Chak Dhawna</t>
  </si>
  <si>
    <t>1398</t>
  </si>
  <si>
    <t>11894</t>
  </si>
  <si>
    <t>35069</t>
  </si>
  <si>
    <t>3868</t>
  </si>
  <si>
    <t>30625</t>
  </si>
  <si>
    <t>GGPS RAKH TARAH</t>
  </si>
  <si>
    <t>BARKI-FEMALE</t>
  </si>
  <si>
    <t>Terah</t>
  </si>
  <si>
    <t>Village Terah</t>
  </si>
  <si>
    <t>Shahida Islam</t>
  </si>
  <si>
    <t>5097</t>
  </si>
  <si>
    <t>36446</t>
  </si>
  <si>
    <t>GGPS MOUZA MOHAL</t>
  </si>
  <si>
    <t>mouza Mohal luddan Vehari</t>
  </si>
  <si>
    <t>Mouza Mohal</t>
  </si>
  <si>
    <t>Ali U Din</t>
  </si>
  <si>
    <t>Rubina Kousr</t>
  </si>
  <si>
    <t>8210</t>
  </si>
  <si>
    <t>30853</t>
  </si>
  <si>
    <t>GGES GAWALA COLONY</t>
  </si>
  <si>
    <t>Gawala Colony</t>
  </si>
  <si>
    <t>Govt Girls Elementary school Gawala Colony Tehsil Model Town</t>
  </si>
  <si>
    <t>Rachkchandri</t>
  </si>
  <si>
    <t>Rehana Musarrat</t>
  </si>
  <si>
    <t>51693</t>
  </si>
  <si>
    <t>GPS MAHMOOD PUR P/O 27/SP PAKPATTAN</t>
  </si>
  <si>
    <t>Mehmood PUr</t>
  </si>
  <si>
    <t>Chak Mehmood Pur</t>
  </si>
  <si>
    <t>Mehmood Pur</t>
  </si>
  <si>
    <t>Dhappai</t>
  </si>
  <si>
    <t>Tayyaba Hussain</t>
  </si>
  <si>
    <t>44191</t>
  </si>
  <si>
    <t>GGES WALANA</t>
  </si>
  <si>
    <t>Walana</t>
  </si>
  <si>
    <t>vill walana p/o bhatti gujar teh kallar kahar District chakwal</t>
  </si>
  <si>
    <t>Rukhsana Yasmin</t>
  </si>
  <si>
    <t>17163</t>
  </si>
  <si>
    <t>GPS TATAR KOT</t>
  </si>
  <si>
    <t>TATAR KOT</t>
  </si>
  <si>
    <t>TATAR KOT P/O BULLO TEHSIL 18 HAZARI DISTRICT JHANG</t>
  </si>
  <si>
    <t>MARI SHAH SAKHIRA</t>
  </si>
  <si>
    <t>MUHAMMAD ALEEM SADIQ</t>
  </si>
  <si>
    <t>6824</t>
  </si>
  <si>
    <t>2441</t>
  </si>
  <si>
    <t>52960</t>
  </si>
  <si>
    <t>GMMS CHAK 64 SP</t>
  </si>
  <si>
    <t>HAVELI LAKHA - MALE</t>
  </si>
  <si>
    <t>bagian</t>
  </si>
  <si>
    <t>gmms 64/sp bagian</t>
  </si>
  <si>
    <t>64/sp bagian</t>
  </si>
  <si>
    <t>wasawewala</t>
  </si>
  <si>
    <t>Muhammad Faisal Iqbal</t>
  </si>
  <si>
    <t>3612</t>
  </si>
  <si>
    <t>42191</t>
  </si>
  <si>
    <t>GPS BIAL</t>
  </si>
  <si>
    <t>Waghal bial</t>
  </si>
  <si>
    <t>Waghal Bial</t>
  </si>
  <si>
    <t>Chasma</t>
  </si>
  <si>
    <t>15805</t>
  </si>
  <si>
    <t>18840</t>
  </si>
  <si>
    <t>12563</t>
  </si>
  <si>
    <t>54506</t>
  </si>
  <si>
    <t>37096</t>
  </si>
  <si>
    <t>GES 23/10-R, KACHA KHUH</t>
  </si>
  <si>
    <t>Chack No. 23/10-R Kacha Khuh Khanewal</t>
  </si>
  <si>
    <t>John Rehman Bhatti</t>
  </si>
  <si>
    <t>36804</t>
  </si>
  <si>
    <t>35388</t>
  </si>
  <si>
    <t>GGPS 227 EB</t>
  </si>
  <si>
    <t>Chak No 227</t>
  </si>
  <si>
    <t>227\eb gaggo mandi</t>
  </si>
  <si>
    <t>Tahira Kosar</t>
  </si>
  <si>
    <t>4414</t>
  </si>
  <si>
    <t>12865</t>
  </si>
  <si>
    <t>33439</t>
  </si>
  <si>
    <t>GGPS BAHARAY WALA</t>
  </si>
  <si>
    <t>DRIGH- FEMALE</t>
  </si>
  <si>
    <t>Beli Junobi</t>
  </si>
  <si>
    <t>ggps baharen wala moza beli junobi</t>
  </si>
  <si>
    <t>Samaney Wala</t>
  </si>
  <si>
    <t>Ththa Qureshi</t>
  </si>
  <si>
    <t>15801</t>
  </si>
  <si>
    <t>50762</t>
  </si>
  <si>
    <t>GES 109/9-L</t>
  </si>
  <si>
    <t>109/9L</t>
  </si>
  <si>
    <t>109/9L NEW SAHIAL</t>
  </si>
  <si>
    <t>Chak No110/9L</t>
  </si>
  <si>
    <t>MUHAMMAD ZAHID SALEEM</t>
  </si>
  <si>
    <t>49060</t>
  </si>
  <si>
    <t>965</t>
  </si>
  <si>
    <t>1449</t>
  </si>
  <si>
    <t>5388</t>
  </si>
  <si>
    <t>38492</t>
  </si>
  <si>
    <t>GES CHAK NO. 38/M</t>
  </si>
  <si>
    <t>BANGLA BASANT - MALE</t>
  </si>
  <si>
    <t>Chak 38/M</t>
  </si>
  <si>
    <t>chak 38/M tehsile duniyapur district lodhran</t>
  </si>
  <si>
    <t>Duniyapur Dehi</t>
  </si>
  <si>
    <t>Muhammad Nasrullah</t>
  </si>
  <si>
    <t>7320</t>
  </si>
  <si>
    <t>GGPS CHAK NO 197 JB</t>
  </si>
  <si>
    <t>Chak no 197jb</t>
  </si>
  <si>
    <t>Chak No 197jb</t>
  </si>
  <si>
    <t>Chak No 200</t>
  </si>
  <si>
    <t>43799</t>
  </si>
  <si>
    <t>41316</t>
  </si>
  <si>
    <t>53555</t>
  </si>
  <si>
    <t>GGPS MC NO. 4 UNION COMMITTEE</t>
  </si>
  <si>
    <t>Sehat e Aama Road Near Sabaz Mandi</t>
  </si>
  <si>
    <t>94/6</t>
  </si>
  <si>
    <t>Shagufta Tahira</t>
  </si>
  <si>
    <t>14802</t>
  </si>
  <si>
    <t>14140</t>
  </si>
  <si>
    <t>6690</t>
  </si>
  <si>
    <t>33203</t>
  </si>
  <si>
    <t>GGES CHANIAN WALI</t>
  </si>
  <si>
    <t>Chaniawali</t>
  </si>
  <si>
    <t>street no 3 habib colony sheikhupura</t>
  </si>
  <si>
    <t>Bhalike</t>
  </si>
  <si>
    <t>Tehmina Naz</t>
  </si>
  <si>
    <t>21733</t>
  </si>
  <si>
    <t>28881</t>
  </si>
  <si>
    <t>38508</t>
  </si>
  <si>
    <t>53815</t>
  </si>
  <si>
    <t>GGPS RUSTAM HAMID</t>
  </si>
  <si>
    <t>Rustam Hamid</t>
  </si>
  <si>
    <t>chah rustam hamid</t>
  </si>
  <si>
    <t>Chah Rustam Hamid</t>
  </si>
  <si>
    <t>Surrya Kalsum</t>
  </si>
  <si>
    <t>17890</t>
  </si>
  <si>
    <t>13636</t>
  </si>
  <si>
    <t>53046</t>
  </si>
  <si>
    <t>15741</t>
  </si>
  <si>
    <t>GGHS CHAK NO 485 GB FSD</t>
  </si>
  <si>
    <t>Samoana Chatala</t>
  </si>
  <si>
    <t>chak no 485 GB Samundri faisalabad</t>
  </si>
  <si>
    <t>Chak No 484</t>
  </si>
  <si>
    <t>Saira Rehman</t>
  </si>
  <si>
    <t>23664</t>
  </si>
  <si>
    <t>electric cooler</t>
  </si>
  <si>
    <t>51300</t>
  </si>
  <si>
    <t>33423</t>
  </si>
  <si>
    <t>GPS NO. 4 SHAHKOT</t>
  </si>
  <si>
    <t>Chak No88</t>
  </si>
  <si>
    <t>ward no.12 shahkot</t>
  </si>
  <si>
    <t>MC Shahkot</t>
  </si>
  <si>
    <t>Amjad Ali Akhtar</t>
  </si>
  <si>
    <t>we purchase water</t>
  </si>
  <si>
    <t>4977</t>
  </si>
  <si>
    <t>53977</t>
  </si>
  <si>
    <t>12315</t>
  </si>
  <si>
    <t>GGPS CHAK NO. 616 TDA</t>
  </si>
  <si>
    <t>Patti Sultan Mehmood</t>
  </si>
  <si>
    <t>Near Balu Morr Chak No. 616 TDA</t>
  </si>
  <si>
    <t>Chak No. 616 TDA</t>
  </si>
  <si>
    <t>Zulfiqarabad</t>
  </si>
  <si>
    <t>Asma Gashkori</t>
  </si>
  <si>
    <t>coolers etc</t>
  </si>
  <si>
    <t>13623</t>
  </si>
  <si>
    <t>27103</t>
  </si>
  <si>
    <t>GMPS KOT MIAN KHAN</t>
  </si>
  <si>
    <t>MUZAFFAR NOU - FEMALE</t>
  </si>
  <si>
    <t>Kot Mian Khan</t>
  </si>
  <si>
    <t>Village kot mian khan, post office Vanike Tarar, Hafizabad</t>
  </si>
  <si>
    <t>Alloudin Ke Kalan</t>
  </si>
  <si>
    <t>Ayesha Sirat</t>
  </si>
  <si>
    <t>8419</t>
  </si>
  <si>
    <t>GGES LIAQAT PURA</t>
  </si>
  <si>
    <t>GGESLIAQATPURA</t>
  </si>
  <si>
    <t>43wb</t>
  </si>
  <si>
    <t>Ward</t>
  </si>
  <si>
    <t>Abida Naseem</t>
  </si>
  <si>
    <t>31096</t>
  </si>
  <si>
    <t>4988</t>
  </si>
  <si>
    <t>21405</t>
  </si>
  <si>
    <t>GGES THAPNALA</t>
  </si>
  <si>
    <t>DANDIAN - FEMALE</t>
  </si>
  <si>
    <t>Dandian</t>
  </si>
  <si>
    <t>Thapnala</t>
  </si>
  <si>
    <t>Dhansar Pian</t>
  </si>
  <si>
    <t>Nasira Shareef</t>
  </si>
  <si>
    <t>16989</t>
  </si>
  <si>
    <t>4866</t>
  </si>
  <si>
    <t>20953</t>
  </si>
  <si>
    <t>GGES PANDORI KALAN</t>
  </si>
  <si>
    <t>RASOOL NAGAR 1 - FEMALE</t>
  </si>
  <si>
    <t>village Pandori Kalan P.o jamke chattha tehsil wzbd distt grw</t>
  </si>
  <si>
    <t>Affifa Andleeb</t>
  </si>
  <si>
    <t>8902</t>
  </si>
  <si>
    <t>48300</t>
  </si>
  <si>
    <t>1151</t>
  </si>
  <si>
    <t>GGES 230/9-R</t>
  </si>
  <si>
    <t>Chak No 230 /9R</t>
  </si>
  <si>
    <t>chak 230 /9.R</t>
  </si>
  <si>
    <t>Chak No 230 9r</t>
  </si>
  <si>
    <t>209 /9R</t>
  </si>
  <si>
    <t>8141</t>
  </si>
  <si>
    <t>9578</t>
  </si>
  <si>
    <t>GHS CHAK NO. 321 TDA</t>
  </si>
  <si>
    <t>Jamal chappri</t>
  </si>
  <si>
    <t>chak no. 321 tDA tehsil choubara district layyah</t>
  </si>
  <si>
    <t>321 TDA</t>
  </si>
  <si>
    <t>jamal chappri</t>
  </si>
  <si>
    <t>12922</t>
  </si>
  <si>
    <t>3408</t>
  </si>
  <si>
    <t>31059</t>
  </si>
  <si>
    <t>GPS BHAIKOT</t>
  </si>
  <si>
    <t>SUNDER-MALE</t>
  </si>
  <si>
    <t>Bhaikot</t>
  </si>
  <si>
    <t>village BHAIKOT sundar raiwind road near sundar astate</t>
  </si>
  <si>
    <t>Manak</t>
  </si>
  <si>
    <t>31376</t>
  </si>
  <si>
    <t>GGES RANA TOWN</t>
  </si>
  <si>
    <t>ranatown</t>
  </si>
  <si>
    <t>Ranatown</t>
  </si>
  <si>
    <t>Chak 44</t>
  </si>
  <si>
    <t>Javeria Tubassam</t>
  </si>
  <si>
    <t>32704</t>
  </si>
  <si>
    <t>GGES BAHARI PUR</t>
  </si>
  <si>
    <t>MANGTAN WALA - FEMALE</t>
  </si>
  <si>
    <t>Biharipur</t>
  </si>
  <si>
    <t>gges biharipur disst nakana sahib</t>
  </si>
  <si>
    <t>Bhuchoky Par</t>
  </si>
  <si>
    <t>Syeda Jamila Sabir</t>
  </si>
  <si>
    <t>3896</t>
  </si>
  <si>
    <t>GHSS CHAK NO.36/DNB</t>
  </si>
  <si>
    <t>chak no. 36/DNB</t>
  </si>
  <si>
    <t>chak no. 36/dNB</t>
  </si>
  <si>
    <t>chak no.36 /DNB</t>
  </si>
  <si>
    <t>Ch Ata-ur-rehman</t>
  </si>
  <si>
    <t>25293</t>
  </si>
  <si>
    <t>1519</t>
  </si>
  <si>
    <t>24297</t>
  </si>
  <si>
    <t>GGHS MALI PUR</t>
  </si>
  <si>
    <t>Mali Pur</t>
  </si>
  <si>
    <t>Malipur</t>
  </si>
  <si>
    <t>Farhana Sarwer</t>
  </si>
  <si>
    <t>10175</t>
  </si>
  <si>
    <t>GGPS DIN PUR NEW</t>
  </si>
  <si>
    <t>DIN PUR</t>
  </si>
  <si>
    <t>BASTI LAJWANI TEHSIL KAROR LAL EASON DISTRICT LAYYAH.</t>
  </si>
  <si>
    <t>basti lajwani din pur New</t>
  </si>
  <si>
    <t>SAMTIA</t>
  </si>
  <si>
    <t>17484</t>
  </si>
  <si>
    <t>1615</t>
  </si>
  <si>
    <t>39139</t>
  </si>
  <si>
    <t>GGPS MARI</t>
  </si>
  <si>
    <t>MALAL - FEMALE</t>
  </si>
  <si>
    <t>Village Maari</t>
  </si>
  <si>
    <t>Gohar Sultana</t>
  </si>
  <si>
    <t>6063</t>
  </si>
  <si>
    <t>19680</t>
  </si>
  <si>
    <t>20697</t>
  </si>
  <si>
    <t>36887</t>
  </si>
  <si>
    <t>GGPS DAIMI WALA, P/O MOUZA BAGAR SARGANA, SARAI SIDHU</t>
  </si>
  <si>
    <t>Daimi Wala</t>
  </si>
  <si>
    <t>Govt,Girls primary school Daimi wala</t>
  </si>
  <si>
    <t>Baggar</t>
  </si>
  <si>
    <t>Mehpara Maryam</t>
  </si>
  <si>
    <t>31869</t>
  </si>
  <si>
    <t>25051</t>
  </si>
  <si>
    <t>18739</t>
  </si>
  <si>
    <t>GPS BASTI AKRAM WALI</t>
  </si>
  <si>
    <t>BWN-XIV-MALE</t>
  </si>
  <si>
    <t>Chack Abdulla</t>
  </si>
  <si>
    <t>Basti Akram waliP/O Chak Abdullah Teh.Dist Bahawalnagar</t>
  </si>
  <si>
    <t>Akram wali</t>
  </si>
  <si>
    <t>Takht Mahal</t>
  </si>
  <si>
    <t>Muhammad Tayyab</t>
  </si>
  <si>
    <t>3191</t>
  </si>
  <si>
    <t>38217</t>
  </si>
  <si>
    <t>GHS JHANBI WAHIN</t>
  </si>
  <si>
    <t>JHANBI WAHIN</t>
  </si>
  <si>
    <t>BASTI JALADI WAHIN MOZA JHANBI WAHIN TEHSIIL KEHROR PACCA LODHRAN.</t>
  </si>
  <si>
    <t>JALADI WAHIN</t>
  </si>
  <si>
    <t>SIKANDAR HAYAT</t>
  </si>
  <si>
    <t>45590</t>
  </si>
  <si>
    <t>2373</t>
  </si>
  <si>
    <t>GGES MATI ROYA</t>
  </si>
  <si>
    <t>Bhamoo Wala</t>
  </si>
  <si>
    <t>Basti Matti Roya Moza Bhamoo Wala Tehsil &amp; District BWN</t>
  </si>
  <si>
    <t>Matti Roya</t>
  </si>
  <si>
    <t>Kabotri</t>
  </si>
  <si>
    <t>Rukhsana Kokab</t>
  </si>
  <si>
    <t>12800</t>
  </si>
  <si>
    <t>48488</t>
  </si>
  <si>
    <t>GGPS DERA SLABAT KHAN DEOWAL</t>
  </si>
  <si>
    <t>CHAK 4-SB - FEMALE</t>
  </si>
  <si>
    <t>Deowal</t>
  </si>
  <si>
    <t>ggps dera salabat khan deowal tehsil bhalwal district sargodha</t>
  </si>
  <si>
    <t>Hafiza Naila Naz</t>
  </si>
  <si>
    <t>20695</t>
  </si>
  <si>
    <t>23089</t>
  </si>
  <si>
    <t>2394</t>
  </si>
  <si>
    <t>GGPS ABDUL SHAKOOR</t>
  </si>
  <si>
    <t>JAMAL PUR - FEMALE</t>
  </si>
  <si>
    <t>Hasipur  old</t>
  </si>
  <si>
    <t>Basti  abdulshakoor</t>
  </si>
  <si>
    <t>asia khatoon</t>
  </si>
  <si>
    <t>4990</t>
  </si>
  <si>
    <t>21602</t>
  </si>
  <si>
    <t>13975</t>
  </si>
  <si>
    <t>GMPS SALAR</t>
  </si>
  <si>
    <t>KAMOKE SADAR - FEMALE</t>
  </si>
  <si>
    <t>Salar</t>
  </si>
  <si>
    <t>G.T Road Salar, Tehsil Kamoke, Dist. Gujranwala</t>
  </si>
  <si>
    <t>Ghanian</t>
  </si>
  <si>
    <t>Farkhanda Zafar</t>
  </si>
  <si>
    <t>4192</t>
  </si>
  <si>
    <t>20328</t>
  </si>
  <si>
    <t>15889</t>
  </si>
  <si>
    <t>GPS CHAK 254 RB III</t>
  </si>
  <si>
    <t>254rb Gangasingh</t>
  </si>
  <si>
    <t>gps254rb3rd gangasingh</t>
  </si>
  <si>
    <t>Gangasingh</t>
  </si>
  <si>
    <t>257rbjahangirkhurd</t>
  </si>
  <si>
    <t>31474</t>
  </si>
  <si>
    <t>24589</t>
  </si>
  <si>
    <t>19848</t>
  </si>
  <si>
    <t>GGPS CHAK NO 198 JB WEST</t>
  </si>
  <si>
    <t>GGPS CHAK NO 198JB TEHSIL BHOWANA DISTRICT CHINIOT</t>
  </si>
  <si>
    <t>Chak no 198jb</t>
  </si>
  <si>
    <t>210 jb Tarar</t>
  </si>
  <si>
    <t>Asia Sarwat</t>
  </si>
  <si>
    <t>46514</t>
  </si>
  <si>
    <t>39131</t>
  </si>
  <si>
    <t>45648</t>
  </si>
  <si>
    <t>35101</t>
  </si>
  <si>
    <t>GGES 323 EB</t>
  </si>
  <si>
    <t>323 EB</t>
  </si>
  <si>
    <t>265 EB</t>
  </si>
  <si>
    <t>Saima Sarwat</t>
  </si>
  <si>
    <t>54505</t>
  </si>
  <si>
    <t>18566</t>
  </si>
  <si>
    <t>GGHS CHAK 163 GB JAMARA</t>
  </si>
  <si>
    <t>Chak No 163 GB</t>
  </si>
  <si>
    <t>chak no 163 GB</t>
  </si>
  <si>
    <t>Jamara</t>
  </si>
  <si>
    <t>158 GB</t>
  </si>
  <si>
    <t>Qurrat Ul Aen</t>
  </si>
  <si>
    <t>16879</t>
  </si>
  <si>
    <t>38759</t>
  </si>
  <si>
    <t>46430</t>
  </si>
  <si>
    <t>GGHSS CHAK NO.12/BC</t>
  </si>
  <si>
    <t>Chak#12/bc Bwp</t>
  </si>
  <si>
    <t>GGHSS chak#12/bc Bwp</t>
  </si>
  <si>
    <t>Chak#12bc Bwp</t>
  </si>
  <si>
    <t>Manzoora Nawaz</t>
  </si>
  <si>
    <t>2174</t>
  </si>
  <si>
    <t>1328</t>
  </si>
  <si>
    <t>43167</t>
  </si>
  <si>
    <t>GGES BALLO KASSAR</t>
  </si>
  <si>
    <t>ballokassar</t>
  </si>
  <si>
    <t>ballo kassar</t>
  </si>
  <si>
    <t>Amna Bibi</t>
  </si>
  <si>
    <t>44222</t>
  </si>
  <si>
    <t>10640</t>
  </si>
  <si>
    <t>38796</t>
  </si>
  <si>
    <t>GGES (MC) MEHAR PURA</t>
  </si>
  <si>
    <t>MEHAR PURA GHARBI</t>
  </si>
  <si>
    <t>GGES MEHAR PURA GHARBI ATTOCK</t>
  </si>
  <si>
    <t>MEHAR PURA</t>
  </si>
  <si>
    <t>abida rehman</t>
  </si>
  <si>
    <t>53313</t>
  </si>
  <si>
    <t>1143</t>
  </si>
  <si>
    <t>14790</t>
  </si>
  <si>
    <t>GPS 217 RB SULTAN WALA TOWN</t>
  </si>
  <si>
    <t>Sultan Town</t>
  </si>
  <si>
    <t>217 R.B sultan town</t>
  </si>
  <si>
    <t>Uchkera</t>
  </si>
  <si>
    <t>arfan aslam</t>
  </si>
  <si>
    <t>53656</t>
  </si>
  <si>
    <t>49392</t>
  </si>
  <si>
    <t>GHS SHAH PUR CITY</t>
  </si>
  <si>
    <t>Shahpur City</t>
  </si>
  <si>
    <t>shahpur City sargodha</t>
  </si>
  <si>
    <t>Waqas Rehman</t>
  </si>
  <si>
    <t>18150</t>
  </si>
  <si>
    <t>23318</t>
  </si>
  <si>
    <t>GGCMS CHAK SARWANI</t>
  </si>
  <si>
    <t>LALAMUSA I - FEMALE</t>
  </si>
  <si>
    <t>Gujrat</t>
  </si>
  <si>
    <t>chaksarwani</t>
  </si>
  <si>
    <t>Chaksawani</t>
  </si>
  <si>
    <t>Alichak</t>
  </si>
  <si>
    <t>Noorjahan</t>
  </si>
  <si>
    <t>19262</t>
  </si>
  <si>
    <t>32396</t>
  </si>
  <si>
    <t>25362</t>
  </si>
  <si>
    <t>26496</t>
  </si>
  <si>
    <t>31071</t>
  </si>
  <si>
    <t>GPS MAQADDAM SINGH WALA</t>
  </si>
  <si>
    <t>Maraka</t>
  </si>
  <si>
    <t>Muqaddam Singh wala</t>
  </si>
  <si>
    <t>Sarfraz Masih</t>
  </si>
  <si>
    <t>28838</t>
  </si>
  <si>
    <t>GPS MANAK DAIKEY</t>
  </si>
  <si>
    <t>manak daikey, markaz kangan pur, p.o. kangan pur, tehsil chunian, district kasur, Punjab, Pakistan</t>
  </si>
  <si>
    <t>Manak Dakay</t>
  </si>
  <si>
    <t>Rural Kangan Pur</t>
  </si>
  <si>
    <t>Tariq Javed</t>
  </si>
  <si>
    <t>26800</t>
  </si>
  <si>
    <t>53139</t>
  </si>
  <si>
    <t>GGCMES CHAK NO. 54/ 2-L</t>
  </si>
  <si>
    <t>54/2-l OKARA</t>
  </si>
  <si>
    <t>GGCMES 54/2-L OKARA</t>
  </si>
  <si>
    <t>54/2-L OKARA</t>
  </si>
  <si>
    <t>kausar perveen</t>
  </si>
  <si>
    <t>34581</t>
  </si>
  <si>
    <t>1772</t>
  </si>
  <si>
    <t>9609</t>
  </si>
  <si>
    <t>GGHS CHAK NO 347 A TDA</t>
  </si>
  <si>
    <t>347A/TDA</t>
  </si>
  <si>
    <t>chak no347A/TDA tehsil Chubara district Layyah</t>
  </si>
  <si>
    <t>Rafiq Abad</t>
  </si>
  <si>
    <t>Sana Nazir</t>
  </si>
  <si>
    <t>8943</t>
  </si>
  <si>
    <t>53819</t>
  </si>
  <si>
    <t>47400</t>
  </si>
  <si>
    <t>50974</t>
  </si>
  <si>
    <t>GPS TOOT WALA</t>
  </si>
  <si>
    <t>Toot Wala</t>
  </si>
  <si>
    <t>moza toot wala</t>
  </si>
  <si>
    <t>3019</t>
  </si>
  <si>
    <t>29709</t>
  </si>
  <si>
    <t>26690</t>
  </si>
  <si>
    <t>5611</t>
  </si>
  <si>
    <t>GPS MAHMOOD PUR DOONGAR</t>
  </si>
  <si>
    <t>BWN-V-MALE</t>
  </si>
  <si>
    <t>Mahmood Pur Doongar</t>
  </si>
  <si>
    <t>Muhammad Sardar Ali</t>
  </si>
  <si>
    <t>22179</t>
  </si>
  <si>
    <t>GGHSS DEONA</t>
  </si>
  <si>
    <t>GGHSS DEONA GUJRAT</t>
  </si>
  <si>
    <t>SALMA QAZI</t>
  </si>
  <si>
    <t>3066</t>
  </si>
  <si>
    <t>49671</t>
  </si>
  <si>
    <t>GES CHAK NO.61 SB</t>
  </si>
  <si>
    <t>61 SB</t>
  </si>
  <si>
    <t>Govt. E/S Chak No. 61 sb Tehsil Sillanwali</t>
  </si>
  <si>
    <t>Chak No 61 SB</t>
  </si>
  <si>
    <t>Chak No 49 sb</t>
  </si>
  <si>
    <t>Khalid Nazir</t>
  </si>
  <si>
    <t>42606</t>
  </si>
  <si>
    <t>18467</t>
  </si>
  <si>
    <t>38985</t>
  </si>
  <si>
    <t>GES JHANDIAL</t>
  </si>
  <si>
    <t>Jhandial</t>
  </si>
  <si>
    <t>VPO JHANDIAL TEHSIL FATEH JANG DISTRICT ATTOCK</t>
  </si>
  <si>
    <t>Resham Dad</t>
  </si>
  <si>
    <t>33643</t>
  </si>
  <si>
    <t>21360</t>
  </si>
  <si>
    <t>9360</t>
  </si>
  <si>
    <t>45186</t>
  </si>
  <si>
    <t>21565</t>
  </si>
  <si>
    <t>GGPS GHANIA PURANA KHONA</t>
  </si>
  <si>
    <t>Ghenya Khona</t>
  </si>
  <si>
    <t>Govt girls p/s ghenya purana</t>
  </si>
  <si>
    <t>Ghenya Purana</t>
  </si>
  <si>
    <t>26174</t>
  </si>
  <si>
    <t>18221</t>
  </si>
  <si>
    <t>15181</t>
  </si>
  <si>
    <t>GGPS CHAK 74 GB II SATIANA</t>
  </si>
  <si>
    <t>Ggps74gb#2</t>
  </si>
  <si>
    <t>74gb#2</t>
  </si>
  <si>
    <t>73gb</t>
  </si>
  <si>
    <t>SIDRA ASLAM</t>
  </si>
  <si>
    <t>51872</t>
  </si>
  <si>
    <t>42868</t>
  </si>
  <si>
    <t>12720</t>
  </si>
  <si>
    <t>32712</t>
  </si>
  <si>
    <t>GGES BHAGHO WALI PO HUSSAIN ABAD</t>
  </si>
  <si>
    <t>Bhagowali</t>
  </si>
  <si>
    <t>bhagowali po Hussain abad</t>
  </si>
  <si>
    <t>Anam Hafeez</t>
  </si>
  <si>
    <t>6090</t>
  </si>
  <si>
    <t>7750</t>
  </si>
  <si>
    <t>34321</t>
  </si>
  <si>
    <t>16773</t>
  </si>
  <si>
    <t>GGHS 549 GB</t>
  </si>
  <si>
    <t>Kilianwala</t>
  </si>
  <si>
    <t>chak no 549 gb</t>
  </si>
  <si>
    <t>549 Gb</t>
  </si>
  <si>
    <t>Kalarwala</t>
  </si>
  <si>
    <t>Saher Naz</t>
  </si>
  <si>
    <t>28214</t>
  </si>
  <si>
    <t>52333</t>
  </si>
  <si>
    <t>GGES 45/S.P</t>
  </si>
  <si>
    <t>BHOMAN SHAH - FEMALE</t>
  </si>
  <si>
    <t>45 SP</t>
  </si>
  <si>
    <t>45 sp</t>
  </si>
  <si>
    <t>bhoman shah</t>
  </si>
  <si>
    <t>lubna shafi</t>
  </si>
  <si>
    <t>42130</t>
  </si>
  <si>
    <t>42061</t>
  </si>
  <si>
    <t>1506</t>
  </si>
  <si>
    <t>43141</t>
  </si>
  <si>
    <t>GES DHOK MUREED</t>
  </si>
  <si>
    <t>Haraj</t>
  </si>
  <si>
    <t>dhoke Mureed chakwal</t>
  </si>
  <si>
    <t>Dhoke Mureed</t>
  </si>
  <si>
    <t>Thanil Kamal</t>
  </si>
  <si>
    <t>Qamar Abbas Shah</t>
  </si>
  <si>
    <t>35880</t>
  </si>
  <si>
    <t>2642</t>
  </si>
  <si>
    <t>30996</t>
  </si>
  <si>
    <t>GGES HAJI KOT</t>
  </si>
  <si>
    <t>SHAHDARA - FEMALE</t>
  </si>
  <si>
    <t>Shahdara</t>
  </si>
  <si>
    <t>haji kot SHAHDARA</t>
  </si>
  <si>
    <t>haji kot</t>
  </si>
  <si>
    <t>javed park</t>
  </si>
  <si>
    <t>Ayesha Shaiq</t>
  </si>
  <si>
    <t>909</t>
  </si>
  <si>
    <t>18514</t>
  </si>
  <si>
    <t>24541</t>
  </si>
  <si>
    <t>GGES 30/11-L</t>
  </si>
  <si>
    <t>Chan.No.30/11-L, Tehsil,Chichawatni, Distt.Sahiwal</t>
  </si>
  <si>
    <t>shazia andleeb</t>
  </si>
  <si>
    <t>37690</t>
  </si>
  <si>
    <t>37649</t>
  </si>
  <si>
    <t>37104</t>
  </si>
  <si>
    <t>GGPS GORALA</t>
  </si>
  <si>
    <t>Gorala</t>
  </si>
  <si>
    <t>gorala</t>
  </si>
  <si>
    <t>Sohawa Dhilwan</t>
  </si>
  <si>
    <t>Humaira Aslam</t>
  </si>
  <si>
    <t>53466</t>
  </si>
  <si>
    <t>GMPS KIKRI WALA</t>
  </si>
  <si>
    <t>kikriwala</t>
  </si>
  <si>
    <t>Kikriwala</t>
  </si>
  <si>
    <t>Bibipur</t>
  </si>
  <si>
    <t>Zafer Iqbal</t>
  </si>
  <si>
    <t>5837</t>
  </si>
  <si>
    <t>2076</t>
  </si>
  <si>
    <t>51282</t>
  </si>
  <si>
    <t>GPS CHAH DOLIAN WALA</t>
  </si>
  <si>
    <t>Tibbi Jay Singh</t>
  </si>
  <si>
    <t>chah dolian wala p/o tibbi Jay Singh tehsil and District 6</t>
  </si>
  <si>
    <t>Karyal</t>
  </si>
  <si>
    <t>Ghulam Mujtaba</t>
  </si>
  <si>
    <t>11181</t>
  </si>
  <si>
    <t>14583</t>
  </si>
  <si>
    <t>GGPS CHAK 219 RB GURRHI</t>
  </si>
  <si>
    <t>219 Rb Gurrhi</t>
  </si>
  <si>
    <t>Chak no 219 RB GURHI FSD</t>
  </si>
  <si>
    <t>219 RB GURHI</t>
  </si>
  <si>
    <t>219 RB Naimatabad</t>
  </si>
  <si>
    <t>Mehwish Murtaza</t>
  </si>
  <si>
    <t>4244</t>
  </si>
  <si>
    <t>29880</t>
  </si>
  <si>
    <t>35189</t>
  </si>
  <si>
    <t>16124</t>
  </si>
  <si>
    <t>GGES CHAK NO 70 JB</t>
  </si>
  <si>
    <t>70 Jb</t>
  </si>
  <si>
    <t>chak no 70 jb mansooran</t>
  </si>
  <si>
    <t>70 Jb Mansooran</t>
  </si>
  <si>
    <t>Lehal Dalwan</t>
  </si>
  <si>
    <t>12434</t>
  </si>
  <si>
    <t>491</t>
  </si>
  <si>
    <t>35420</t>
  </si>
  <si>
    <t>32677</t>
  </si>
  <si>
    <t>GES KHADDAN WALA P/O FATTA THATHA</t>
  </si>
  <si>
    <t>khaddanwala</t>
  </si>
  <si>
    <t>Khaddanwala</t>
  </si>
  <si>
    <t>Fatha Thatha</t>
  </si>
  <si>
    <t>M Waseem Raza</t>
  </si>
  <si>
    <t>39500</t>
  </si>
  <si>
    <t>15050</t>
  </si>
  <si>
    <t>GGCMS CHAK 112 GB JARANWALA</t>
  </si>
  <si>
    <t>112_gb, kalan</t>
  </si>
  <si>
    <t>112-gb</t>
  </si>
  <si>
    <t>Ghazala Naz</t>
  </si>
  <si>
    <t>25501</t>
  </si>
  <si>
    <t>40809</t>
  </si>
  <si>
    <t>23264</t>
  </si>
  <si>
    <t>50377</t>
  </si>
  <si>
    <t>GPS 170/9-L</t>
  </si>
  <si>
    <t>170/9l</t>
  </si>
  <si>
    <t>ch 170/9l</t>
  </si>
  <si>
    <t>169/9l</t>
  </si>
  <si>
    <t>Barkat Ali</t>
  </si>
  <si>
    <t>6693</t>
  </si>
  <si>
    <t>27159</t>
  </si>
  <si>
    <t>13092</t>
  </si>
  <si>
    <t>52404</t>
  </si>
  <si>
    <t>GPS MADINA MOSQUE HUJRA</t>
  </si>
  <si>
    <t>Near police station Hujra Shah Muqeem</t>
  </si>
  <si>
    <t>Hujra Shah Muqeem</t>
  </si>
  <si>
    <t>Municipal Commute Hujra</t>
  </si>
  <si>
    <t>Gulzar Hussain</t>
  </si>
  <si>
    <t>28738</t>
  </si>
  <si>
    <t>28619</t>
  </si>
  <si>
    <t>GHS MOKAL</t>
  </si>
  <si>
    <t>mokal teh chunian kasur</t>
  </si>
  <si>
    <t>Mokal</t>
  </si>
  <si>
    <t>naveed Ahmad</t>
  </si>
  <si>
    <t>32690</t>
  </si>
  <si>
    <t>GES WAKEEL WALA</t>
  </si>
  <si>
    <t>Vakeel Wala 574</t>
  </si>
  <si>
    <t>chak no 574 GB vakeel wala</t>
  </si>
  <si>
    <t>Vakeel Wala</t>
  </si>
  <si>
    <t>Dharay Da Wara</t>
  </si>
  <si>
    <t>38230</t>
  </si>
  <si>
    <t>22984</t>
  </si>
  <si>
    <t>44669</t>
  </si>
  <si>
    <t>50529</t>
  </si>
  <si>
    <t>GGPS 174/9-L BANGLA SHERWALA</t>
  </si>
  <si>
    <t>174/9L</t>
  </si>
  <si>
    <t>GGPS 174/9.l Bangla sherwala</t>
  </si>
  <si>
    <t>162/9L</t>
  </si>
  <si>
    <t>Anwar Perveen</t>
  </si>
  <si>
    <t>8880</t>
  </si>
  <si>
    <t>14573</t>
  </si>
  <si>
    <t>GGPS MC GHOUSHALA</t>
  </si>
  <si>
    <t>Ghoushala</t>
  </si>
  <si>
    <t>Ghoushala fsd</t>
  </si>
  <si>
    <t>Nazim Abad</t>
  </si>
  <si>
    <t>Shazia aziz</t>
  </si>
  <si>
    <t>12960</t>
  </si>
  <si>
    <t>50828</t>
  </si>
  <si>
    <t>GGES 152/9-L</t>
  </si>
  <si>
    <t>152/9L</t>
  </si>
  <si>
    <t>Mahwish Sana</t>
  </si>
  <si>
    <t>44382</t>
  </si>
  <si>
    <t>15180</t>
  </si>
  <si>
    <t>GGPS CHAK 436 GB II SATIANA</t>
  </si>
  <si>
    <t>RUDALA MANDI - FEMALE</t>
  </si>
  <si>
    <t>Chak No 436 Gb</t>
  </si>
  <si>
    <t>chak no 436 gb</t>
  </si>
  <si>
    <t>Chak No 364 Gb</t>
  </si>
  <si>
    <t>Nosheen Nawaz</t>
  </si>
  <si>
    <t>13990</t>
  </si>
  <si>
    <t>48653</t>
  </si>
  <si>
    <t>53523</t>
  </si>
  <si>
    <t>GGPS 40/2.L</t>
  </si>
  <si>
    <t>40/2L</t>
  </si>
  <si>
    <t>okara</t>
  </si>
  <si>
    <t>27/4L Shahbhore</t>
  </si>
  <si>
    <t>Tasneem Afzal</t>
  </si>
  <si>
    <t>10961</t>
  </si>
  <si>
    <t>10539</t>
  </si>
  <si>
    <t>42141</t>
  </si>
  <si>
    <t>53311</t>
  </si>
  <si>
    <t>GPS BASTI SOBHEY WALA</t>
  </si>
  <si>
    <t>Basti Sobhey Wala</t>
  </si>
  <si>
    <t>basti sobhey wala chak no. 38/2RA okara</t>
  </si>
  <si>
    <t>NIAZ ALI</t>
  </si>
  <si>
    <t>16480</t>
  </si>
  <si>
    <t>13331</t>
  </si>
  <si>
    <t>38945</t>
  </si>
  <si>
    <t>13061</t>
  </si>
  <si>
    <t>53458</t>
  </si>
  <si>
    <t>GGPS 29 2R</t>
  </si>
  <si>
    <t>29 Two R</t>
  </si>
  <si>
    <t>chak no 29_2r okara</t>
  </si>
  <si>
    <t>29two R</t>
  </si>
  <si>
    <t>Thirty Two R</t>
  </si>
  <si>
    <t>5922</t>
  </si>
  <si>
    <t>50564</t>
  </si>
  <si>
    <t>GGES 14/14-L</t>
  </si>
  <si>
    <t>IQBAL NAGAR-A-FEMALE</t>
  </si>
  <si>
    <t>14/14L</t>
  </si>
  <si>
    <t>96/12L</t>
  </si>
  <si>
    <t>Tahera Shabnam</t>
  </si>
  <si>
    <t>3718</t>
  </si>
  <si>
    <t>33484</t>
  </si>
  <si>
    <t>8677</t>
  </si>
  <si>
    <t>51175</t>
  </si>
  <si>
    <t>GGCMS 102/6AR</t>
  </si>
  <si>
    <t>102/6AR</t>
  </si>
  <si>
    <t>GGCMS 102/6AR Teh &amp; Distt Sahiwal</t>
  </si>
  <si>
    <t>Nasrin Riaz</t>
  </si>
  <si>
    <t>28184</t>
  </si>
  <si>
    <t>50230</t>
  </si>
  <si>
    <t>46730</t>
  </si>
  <si>
    <t>39569</t>
  </si>
  <si>
    <t>50560</t>
  </si>
  <si>
    <t>GGPS 146/9-L</t>
  </si>
  <si>
    <t>146 9L</t>
  </si>
  <si>
    <t>Chak # 146  9L Tehsil Chichawatni Dist.Sahiwal</t>
  </si>
  <si>
    <t>147 9L</t>
  </si>
  <si>
    <t>Munaza Ismail</t>
  </si>
  <si>
    <t>10323</t>
  </si>
  <si>
    <t>15857</t>
  </si>
  <si>
    <t>20892</t>
  </si>
  <si>
    <t>51214</t>
  </si>
  <si>
    <t>GGPS KOT DEVA MAHAL</t>
  </si>
  <si>
    <t>Kot deva mal</t>
  </si>
  <si>
    <t>Orang Abad</t>
  </si>
  <si>
    <t>Ambreen Tahira</t>
  </si>
  <si>
    <t>20610</t>
  </si>
  <si>
    <t>53460</t>
  </si>
  <si>
    <t>GMES 33/2-RA</t>
  </si>
  <si>
    <t>33/2ra</t>
  </si>
  <si>
    <t>GMES 33/2ra okara</t>
  </si>
  <si>
    <t>Rukhsana Yahya</t>
  </si>
  <si>
    <t>50037</t>
  </si>
  <si>
    <t>51176</t>
  </si>
  <si>
    <t>GGCMS 1/10-L</t>
  </si>
  <si>
    <t>1/10L</t>
  </si>
  <si>
    <t>GCMS1/10L</t>
  </si>
  <si>
    <t>sarfraz begum</t>
  </si>
  <si>
    <t>9886</t>
  </si>
  <si>
    <t>35600</t>
  </si>
  <si>
    <t>27422</t>
  </si>
  <si>
    <t>GGPS 4/10-L</t>
  </si>
  <si>
    <t>chak#4/10_L harappa</t>
  </si>
  <si>
    <t>4/10L Harappa</t>
  </si>
  <si>
    <t>Harappa Station</t>
  </si>
  <si>
    <t>Rameeza Sahir</t>
  </si>
  <si>
    <t>36015</t>
  </si>
  <si>
    <t>15864</t>
  </si>
  <si>
    <t>13164</t>
  </si>
  <si>
    <t>46778</t>
  </si>
  <si>
    <t>GPS GULLA KHEL</t>
  </si>
  <si>
    <t>Malakhel</t>
  </si>
  <si>
    <t>Gulla Khel Moza Malla Khel Uc Vanjari Tehsil isakhel District Mianwali,Punjab Pakistan</t>
  </si>
  <si>
    <t>Gulla Khel</t>
  </si>
  <si>
    <t>Dost Muhammad</t>
  </si>
  <si>
    <t>54616</t>
  </si>
  <si>
    <t>12591</t>
  </si>
  <si>
    <t>44597</t>
  </si>
  <si>
    <t>6596</t>
  </si>
  <si>
    <t>5557</t>
  </si>
  <si>
    <t>GGPS FOJI COLONY</t>
  </si>
  <si>
    <t>FOJI Colony</t>
  </si>
  <si>
    <t>GGPS FOJI COLONY LIAQUAT PUR</t>
  </si>
  <si>
    <t>LIAQUAT PUR</t>
  </si>
  <si>
    <t>MC LIAQUAT PUR</t>
  </si>
  <si>
    <t>Kosar Parveen</t>
  </si>
  <si>
    <t>25920</t>
  </si>
  <si>
    <t>16293</t>
  </si>
  <si>
    <t>20848</t>
  </si>
  <si>
    <t>GGPS ASGHAR COLONY BRANCH KACHI PAMP WALI</t>
  </si>
  <si>
    <t>govt. girls primary school, street #5, main bazaar, asghar colony, gujranwala</t>
  </si>
  <si>
    <t>Asghar Colony</t>
  </si>
  <si>
    <t>Shahpur Khiali</t>
  </si>
  <si>
    <t>SALMA ITRAT</t>
  </si>
  <si>
    <t>14793</t>
  </si>
  <si>
    <t>16089</t>
  </si>
  <si>
    <t>46790</t>
  </si>
  <si>
    <t>GPS BAYYAN WALA</t>
  </si>
  <si>
    <t>Sultankhel Gharbi</t>
  </si>
  <si>
    <t>p/o makkarwal village bayyanwala</t>
  </si>
  <si>
    <t>Bayyanwala</t>
  </si>
  <si>
    <t>Gul Badshah</t>
  </si>
  <si>
    <t>8325</t>
  </si>
  <si>
    <t>91120</t>
  </si>
  <si>
    <t>46781</t>
  </si>
  <si>
    <t>GPS KURIAN WALA WANDHA KURIAN WALA</t>
  </si>
  <si>
    <t>Dilla Meer Wala</t>
  </si>
  <si>
    <t>Wandha kurian wala p.o kamar mushani paka teh _ESA khel dist_ Mianwali</t>
  </si>
  <si>
    <t>Kurian Wala</t>
  </si>
  <si>
    <t>Paka Kamar Mushani</t>
  </si>
  <si>
    <t>Aftab Ahmed Khan</t>
  </si>
  <si>
    <t>1444</t>
  </si>
  <si>
    <t>3590</t>
  </si>
  <si>
    <t>46780</t>
  </si>
  <si>
    <t>GPS KHURASAN</t>
  </si>
  <si>
    <t>Dala Meerwala</t>
  </si>
  <si>
    <t>wandha paharrkhel.khurasan</t>
  </si>
  <si>
    <t>Khurasan</t>
  </si>
  <si>
    <t>Inam ullah Khan</t>
  </si>
  <si>
    <t>1601</t>
  </si>
  <si>
    <t>3305</t>
  </si>
  <si>
    <t>46797</t>
  </si>
  <si>
    <t>GPS DADY WAL</t>
  </si>
  <si>
    <t>Karandi</t>
  </si>
  <si>
    <t>Village Daidiwal p/o makerwal teh essa khel Distt Mianwali</t>
  </si>
  <si>
    <t>Dadywal</t>
  </si>
  <si>
    <t>Zain Ullah Khan</t>
  </si>
  <si>
    <t>2225</t>
  </si>
  <si>
    <t>4670</t>
  </si>
  <si>
    <t>10769</t>
  </si>
  <si>
    <t>8162</t>
  </si>
  <si>
    <t>GGMPS GHULAM YASEEN</t>
  </si>
  <si>
    <t>Chak Rourhi</t>
  </si>
  <si>
    <t>Ggps ghulam yasin khan choti bala</t>
  </si>
  <si>
    <t>Choti Bala</t>
  </si>
  <si>
    <t>high school</t>
  </si>
  <si>
    <t>7429</t>
  </si>
  <si>
    <t>40557</t>
  </si>
  <si>
    <t>GHS DEWAN HAZOORI (BISHANDAUR)</t>
  </si>
  <si>
    <t>Dewan E Hazoori</t>
  </si>
  <si>
    <t>G.H.S Dewan e Hazoori</t>
  </si>
  <si>
    <t>Pail Bannay Khan</t>
  </si>
  <si>
    <t>aziz anwar raja</t>
  </si>
  <si>
    <t>41400</t>
  </si>
  <si>
    <t>13855</t>
  </si>
  <si>
    <t>38548</t>
  </si>
  <si>
    <t>33742</t>
  </si>
  <si>
    <t>36435</t>
  </si>
  <si>
    <t>GMPS 64 KB BASTI ATTA MUHAMMAD</t>
  </si>
  <si>
    <t>Chak No 64kb</t>
  </si>
  <si>
    <t>Basti atta Muhammad 64kb</t>
  </si>
  <si>
    <t>Basti Atta Muhammad 64kb</t>
  </si>
  <si>
    <t>Tehmina Ashraf</t>
  </si>
  <si>
    <t>46447</t>
  </si>
  <si>
    <t>4543</t>
  </si>
  <si>
    <t>47066</t>
  </si>
  <si>
    <t>GES NANGNI</t>
  </si>
  <si>
    <t>SULTAN WALA SHARQI-MALE</t>
  </si>
  <si>
    <t>Muzaffar Pur Shumali</t>
  </si>
  <si>
    <t>Nangni P/O Wan Bhachran Distt  Mianwali</t>
  </si>
  <si>
    <t>Nangni</t>
  </si>
  <si>
    <t>6608</t>
  </si>
  <si>
    <t>681</t>
  </si>
  <si>
    <t>49870</t>
  </si>
  <si>
    <t>GGHS KUDLATHI ARA</t>
  </si>
  <si>
    <t>KUDLATHI ARA</t>
  </si>
  <si>
    <t>KUDLATHI ARA Tehsil Sahiwal District Sargodha</t>
  </si>
  <si>
    <t>Saima Nawaz</t>
  </si>
  <si>
    <t>7287</t>
  </si>
  <si>
    <t>31983</t>
  </si>
  <si>
    <t>2069</t>
  </si>
  <si>
    <t>50972</t>
  </si>
  <si>
    <t>GPS 65/4-R</t>
  </si>
  <si>
    <t>Chak 65/4r</t>
  </si>
  <si>
    <t>chak no.65/4r  p/o  Same 65/4r,Sahiwal</t>
  </si>
  <si>
    <t>Chak 66/4r</t>
  </si>
  <si>
    <t>IQBAL HUSSAIN</t>
  </si>
  <si>
    <t>4784</t>
  </si>
  <si>
    <t>29100</t>
  </si>
  <si>
    <t>38984</t>
  </si>
  <si>
    <t>GPS KHIDWAL</t>
  </si>
  <si>
    <t>Khidwal</t>
  </si>
  <si>
    <t>post offic khidwal</t>
  </si>
  <si>
    <t>Ghazala Naheed</t>
  </si>
  <si>
    <t>4317</t>
  </si>
  <si>
    <t>25790</t>
  </si>
  <si>
    <t>19218</t>
  </si>
  <si>
    <t>42936</t>
  </si>
  <si>
    <t>28524</t>
  </si>
  <si>
    <t>6354</t>
  </si>
  <si>
    <t>19123</t>
  </si>
  <si>
    <t>GMPS CHAK 731 GB II</t>
  </si>
  <si>
    <t>RAVI TOWN-FEMALE</t>
  </si>
  <si>
    <t>Gurdasa</t>
  </si>
  <si>
    <t>Mouza Gurdasa</t>
  </si>
  <si>
    <t>Summaira Jabin</t>
  </si>
  <si>
    <t>45621</t>
  </si>
  <si>
    <t>31101</t>
  </si>
  <si>
    <t>45374</t>
  </si>
  <si>
    <t>34967</t>
  </si>
  <si>
    <t>GGPS BASTI BAKHSH MOUZA MOSEN WALA</t>
  </si>
  <si>
    <t>Mosen Wali</t>
  </si>
  <si>
    <t>Basti Bakhsh mouza mosin wali</t>
  </si>
  <si>
    <t>Basti Bakhsh</t>
  </si>
  <si>
    <t>28807</t>
  </si>
  <si>
    <t>39934</t>
  </si>
  <si>
    <t>4160</t>
  </si>
  <si>
    <t>46259</t>
  </si>
  <si>
    <t>GPS DERA GHULAM HUSSAIN</t>
  </si>
  <si>
    <t>NOOR PUR (NORTH) (MALE)</t>
  </si>
  <si>
    <t>Adhi Sargal</t>
  </si>
  <si>
    <t>Dera hulam hussain shah vpo Adhi Sargal Tehsil Noor Pur Thal District Khushab</t>
  </si>
  <si>
    <t>11056</t>
  </si>
  <si>
    <t>4120</t>
  </si>
  <si>
    <t>50708</t>
  </si>
  <si>
    <t>34280</t>
  </si>
  <si>
    <t>41126</t>
  </si>
  <si>
    <t>GPS SAILI FEROZAL</t>
  </si>
  <si>
    <t>Shali</t>
  </si>
  <si>
    <t>shali ferozal kahuta Rwp</t>
  </si>
  <si>
    <t>Shali Ferozal</t>
  </si>
  <si>
    <t>Dakhli</t>
  </si>
  <si>
    <t>Ishtiaq Ahmed Satti</t>
  </si>
  <si>
    <t>8596</t>
  </si>
  <si>
    <t>39688</t>
  </si>
  <si>
    <t>GGHS CHOORA SHARIF</t>
  </si>
  <si>
    <t>Choora Sharif</t>
  </si>
  <si>
    <t>choora sharif</t>
  </si>
  <si>
    <t>Langer</t>
  </si>
  <si>
    <t>Ishrat bibi</t>
  </si>
  <si>
    <t>7354</t>
  </si>
  <si>
    <t>buy on cash</t>
  </si>
  <si>
    <t>16382</t>
  </si>
  <si>
    <t>GGPS CHAK 144 RB PATHAN KOT</t>
  </si>
  <si>
    <t>Pathankot</t>
  </si>
  <si>
    <t>chak no 144 R.B pathan kot</t>
  </si>
  <si>
    <t>144RB</t>
  </si>
  <si>
    <t>Bakhrywali</t>
  </si>
  <si>
    <t>farzana   amin</t>
  </si>
  <si>
    <t>45015</t>
  </si>
  <si>
    <t>GGPS AHEERAN WALA</t>
  </si>
  <si>
    <t>HAITU - FEMALE</t>
  </si>
  <si>
    <t>Haitu</t>
  </si>
  <si>
    <t>GGPS ahiran wala</t>
  </si>
  <si>
    <t>Ahiran Wala</t>
  </si>
  <si>
    <t>Sardaran Bibi</t>
  </si>
  <si>
    <t>1515</t>
  </si>
  <si>
    <t>12804</t>
  </si>
  <si>
    <t>3006</t>
  </si>
  <si>
    <t>40109</t>
  </si>
  <si>
    <t>10797</t>
  </si>
  <si>
    <t>27124</t>
  </si>
  <si>
    <t>GGPS WARD NO.9 CHOWK AZAM</t>
  </si>
  <si>
    <t>CHOWK AZAM - FEMALE</t>
  </si>
  <si>
    <t>ward no9</t>
  </si>
  <si>
    <t>ward no9 chowk azam</t>
  </si>
  <si>
    <t>Ward no 9</t>
  </si>
  <si>
    <t>chowk azam</t>
  </si>
  <si>
    <t>Tahira Perveen</t>
  </si>
  <si>
    <t>7685</t>
  </si>
  <si>
    <t>16840</t>
  </si>
  <si>
    <t>14717</t>
  </si>
  <si>
    <t>27932</t>
  </si>
  <si>
    <t>GGHS JHULANA</t>
  </si>
  <si>
    <t>Jhulana</t>
  </si>
  <si>
    <t>jhulana M.B.Din</t>
  </si>
  <si>
    <t>Jholana</t>
  </si>
  <si>
    <t>16196</t>
  </si>
  <si>
    <t>5668</t>
  </si>
  <si>
    <t>GPS CHAK NO 269 HR</t>
  </si>
  <si>
    <t>FTS-II-MALE</t>
  </si>
  <si>
    <t>264/hr fortabbas</t>
  </si>
  <si>
    <t>269/hr</t>
  </si>
  <si>
    <t>Zaheer Abbas</t>
  </si>
  <si>
    <t>970</t>
  </si>
  <si>
    <t>7730</t>
  </si>
  <si>
    <t>GPS CHAK NO 204/M W</t>
  </si>
  <si>
    <t>Chak No 204/M W</t>
  </si>
  <si>
    <t>Chak no. 204/M W</t>
  </si>
  <si>
    <t>Chak No 177/M</t>
  </si>
  <si>
    <t>MOHAMMAD RAFIQ</t>
  </si>
  <si>
    <t>26057</t>
  </si>
  <si>
    <t>GGHS BARAN</t>
  </si>
  <si>
    <t>BARAN</t>
  </si>
  <si>
    <t>Baran tehsil shakargarh district Narowal</t>
  </si>
  <si>
    <t>Baran</t>
  </si>
  <si>
    <t>Mussarat Iqbal</t>
  </si>
  <si>
    <t>48834</t>
  </si>
  <si>
    <t>1518</t>
  </si>
  <si>
    <t>44979</t>
  </si>
  <si>
    <t>GGPS BHULLAY WALA NO.1</t>
  </si>
  <si>
    <t>Kallur Kot Dagar</t>
  </si>
  <si>
    <t>chah allah charagh wala ggps bhully wala no 1</t>
  </si>
  <si>
    <t>Chah Allah Charagh Wala</t>
  </si>
  <si>
    <t>Non Dagar</t>
  </si>
  <si>
    <t>4409</t>
  </si>
  <si>
    <t>8196</t>
  </si>
  <si>
    <t>48890</t>
  </si>
  <si>
    <t>43399</t>
  </si>
  <si>
    <t>GGPS MOHRA KOR CHASHAM</t>
  </si>
  <si>
    <t>CHAKWAL-II-FEMALE</t>
  </si>
  <si>
    <t>Mohra kor Chasham</t>
  </si>
  <si>
    <t>mohra kor chasham</t>
  </si>
  <si>
    <t>Dab</t>
  </si>
  <si>
    <t>SAJIDA SULTANA</t>
  </si>
  <si>
    <t>5021</t>
  </si>
  <si>
    <t>30920</t>
  </si>
  <si>
    <t>46060</t>
  </si>
  <si>
    <t>36922</t>
  </si>
  <si>
    <t>GMPS DIN PUR, ABDUL HAKIM</t>
  </si>
  <si>
    <t>ABDUL HAKIM - FEMALE</t>
  </si>
  <si>
    <t>Din Pur</t>
  </si>
  <si>
    <t>ada Din pur khoh khradian wala</t>
  </si>
  <si>
    <t>Dinpur</t>
  </si>
  <si>
    <t>Hussain Abad Awal</t>
  </si>
  <si>
    <t>Robina Kousar</t>
  </si>
  <si>
    <t>1357</t>
  </si>
  <si>
    <t>17157</t>
  </si>
  <si>
    <t>GPS ABBAS PUR</t>
  </si>
  <si>
    <t>Sangra</t>
  </si>
  <si>
    <t>Abbas pur moza sangra</t>
  </si>
  <si>
    <t>Kot Shakir</t>
  </si>
  <si>
    <t>Thal Janobi</t>
  </si>
  <si>
    <t>Ammad Aslam Alyana</t>
  </si>
  <si>
    <t>11307</t>
  </si>
  <si>
    <t>GES BORALA CHAK NO. 182/RB</t>
  </si>
  <si>
    <t>borala chak 182</t>
  </si>
  <si>
    <t>Borala</t>
  </si>
  <si>
    <t>Nathuwala</t>
  </si>
  <si>
    <t>Muhammad Awais Aslam</t>
  </si>
  <si>
    <t>4265</t>
  </si>
  <si>
    <t>17406</t>
  </si>
  <si>
    <t>10249</t>
  </si>
  <si>
    <t>26439</t>
  </si>
  <si>
    <t>GGPS NAWAN PIND</t>
  </si>
  <si>
    <t>SHAHGHARIB NO.1 - FEMALE</t>
  </si>
  <si>
    <t>Nawan Pind</t>
  </si>
  <si>
    <t>Nawan pind kanjrur tehsil Shakargarh District Narowal</t>
  </si>
  <si>
    <t>Kanjrur</t>
  </si>
  <si>
    <t>Afifa Naz</t>
  </si>
  <si>
    <t>GPS KHUSHAL KAY BAGHELAY</t>
  </si>
  <si>
    <t>RAVI TOWN MALE</t>
  </si>
  <si>
    <t>Khushal Kay Baghelay Baghelay</t>
  </si>
  <si>
    <t>moza khushal kay baghelay</t>
  </si>
  <si>
    <t>Khushal K Baghelay</t>
  </si>
  <si>
    <t>M Sajid Imran</t>
  </si>
  <si>
    <t>27490</t>
  </si>
  <si>
    <t>GGPS JOGAY KOT</t>
  </si>
  <si>
    <t>Jogay Kot</t>
  </si>
  <si>
    <t>jogay kot tehsil and didtrict nankana sahib</t>
  </si>
  <si>
    <t>Mumtaz Rani</t>
  </si>
  <si>
    <t>7346</t>
  </si>
  <si>
    <t>22121</t>
  </si>
  <si>
    <t>41123</t>
  </si>
  <si>
    <t>GPS SAROTE</t>
  </si>
  <si>
    <t>Sarote</t>
  </si>
  <si>
    <t>villae sarote po kahuta</t>
  </si>
  <si>
    <t>Zaheer Ahmed</t>
  </si>
  <si>
    <t>11092</t>
  </si>
  <si>
    <t>7058</t>
  </si>
  <si>
    <t>38617</t>
  </si>
  <si>
    <t>GMPS CHAK 13/M</t>
  </si>
  <si>
    <t>Chak No 13m</t>
  </si>
  <si>
    <t>Sultan Ayoub Qatal</t>
  </si>
  <si>
    <t>KHALIDA PARVEEN</t>
  </si>
  <si>
    <t>50896</t>
  </si>
  <si>
    <t>52811</t>
  </si>
  <si>
    <t>26213</t>
  </si>
  <si>
    <t>GGPS CHAK NO 265 TDA</t>
  </si>
  <si>
    <t>Chak No 265/tda</t>
  </si>
  <si>
    <t>chak no 265/tda</t>
  </si>
  <si>
    <t>Chak No 306/TDA</t>
  </si>
  <si>
    <t>Shaheen Bibi</t>
  </si>
  <si>
    <t>10382</t>
  </si>
  <si>
    <t>51383</t>
  </si>
  <si>
    <t>52785</t>
  </si>
  <si>
    <t>GGPS HAMOON KA NOU ABAD</t>
  </si>
  <si>
    <t>Hamoon Ky Nou Abad</t>
  </si>
  <si>
    <t>hamoon ky nou abad</t>
  </si>
  <si>
    <t>Rphela Tajeka</t>
  </si>
  <si>
    <t>Sumara Bagam</t>
  </si>
  <si>
    <t>4840</t>
  </si>
  <si>
    <t>4820</t>
  </si>
  <si>
    <t>29912</t>
  </si>
  <si>
    <t>1558</t>
  </si>
  <si>
    <t>25676</t>
  </si>
  <si>
    <t>35268</t>
  </si>
  <si>
    <t>GPS MARLI</t>
  </si>
  <si>
    <t>AHMADABAD - MALE</t>
  </si>
  <si>
    <t>Marali</t>
  </si>
  <si>
    <t>Bubak Marali</t>
  </si>
  <si>
    <t>Samina Kousar</t>
  </si>
  <si>
    <t>21397</t>
  </si>
  <si>
    <t>33941</t>
  </si>
  <si>
    <t>47435</t>
  </si>
  <si>
    <t>2704</t>
  </si>
  <si>
    <t>17236</t>
  </si>
  <si>
    <t>17872</t>
  </si>
  <si>
    <t>GPS CHAK NO 257 JB ARAIAN WALA</t>
  </si>
  <si>
    <t>KHEWA - MALE</t>
  </si>
  <si>
    <t>Chak No257</t>
  </si>
  <si>
    <t>Chak no 257 tehsil and district jhang</t>
  </si>
  <si>
    <t>Chak No 257</t>
  </si>
  <si>
    <t>Chak No 259 Jb</t>
  </si>
  <si>
    <t>Nadeem Zulfiqar</t>
  </si>
  <si>
    <t>GGES SORAT ABAD</t>
  </si>
  <si>
    <t>Soratabad</t>
  </si>
  <si>
    <t>VPO jalhan dera gujjran soratabad</t>
  </si>
  <si>
    <t>14381</t>
  </si>
  <si>
    <t>38849</t>
  </si>
  <si>
    <t>15326</t>
  </si>
  <si>
    <t>GGES CHAK 32 GB SATIANA</t>
  </si>
  <si>
    <t>32gb</t>
  </si>
  <si>
    <t>chak no 32gb satiana</t>
  </si>
  <si>
    <t>Salma Begum</t>
  </si>
  <si>
    <t>44180</t>
  </si>
  <si>
    <t>53861</t>
  </si>
  <si>
    <t>50133</t>
  </si>
  <si>
    <t>GPS KOT MOKHAL</t>
  </si>
  <si>
    <t>SATRAH - MALE</t>
  </si>
  <si>
    <t>Kot Mokhal</t>
  </si>
  <si>
    <t>village kot Mokhal p/o satrah tehsil Daska district Sialkot</t>
  </si>
  <si>
    <t>Satrah</t>
  </si>
  <si>
    <t>53370</t>
  </si>
  <si>
    <t>GGPS BASTI ABDUL SATTAR</t>
  </si>
  <si>
    <t>Basti Abdul Sattar</t>
  </si>
  <si>
    <t>Basti abdul sattar SADAR GOGERA Okara</t>
  </si>
  <si>
    <t>Basti abdul sattar</t>
  </si>
  <si>
    <t>SADAR GOGERA</t>
  </si>
  <si>
    <t>3615</t>
  </si>
  <si>
    <t>22462</t>
  </si>
  <si>
    <t>40463</t>
  </si>
  <si>
    <t>33072</t>
  </si>
  <si>
    <t>GGPS MERANPUR</t>
  </si>
  <si>
    <t>Miranpur</t>
  </si>
  <si>
    <t>miranpur</t>
  </si>
  <si>
    <t>Salma Mushtaq</t>
  </si>
  <si>
    <t>18480</t>
  </si>
  <si>
    <t>3201</t>
  </si>
  <si>
    <t>48086</t>
  </si>
  <si>
    <t>GGHSS CHAK NO.10 ML</t>
  </si>
  <si>
    <t>10 ML Bhalwal</t>
  </si>
  <si>
    <t>chak 10 ml Bhalwal</t>
  </si>
  <si>
    <t>Chak 10 ML Bhalwal</t>
  </si>
  <si>
    <t>Salma Parveen</t>
  </si>
  <si>
    <t>51303</t>
  </si>
  <si>
    <t>GHS 27 SP</t>
  </si>
  <si>
    <t>27/ SP</t>
  </si>
  <si>
    <t>CHACK No 27/SP district  Pakpattan</t>
  </si>
  <si>
    <t>27/SP</t>
  </si>
  <si>
    <t>Chak Dhappai</t>
  </si>
  <si>
    <t>MUHAMMAD FAROOQ</t>
  </si>
  <si>
    <t>2031</t>
  </si>
  <si>
    <t>5629</t>
  </si>
  <si>
    <t>GGES SAWAI WALA</t>
  </si>
  <si>
    <t>BWN.8-FEMALE</t>
  </si>
  <si>
    <t>Sawai Wala</t>
  </si>
  <si>
    <t>Govt.Girls Elementary school sawai wala</t>
  </si>
  <si>
    <t>Rashida Khalida</t>
  </si>
  <si>
    <t>13324</t>
  </si>
  <si>
    <t>18999</t>
  </si>
  <si>
    <t>GES GHULAY KAY BAGHELAY</t>
  </si>
  <si>
    <t>ghulay k bghalay</t>
  </si>
  <si>
    <t>ghulay k bghalay kamalia toba tek singh</t>
  </si>
  <si>
    <t>Muhammad shah</t>
  </si>
  <si>
    <t>Muhammad Sajawal</t>
  </si>
  <si>
    <t>14587</t>
  </si>
  <si>
    <t>GGPS CHAK 235 RB I NIAMEA</t>
  </si>
  <si>
    <t>Niamoana</t>
  </si>
  <si>
    <t>Chak no 235 RB Faisalabad</t>
  </si>
  <si>
    <t>Farhat Parveen</t>
  </si>
  <si>
    <t>49837</t>
  </si>
  <si>
    <t>30960</t>
  </si>
  <si>
    <t>47253</t>
  </si>
  <si>
    <t>2465</t>
  </si>
  <si>
    <t>52852</t>
  </si>
  <si>
    <t>GGPS SHEEREN MUAFI</t>
  </si>
  <si>
    <t>SHER GARH - FEMALE</t>
  </si>
  <si>
    <t>Shareen Muafi</t>
  </si>
  <si>
    <t>moza shareen muafi union council Awan kalan</t>
  </si>
  <si>
    <t>Awan Kalan</t>
  </si>
  <si>
    <t>Misbah Naseer</t>
  </si>
  <si>
    <t>1499</t>
  </si>
  <si>
    <t>10869</t>
  </si>
  <si>
    <t>10454</t>
  </si>
  <si>
    <t>51781</t>
  </si>
  <si>
    <t>GHS 37/E-B</t>
  </si>
  <si>
    <t>37/eb</t>
  </si>
  <si>
    <t>chak no. 37/eb arifwala</t>
  </si>
  <si>
    <t>chak no. 75/eb arifwala</t>
  </si>
  <si>
    <t>muhammad rafiq saqee</t>
  </si>
  <si>
    <t>18031</t>
  </si>
  <si>
    <t>26620</t>
  </si>
  <si>
    <t>34650</t>
  </si>
  <si>
    <t>1786</t>
  </si>
  <si>
    <t>5516</t>
  </si>
  <si>
    <t>39770</t>
  </si>
  <si>
    <t>GPS UMAR WADA DRIGH</t>
  </si>
  <si>
    <t>DERA FAREEDI - MALE</t>
  </si>
  <si>
    <t>Gabol</t>
  </si>
  <si>
    <t>Basti Umar Wada Drigh</t>
  </si>
  <si>
    <t>Umar Wada Drigh</t>
  </si>
  <si>
    <t>Jhoke Gulab Shah</t>
  </si>
  <si>
    <t>3116</t>
  </si>
  <si>
    <t>53577</t>
  </si>
  <si>
    <t>GGES ARAZI WADHAVA</t>
  </si>
  <si>
    <t>Arazi Wadhava</t>
  </si>
  <si>
    <t>Arazi Wadhava, sadar gogera okara</t>
  </si>
  <si>
    <t>40GD</t>
  </si>
  <si>
    <t>Samina Arif</t>
  </si>
  <si>
    <t>39597</t>
  </si>
  <si>
    <t>10895</t>
  </si>
  <si>
    <t>30945</t>
  </si>
  <si>
    <t>GGHS MUSLIM MODEL GULSHAN RAVI 202-E BLOCK</t>
  </si>
  <si>
    <t>Lhr</t>
  </si>
  <si>
    <t>202-E  block Gulshan-e-Ravi lahore.</t>
  </si>
  <si>
    <t>lhr</t>
  </si>
  <si>
    <t>Gulshan Ravi</t>
  </si>
  <si>
    <t>MRS.NAILA  EJAZ</t>
  </si>
  <si>
    <t>9675</t>
  </si>
  <si>
    <t>46248</t>
  </si>
  <si>
    <t>3907</t>
  </si>
  <si>
    <t>53360</t>
  </si>
  <si>
    <t>GGPS CHAH MIR MUHAMMAD DHOOTA</t>
  </si>
  <si>
    <t>Dhoota</t>
  </si>
  <si>
    <t>chah mir Muhammad dhoota</t>
  </si>
  <si>
    <t>Chah Mir Muhammad Muhammad Muhammad</t>
  </si>
  <si>
    <t>34GD</t>
  </si>
  <si>
    <t>Nazia Batool</t>
  </si>
  <si>
    <t>2728</t>
  </si>
  <si>
    <t>6438</t>
  </si>
  <si>
    <t>52254</t>
  </si>
  <si>
    <t>GGHS SOBHA RAM</t>
  </si>
  <si>
    <t>sobharam Depalpur Okara</t>
  </si>
  <si>
    <t>Uzma Tasnim</t>
  </si>
  <si>
    <t>GGHS CHAK NO.27 SB</t>
  </si>
  <si>
    <t>Chak No27sb</t>
  </si>
  <si>
    <t>Chak no.27sb</t>
  </si>
  <si>
    <t>Chak No28 Sb</t>
  </si>
  <si>
    <t>52433</t>
  </si>
  <si>
    <t>GPS LALEY WALA</t>
  </si>
  <si>
    <t>Lalaywala</t>
  </si>
  <si>
    <t>lalaywala</t>
  </si>
  <si>
    <t>Irfan Ashraf</t>
  </si>
  <si>
    <t>13650</t>
  </si>
  <si>
    <t>53138</t>
  </si>
  <si>
    <t>GGES 49/2-L</t>
  </si>
  <si>
    <t>49/2-L</t>
  </si>
  <si>
    <t>GGES 49/2-L okara</t>
  </si>
  <si>
    <t>Chak No 31/2-L</t>
  </si>
  <si>
    <t>53469</t>
  </si>
  <si>
    <t>GGPS 48/3.R NIAMI WALA</t>
  </si>
  <si>
    <t>Niami Wala</t>
  </si>
  <si>
    <t>chak no48/3r P/Ob box same district and tehsil okaea</t>
  </si>
  <si>
    <t>Mamona Sadaf</t>
  </si>
  <si>
    <t>1267</t>
  </si>
  <si>
    <t>19684</t>
  </si>
  <si>
    <t>53354</t>
  </si>
  <si>
    <t>GGPS WAN ABDUL KAY</t>
  </si>
  <si>
    <t>Gogera Khas</t>
  </si>
  <si>
    <t>Wan Abhool ki dakhli Gogera Khas Tehsil Tehsil &amp; district Okara</t>
  </si>
  <si>
    <t>Wan Abdul Kay</t>
  </si>
  <si>
    <t>Balqees Khanam</t>
  </si>
  <si>
    <t>water pump &amp; hand pump</t>
  </si>
  <si>
    <t>8786</t>
  </si>
  <si>
    <t>8940</t>
  </si>
  <si>
    <t>53465</t>
  </si>
  <si>
    <t>GGES 20/GD</t>
  </si>
  <si>
    <t>20GD</t>
  </si>
  <si>
    <t>GGES 20GD Okara</t>
  </si>
  <si>
    <t>24GD</t>
  </si>
  <si>
    <t>Azhera Israr</t>
  </si>
  <si>
    <t>7345</t>
  </si>
  <si>
    <t>53798</t>
  </si>
  <si>
    <t>GMPS CHAK NO. 19/1-R</t>
  </si>
  <si>
    <t>19/1-R</t>
  </si>
  <si>
    <t>19\1.r</t>
  </si>
  <si>
    <t>Satgrah</t>
  </si>
  <si>
    <t>Muhammad Ali Raza</t>
  </si>
  <si>
    <t>880297</t>
  </si>
  <si>
    <t>10495</t>
  </si>
  <si>
    <t>53476</t>
  </si>
  <si>
    <t>GGPS 43/3.R</t>
  </si>
  <si>
    <t>Basti Jay Chand</t>
  </si>
  <si>
    <t>GGPS 43 3/r basti jay cGGPS okara</t>
  </si>
  <si>
    <t>43 3r</t>
  </si>
  <si>
    <t>42 3/r</t>
  </si>
  <si>
    <t>Nimra Muhsin</t>
  </si>
  <si>
    <t>564</t>
  </si>
  <si>
    <t>22972</t>
  </si>
  <si>
    <t>21272</t>
  </si>
  <si>
    <t>3003</t>
  </si>
  <si>
    <t>26306</t>
  </si>
  <si>
    <t>GGPS FATTOWAL GUJRAN</t>
  </si>
  <si>
    <t>BARAMANGA - FEMALE</t>
  </si>
  <si>
    <t>Fattowal gujran</t>
  </si>
  <si>
    <t>Fattowal gujran p/o baramanga</t>
  </si>
  <si>
    <t>Fattowall gujran</t>
  </si>
  <si>
    <t>Baramanga</t>
  </si>
  <si>
    <t>Misbah serwar</t>
  </si>
  <si>
    <t>35996</t>
  </si>
  <si>
    <t>GGPS TOLA</t>
  </si>
  <si>
    <t>SANIARI-FEMALE</t>
  </si>
  <si>
    <t>Toola</t>
  </si>
  <si>
    <t>Ansar Parween</t>
  </si>
  <si>
    <t>6412</t>
  </si>
  <si>
    <t>GGPS BASTI AKBAR ALI</t>
  </si>
  <si>
    <t>Wah Attha</t>
  </si>
  <si>
    <t>Basti Akbar Ali chak 86p</t>
  </si>
  <si>
    <t>BastiAkbar ALI</t>
  </si>
  <si>
    <t>105p</t>
  </si>
  <si>
    <t>Khurshid Fatima</t>
  </si>
  <si>
    <t>5719</t>
  </si>
  <si>
    <t>13276</t>
  </si>
  <si>
    <t>11384</t>
  </si>
  <si>
    <t>22655</t>
  </si>
  <si>
    <t>53525</t>
  </si>
  <si>
    <t>GMPS 41/2.L</t>
  </si>
  <si>
    <t>41/2L</t>
  </si>
  <si>
    <t>Govt Model primary school 41/2.L Teh &amp; Distt Okara .</t>
  </si>
  <si>
    <t>27/4L Shshbore</t>
  </si>
  <si>
    <t>Tariq Mahmood</t>
  </si>
  <si>
    <t>18162</t>
  </si>
  <si>
    <t>GGPS SHAH KHAIL NO. 2</t>
  </si>
  <si>
    <t>chah nakyana wala</t>
  </si>
  <si>
    <t>Chah Nakyana  Wala</t>
  </si>
  <si>
    <t>8972</t>
  </si>
  <si>
    <t>30716</t>
  </si>
  <si>
    <t>GPS BOHAR WARI SHALIMAR TOWN SALAMAT PURA</t>
  </si>
  <si>
    <t>New shalimar housing scheme salamat pura lahore</t>
  </si>
  <si>
    <t>30380</t>
  </si>
  <si>
    <t>34260</t>
  </si>
  <si>
    <t>49674</t>
  </si>
  <si>
    <t>GES CHAK NO.130 SB</t>
  </si>
  <si>
    <t>Chak 130 Sb</t>
  </si>
  <si>
    <t>Chak No 130 Sb Tehsil sillanwali sg</t>
  </si>
  <si>
    <t>Chak No 130 Sb</t>
  </si>
  <si>
    <t>Chak132 Sb</t>
  </si>
  <si>
    <t>13869</t>
  </si>
  <si>
    <t>40452</t>
  </si>
  <si>
    <t>GMPS ABDULLAH PUR</t>
  </si>
  <si>
    <t>PINDI SAIDPUR-FEMALE</t>
  </si>
  <si>
    <t>p.o.chakjani thsil p.d.khan.dist jhelum</t>
  </si>
  <si>
    <t>Abdullahpur</t>
  </si>
  <si>
    <t>Nahdia Parveen</t>
  </si>
  <si>
    <t>47538</t>
  </si>
  <si>
    <t>2998</t>
  </si>
  <si>
    <t>24212</t>
  </si>
  <si>
    <t>GPS DATA ZAIDKA</t>
  </si>
  <si>
    <t>Data Zadika</t>
  </si>
  <si>
    <t>Faisal Shahzadha</t>
  </si>
  <si>
    <t>12370</t>
  </si>
  <si>
    <t>38784</t>
  </si>
  <si>
    <t>38034</t>
  </si>
  <si>
    <t>45812</t>
  </si>
  <si>
    <t>GPS BALWAL</t>
  </si>
  <si>
    <t>Balwal</t>
  </si>
  <si>
    <t>village Balwal Post Office Dhak Tehsil and District Khushab</t>
  </si>
  <si>
    <t>Talokar</t>
  </si>
  <si>
    <t>Muhammad Bilal</t>
  </si>
  <si>
    <t>15397</t>
  </si>
  <si>
    <t>7486</t>
  </si>
  <si>
    <t>34999</t>
  </si>
  <si>
    <t>GGPS CHAK 35/A QADEEM</t>
  </si>
  <si>
    <t>Chak 35/A Qadeem</t>
  </si>
  <si>
    <t>Chak 35/A ,Dera Kallu, Rasheed abad</t>
  </si>
  <si>
    <t>35/A</t>
  </si>
  <si>
    <t>Nadia Nabbi</t>
  </si>
  <si>
    <t>5342</t>
  </si>
  <si>
    <t>27496</t>
  </si>
  <si>
    <t>GGPS HAJI PURA</t>
  </si>
  <si>
    <t>PINDI BHATTIAN</t>
  </si>
  <si>
    <t>MOAN BHATTIAN - FEMALE</t>
  </si>
  <si>
    <t>Sukheke</t>
  </si>
  <si>
    <t>NASIRA PARVEEN</t>
  </si>
  <si>
    <t>5779</t>
  </si>
  <si>
    <t>GGES 24-GD</t>
  </si>
  <si>
    <t>24 Gd</t>
  </si>
  <si>
    <t>24 GD okara</t>
  </si>
  <si>
    <t>24 GD</t>
  </si>
  <si>
    <t>kosar perveen</t>
  </si>
  <si>
    <t>48798</t>
  </si>
  <si>
    <t>GGHS CHAK NO.103 SB</t>
  </si>
  <si>
    <t>Chak NO 103 SB</t>
  </si>
  <si>
    <t>CHAK NO 103 SB SARGODHA</t>
  </si>
  <si>
    <t>CHAK NO 103 SB</t>
  </si>
  <si>
    <t>CHAK NO 100 SB</t>
  </si>
  <si>
    <t>SHAMS BATOOL</t>
  </si>
  <si>
    <t>11853</t>
  </si>
  <si>
    <t>2183</t>
  </si>
  <si>
    <t>1618</t>
  </si>
  <si>
    <t>39163</t>
  </si>
  <si>
    <t>GGPS DHOK FIDA HUSSAIN</t>
  </si>
  <si>
    <t>KOT FATEH KHAN - FEMALE</t>
  </si>
  <si>
    <t>Dhoke Fida  Hussain</t>
  </si>
  <si>
    <t>Dhoke Fida hussain</t>
  </si>
  <si>
    <t>Koat Fateh Khan</t>
  </si>
  <si>
    <t>Rasheeda Begum</t>
  </si>
  <si>
    <t>4115</t>
  </si>
  <si>
    <t>8615</t>
  </si>
  <si>
    <t>8504</t>
  </si>
  <si>
    <t>31250</t>
  </si>
  <si>
    <t>GMPS CHAK 34/A</t>
  </si>
  <si>
    <t>34/a</t>
  </si>
  <si>
    <t>chak 34/a</t>
  </si>
  <si>
    <t>Shamim akhter</t>
  </si>
  <si>
    <t>22989</t>
  </si>
  <si>
    <t>10265</t>
  </si>
  <si>
    <t>GGPS BASTI KATPAL</t>
  </si>
  <si>
    <t>Khokher Isra</t>
  </si>
  <si>
    <t>basti katpal po shahpur</t>
  </si>
  <si>
    <t>Basti Katpal</t>
  </si>
  <si>
    <t>Sahu Wala</t>
  </si>
  <si>
    <t>Shahla Ashraf</t>
  </si>
  <si>
    <t>53519</t>
  </si>
  <si>
    <t>GGPS ARAZI SHANKAR DAS</t>
  </si>
  <si>
    <t>Arazi</t>
  </si>
  <si>
    <t>Arazi Shankar Das,Sadar Gogera Okara.</t>
  </si>
  <si>
    <t>Arazi VfifgugetjferugvdhjhfdrgdghhhhhhhhjjjjnnnmnS</t>
  </si>
  <si>
    <t>Farm Bahadar Nagar</t>
  </si>
  <si>
    <t>Munazza Shaheen</t>
  </si>
  <si>
    <t>51319</t>
  </si>
  <si>
    <t>GGHS COLONY AREA PAKPATTAN</t>
  </si>
  <si>
    <t>Colony Area Pakpattan</t>
  </si>
  <si>
    <t>CANAL COLONY PPN</t>
  </si>
  <si>
    <t>Muncial Committee</t>
  </si>
  <si>
    <t>Mrs. Farzana Anjum</t>
  </si>
  <si>
    <t>30962</t>
  </si>
  <si>
    <t>1707</t>
  </si>
  <si>
    <t>51252</t>
  </si>
  <si>
    <t>GGPS 120/9-L NEW ABADI KAMEER</t>
  </si>
  <si>
    <t>KAMIR</t>
  </si>
  <si>
    <t>120 9/L Nai Abadi Kameer</t>
  </si>
  <si>
    <t>MUNICIPAL COMMITTEE KAMIR</t>
  </si>
  <si>
    <t>Zubaida Khalid</t>
  </si>
  <si>
    <t>4569</t>
  </si>
  <si>
    <t>52981</t>
  </si>
  <si>
    <t>GGPS PAK AWAMI KALIM SHAHEED COLONY- 2</t>
  </si>
  <si>
    <t>124Jb</t>
  </si>
  <si>
    <t>kaleem shaheed colony #2</t>
  </si>
  <si>
    <t>K S Colony #2</t>
  </si>
  <si>
    <t>Siddique E Akber Town</t>
  </si>
  <si>
    <t>Nighat Sultana</t>
  </si>
  <si>
    <t>17779</t>
  </si>
  <si>
    <t>40200</t>
  </si>
  <si>
    <t>3283</t>
  </si>
  <si>
    <t>43283</t>
  </si>
  <si>
    <t>40830</t>
  </si>
  <si>
    <t>GPS NAKKA CHAUDHRIAN NEW</t>
  </si>
  <si>
    <t>Jajyal</t>
  </si>
  <si>
    <t>nakka chaudhrian p.o jajyal tehsil sohawa</t>
  </si>
  <si>
    <t>Nakka Chaudhrian</t>
  </si>
  <si>
    <t>Muhammad Safeer</t>
  </si>
  <si>
    <t>9762</t>
  </si>
  <si>
    <t>18159</t>
  </si>
  <si>
    <t>GGPS CHAH BOHER WALA</t>
  </si>
  <si>
    <t>Shorkot Shumali</t>
  </si>
  <si>
    <t>GPS chah bohar wala shorkot city</t>
  </si>
  <si>
    <t>Bohar Wala</t>
  </si>
  <si>
    <t>Samina Perveen</t>
  </si>
  <si>
    <t>20764</t>
  </si>
  <si>
    <t>GGPS LADHAY KEY</t>
  </si>
  <si>
    <t>Ladhaykey</t>
  </si>
  <si>
    <t>GGPS LADHAYKEY</t>
  </si>
  <si>
    <t>Ladaykey</t>
  </si>
  <si>
    <t>Shafqat Parveen</t>
  </si>
  <si>
    <t>11499</t>
  </si>
  <si>
    <t>5533</t>
  </si>
  <si>
    <t>GGES CHAK NO.47/DNB</t>
  </si>
  <si>
    <t>Chak 47/DNB</t>
  </si>
  <si>
    <t>chak no.47dnb</t>
  </si>
  <si>
    <t>Shahida Shrif</t>
  </si>
  <si>
    <t>49636</t>
  </si>
  <si>
    <t>GHS CHAK NO.168/171 NB</t>
  </si>
  <si>
    <t>CHAK NO 168/171 NB</t>
  </si>
  <si>
    <t>Chak no. 168/171 Nb</t>
  </si>
  <si>
    <t>Chak No 168/171 NB</t>
  </si>
  <si>
    <t>Chak No 169 NB</t>
  </si>
  <si>
    <t>MUHAMMAD ISHFAQ AHMED</t>
  </si>
  <si>
    <t>15695</t>
  </si>
  <si>
    <t>1021</t>
  </si>
  <si>
    <t>40690</t>
  </si>
  <si>
    <t>GPS DHAMALA</t>
  </si>
  <si>
    <t>Dhamala</t>
  </si>
  <si>
    <t>govt primary scool dhamalm</t>
  </si>
  <si>
    <t>abduljabbar</t>
  </si>
  <si>
    <t>6416</t>
  </si>
  <si>
    <t>16348</t>
  </si>
  <si>
    <t>13049</t>
  </si>
  <si>
    <t>38986</t>
  </si>
  <si>
    <t>33986</t>
  </si>
  <si>
    <t>GGHS CHAK NO. 120/DRB</t>
  </si>
  <si>
    <t>120/drb</t>
  </si>
  <si>
    <t>chakk 120/drb</t>
  </si>
  <si>
    <t>Chakk 120/drb</t>
  </si>
  <si>
    <t>Chann Peer</t>
  </si>
  <si>
    <t>Warda Batool</t>
  </si>
  <si>
    <t>6482</t>
  </si>
  <si>
    <t>6481</t>
  </si>
  <si>
    <t>26217</t>
  </si>
  <si>
    <t>GGMPS KATHOWALI</t>
  </si>
  <si>
    <t>Shakargarh</t>
  </si>
  <si>
    <t>Government model primary school kathowali post office kanjrur the skg dist.Narrowal</t>
  </si>
  <si>
    <t>Kathowali</t>
  </si>
  <si>
    <t>Gourla</t>
  </si>
  <si>
    <t>Samina Yousaf</t>
  </si>
  <si>
    <t>52233</t>
  </si>
  <si>
    <t>16092</t>
  </si>
  <si>
    <t>31733</t>
  </si>
  <si>
    <t>4186</t>
  </si>
  <si>
    <t>GGPS CHAK NO.41/DNB IQRA</t>
  </si>
  <si>
    <t>41DNB</t>
  </si>
  <si>
    <t>41DNB yazman Dis Bahwalpur</t>
  </si>
  <si>
    <t>41 DNB</t>
  </si>
  <si>
    <t>22 DNB</t>
  </si>
  <si>
    <t>Farzana Yasmeen</t>
  </si>
  <si>
    <t>19693</t>
  </si>
  <si>
    <t>26482</t>
  </si>
  <si>
    <t>GGPS DURI GUJRAN</t>
  </si>
  <si>
    <t>Shakargah</t>
  </si>
  <si>
    <t>village deorri gujjran p.o gorala</t>
  </si>
  <si>
    <t>Deori Gujjran</t>
  </si>
  <si>
    <t>Noreen Zia</t>
  </si>
  <si>
    <t>GGHS CHAK NO.46/DB</t>
  </si>
  <si>
    <t>46/DB</t>
  </si>
  <si>
    <t>Chak no.46/DB,yazman</t>
  </si>
  <si>
    <t>44 DB</t>
  </si>
  <si>
    <t>AISHA MUZAHIR</t>
  </si>
  <si>
    <t>25644</t>
  </si>
  <si>
    <t>53827</t>
  </si>
  <si>
    <t>GGPS CHAK FAZAL WALA</t>
  </si>
  <si>
    <t>fazalwala</t>
  </si>
  <si>
    <t>fazalwala chcuchk reanla khurd okara</t>
  </si>
  <si>
    <t>bazida</t>
  </si>
  <si>
    <t>14491</t>
  </si>
  <si>
    <t>3912</t>
  </si>
  <si>
    <t>GGHS CHAK NO.16/DNB</t>
  </si>
  <si>
    <t>16/DNB</t>
  </si>
  <si>
    <t>Govt.Girls.High.School 16/DNB.YazmanBWP</t>
  </si>
  <si>
    <t>6/DNB</t>
  </si>
  <si>
    <t>Ishrat Kalsoom</t>
  </si>
  <si>
    <t>20168</t>
  </si>
  <si>
    <t>33975</t>
  </si>
  <si>
    <t>33205</t>
  </si>
  <si>
    <t>GGES MAHNIAN WALA CHAK 14</t>
  </si>
  <si>
    <t>mahnianwala</t>
  </si>
  <si>
    <t>mahnianwala chak No 14</t>
  </si>
  <si>
    <t>Mahnianwala</t>
  </si>
  <si>
    <t>Nawa Pind</t>
  </si>
  <si>
    <t>Uzma Kalsoom</t>
  </si>
  <si>
    <t>23300</t>
  </si>
  <si>
    <t>50743</t>
  </si>
  <si>
    <t>GES  96/6-R</t>
  </si>
  <si>
    <t>96/6r</t>
  </si>
  <si>
    <t>Chak No 92/6R</t>
  </si>
  <si>
    <t>Abdul qayyum</t>
  </si>
  <si>
    <t>2063</t>
  </si>
  <si>
    <t>1595</t>
  </si>
  <si>
    <t>28453</t>
  </si>
  <si>
    <t>GGHS PINDI LALA</t>
  </si>
  <si>
    <t>village and post office pindi lala tensil phalia distt mandi bahudin</t>
  </si>
  <si>
    <t>Rabia Fatima</t>
  </si>
  <si>
    <t>41031</t>
  </si>
  <si>
    <t>40435</t>
  </si>
  <si>
    <t>4435</t>
  </si>
  <si>
    <t>GGPS TAHLI TALBANI</t>
  </si>
  <si>
    <t>Syed Imam Shah</t>
  </si>
  <si>
    <t>Tahlitalbani, Teh. KPT, Distt. BWP</t>
  </si>
  <si>
    <t>Tahlitalbani</t>
  </si>
  <si>
    <t>Fozia Khanam</t>
  </si>
  <si>
    <t>43550</t>
  </si>
  <si>
    <t>12792</t>
  </si>
  <si>
    <t>33899</t>
  </si>
  <si>
    <t>GGPS MOUZA JHOKE</t>
  </si>
  <si>
    <t>KHANGARH-II- FEMALE</t>
  </si>
  <si>
    <t>Gajuwahin</t>
  </si>
  <si>
    <t>jhoke bhutta</t>
  </si>
  <si>
    <t>Jhoke Bhutta</t>
  </si>
  <si>
    <t>Ghazanfar Garh</t>
  </si>
  <si>
    <t>Sanobar Iqbal</t>
  </si>
  <si>
    <t>10647</t>
  </si>
  <si>
    <t>26102</t>
  </si>
  <si>
    <t>5269</t>
  </si>
  <si>
    <t>24560</t>
  </si>
  <si>
    <t>GGPS THATHA SARKARI</t>
  </si>
  <si>
    <t>ADIL PUR - FEMALE</t>
  </si>
  <si>
    <t>Thatha Sarkari</t>
  </si>
  <si>
    <t>Village: Thatha Sarkari, P.O Dhoda, Tehsil Pasrur (Sialkot)</t>
  </si>
  <si>
    <t>Dhoda</t>
  </si>
  <si>
    <t>52435</t>
  </si>
  <si>
    <t>52365</t>
  </si>
  <si>
    <t>5801</t>
  </si>
  <si>
    <t>GMPS ALLAH WASAYA SHAH</t>
  </si>
  <si>
    <t>Lall Shah</t>
  </si>
  <si>
    <t>ggmps allah wasaya shah khan Bela</t>
  </si>
  <si>
    <t>Gulani 104</t>
  </si>
  <si>
    <t>Bushra Gillani</t>
  </si>
  <si>
    <t>10567</t>
  </si>
  <si>
    <t>GES SUMRA NASHAIB</t>
  </si>
  <si>
    <t>SUMRA NASHAIB</t>
  </si>
  <si>
    <t>SUMRA NASHAIB SHUMALI</t>
  </si>
  <si>
    <t>MUHAMMAD FAHEEM</t>
  </si>
  <si>
    <t>25759</t>
  </si>
  <si>
    <t>30466</t>
  </si>
  <si>
    <t>38466</t>
  </si>
  <si>
    <t>5969</t>
  </si>
  <si>
    <t>51047</t>
  </si>
  <si>
    <t>45875</t>
  </si>
  <si>
    <t>GGPS MC NO.15</t>
  </si>
  <si>
    <t>SAHIWAL SADAR-A-FEMALE</t>
  </si>
  <si>
    <t>Bhutto Nagar</t>
  </si>
  <si>
    <t>GGMCPS NO 15 bhutto nagar#3</t>
  </si>
  <si>
    <t>Bilal Colony</t>
  </si>
  <si>
    <t>Bushra Younas</t>
  </si>
  <si>
    <t>24680</t>
  </si>
  <si>
    <t>46910</t>
  </si>
  <si>
    <t>30948</t>
  </si>
  <si>
    <t>31954</t>
  </si>
  <si>
    <t>GGHS BHATHAL</t>
  </si>
  <si>
    <t>Bhathal</t>
  </si>
  <si>
    <t>GGHS Bhathal Sheikhupura</t>
  </si>
  <si>
    <t>Bharianwala</t>
  </si>
  <si>
    <t>Saima Afzal</t>
  </si>
  <si>
    <t>40513</t>
  </si>
  <si>
    <t>GGPS HARYA</t>
  </si>
  <si>
    <t>Harrya</t>
  </si>
  <si>
    <t>Harrya Teh&amp; Disst Nankana</t>
  </si>
  <si>
    <t>Faiza Abdul Rehman</t>
  </si>
  <si>
    <t>12288</t>
  </si>
  <si>
    <t>11461</t>
  </si>
  <si>
    <t>34224</t>
  </si>
  <si>
    <t>GHS MULLAN FAQIR BUDHLA MULTAN</t>
  </si>
  <si>
    <t>Mullan Faqir</t>
  </si>
  <si>
    <t>Near 18 Kassi budhala road multan</t>
  </si>
  <si>
    <t>Waris Wala</t>
  </si>
  <si>
    <t>Jhoke Laskar Pur</t>
  </si>
  <si>
    <t>Dr. Muhammad Aqeel Raza</t>
  </si>
  <si>
    <t>53255</t>
  </si>
  <si>
    <t>GPS TIBBI PARHAR</t>
  </si>
  <si>
    <t>Tibbi Parhar</t>
  </si>
  <si>
    <t>Moza Tibbi Parhar p/o Jaboka T/D OKARA</t>
  </si>
  <si>
    <t>Feroze</t>
  </si>
  <si>
    <t>41144</t>
  </si>
  <si>
    <t>GMPS BALHAR</t>
  </si>
  <si>
    <t>Balhar</t>
  </si>
  <si>
    <t>Village Balhar post offic Nara.</t>
  </si>
  <si>
    <t>Saima Gul</t>
  </si>
  <si>
    <t>16240</t>
  </si>
  <si>
    <t>51611</t>
  </si>
  <si>
    <t>GGHS CHAK NOOR MUHAMMAD 11/SP</t>
  </si>
  <si>
    <t>govt.girls high school chak noor muhammad 11/s.p pakpattan</t>
  </si>
  <si>
    <t>chak Noor Muhammad 11/s.p</t>
  </si>
  <si>
    <t>chak noor muhammad</t>
  </si>
  <si>
    <t>Munawar Jabeen</t>
  </si>
  <si>
    <t>10960</t>
  </si>
  <si>
    <t>635</t>
  </si>
  <si>
    <t>16054</t>
  </si>
  <si>
    <t>GGPS CHAK 271 RB II BHROLIANA WALA</t>
  </si>
  <si>
    <t>chak no 271 R.B Ganga singh</t>
  </si>
  <si>
    <t>Qurashaya Wala</t>
  </si>
  <si>
    <t>Asma Anjum</t>
  </si>
  <si>
    <t>8530</t>
  </si>
  <si>
    <t>24530</t>
  </si>
  <si>
    <t>3491</t>
  </si>
  <si>
    <t>4548</t>
  </si>
  <si>
    <t>GPS MODEL ALI ASHAB</t>
  </si>
  <si>
    <t>JINDOO MISSION - FEMALE</t>
  </si>
  <si>
    <t>Nahar Wali</t>
  </si>
  <si>
    <t>Govt Model primary school Ali Ashab Musafir Khana</t>
  </si>
  <si>
    <t>Ali Ashab</t>
  </si>
  <si>
    <t>23434</t>
  </si>
  <si>
    <t>39129</t>
  </si>
  <si>
    <t>GGES DULHAL</t>
  </si>
  <si>
    <t>DHU LIAL</t>
  </si>
  <si>
    <t>GOVT.GIRLS ELEMENTARY SCHOOL DHULIAL TEHSIL FATEH JANG DISTT ATTOCK</t>
  </si>
  <si>
    <t>DHULIAL</t>
  </si>
  <si>
    <t>DHURNAL</t>
  </si>
  <si>
    <t>ANSAR BIBI</t>
  </si>
  <si>
    <t>24936</t>
  </si>
  <si>
    <t>26962</t>
  </si>
  <si>
    <t>GPS THATHA KALIAN</t>
  </si>
  <si>
    <t>Thatha Kalian</t>
  </si>
  <si>
    <t>thatha kalian post office tahseel wa district hafizabad</t>
  </si>
  <si>
    <t>Sager Kalan</t>
  </si>
  <si>
    <t>Adeel Ahmad</t>
  </si>
  <si>
    <t>2313</t>
  </si>
  <si>
    <t>17736</t>
  </si>
  <si>
    <t>6564</t>
  </si>
  <si>
    <t>16693</t>
  </si>
  <si>
    <t>70704</t>
  </si>
  <si>
    <t>GGCMS THATHA ALIKA</t>
  </si>
  <si>
    <t>MAMUNKANJAN-II - FEMALE</t>
  </si>
  <si>
    <t>Waly Wali</t>
  </si>
  <si>
    <t>thatha alika mamukanjn 2 tandlianwala fiasalabad</t>
  </si>
  <si>
    <t>Thatha Alika</t>
  </si>
  <si>
    <t>557GB</t>
  </si>
  <si>
    <t>tehmina ayub</t>
  </si>
  <si>
    <t>5142</t>
  </si>
  <si>
    <t>9005</t>
  </si>
  <si>
    <t>6991</t>
  </si>
  <si>
    <t>28851</t>
  </si>
  <si>
    <t>GGPS CHAK NO. 6/FW ROOMI WALA</t>
  </si>
  <si>
    <t>6fw</t>
  </si>
  <si>
    <t>chk 6fw romiwala ctn</t>
  </si>
  <si>
    <t>6fw Romiwala</t>
  </si>
  <si>
    <t>Zahida Malik</t>
  </si>
  <si>
    <t>3870</t>
  </si>
  <si>
    <t>5943</t>
  </si>
  <si>
    <t>50763</t>
  </si>
  <si>
    <t>GES CHAK NO. 144/9-L</t>
  </si>
  <si>
    <t>DERA RAHIM-B-MALE</t>
  </si>
  <si>
    <t>144/9L</t>
  </si>
  <si>
    <t>Chak no. 144/9L</t>
  </si>
  <si>
    <t>Chak No144/9L</t>
  </si>
  <si>
    <t>Mumtaz Ali Abid</t>
  </si>
  <si>
    <t>15461</t>
  </si>
  <si>
    <t>GPS KAKOO</t>
  </si>
  <si>
    <t>Kakoo</t>
  </si>
  <si>
    <t>miana thattha moza kakoo</t>
  </si>
  <si>
    <t>Meerak</t>
  </si>
  <si>
    <t>2588</t>
  </si>
  <si>
    <t>50623</t>
  </si>
  <si>
    <t>GGES 88-A/12-L KHURD</t>
  </si>
  <si>
    <t>88-A /12L</t>
  </si>
  <si>
    <t>88-A/12-L</t>
  </si>
  <si>
    <t>88-A/12L</t>
  </si>
  <si>
    <t>90/12L</t>
  </si>
  <si>
    <t>Madiha Arif</t>
  </si>
  <si>
    <t>4477</t>
  </si>
  <si>
    <t>46860</t>
  </si>
  <si>
    <t>43277</t>
  </si>
  <si>
    <t>10188</t>
  </si>
  <si>
    <t>GGPS THALLA INAYAT KHAN</t>
  </si>
  <si>
    <t>Khokar Isra Nasheeb</t>
  </si>
  <si>
    <t>ggps thala inayat khan</t>
  </si>
  <si>
    <t>Thala Inayat Khan</t>
  </si>
  <si>
    <t>ANEELA ASGHAR</t>
  </si>
  <si>
    <t>6566</t>
  </si>
  <si>
    <t>2945</t>
  </si>
  <si>
    <t>35399</t>
  </si>
  <si>
    <t>GMPS CHAK NO. 94/ EB</t>
  </si>
  <si>
    <t>SHEIKH FAZAL EAST - FEMALE</t>
  </si>
  <si>
    <t>94 EB</t>
  </si>
  <si>
    <t>Chak 94 EB Burewla District Vehari</t>
  </si>
  <si>
    <t>Chak 94 EB</t>
  </si>
  <si>
    <t>Tahira  Shoukat</t>
  </si>
  <si>
    <t>48096</t>
  </si>
  <si>
    <t>52414</t>
  </si>
  <si>
    <t>GPS ADHO PARI</t>
  </si>
  <si>
    <t>Qasim Pur</t>
  </si>
  <si>
    <t>qasim pur p/o hujra</t>
  </si>
  <si>
    <t>Bhelolpur</t>
  </si>
  <si>
    <t>Ali Abbas Sabir</t>
  </si>
  <si>
    <t>1846</t>
  </si>
  <si>
    <t>11074</t>
  </si>
  <si>
    <t>37811</t>
  </si>
  <si>
    <t>GES 157/10-R, P/O JUNGLE MARYALA, JAHANIAN</t>
  </si>
  <si>
    <t>157/10-R
Jahanian</t>
  </si>
  <si>
    <t>ImamBukhashTariq</t>
  </si>
  <si>
    <t>52400</t>
  </si>
  <si>
    <t>38974</t>
  </si>
  <si>
    <t>GGHS GALI JAGEER</t>
  </si>
  <si>
    <t>vpo Gali jageer</t>
  </si>
  <si>
    <t>Gali  jageer</t>
  </si>
  <si>
    <t>Galijageer</t>
  </si>
  <si>
    <t>Nabila  Aziz</t>
  </si>
  <si>
    <t>10827</t>
  </si>
  <si>
    <t>purchase</t>
  </si>
  <si>
    <t>18010</t>
  </si>
  <si>
    <t>28491</t>
  </si>
  <si>
    <t>10232</t>
  </si>
  <si>
    <t>GGPS BASTI GASHKORI</t>
  </si>
  <si>
    <t>mehran wali</t>
  </si>
  <si>
    <t>BASTI GISHKORI TEHSIL KAROR DISTRICT LAYYAH</t>
  </si>
  <si>
    <t>basti gishkori</t>
  </si>
  <si>
    <t>Roshon Shah</t>
  </si>
  <si>
    <t>Hina Almas</t>
  </si>
  <si>
    <t>19200</t>
  </si>
  <si>
    <t>884</t>
  </si>
  <si>
    <t>52415</t>
  </si>
  <si>
    <t>GPS BHALOOL PUR</t>
  </si>
  <si>
    <t>Behlol Pur</t>
  </si>
  <si>
    <t>behlol pur</t>
  </si>
  <si>
    <t>20961</t>
  </si>
  <si>
    <t>3595</t>
  </si>
  <si>
    <t>GGES FAIZ PUR</t>
  </si>
  <si>
    <t>KHURRAM PUR - FEMALE</t>
  </si>
  <si>
    <t>GGE/S Faiz pur</t>
  </si>
  <si>
    <t>Khurram Pur</t>
  </si>
  <si>
    <t>Shama Begum</t>
  </si>
  <si>
    <t>32012</t>
  </si>
  <si>
    <t>27960</t>
  </si>
  <si>
    <t>GGHS OTHIAN</t>
  </si>
  <si>
    <t>Othian</t>
  </si>
  <si>
    <t>gghs othian daska</t>
  </si>
  <si>
    <t>Glotian</t>
  </si>
  <si>
    <t>Kishwar Shaheen</t>
  </si>
  <si>
    <t>1693</t>
  </si>
  <si>
    <t>17627</t>
  </si>
  <si>
    <t>5689</t>
  </si>
  <si>
    <t>48097</t>
  </si>
  <si>
    <t>GES CHAK NO.10 NB</t>
  </si>
  <si>
    <t>QUDRAT ABAD - MALE</t>
  </si>
  <si>
    <t>Chak No 10 NB</t>
  </si>
  <si>
    <t>Muhammad Ijaz</t>
  </si>
  <si>
    <t>5328</t>
  </si>
  <si>
    <t>3317</t>
  </si>
  <si>
    <t>7776</t>
  </si>
  <si>
    <t>7232</t>
  </si>
  <si>
    <t>6968</t>
  </si>
  <si>
    <t>37747</t>
  </si>
  <si>
    <t>GES 135/10-R JADEED, JAHANIAN</t>
  </si>
  <si>
    <t>135/10-R</t>
  </si>
  <si>
    <t>chak  135/10-R jadeed  Jahanian</t>
  </si>
  <si>
    <t>135/10-R Jadeed</t>
  </si>
  <si>
    <t>Thatha Sadiq Abad</t>
  </si>
  <si>
    <t>Muhammad Nasir Khan</t>
  </si>
  <si>
    <t>42419</t>
  </si>
  <si>
    <t>GES POTHI</t>
  </si>
  <si>
    <t>Pothi</t>
  </si>
  <si>
    <t>vpo pothi tehsil Gujrkhan dist rawalpindi</t>
  </si>
  <si>
    <t>Sahang</t>
  </si>
  <si>
    <t>Hafiz M Razzaq</t>
  </si>
  <si>
    <t>51166</t>
  </si>
  <si>
    <t>GGPS WAN BAJAJ</t>
  </si>
  <si>
    <t>Arazi Shahmand</t>
  </si>
  <si>
    <t>chak wan bajaj p/o dadra bala via harappa</t>
  </si>
  <si>
    <t>Wan Bajaj</t>
  </si>
  <si>
    <t>1568</t>
  </si>
  <si>
    <t>3516</t>
  </si>
  <si>
    <t>9154</t>
  </si>
  <si>
    <t>13450</t>
  </si>
  <si>
    <t>GPS MOCHI WALA</t>
  </si>
  <si>
    <t>Hairo</t>
  </si>
  <si>
    <t>near pitafi  chowk basti ahmdani muza hairo</t>
  </si>
  <si>
    <t>hairo</t>
  </si>
  <si>
    <t>Farhad Ahmad</t>
  </si>
  <si>
    <t>51419</t>
  </si>
  <si>
    <t>GPS MADAY SHAH</t>
  </si>
  <si>
    <t>Maddy Shah</t>
  </si>
  <si>
    <t>basti maddy shah pakpattan</t>
  </si>
  <si>
    <t>Ward No 50</t>
  </si>
  <si>
    <t>Waleed Raza</t>
  </si>
  <si>
    <t>32357</t>
  </si>
  <si>
    <t>35744</t>
  </si>
  <si>
    <t>GPS CHAK NO.184/WB EAST</t>
  </si>
  <si>
    <t>184/wb</t>
  </si>
  <si>
    <t>Chak#184/WB East</t>
  </si>
  <si>
    <t>184/WB East</t>
  </si>
  <si>
    <t>188/WB</t>
  </si>
  <si>
    <t>Munawar hussain</t>
  </si>
  <si>
    <t>16093</t>
  </si>
  <si>
    <t>GES CHAK 271 RB</t>
  </si>
  <si>
    <t>Chak 271rb</t>
  </si>
  <si>
    <t>chak No 271 rb fsd</t>
  </si>
  <si>
    <t>Maghar Singh</t>
  </si>
  <si>
    <t>Chak No 268rb Laddy Chak</t>
  </si>
  <si>
    <t>Qamar Uz Zaman</t>
  </si>
  <si>
    <t>GES JHANG CITY</t>
  </si>
  <si>
    <t>chak janoobi jhang city,jhang</t>
  </si>
  <si>
    <t>Chak Janoobi Jhang</t>
  </si>
  <si>
    <t>Maddan Shah</t>
  </si>
  <si>
    <t>MUHAMMAD AHMAD NASIM</t>
  </si>
  <si>
    <t>39175</t>
  </si>
  <si>
    <t>738</t>
  </si>
  <si>
    <t>GGES CHAK NO. 105/F</t>
  </si>
  <si>
    <t>chak no 105f Ctn</t>
  </si>
  <si>
    <t>105f</t>
  </si>
  <si>
    <t>40 F</t>
  </si>
  <si>
    <t>Abida Shaheen</t>
  </si>
  <si>
    <t>11865</t>
  </si>
  <si>
    <t>48965</t>
  </si>
  <si>
    <t>37100</t>
  </si>
  <si>
    <t>52108</t>
  </si>
  <si>
    <t>GGCMES 139 EB ARIFWALA</t>
  </si>
  <si>
    <t>139/EB</t>
  </si>
  <si>
    <t>18464</t>
  </si>
  <si>
    <t>40551</t>
  </si>
  <si>
    <t>13449</t>
  </si>
  <si>
    <t>GES RUSTUM LAGHARI</t>
  </si>
  <si>
    <t>Rustam Lighari</t>
  </si>
  <si>
    <t>Govet Elementary school  Rustam Lighari tehsil jampur district  rajanpur</t>
  </si>
  <si>
    <t>Rakhperoo Wala</t>
  </si>
  <si>
    <t>Qari muhammad Shafiq</t>
  </si>
  <si>
    <t>15218</t>
  </si>
  <si>
    <t>GGES CHAK 109 RB KHURRIANWALA</t>
  </si>
  <si>
    <t>109 Rb 1</t>
  </si>
  <si>
    <t>109 Rb Roda 1</t>
  </si>
  <si>
    <t>205 Rb</t>
  </si>
  <si>
    <t>Iram Hanif</t>
  </si>
  <si>
    <t>13468</t>
  </si>
  <si>
    <t>37430</t>
  </si>
  <si>
    <t>GGHS 84/15-L, MIAN CHANNU</t>
  </si>
  <si>
    <t>84/15-L</t>
  </si>
  <si>
    <t>CHAK NO. 84/15-L, TEHSIL MIAN CHANNU DISTRICT KHANEWAL</t>
  </si>
  <si>
    <t>CHAK NO. 84/15-L</t>
  </si>
  <si>
    <t>AZHERA ERAM</t>
  </si>
  <si>
    <t>35400</t>
  </si>
  <si>
    <t>46680</t>
  </si>
  <si>
    <t>57500</t>
  </si>
  <si>
    <t>209632</t>
  </si>
  <si>
    <t>15922</t>
  </si>
  <si>
    <t>GPS CHAK 277 RB FSD</t>
  </si>
  <si>
    <t>277 RB</t>
  </si>
  <si>
    <t>277 rb</t>
  </si>
  <si>
    <t>275 Rb</t>
  </si>
  <si>
    <t>34271</t>
  </si>
  <si>
    <t>25142</t>
  </si>
  <si>
    <t>42490</t>
  </si>
  <si>
    <t>GMPS MIANA POTHA</t>
  </si>
  <si>
    <t>Miana Potha</t>
  </si>
  <si>
    <t>village miana potha tehsil gujer khan district rawalpindi</t>
  </si>
  <si>
    <t>Sumaira Kalsoom</t>
  </si>
  <si>
    <t>12674</t>
  </si>
  <si>
    <t>3280</t>
  </si>
  <si>
    <t>2660</t>
  </si>
  <si>
    <t>32839</t>
  </si>
  <si>
    <t>GPS TAKHTU WALA</t>
  </si>
  <si>
    <t>Takhtu Wala</t>
  </si>
  <si>
    <t>village takhtu wala, teh&amp;distt nankana sahib</t>
  </si>
  <si>
    <t>Fatah Thatha</t>
  </si>
  <si>
    <t>Muhammad Waqar Tariq</t>
  </si>
  <si>
    <t>6770</t>
  </si>
  <si>
    <t>869</t>
  </si>
  <si>
    <t>40847</t>
  </si>
  <si>
    <t>50680</t>
  </si>
  <si>
    <t>GHS 74/4-R</t>
  </si>
  <si>
    <t>GHS, 74/4R, Sahiwal</t>
  </si>
  <si>
    <t>74/4R Sahiwal</t>
  </si>
  <si>
    <t>Chak 62/4R</t>
  </si>
  <si>
    <t>16912</t>
  </si>
  <si>
    <t>GES PATUANA</t>
  </si>
  <si>
    <t>Patoana</t>
  </si>
  <si>
    <t>moza patoana Jhang saddar</t>
  </si>
  <si>
    <t>Pakay Wala</t>
  </si>
  <si>
    <t>MUHAMMAD WARIS</t>
  </si>
  <si>
    <t>23310</t>
  </si>
  <si>
    <t>12872</t>
  </si>
  <si>
    <t>1494</t>
  </si>
  <si>
    <t>6129</t>
  </si>
  <si>
    <t>51342</t>
  </si>
  <si>
    <t>GES GOBIND PUR P/O GOBIND PUR</t>
  </si>
  <si>
    <t>Gobind pur</t>
  </si>
  <si>
    <t>Govt.Elementary School Gobind pur</t>
  </si>
  <si>
    <t>GGHS 171/9-L</t>
  </si>
  <si>
    <t>chak no171/9.l</t>
  </si>
  <si>
    <t>Rubina Hakim</t>
  </si>
  <si>
    <t>12514</t>
  </si>
  <si>
    <t>653</t>
  </si>
  <si>
    <t>35808</t>
  </si>
  <si>
    <t>GPS BAHADAR WALA</t>
  </si>
  <si>
    <t>Bahadar Baloach</t>
  </si>
  <si>
    <t>Mouza Bahadar Baloach Tehsil Mailsi</t>
  </si>
  <si>
    <t>Dhamakki</t>
  </si>
  <si>
    <t>Samee Ullah Khan</t>
  </si>
  <si>
    <t>GES MEHBOOB COLONY</t>
  </si>
  <si>
    <t>Mehboob Colony</t>
  </si>
  <si>
    <t>Mehboob Colony Chishtian</t>
  </si>
  <si>
    <t>MC Chishtian</t>
  </si>
  <si>
    <t>1524</t>
  </si>
  <si>
    <t>GPS QADA WALA</t>
  </si>
  <si>
    <t>Madrissa</t>
  </si>
  <si>
    <t>Basti Qadey Wala</t>
  </si>
  <si>
    <t>Takhat Mahal</t>
  </si>
  <si>
    <t>8985</t>
  </si>
  <si>
    <t>17013</t>
  </si>
  <si>
    <t>36005</t>
  </si>
  <si>
    <t>GPS 180/WB</t>
  </si>
  <si>
    <t>Chak no.180/WB tehsil Mailsi District Vehari</t>
  </si>
  <si>
    <t>Chak No 180/WB</t>
  </si>
  <si>
    <t>Karamat Ali</t>
  </si>
  <si>
    <t>7005</t>
  </si>
  <si>
    <t>32699</t>
  </si>
  <si>
    <t>GGES HAFAT MADAR</t>
  </si>
  <si>
    <t>MORE KHUNDA - FEMALE</t>
  </si>
  <si>
    <t>Haft Maddar</t>
  </si>
  <si>
    <t>Haft maddar</t>
  </si>
  <si>
    <t>Sehrish Riaz</t>
  </si>
  <si>
    <t>17957</t>
  </si>
  <si>
    <t>51797</t>
  </si>
  <si>
    <t>GHS 351/EB ARIFWALA</t>
  </si>
  <si>
    <t>351/EB</t>
  </si>
  <si>
    <t>CHAK # 351/EB</t>
  </si>
  <si>
    <t>Abdul Aziz</t>
  </si>
  <si>
    <t>1470</t>
  </si>
  <si>
    <t>50510</t>
  </si>
  <si>
    <t>GGPS 181/9-L</t>
  </si>
  <si>
    <t>181/9-L</t>
  </si>
  <si>
    <t>chak No 181/9-L</t>
  </si>
  <si>
    <t>Chak  No 181/9-L</t>
  </si>
  <si>
    <t>8-11-L</t>
  </si>
  <si>
    <t>Najma Parveen</t>
  </si>
  <si>
    <t>1833</t>
  </si>
  <si>
    <t>GHS CHAK 58 RB KHURRIANWALA FSD</t>
  </si>
  <si>
    <t>CHAK NO. 58 RB</t>
  </si>
  <si>
    <t>SAJJAD ALI</t>
  </si>
  <si>
    <t>108880</t>
  </si>
  <si>
    <t>47596</t>
  </si>
  <si>
    <t>GPS IQBAL PURA</t>
  </si>
  <si>
    <t>Wara Qamar Din</t>
  </si>
  <si>
    <t>Basti Iqbal Pura</t>
  </si>
  <si>
    <t>Iqbal Pura</t>
  </si>
  <si>
    <t>Momin Abad</t>
  </si>
  <si>
    <t>858</t>
  </si>
  <si>
    <t>4955</t>
  </si>
  <si>
    <t>4940</t>
  </si>
  <si>
    <t>11254</t>
  </si>
  <si>
    <t>GPS CHAK NO 200 M</t>
  </si>
  <si>
    <t>Chak No 200/M</t>
  </si>
  <si>
    <t>Chak no.200/M Tehsil Chishtian.District.BahawalNagar</t>
  </si>
  <si>
    <t>Riaz Hussain Khan</t>
  </si>
  <si>
    <t>50706</t>
  </si>
  <si>
    <t>GHS 101/9-L</t>
  </si>
  <si>
    <t>101/9-L</t>
  </si>
  <si>
    <t>Chak No. 101/9-L Sahiwal</t>
  </si>
  <si>
    <t>91/9-L</t>
  </si>
  <si>
    <t>33009</t>
  </si>
  <si>
    <t>GGPS THATHA NAULAN</t>
  </si>
  <si>
    <t>Thatha Naulan</t>
  </si>
  <si>
    <t>Thatha Naulan, nankana sahib</t>
  </si>
  <si>
    <t>Safia Bano</t>
  </si>
  <si>
    <t>4874</t>
  </si>
  <si>
    <t>16395</t>
  </si>
  <si>
    <t>52130</t>
  </si>
  <si>
    <t>GGPS 58 EB PO 58 EB</t>
  </si>
  <si>
    <t>Chak 58/E B</t>
  </si>
  <si>
    <t>Chak 58/e b p o same .teh Arif wala .dist pakpattan</t>
  </si>
  <si>
    <t>58/E B</t>
  </si>
  <si>
    <t>66/E B</t>
  </si>
  <si>
    <t>Abida Babu</t>
  </si>
  <si>
    <t>9285</t>
  </si>
  <si>
    <t>GPS CHAK NO. 202/M (W)</t>
  </si>
  <si>
    <t>202 M</t>
  </si>
  <si>
    <t>chak no 202 m. w teh. chistian dist. bahawalnagar</t>
  </si>
  <si>
    <t>202 M-w</t>
  </si>
  <si>
    <t>201 M</t>
  </si>
  <si>
    <t>Muhammad Shafiq Zahid</t>
  </si>
  <si>
    <t>52129</t>
  </si>
  <si>
    <t>GGES 56 EB PO DILU WALA BANGLA</t>
  </si>
  <si>
    <t>56/eb</t>
  </si>
  <si>
    <t>p/o 50 eb chak no 56/eb tehsil arifwala</t>
  </si>
  <si>
    <t>48/eb</t>
  </si>
  <si>
    <t>Bashiran Bibi</t>
  </si>
  <si>
    <t>13416</t>
  </si>
  <si>
    <t>35615</t>
  </si>
  <si>
    <t>37636</t>
  </si>
  <si>
    <t>GGPS HASNAIN ABAD MIAN CHANNU</t>
  </si>
  <si>
    <t>Husnain Abad</t>
  </si>
  <si>
    <t>GGPS Husnain Abad mian channu</t>
  </si>
  <si>
    <t>Karwan</t>
  </si>
  <si>
    <t>Bushra Parveen</t>
  </si>
  <si>
    <t>13346</t>
  </si>
  <si>
    <t>44896</t>
  </si>
  <si>
    <t>33137</t>
  </si>
  <si>
    <t>GPS MUDDHAN WALI</t>
  </si>
  <si>
    <t>Muddhanwali</t>
  </si>
  <si>
    <t>village mudhawali nankana</t>
  </si>
  <si>
    <t>Fatah Thatta</t>
  </si>
  <si>
    <t>Faisal Arshad</t>
  </si>
  <si>
    <t>21170</t>
  </si>
  <si>
    <t>20670</t>
  </si>
  <si>
    <t>52114</t>
  </si>
  <si>
    <t>GGPS 76 EB ARIFWALA</t>
  </si>
  <si>
    <t>76EB</t>
  </si>
  <si>
    <t>Chak No 76EB kho Dorgan wala</t>
  </si>
  <si>
    <t>76 EB</t>
  </si>
  <si>
    <t>Irshad Akhther</t>
  </si>
  <si>
    <t>20846</t>
  </si>
  <si>
    <t>18498</t>
  </si>
  <si>
    <t>48021</t>
  </si>
  <si>
    <t>15909</t>
  </si>
  <si>
    <t>GPS 264 RB I</t>
  </si>
  <si>
    <t>Chak No 264 I</t>
  </si>
  <si>
    <t>Chak No 264 R.B 1</t>
  </si>
  <si>
    <t>264 RB 1</t>
  </si>
  <si>
    <t>267 RB Jalandhar</t>
  </si>
  <si>
    <t>RASHID MEHMOOD</t>
  </si>
  <si>
    <t>21868</t>
  </si>
  <si>
    <t>21900</t>
  </si>
  <si>
    <t>36031</t>
  </si>
  <si>
    <t>GPS HUMZA TOWN MAILSI</t>
  </si>
  <si>
    <t>hamza town mailsi</t>
  </si>
  <si>
    <t>Hamza Town</t>
  </si>
  <si>
    <t>Mailsi Deh</t>
  </si>
  <si>
    <t>Majid Ali</t>
  </si>
  <si>
    <t>15888</t>
  </si>
  <si>
    <t>GPS CHAK 254 RB II FSD</t>
  </si>
  <si>
    <t>chak 254rb chicha</t>
  </si>
  <si>
    <t>254 RB CHICHA</t>
  </si>
  <si>
    <t>JAHANGIR KHURD 257RB</t>
  </si>
  <si>
    <t>IRFAN JAVAID</t>
  </si>
  <si>
    <t>27005</t>
  </si>
  <si>
    <t>32835</t>
  </si>
  <si>
    <t>GPS JANI WALA FATTA THATHA</t>
  </si>
  <si>
    <t>Janiwala</t>
  </si>
  <si>
    <t>janiwala</t>
  </si>
  <si>
    <t>19294</t>
  </si>
  <si>
    <t>54459</t>
  </si>
  <si>
    <t>GPS WALGAN SATTAR</t>
  </si>
  <si>
    <t>Walgun Sattar</t>
  </si>
  <si>
    <t>walgun Sattar, Tehsil Nankana Sahib,  District. nankana sahib</t>
  </si>
  <si>
    <t>Sheeren Jhanghar</t>
  </si>
  <si>
    <t>Faisal Mushtaq</t>
  </si>
  <si>
    <t>15925</t>
  </si>
  <si>
    <t>GPS CHAK 659 GB I CHUGHAL PURA</t>
  </si>
  <si>
    <t>Chak no 659 GB I Chughallpura</t>
  </si>
  <si>
    <t>659 GBI chughallpura</t>
  </si>
  <si>
    <t>20282</t>
  </si>
  <si>
    <t>35436</t>
  </si>
  <si>
    <t>35432</t>
  </si>
  <si>
    <t>51851</t>
  </si>
  <si>
    <t>GGES 123/EB</t>
  </si>
  <si>
    <t>123/eb</t>
  </si>
  <si>
    <t>123/eb arifwala</t>
  </si>
  <si>
    <t>Moeen Kot</t>
  </si>
  <si>
    <t>Uzma Jelany</t>
  </si>
  <si>
    <t>11168</t>
  </si>
  <si>
    <t>11920</t>
  </si>
  <si>
    <t>35796</t>
  </si>
  <si>
    <t>GPS UMAR KHICHI</t>
  </si>
  <si>
    <t>Umar Khichi</t>
  </si>
  <si>
    <t>umar khichi</t>
  </si>
  <si>
    <t>Ghulam Jaffar</t>
  </si>
  <si>
    <t>3784</t>
  </si>
  <si>
    <t>8064</t>
  </si>
  <si>
    <t>33035</t>
  </si>
  <si>
    <t>GGPS KHADAN WALA</t>
  </si>
  <si>
    <t>Khaddan Wala</t>
  </si>
  <si>
    <t>khaddanwala. po box laduana district nns</t>
  </si>
  <si>
    <t>Kousar Bibi</t>
  </si>
  <si>
    <t>43827</t>
  </si>
  <si>
    <t>18140</t>
  </si>
  <si>
    <t>15276</t>
  </si>
  <si>
    <t>30276</t>
  </si>
  <si>
    <t>51023</t>
  </si>
  <si>
    <t>GPS 130/9-L</t>
  </si>
  <si>
    <t>130 9L</t>
  </si>
  <si>
    <t>CHAK 130/9L</t>
  </si>
  <si>
    <t>Chan Peer Anjum</t>
  </si>
  <si>
    <t>12422</t>
  </si>
  <si>
    <t>6910</t>
  </si>
  <si>
    <t>33092</t>
  </si>
  <si>
    <t>GGPS KOT SADHURAM</t>
  </si>
  <si>
    <t>Kot Sadhuram</t>
  </si>
  <si>
    <t>village kot sadhurm nankana sahib</t>
  </si>
  <si>
    <t>Kot Hussain</t>
  </si>
  <si>
    <t>Zakia Sultana</t>
  </si>
  <si>
    <t>13310</t>
  </si>
  <si>
    <t>GGES 52 EB PO 52 EB</t>
  </si>
  <si>
    <t>52 Eb</t>
  </si>
  <si>
    <t>GGES52 EB</t>
  </si>
  <si>
    <t>52eb</t>
  </si>
  <si>
    <t>48eb</t>
  </si>
  <si>
    <t>Robina Khan</t>
  </si>
  <si>
    <t>54878</t>
  </si>
  <si>
    <t>50358</t>
  </si>
  <si>
    <t>35889</t>
  </si>
  <si>
    <t>GGPS GHALLOO</t>
  </si>
  <si>
    <t>Ghalloo</t>
  </si>
  <si>
    <t>GGPS Ghallu</t>
  </si>
  <si>
    <t>Lali Pur</t>
  </si>
  <si>
    <t>Kaneez Kubra Abid</t>
  </si>
  <si>
    <t>25873</t>
  </si>
  <si>
    <t>13873</t>
  </si>
  <si>
    <t>24985</t>
  </si>
  <si>
    <t>52107</t>
  </si>
  <si>
    <t>GGPS 151 EB PO DILLOW WALA ARIFWALA</t>
  </si>
  <si>
    <t>151/eb</t>
  </si>
  <si>
    <t>chak no 151/eb</t>
  </si>
  <si>
    <t>19157</t>
  </si>
  <si>
    <t>52131</t>
  </si>
  <si>
    <t>GGCMES 50 EB</t>
  </si>
  <si>
    <t>50EB</t>
  </si>
  <si>
    <t>chak # 50 EB Teh. Arifwala</t>
  </si>
  <si>
    <t>48EB</t>
  </si>
  <si>
    <t>Aneela  Munir</t>
  </si>
  <si>
    <t>12817</t>
  </si>
  <si>
    <t>26930</t>
  </si>
  <si>
    <t>43755</t>
  </si>
  <si>
    <t>1319</t>
  </si>
  <si>
    <t>51627</t>
  </si>
  <si>
    <t>38541</t>
  </si>
  <si>
    <t>GGPS MC NO. 2 SOFIA ABAD</t>
  </si>
  <si>
    <t>PAKPATTAN 1 - FEMALE</t>
  </si>
  <si>
    <t>Sofiya Abad</t>
  </si>
  <si>
    <t>MC # 2 sofiya abad</t>
  </si>
  <si>
    <t>Urban Warad 23</t>
  </si>
  <si>
    <t>Bilqees Akhter</t>
  </si>
  <si>
    <t>10770</t>
  </si>
  <si>
    <t>18590</t>
  </si>
  <si>
    <t>27798</t>
  </si>
  <si>
    <t>42005</t>
  </si>
  <si>
    <t>47973</t>
  </si>
  <si>
    <t>GGPS OLAKHAN WALA SHARQI</t>
  </si>
  <si>
    <t>aulakhanwala Sharqi</t>
  </si>
  <si>
    <t>aulakhanwala sharqi tehsil piplan distt mianwali</t>
  </si>
  <si>
    <t>28685</t>
  </si>
  <si>
    <t>3231</t>
  </si>
  <si>
    <t>16849</t>
  </si>
  <si>
    <t>GHS MACHI WAL</t>
  </si>
  <si>
    <t>Machhiwal</t>
  </si>
  <si>
    <t>Dosa</t>
  </si>
  <si>
    <t>23791</t>
  </si>
  <si>
    <t>GPS SHAH HUSSAIN GHARBI</t>
  </si>
  <si>
    <t>Shekhana</t>
  </si>
  <si>
    <t>Moza chak shekhana, shah hussain gharbi</t>
  </si>
  <si>
    <t>Chak Shekhana</t>
  </si>
  <si>
    <t>34266</t>
  </si>
  <si>
    <t>GES JHOKE WAINS</t>
  </si>
  <si>
    <t>Jhoke wains warli</t>
  </si>
  <si>
    <t>Mouza Jhoke Wains Warli</t>
  </si>
  <si>
    <t>Jhoke wains</t>
  </si>
  <si>
    <t>Mohammad Yar</t>
  </si>
  <si>
    <t>4609</t>
  </si>
  <si>
    <t>17171</t>
  </si>
  <si>
    <t>19159</t>
  </si>
  <si>
    <t>GPS ZAFAR ABAD</t>
  </si>
  <si>
    <t>MACHIWAL-MALE</t>
  </si>
  <si>
    <t>machiana</t>
  </si>
  <si>
    <t>7 /1 THAL JANUBI</t>
  </si>
  <si>
    <t>893</t>
  </si>
  <si>
    <t>859</t>
  </si>
  <si>
    <t>48377</t>
  </si>
  <si>
    <t>Midh Paragana</t>
  </si>
  <si>
    <t>post office kalas tehsil bhera dist sargodha</t>
  </si>
  <si>
    <t>Mazhar Inayat</t>
  </si>
  <si>
    <t>2114</t>
  </si>
  <si>
    <t>45490</t>
  </si>
  <si>
    <t>10044</t>
  </si>
  <si>
    <t>13410</t>
  </si>
  <si>
    <t>54195</t>
  </si>
  <si>
    <t>GPS NOUSHEHRA PO SARDAR JHANDIR</t>
  </si>
  <si>
    <t>MIRAN PUR - MALE</t>
  </si>
  <si>
    <t>Noshehra</t>
  </si>
  <si>
    <t>basti noshehra tehsil mailsi disstrict vehari</t>
  </si>
  <si>
    <t>Kikri Khurd</t>
  </si>
  <si>
    <t>31011</t>
  </si>
  <si>
    <t>GPS SAIR WALA</t>
  </si>
  <si>
    <t>Kul Kuri</t>
  </si>
  <si>
    <t>mouza kul kuri jhang</t>
  </si>
  <si>
    <t>Pakkay Wala</t>
  </si>
  <si>
    <t>5782</t>
  </si>
  <si>
    <t>29723</t>
  </si>
  <si>
    <t>27336</t>
  </si>
  <si>
    <t>45790</t>
  </si>
  <si>
    <t>GPS KAMRAY WALA</t>
  </si>
  <si>
    <t>Kamray Wala</t>
  </si>
  <si>
    <t>kamray wala</t>
  </si>
  <si>
    <t>Kemray Wala</t>
  </si>
  <si>
    <t>Akhtar Nawaz</t>
  </si>
  <si>
    <t>private Person property</t>
  </si>
  <si>
    <t>5641</t>
  </si>
  <si>
    <t>48707</t>
  </si>
  <si>
    <t>GPS AZAD NAGAR</t>
  </si>
  <si>
    <t>Midh Pragna</t>
  </si>
  <si>
    <t>midh</t>
  </si>
  <si>
    <t>Midh</t>
  </si>
  <si>
    <t>35893</t>
  </si>
  <si>
    <t>GGCMS 139 WB</t>
  </si>
  <si>
    <t>chack no 139wb</t>
  </si>
  <si>
    <t>139/wb</t>
  </si>
  <si>
    <t>16110</t>
  </si>
  <si>
    <t>2554</t>
  </si>
  <si>
    <t>826</t>
  </si>
  <si>
    <t>48375</t>
  </si>
  <si>
    <t>GPS KAHNA MIANI</t>
  </si>
  <si>
    <t>Alabad</t>
  </si>
  <si>
    <t>Kahna p/o Miani tehsil Bhera district Sargodha</t>
  </si>
  <si>
    <t>Kahna</t>
  </si>
  <si>
    <t>Kalan Pur</t>
  </si>
  <si>
    <t>16750</t>
  </si>
  <si>
    <t>4775</t>
  </si>
  <si>
    <t>45167</t>
  </si>
  <si>
    <t>7154</t>
  </si>
  <si>
    <t>GPS CHAK NO 20 RH</t>
  </si>
  <si>
    <t>DARBULA - MALE</t>
  </si>
  <si>
    <t>R/h</t>
  </si>
  <si>
    <t>chak no 20 r/h</t>
  </si>
  <si>
    <t>Chak No 20 R/H</t>
  </si>
  <si>
    <t>Darbula</t>
  </si>
  <si>
    <t>Muzafar Iqbal</t>
  </si>
  <si>
    <t>7362</t>
  </si>
  <si>
    <t>37472</t>
  </si>
  <si>
    <t>25097</t>
  </si>
  <si>
    <t>41902</t>
  </si>
  <si>
    <t>GGPS TRAHIA</t>
  </si>
  <si>
    <t>p.o trahia</t>
  </si>
  <si>
    <t>Saba Zaheem</t>
  </si>
  <si>
    <t>22574</t>
  </si>
  <si>
    <t>14256</t>
  </si>
  <si>
    <t>11734</t>
  </si>
  <si>
    <t>52328</t>
  </si>
  <si>
    <t>31035</t>
  </si>
  <si>
    <t>GES MANAK LAHORE</t>
  </si>
  <si>
    <t>village manak p/o raiwind tehsil raiwind</t>
  </si>
  <si>
    <t>848</t>
  </si>
  <si>
    <t>46318</t>
  </si>
  <si>
    <t>45470</t>
  </si>
  <si>
    <t>21285</t>
  </si>
  <si>
    <t>GGPS PANDORI KHURD</t>
  </si>
  <si>
    <t>Pandori Khurd</t>
  </si>
  <si>
    <t>pandori khurd P/O pandori kalan teh wzd Disst Grw</t>
  </si>
  <si>
    <t>Pandori khurd</t>
  </si>
  <si>
    <t>Pindorikalan</t>
  </si>
  <si>
    <t>Shahnaz Bibi</t>
  </si>
  <si>
    <t>GHS CHAK NO 174 TDA</t>
  </si>
  <si>
    <t>Chak No 174/TDA</t>
  </si>
  <si>
    <t>Chak No 174/TDA Tehsil &amp; District Layyah</t>
  </si>
  <si>
    <t>Chak No 172/TDA</t>
  </si>
  <si>
    <t>Muhammad Farooque</t>
  </si>
  <si>
    <t>8101</t>
  </si>
  <si>
    <t>2906</t>
  </si>
  <si>
    <t>29459</t>
  </si>
  <si>
    <t>GGPS BAITOO</t>
  </si>
  <si>
    <t>DHOLAN HITHAR - FEMALE</t>
  </si>
  <si>
    <t>Baitu</t>
  </si>
  <si>
    <t>baitu post office khudian khas</t>
  </si>
  <si>
    <t>Gohar Hitar</t>
  </si>
  <si>
    <t>Asma Shahzadi</t>
  </si>
  <si>
    <t>16985</t>
  </si>
  <si>
    <t>11715</t>
  </si>
  <si>
    <t>20088</t>
  </si>
  <si>
    <t>16631</t>
  </si>
  <si>
    <t>GGPS CHAK 408 GB TANDLIANWALA</t>
  </si>
  <si>
    <t>Not Yet</t>
  </si>
  <si>
    <t>GGPS Chak No 408 GB Tandlianwa</t>
  </si>
  <si>
    <t>408 GB</t>
  </si>
  <si>
    <t>49900</t>
  </si>
  <si>
    <t>40820</t>
  </si>
  <si>
    <t>923</t>
  </si>
  <si>
    <t>5730</t>
  </si>
  <si>
    <t>49821</t>
  </si>
  <si>
    <t>47829</t>
  </si>
  <si>
    <t>GGPS CHAK NO.118 SB</t>
  </si>
  <si>
    <t>SHAHEENABAD - FEMALE</t>
  </si>
  <si>
    <t>Chak No 118 SB</t>
  </si>
  <si>
    <t>GGP SCHOOL118 SB Nai Abadi</t>
  </si>
  <si>
    <t>118 SB Nai Abadi</t>
  </si>
  <si>
    <t>Shahenaabad</t>
  </si>
  <si>
    <t>1348</t>
  </si>
  <si>
    <t>32702</t>
  </si>
  <si>
    <t>GGES KOT ALLAH DITTA</t>
  </si>
  <si>
    <t>BARA GHAR - FEMALE</t>
  </si>
  <si>
    <t>Kot Allah Ditta</t>
  </si>
  <si>
    <t>Kot Allah Ditta, tahsil &amp; district Nankana Sahib</t>
  </si>
  <si>
    <t>Morrah</t>
  </si>
  <si>
    <t>Fazilat</t>
  </si>
  <si>
    <t>15190</t>
  </si>
  <si>
    <t>1871</t>
  </si>
  <si>
    <t>54291</t>
  </si>
  <si>
    <t>GPS BHAN GHULAM SARWAR</t>
  </si>
  <si>
    <t>GPS Bhan Ghulam sarwar Noor pur Thal teh.Noor Pur Thal Distt khushab</t>
  </si>
  <si>
    <t>Baggian Wala</t>
  </si>
  <si>
    <t>Noor Pur  Rural</t>
  </si>
  <si>
    <t>Muhammad Raees</t>
  </si>
  <si>
    <t>8908</t>
  </si>
  <si>
    <t>13989</t>
  </si>
  <si>
    <t>5355</t>
  </si>
  <si>
    <t>GPS BASTI ABDUL RASHEED SIAL</t>
  </si>
  <si>
    <t>Jong Bilalawl</t>
  </si>
  <si>
    <t>basti abdulrasheed sial</t>
  </si>
  <si>
    <t>Basti Sial</t>
  </si>
  <si>
    <t>Malik Fahad Ali</t>
  </si>
  <si>
    <t>3569</t>
  </si>
  <si>
    <t>3451</t>
  </si>
  <si>
    <t>11951</t>
  </si>
  <si>
    <t>42682</t>
  </si>
  <si>
    <t>GGPS JAND NAJAR</t>
  </si>
  <si>
    <t>JANDNIJAR</t>
  </si>
  <si>
    <t>P/o Jand Ninar dhok Tehsildar Teh.Gujar Khan dist Rawalpindi.</t>
  </si>
  <si>
    <t>Dhok Tehsildar</t>
  </si>
  <si>
    <t>Bhdana</t>
  </si>
  <si>
    <t>Nosheen Taj</t>
  </si>
  <si>
    <t>20464</t>
  </si>
  <si>
    <t>2277</t>
  </si>
  <si>
    <t>GPS MALE SHAH</t>
  </si>
  <si>
    <t>Male Shah</t>
  </si>
  <si>
    <t>male shah</t>
  </si>
  <si>
    <t>Shahbaz Pur</t>
  </si>
  <si>
    <t>Noor Ahmed Zafar</t>
  </si>
  <si>
    <t>23312</t>
  </si>
  <si>
    <t>GGES WARACHANWALA</t>
  </si>
  <si>
    <t>Warraichanwala</t>
  </si>
  <si>
    <t>warraichanwala</t>
  </si>
  <si>
    <t>Fakhar un Nisa</t>
  </si>
  <si>
    <t>38838</t>
  </si>
  <si>
    <t>50160</t>
  </si>
  <si>
    <t>11322</t>
  </si>
  <si>
    <t>GGHS CHAK NO.34 NB</t>
  </si>
  <si>
    <t>34 NB</t>
  </si>
  <si>
    <t>34nb sargodha</t>
  </si>
  <si>
    <t>Kalsoom Aziz</t>
  </si>
  <si>
    <t>468</t>
  </si>
  <si>
    <t>30115</t>
  </si>
  <si>
    <t>GPS CHAK NO.2/BC (E)</t>
  </si>
  <si>
    <t>ABBAS NAGAR- MALE</t>
  </si>
  <si>
    <t>Chak No 38bc</t>
  </si>
  <si>
    <t>Chak NO 2bc East P/O lalsohanra thesil &amp; District Bahawalpur</t>
  </si>
  <si>
    <t>2BC East</t>
  </si>
  <si>
    <t>38bc</t>
  </si>
  <si>
    <t>Muhammad Abrar Hussain</t>
  </si>
  <si>
    <t>1457</t>
  </si>
  <si>
    <t>2388</t>
  </si>
  <si>
    <t>15162</t>
  </si>
  <si>
    <t>GGES CHAK 26 GB SATIANA</t>
  </si>
  <si>
    <t>JASUANA - FEMALE</t>
  </si>
  <si>
    <t>26GB</t>
  </si>
  <si>
    <t>chak#26 Gb jaranwala district faisalabad</t>
  </si>
  <si>
    <t>Chak 24gb</t>
  </si>
  <si>
    <t>Adeela Kanwal</t>
  </si>
  <si>
    <t>3529</t>
  </si>
  <si>
    <t>32452</t>
  </si>
  <si>
    <t>GPS KAT BALOOCHAN</t>
  </si>
  <si>
    <t>Hussain Abad</t>
  </si>
  <si>
    <t>Basti Tibba Moosa Bahawalnagar</t>
  </si>
  <si>
    <t>Basti Moosa</t>
  </si>
  <si>
    <t>Muhammad Akram  Shehzad</t>
  </si>
  <si>
    <t>35348</t>
  </si>
  <si>
    <t>38418</t>
  </si>
  <si>
    <t>GGHSS 365/WB</t>
  </si>
  <si>
    <t>Chak no 365 / wb lodhran</t>
  </si>
  <si>
    <t>chak no 365 / wb lodhran</t>
  </si>
  <si>
    <t>Chak no 366/wb</t>
  </si>
  <si>
    <t>rehana kamal</t>
  </si>
  <si>
    <t>27669</t>
  </si>
  <si>
    <t>54230</t>
  </si>
  <si>
    <t>1367</t>
  </si>
  <si>
    <t>37040</t>
  </si>
  <si>
    <t>GHSS MAKHDOOM PUR, KHANEWAL</t>
  </si>
  <si>
    <t>PATI Sarkar</t>
  </si>
  <si>
    <t>THANA  ROAD MAKHDUM PUR</t>
  </si>
  <si>
    <t>Makhdumpur</t>
  </si>
  <si>
    <t>MAKHDOOM  PUR</t>
  </si>
  <si>
    <t>shahzada mazhar yousaf</t>
  </si>
  <si>
    <t>1093</t>
  </si>
  <si>
    <t>1059</t>
  </si>
  <si>
    <t>27923</t>
  </si>
  <si>
    <t>GGHS KUTHIALA SYEDAN</t>
  </si>
  <si>
    <t>Kuthiala Syedan</t>
  </si>
  <si>
    <t>kuthiala Syedan</t>
  </si>
  <si>
    <t>Kandhawala</t>
  </si>
  <si>
    <t>Aasma Kanwal</t>
  </si>
  <si>
    <t>46411</t>
  </si>
  <si>
    <t>9982</t>
  </si>
  <si>
    <t>GGES HAIDER SHAH WALA</t>
  </si>
  <si>
    <t>Haidershah Wala</t>
  </si>
  <si>
    <t>govt girls elementary school haydershah wala</t>
  </si>
  <si>
    <t>IQBAL FATIMA</t>
  </si>
  <si>
    <t>3321</t>
  </si>
  <si>
    <t>14537</t>
  </si>
  <si>
    <t>4779</t>
  </si>
  <si>
    <t>44677</t>
  </si>
  <si>
    <t>GGPS ALLAH BAKHSH ZAWAR WALA</t>
  </si>
  <si>
    <t>CHAK NO.184/TDA SHUMALI-FEMALE</t>
  </si>
  <si>
    <t>Chah Hassu</t>
  </si>
  <si>
    <t>Govt Girls Primary School Allah Bakhsh Zawar Wala</t>
  </si>
  <si>
    <t>Chak No 33 TDA</t>
  </si>
  <si>
    <t>Daggar Olakh</t>
  </si>
  <si>
    <t>Nusrat Rehman</t>
  </si>
  <si>
    <t>1452</t>
  </si>
  <si>
    <t>1715</t>
  </si>
  <si>
    <t>10183</t>
  </si>
  <si>
    <t>GGPS BASTI LOOTHER</t>
  </si>
  <si>
    <t>KHOKHAR ISRA</t>
  </si>
  <si>
    <t>BASTI LOTHAR, TEHSIL KAROR LAL EASON DISTRICT LAYYAH</t>
  </si>
  <si>
    <t>BASTI LOOTHAR</t>
  </si>
  <si>
    <t>Abbidah Kalsoom</t>
  </si>
  <si>
    <t>26197</t>
  </si>
  <si>
    <t>2990</t>
  </si>
  <si>
    <t>23207</t>
  </si>
  <si>
    <t>51294</t>
  </si>
  <si>
    <t>GHSS MALKA HANS</t>
  </si>
  <si>
    <t>Malka Hans</t>
  </si>
  <si>
    <t>mohala rait pura malka hans</t>
  </si>
  <si>
    <t>Riasat Ali</t>
  </si>
  <si>
    <t>10271</t>
  </si>
  <si>
    <t>1687</t>
  </si>
  <si>
    <t>40034</t>
  </si>
  <si>
    <t>GGPS GOTH MAHI</t>
  </si>
  <si>
    <t>METLA - FEMALE</t>
  </si>
  <si>
    <t>GOTH MAHI</t>
  </si>
  <si>
    <t>GGPS Goth Mahi Basti  jam kuda bhaksh laar  Moza  Goth Mahi po Allah  Abad  LQP  District  Raheem  yar  khan</t>
  </si>
  <si>
    <t>Goth Mahi</t>
  </si>
  <si>
    <t>Shabana Riaz</t>
  </si>
  <si>
    <t>33931</t>
  </si>
  <si>
    <t>23682</t>
  </si>
  <si>
    <t>GGHSS WADALA SANDHWAN</t>
  </si>
  <si>
    <t>Wadala Sandhwan</t>
  </si>
  <si>
    <t>wadala sandhwan daska sialkot</t>
  </si>
  <si>
    <t>Misbah Baqar</t>
  </si>
  <si>
    <t>21508</t>
  </si>
  <si>
    <t>51738</t>
  </si>
  <si>
    <t>GGHS PURANA THANA</t>
  </si>
  <si>
    <t>Purana Thana</t>
  </si>
  <si>
    <t>chok purana thana p/o hota</t>
  </si>
  <si>
    <t>Hota</t>
  </si>
  <si>
    <t>Maira Saleem</t>
  </si>
  <si>
    <t>18367</t>
  </si>
  <si>
    <t>25549</t>
  </si>
  <si>
    <t>51309</t>
  </si>
  <si>
    <t>GHSS 70/D</t>
  </si>
  <si>
    <t>70/D</t>
  </si>
  <si>
    <t>chak no 70/d akpattan</t>
  </si>
  <si>
    <t>70/d</t>
  </si>
  <si>
    <t>Dhpai</t>
  </si>
  <si>
    <t>32762</t>
  </si>
  <si>
    <t>GGES CHAK IBRAHIM BASIR PUR</t>
  </si>
  <si>
    <t>Chak Ibrahim</t>
  </si>
  <si>
    <t>GGES Chak Ibrahim Basir pur</t>
  </si>
  <si>
    <t>Basir Pur</t>
  </si>
  <si>
    <t>Jamal Zahra</t>
  </si>
  <si>
    <t>4024</t>
  </si>
  <si>
    <t>GGPS YOUNAS ABAD</t>
  </si>
  <si>
    <t>Attari Saroba</t>
  </si>
  <si>
    <t>younas abad</t>
  </si>
  <si>
    <t>Younas Abad</t>
  </si>
  <si>
    <t>Attari Sarooba</t>
  </si>
  <si>
    <t>Naureen Shaukat</t>
  </si>
  <si>
    <t>39634</t>
  </si>
  <si>
    <t>16769</t>
  </si>
  <si>
    <t>GGHS 455 GB</t>
  </si>
  <si>
    <t>chak no 455 GB kanjwani tehsil tandlianwala</t>
  </si>
  <si>
    <t>455GB</t>
  </si>
  <si>
    <t>Ashraf Bibi</t>
  </si>
  <si>
    <t>18699</t>
  </si>
  <si>
    <t>1019</t>
  </si>
  <si>
    <t>36411</t>
  </si>
  <si>
    <t>GGPS 44 WB (OLD)</t>
  </si>
  <si>
    <t>44wb</t>
  </si>
  <si>
    <t>56/wb</t>
  </si>
  <si>
    <t>Ruqia Bibi</t>
  </si>
  <si>
    <t>20785</t>
  </si>
  <si>
    <t>31484</t>
  </si>
  <si>
    <t>GGPS KALA</t>
  </si>
  <si>
    <t>kallah virkan tahseel feroz wala dist sheikhupura</t>
  </si>
  <si>
    <t>kallah virkan</t>
  </si>
  <si>
    <t>moman Pura</t>
  </si>
  <si>
    <t>zaib un Nisa</t>
  </si>
  <si>
    <t>23030</t>
  </si>
  <si>
    <t>10185</t>
  </si>
  <si>
    <t>GGPS RASHID AULAKH WALA</t>
  </si>
  <si>
    <t>Aloukh Nashib</t>
  </si>
  <si>
    <t>ggps rashid alouakh wala</t>
  </si>
  <si>
    <t>Alokuh Nasib</t>
  </si>
  <si>
    <t>ABIDA ANDLEEB</t>
  </si>
  <si>
    <t>GGES SHEHAR FAREED</t>
  </si>
  <si>
    <t>Sheharfarid</t>
  </si>
  <si>
    <t>sheharfarid</t>
  </si>
  <si>
    <t>3551</t>
  </si>
  <si>
    <t>GHS CHAK NO.153/M</t>
  </si>
  <si>
    <t>CHAK NO.153/M TEHSIL HASILPUR</t>
  </si>
  <si>
    <t>chak no.153/M</t>
  </si>
  <si>
    <t>CHAK NO.188/M</t>
  </si>
  <si>
    <t>100073</t>
  </si>
  <si>
    <t>1630</t>
  </si>
  <si>
    <t>34732</t>
  </si>
  <si>
    <t>GPS TAROAY PUR</t>
  </si>
  <si>
    <t>Basti taroy pur jhowk wains parli multan</t>
  </si>
  <si>
    <t>Basti taroy pur</t>
  </si>
  <si>
    <t>Jhowk wains</t>
  </si>
  <si>
    <t>2724</t>
  </si>
  <si>
    <t>17764</t>
  </si>
  <si>
    <t>18603</t>
  </si>
  <si>
    <t>GMPS CHAK NO 161 JB HUSSUANA</t>
  </si>
  <si>
    <t>CHAK SIPRA - FEMALE</t>
  </si>
  <si>
    <t>Hissuwana</t>
  </si>
  <si>
    <t>Chak no 161 Hissuwana</t>
  </si>
  <si>
    <t>Chak Sipra 159</t>
  </si>
  <si>
    <t>22793</t>
  </si>
  <si>
    <t>13949</t>
  </si>
  <si>
    <t>33553</t>
  </si>
  <si>
    <t>GGPS DERA SHAHBAZ KHAN</t>
  </si>
  <si>
    <t>Govt Girls Primary School Dera Shahbaz Khan</t>
  </si>
  <si>
    <t>Dera Shabaz Khan</t>
  </si>
  <si>
    <t>Longowal</t>
  </si>
  <si>
    <t>Shabana Aslam</t>
  </si>
  <si>
    <t>13696</t>
  </si>
  <si>
    <t>GGPS KOTLA DAHA</t>
  </si>
  <si>
    <t>BAHAR PIR - FEMALE</t>
  </si>
  <si>
    <t>Basti Rindan</t>
  </si>
  <si>
    <t>Kotla daha chowk bahar pir</t>
  </si>
  <si>
    <t>Kotla Daha</t>
  </si>
  <si>
    <t>Samina Irshad</t>
  </si>
  <si>
    <t>GES MC BASTI AMIN PURA RAIWIND</t>
  </si>
  <si>
    <t>Basti Amin Pura</t>
  </si>
  <si>
    <t>bastiaminpura</t>
  </si>
  <si>
    <t>Raiwind Rural</t>
  </si>
  <si>
    <t>Muhammad Haroon Khan</t>
  </si>
  <si>
    <t>24838</t>
  </si>
  <si>
    <t>GHS AULAKH JADEED</t>
  </si>
  <si>
    <t>MARHAN WALI</t>
  </si>
  <si>
    <t>BASTI AULAKH JADEED, P/O TIBBI KHURD</t>
  </si>
  <si>
    <t>BASTI AULAKH JADEED</t>
  </si>
  <si>
    <t>ROSHAN SHAH</t>
  </si>
  <si>
    <t>6812</t>
  </si>
  <si>
    <t>6275</t>
  </si>
  <si>
    <t>9385</t>
  </si>
  <si>
    <t>34359</t>
  </si>
  <si>
    <t>GPS CHANNA WALA JHOKE WAINS</t>
  </si>
  <si>
    <t>Jhoke Wains Warli</t>
  </si>
  <si>
    <t>Chah dhoray wala Jhoke wains warli Multan saddar</t>
  </si>
  <si>
    <t>Channa Wala</t>
  </si>
  <si>
    <t>3089</t>
  </si>
  <si>
    <t>GGHS SAMMA SATTA</t>
  </si>
  <si>
    <t>Tibba Miani</t>
  </si>
  <si>
    <t>near railway station</t>
  </si>
  <si>
    <t>Samma Satta</t>
  </si>
  <si>
    <t>SURRAYA INAYAT</t>
  </si>
  <si>
    <t>31503</t>
  </si>
  <si>
    <t>34362</t>
  </si>
  <si>
    <t>GPS SAHI CHAWAN NO:1  MULTAN</t>
  </si>
  <si>
    <t>Sahi chawan</t>
  </si>
  <si>
    <t>Mouza sahi chawan</t>
  </si>
  <si>
    <t>48795</t>
  </si>
  <si>
    <t>GGHS CHAK NO.42 NB GILL WALA</t>
  </si>
  <si>
    <t>Chak No 42NB Gillwala</t>
  </si>
  <si>
    <t>GGHS 42NB GILLWALA Sargodha</t>
  </si>
  <si>
    <t>MC Sargodha</t>
  </si>
  <si>
    <t>Misbah Shahid Khawaja</t>
  </si>
  <si>
    <t>12768</t>
  </si>
  <si>
    <t>33539</t>
  </si>
  <si>
    <t>GGPS MARH BALOCHAN GHARBI</t>
  </si>
  <si>
    <t>Marrh Gharbi</t>
  </si>
  <si>
    <t>mendi marrhbalochan gharbi</t>
  </si>
  <si>
    <t>Mendi Marrh Balochan</t>
  </si>
  <si>
    <t>5026</t>
  </si>
  <si>
    <t>19129</t>
  </si>
  <si>
    <t>24964</t>
  </si>
  <si>
    <t>GMPS CHAK KHANA</t>
  </si>
  <si>
    <t>DALOWALI - FEMALE</t>
  </si>
  <si>
    <t>Chakkhana</t>
  </si>
  <si>
    <t>village chakkhana tehsil and distt. sialkot</t>
  </si>
  <si>
    <t>Kundanpur</t>
  </si>
  <si>
    <t>Rukhsana Saddique</t>
  </si>
  <si>
    <t>28455</t>
  </si>
  <si>
    <t>36476</t>
  </si>
  <si>
    <t>7444</t>
  </si>
  <si>
    <t>34360</t>
  </si>
  <si>
    <t>GPS RASHEED-K-JHUGEY</t>
  </si>
  <si>
    <t>Chan Rasheed-k-jhuggey Jhoke wains Multan</t>
  </si>
  <si>
    <t>Rasheed-k-jhuggey</t>
  </si>
  <si>
    <t>13693</t>
  </si>
  <si>
    <t>GMPS BAHAR PIR</t>
  </si>
  <si>
    <t>basti bahar peer</t>
  </si>
  <si>
    <t>Bahar Peer</t>
  </si>
  <si>
    <t>Sameena Aftab</t>
  </si>
  <si>
    <t>34361</t>
  </si>
  <si>
    <t>GPS PANJEERY P/O JHOKE WAINS MULTAN</t>
  </si>
  <si>
    <t>chah panjeery p/o jhoke wains multan sadar</t>
  </si>
  <si>
    <t>5883</t>
  </si>
  <si>
    <t>41993</t>
  </si>
  <si>
    <t>GGES DHOK MUREED</t>
  </si>
  <si>
    <t>CHOUNTRA-FEMALE</t>
  </si>
  <si>
    <t>Parial</t>
  </si>
  <si>
    <t>VPO DHOKE MUREED RAWALPINDI</t>
  </si>
  <si>
    <t>19594</t>
  </si>
  <si>
    <t>5622</t>
  </si>
  <si>
    <t>GGPS BASTI DHUDIAN</t>
  </si>
  <si>
    <t>BWN-1-FEMALE</t>
  </si>
  <si>
    <t>Jhullan Aarian</t>
  </si>
  <si>
    <t>basti dhudian</t>
  </si>
  <si>
    <t>Bastidhudian</t>
  </si>
  <si>
    <t>Jhullan Arain</t>
  </si>
  <si>
    <t>Rashida  Siddique</t>
  </si>
  <si>
    <t>46052</t>
  </si>
  <si>
    <t>5757</t>
  </si>
  <si>
    <t>GGPS BASTI AMIR</t>
  </si>
  <si>
    <t>MCD 01-FEMALE</t>
  </si>
  <si>
    <t>Mureed Wala</t>
  </si>
  <si>
    <t>basti ameer moza mureed wala Minchinabad</t>
  </si>
  <si>
    <t>Basti Ameer</t>
  </si>
  <si>
    <t>Behkan Wala</t>
  </si>
  <si>
    <t>Zia Un Nisa</t>
  </si>
  <si>
    <t>47448</t>
  </si>
  <si>
    <t>14613</t>
  </si>
  <si>
    <t>GGPS CHAK 207 RB RASOOL NAGAR GHULSTAN COLONY</t>
  </si>
  <si>
    <t>GGPS chak, 207,RB Rasool nagar Gulistan colony</t>
  </si>
  <si>
    <t>Chak 207 RB</t>
  </si>
  <si>
    <t>Boley Ke Jughi</t>
  </si>
  <si>
    <t>Shahida Gull</t>
  </si>
  <si>
    <t>5817</t>
  </si>
  <si>
    <t>19150</t>
  </si>
  <si>
    <t>41567</t>
  </si>
  <si>
    <t>1043</t>
  </si>
  <si>
    <t>GGHS MODEL</t>
  </si>
  <si>
    <t>Govt. Girls Model High School Near Eid Ghah</t>
  </si>
  <si>
    <t>Ch Naik Muhammad</t>
  </si>
  <si>
    <t>M C RYK</t>
  </si>
  <si>
    <t>TAYYABA ANSER</t>
  </si>
  <si>
    <t>119680</t>
  </si>
  <si>
    <t>2039</t>
  </si>
  <si>
    <t>7052</t>
  </si>
  <si>
    <t>14626</t>
  </si>
  <si>
    <t>GGPS CHAK 119 JB RASOOL PUR</t>
  </si>
  <si>
    <t>chak 119 jb rasoolpur</t>
  </si>
  <si>
    <t>Samana</t>
  </si>
  <si>
    <t>Asma Tahira</t>
  </si>
  <si>
    <t>19440</t>
  </si>
  <si>
    <t>67500</t>
  </si>
  <si>
    <t>37693</t>
  </si>
  <si>
    <t>GMPS MUSA ALI KHAK, TULAMBA</t>
  </si>
  <si>
    <t>TULAMBA-IV - FEMALE</t>
  </si>
  <si>
    <t>Musa Ali Khakh</t>
  </si>
  <si>
    <t>GMPS, Moza Musa Ali Khakh, Teh. Mian Channu, District Khanewal</t>
  </si>
  <si>
    <t>Rotla</t>
  </si>
  <si>
    <t>3955</t>
  </si>
  <si>
    <t>35129</t>
  </si>
  <si>
    <t>35040</t>
  </si>
  <si>
    <t>36012</t>
  </si>
  <si>
    <t>GPS 86 WB</t>
  </si>
  <si>
    <t>GARHA MORE EAST - MALE</t>
  </si>
  <si>
    <t>86wb</t>
  </si>
  <si>
    <t>Chao no 86wb</t>
  </si>
  <si>
    <t>Shatab Gharh</t>
  </si>
  <si>
    <t>28167</t>
  </si>
  <si>
    <t>26630</t>
  </si>
  <si>
    <t>GGPS KHIWA HUNDLAN</t>
  </si>
  <si>
    <t>Khewa Hundlan</t>
  </si>
  <si>
    <t>ggps khiwa hundlan</t>
  </si>
  <si>
    <t>Anila Shahzadi</t>
  </si>
  <si>
    <t>11068</t>
  </si>
  <si>
    <t>29626</t>
  </si>
  <si>
    <t>GES BHEDIAN CHAK 35</t>
  </si>
  <si>
    <t>Bhedian Chak 35,multan road pattoki</t>
  </si>
  <si>
    <t>BhEdina Chak 35</t>
  </si>
  <si>
    <t>MC pattoki</t>
  </si>
  <si>
    <t>SYED BAQAR HUSSAIN KAZMI</t>
  </si>
  <si>
    <t>6975</t>
  </si>
  <si>
    <t>19782</t>
  </si>
  <si>
    <t>37493</t>
  </si>
  <si>
    <t>GGES 19/8-BR, TULAMBA</t>
  </si>
  <si>
    <t>19/8-BR</t>
  </si>
  <si>
    <t>GGES, Chak No. 19/8-BR, Teh. Mian Channu, Distt. Khanewal</t>
  </si>
  <si>
    <t>Chak No 19/8-BR Talumba</t>
  </si>
  <si>
    <t>Jarahi</t>
  </si>
  <si>
    <t>Abida Perveen</t>
  </si>
  <si>
    <t>23306</t>
  </si>
  <si>
    <t>2881</t>
  </si>
  <si>
    <t>21552</t>
  </si>
  <si>
    <t>GMPS DHAPAI</t>
  </si>
  <si>
    <t>dhapai</t>
  </si>
  <si>
    <t>post office dhapai eminabad tehsil kamoki grw</t>
  </si>
  <si>
    <t>kotli nawab</t>
  </si>
  <si>
    <t>Asima Aslam</t>
  </si>
  <si>
    <t>13390</t>
  </si>
  <si>
    <t>9452</t>
  </si>
  <si>
    <t>39292</t>
  </si>
  <si>
    <t>37639</t>
  </si>
  <si>
    <t>GGPS WARD NO.10 TULAMBA</t>
  </si>
  <si>
    <t>Tulamba</t>
  </si>
  <si>
    <t>GGPS Ward No 10, Mahalla Kot Islam, Tulamba</t>
  </si>
  <si>
    <t>MC Tulamba</t>
  </si>
  <si>
    <t>Rubina Tahira</t>
  </si>
  <si>
    <t>38973</t>
  </si>
  <si>
    <t>16049</t>
  </si>
  <si>
    <t>GGPS 268 RB THRO</t>
  </si>
  <si>
    <t>Throo</t>
  </si>
  <si>
    <t>chak no 268 RB Throo</t>
  </si>
  <si>
    <t>268 RB</t>
  </si>
  <si>
    <t>Qureshianwala</t>
  </si>
  <si>
    <t>Nazia  Amin</t>
  </si>
  <si>
    <t>7125</t>
  </si>
  <si>
    <t>15540</t>
  </si>
  <si>
    <t>47366</t>
  </si>
  <si>
    <t>34970</t>
  </si>
  <si>
    <t>30646</t>
  </si>
  <si>
    <t>GMPS MOHANA SANDILA</t>
  </si>
  <si>
    <t>KHAN BELA - FEMALE</t>
  </si>
  <si>
    <t>Mohana Sandila</t>
  </si>
  <si>
    <t>mohana sandila,markaz khan bela,tehsil j.p.p.w,zila multan</t>
  </si>
  <si>
    <t>Karmo Wali</t>
  </si>
  <si>
    <t>37645</t>
  </si>
  <si>
    <t>GGES 15/8-BR, TULAMBA</t>
  </si>
  <si>
    <t>15/8-BR</t>
  </si>
  <si>
    <t>GGES Chak No 15/8-BR Tulamba Mian Channu</t>
  </si>
  <si>
    <t>Chak No 15/8-BR</t>
  </si>
  <si>
    <t>Sidra Hussain</t>
  </si>
  <si>
    <t>10505</t>
  </si>
  <si>
    <t>37677</t>
  </si>
  <si>
    <t>GMPS 13/8-AR, P/O 20/8-R, TULAMBA</t>
  </si>
  <si>
    <t>13/8AR</t>
  </si>
  <si>
    <t>Chak No 13/8-AR, Teh. Mian Channu, Distt. Khanewal</t>
  </si>
  <si>
    <t>Chak No 14/8-AR</t>
  </si>
  <si>
    <t>LUBNA GULZAR</t>
  </si>
  <si>
    <t>4316</t>
  </si>
  <si>
    <t>24048</t>
  </si>
  <si>
    <t>23550</t>
  </si>
  <si>
    <t>40790</t>
  </si>
  <si>
    <t>37654</t>
  </si>
  <si>
    <t>GMPS PACCA HAJI MAJEED, TULAMBA</t>
  </si>
  <si>
    <t>Pacca Haji Majeed</t>
  </si>
  <si>
    <t>Pacca Haji Majeed, Tehsil Mian Channu, Distt. Khanewal</t>
  </si>
  <si>
    <t>Chak No 14/8AR</t>
  </si>
  <si>
    <t>Tasmia Bano Yaseen</t>
  </si>
  <si>
    <t>3638</t>
  </si>
  <si>
    <t>12263</t>
  </si>
  <si>
    <t>37646</t>
  </si>
  <si>
    <t>GGES 18/8-BR, TULAMBA</t>
  </si>
  <si>
    <t>18/8BR</t>
  </si>
  <si>
    <t>GMES Chak No 18/8-BR, Mian Channu, Distt. Khanewal</t>
  </si>
  <si>
    <t>18/8BR TULAMBA</t>
  </si>
  <si>
    <t>Shazia Kanwal</t>
  </si>
  <si>
    <t>17741</t>
  </si>
  <si>
    <t>37664</t>
  </si>
  <si>
    <t>GGPS PULL GHARAT, TULAMBA</t>
  </si>
  <si>
    <t>Pull Gharat</t>
  </si>
  <si>
    <t>GGPS, Adda PullGharat, PO 15/8-BR, Teh. Mian Channu, Distt. Khanewal</t>
  </si>
  <si>
    <t>Razia Kausar</t>
  </si>
  <si>
    <t>17537</t>
  </si>
  <si>
    <t>30781</t>
  </si>
  <si>
    <t>GPS MASJID TAJDAIN MUGHAL PURA</t>
  </si>
  <si>
    <t>GHARHI SHAHU-MALE</t>
  </si>
  <si>
    <t>Mughal Pura</t>
  </si>
  <si>
    <t>Mohallah Masjid Taj Din MughalPura Lahore</t>
  </si>
  <si>
    <t>Lahore Cantt</t>
  </si>
  <si>
    <t>Baja Line</t>
  </si>
  <si>
    <t>5184</t>
  </si>
  <si>
    <t>3620</t>
  </si>
  <si>
    <t>GPS RAHIM BUKHSH BHATTI</t>
  </si>
  <si>
    <t>KULAB - MALE</t>
  </si>
  <si>
    <t>Mud Rasheed</t>
  </si>
  <si>
    <t>Basti Abdullah bhatti</t>
  </si>
  <si>
    <t>Muhammad Husnain</t>
  </si>
  <si>
    <t>31110</t>
  </si>
  <si>
    <t>GGPS ASAL KUNDAL</t>
  </si>
  <si>
    <t>Asal Kundal</t>
  </si>
  <si>
    <t>government girls primary school asal kundal</t>
  </si>
  <si>
    <t>Araiyaan</t>
  </si>
  <si>
    <t>NASREEN FATIMA</t>
  </si>
  <si>
    <t>2863</t>
  </si>
  <si>
    <t>13062</t>
  </si>
  <si>
    <t>16157</t>
  </si>
  <si>
    <t>GGES CHAK 271 RB MUGAR SINGH</t>
  </si>
  <si>
    <t>271 RB</t>
  </si>
  <si>
    <t>271 RB maghar singh</t>
  </si>
  <si>
    <t>Quraiahianwala</t>
  </si>
  <si>
    <t>Ifrah Zulfiqar</t>
  </si>
  <si>
    <t>30323</t>
  </si>
  <si>
    <t>GPS ASLAM BAGHBAN PURA LHR</t>
  </si>
  <si>
    <t>Baghbanpura</t>
  </si>
  <si>
    <t>GPS Aslam baghbanpura LHR</t>
  </si>
  <si>
    <t>ATA Road</t>
  </si>
  <si>
    <t>Shalimar</t>
  </si>
  <si>
    <t>19060</t>
  </si>
  <si>
    <t>37662</t>
  </si>
  <si>
    <t>GGPS BASTI ALLAH DITTAH SHAH, TULAMBA</t>
  </si>
  <si>
    <t>Meer Pur</t>
  </si>
  <si>
    <t>GGPS Basti Allah Ditta Shah, Bhir Tulamba, Teh. Mian Channu, Distt. Khanewal</t>
  </si>
  <si>
    <t>Bhir Tulamba</t>
  </si>
  <si>
    <t>Noori Sohag</t>
  </si>
  <si>
    <t>Shazia Irshad</t>
  </si>
  <si>
    <t>GES MC NEW GARHI SHAHU</t>
  </si>
  <si>
    <t>GARHI SHAHU</t>
  </si>
  <si>
    <t>TARIQ ROAD  AQAB. POLICE STATION GARHI SHAHU LAHORE</t>
  </si>
  <si>
    <t>ABDUL HAMEED KHAN</t>
  </si>
  <si>
    <t>14480</t>
  </si>
  <si>
    <t>53401</t>
  </si>
  <si>
    <t>GMPS 47/2-L MOMAN WALA</t>
  </si>
  <si>
    <t>47/2L</t>
  </si>
  <si>
    <t>47/2.L</t>
  </si>
  <si>
    <t>Zaheer Ahmad</t>
  </si>
  <si>
    <t>52308</t>
  </si>
  <si>
    <t>3828</t>
  </si>
  <si>
    <t>48480</t>
  </si>
  <si>
    <t>21175</t>
  </si>
  <si>
    <t>GGES GAJAR GOLA</t>
  </si>
  <si>
    <t>Gajar Gola</t>
  </si>
  <si>
    <t>GGES Gajar GOla</t>
  </si>
  <si>
    <t>1793</t>
  </si>
  <si>
    <t>33086</t>
  </si>
  <si>
    <t>GGPS KOT NAHAL TEH NANKANA</t>
  </si>
  <si>
    <t>Kot Nahal</t>
  </si>
  <si>
    <t>kot nahal</t>
  </si>
  <si>
    <t>Mira Pur</t>
  </si>
  <si>
    <t>tasleem akhter</t>
  </si>
  <si>
    <t>25286</t>
  </si>
  <si>
    <t>51890</t>
  </si>
  <si>
    <t>GGPS OULAKH AWANAN</t>
  </si>
  <si>
    <t>MURAD PUR - FEMALE</t>
  </si>
  <si>
    <t>Aoulakh Awanan</t>
  </si>
  <si>
    <t>village Aoulakh Awanan Post office bhagwal awan Sialkot</t>
  </si>
  <si>
    <t>Bhagwal Awan</t>
  </si>
  <si>
    <t>Nasreen Amjad</t>
  </si>
  <si>
    <t>34368</t>
  </si>
  <si>
    <t>GPS KHADAL KHURD P/O JHOKE  MULTAN</t>
  </si>
  <si>
    <t>Khadal</t>
  </si>
  <si>
    <t>Mouza khadal multan</t>
  </si>
  <si>
    <t>Khadal khurd</t>
  </si>
  <si>
    <t>Jungle kalran</t>
  </si>
  <si>
    <t>Liaquat Hussain</t>
  </si>
  <si>
    <t>4538</t>
  </si>
  <si>
    <t>GPS DHOK ALI KHAN</t>
  </si>
  <si>
    <t>NAMAL-MALE</t>
  </si>
  <si>
    <t>Dhiba Cursail</t>
  </si>
  <si>
    <t>dhok Ali khan</t>
  </si>
  <si>
    <t>Dhok Ali Khan</t>
  </si>
  <si>
    <t>Namal</t>
  </si>
  <si>
    <t>Muhammad Arshad Hussain</t>
  </si>
  <si>
    <t>4504</t>
  </si>
  <si>
    <t>17641</t>
  </si>
  <si>
    <t>53444</t>
  </si>
  <si>
    <t>GGPS MODEL TOWN</t>
  </si>
  <si>
    <t>Ggps model town okara</t>
  </si>
  <si>
    <t>Modle Town</t>
  </si>
  <si>
    <t>City2</t>
  </si>
  <si>
    <t>Sana Anwar</t>
  </si>
  <si>
    <t>5152</t>
  </si>
  <si>
    <t>3060</t>
  </si>
  <si>
    <t>32666</t>
  </si>
  <si>
    <t>GES CHAK NO. 1/51</t>
  </si>
  <si>
    <t>Chak No 1/51</t>
  </si>
  <si>
    <t>GES chak no 1/51</t>
  </si>
  <si>
    <t>Muhammad sher</t>
  </si>
  <si>
    <t>46350</t>
  </si>
  <si>
    <t>24109</t>
  </si>
  <si>
    <t>GMHS LAPAY WALI</t>
  </si>
  <si>
    <t>Lappy Wali</t>
  </si>
  <si>
    <t>lappy wali</t>
  </si>
  <si>
    <t>Kapoor Pur</t>
  </si>
  <si>
    <t>Talat Parveen Rana</t>
  </si>
  <si>
    <t>30963</t>
  </si>
  <si>
    <t>52784</t>
  </si>
  <si>
    <t>GGPS DAIM MOHAR</t>
  </si>
  <si>
    <t>Nehal Mahar</t>
  </si>
  <si>
    <t>chak daim mahar post office basir pur tahseel depal pur district okara</t>
  </si>
  <si>
    <t>Chak Daim Mahar</t>
  </si>
  <si>
    <t>50077</t>
  </si>
  <si>
    <t>13457</t>
  </si>
  <si>
    <t>GPS BASTI AWAN</t>
  </si>
  <si>
    <t>Tatar Wala</t>
  </si>
  <si>
    <t>Moza tatar wala jampur</t>
  </si>
  <si>
    <t>Chah Noor Shah Wala</t>
  </si>
  <si>
    <t>Ghulam Siddique</t>
  </si>
  <si>
    <t>50670</t>
  </si>
  <si>
    <t>GHS 85/6-R</t>
  </si>
  <si>
    <t>85/6-R sahiwal</t>
  </si>
  <si>
    <t>Chak No. 85/6-R Sahiwal</t>
  </si>
  <si>
    <t>85/6R Sahiwal</t>
  </si>
  <si>
    <t>85/6-r</t>
  </si>
  <si>
    <t>GHULAM JILLANI</t>
  </si>
  <si>
    <t>25207</t>
  </si>
  <si>
    <t>GMPS TONG</t>
  </si>
  <si>
    <t>Tong</t>
  </si>
  <si>
    <t>village Tong tehsil and district Sialkot</t>
  </si>
  <si>
    <t>Partan Wali</t>
  </si>
  <si>
    <t>Samina Ghulam Ali</t>
  </si>
  <si>
    <t>21235</t>
  </si>
  <si>
    <t>20368</t>
  </si>
  <si>
    <t>12415</t>
  </si>
  <si>
    <t>17907</t>
  </si>
  <si>
    <t>54693</t>
  </si>
  <si>
    <t>GPS LADO AANA</t>
  </si>
  <si>
    <t>Fatah Thathaha</t>
  </si>
  <si>
    <t>ladu aana nankana sahib</t>
  </si>
  <si>
    <t>Ladu Aana</t>
  </si>
  <si>
    <t>Khalid Mehmood Tipu</t>
  </si>
  <si>
    <t>2447</t>
  </si>
  <si>
    <t>40229</t>
  </si>
  <si>
    <t>GGPS NAWAN LOK</t>
  </si>
  <si>
    <t>CHOTALA-FEMALE</t>
  </si>
  <si>
    <t>Nawalok</t>
  </si>
  <si>
    <t>g.g.p.s.nawalok</t>
  </si>
  <si>
    <t>Chotala</t>
  </si>
  <si>
    <t>yasmeen kousar</t>
  </si>
  <si>
    <t>22319</t>
  </si>
  <si>
    <t>12504</t>
  </si>
  <si>
    <t>30422</t>
  </si>
  <si>
    <t>40844</t>
  </si>
  <si>
    <t>52761</t>
  </si>
  <si>
    <t>GGES NAHAL MOHAR</t>
  </si>
  <si>
    <t>Nahal Mohar</t>
  </si>
  <si>
    <t>nahal mohar,p.o Basirpur,TehsilDepalpur,District Okara</t>
  </si>
  <si>
    <t>Mahvish Younas</t>
  </si>
  <si>
    <t>21859</t>
  </si>
  <si>
    <t>5135</t>
  </si>
  <si>
    <t>15566</t>
  </si>
  <si>
    <t>GGCMS CHAK 167 GB SAMUNDRI</t>
  </si>
  <si>
    <t>167gb</t>
  </si>
  <si>
    <t>166gb</t>
  </si>
  <si>
    <t>Tazmin Khusheed</t>
  </si>
  <si>
    <t>18204</t>
  </si>
  <si>
    <t>6107</t>
  </si>
  <si>
    <t>46670</t>
  </si>
  <si>
    <t>9186</t>
  </si>
  <si>
    <t>GGES BAMBHAN NO 1</t>
  </si>
  <si>
    <t>Bambhan</t>
  </si>
  <si>
    <t>basti bambhan p /o retra</t>
  </si>
  <si>
    <t>Nair Shumali</t>
  </si>
  <si>
    <t>Saffia Begum</t>
  </si>
  <si>
    <t>Hand+ electric water</t>
  </si>
  <si>
    <t>38045</t>
  </si>
  <si>
    <t>GPS 255/WB</t>
  </si>
  <si>
    <t>Sidha</t>
  </si>
  <si>
    <t>Gps 255/wb</t>
  </si>
  <si>
    <t>Shah Wala</t>
  </si>
  <si>
    <t>Lahori</t>
  </si>
  <si>
    <t>44737</t>
  </si>
  <si>
    <t>GGPS CHAH MALOOK WALA</t>
  </si>
  <si>
    <t>Dagar Rahtas</t>
  </si>
  <si>
    <t>Govt girls primary school chah Malook wala</t>
  </si>
  <si>
    <t>Chah Malook Wala</t>
  </si>
  <si>
    <t>183-184/TDA Shumali</t>
  </si>
  <si>
    <t>Saiqa Sultana</t>
  </si>
  <si>
    <t>37761</t>
  </si>
  <si>
    <t>4846</t>
  </si>
  <si>
    <t>21944</t>
  </si>
  <si>
    <t>GGES NAWAB BEGUM (SUPRAY)</t>
  </si>
  <si>
    <t>MARI KHURD - FEMALE</t>
  </si>
  <si>
    <t>Supray</t>
  </si>
  <si>
    <t>GGES Nawab begum supray</t>
  </si>
  <si>
    <t>Badoratta</t>
  </si>
  <si>
    <t>Afifa Saleh</t>
  </si>
  <si>
    <t>11686</t>
  </si>
  <si>
    <t>8473</t>
  </si>
  <si>
    <t>17789</t>
  </si>
  <si>
    <t>10760</t>
  </si>
  <si>
    <t>GPS KUHAWAR</t>
  </si>
  <si>
    <t>NOORAY WALA PACCA</t>
  </si>
  <si>
    <t>GPS KUHAWAR NOORAY WALA PACCA</t>
  </si>
  <si>
    <t>BASTI SHADOO KHAN</t>
  </si>
  <si>
    <t>Muhammad Zulfiqar Ali</t>
  </si>
  <si>
    <t>28996</t>
  </si>
  <si>
    <t>45493</t>
  </si>
  <si>
    <t>7930</t>
  </si>
  <si>
    <t>10224</t>
  </si>
  <si>
    <t>GGES BASTI PITAFI</t>
  </si>
  <si>
    <t>Khokhar Isra Nasheb</t>
  </si>
  <si>
    <t>GGES Basti Pitafi</t>
  </si>
  <si>
    <t>Pitafi</t>
  </si>
  <si>
    <t>najma parveen</t>
  </si>
  <si>
    <t>1570</t>
  </si>
  <si>
    <t>37803</t>
  </si>
  <si>
    <t>GPS 101/10-R, JAHANIAN</t>
  </si>
  <si>
    <t>chak no,101/10-R jahanian,khanwal</t>
  </si>
  <si>
    <t>101 /10-r</t>
  </si>
  <si>
    <t>100/10-r</t>
  </si>
  <si>
    <t>14275</t>
  </si>
  <si>
    <t>28120</t>
  </si>
  <si>
    <t>27774</t>
  </si>
  <si>
    <t>2575</t>
  </si>
  <si>
    <t>9592</t>
  </si>
  <si>
    <t>GES CHAK NO. 498/TDA</t>
  </si>
  <si>
    <t>SHER GARH - MALE</t>
  </si>
  <si>
    <t>SHER GARH</t>
  </si>
  <si>
    <t>CHAK NO 498/TDA TEH. CHOUBARA DISTT. LAYYAH</t>
  </si>
  <si>
    <t>CHAK NO 498/TDA</t>
  </si>
  <si>
    <t>Sher GARH</t>
  </si>
  <si>
    <t>MUHAMMAD JUNAID</t>
  </si>
  <si>
    <t>5310</t>
  </si>
  <si>
    <t>13152</t>
  </si>
  <si>
    <t>GES QADIR PUR</t>
  </si>
  <si>
    <t>DAMMAR WALA- MALE</t>
  </si>
  <si>
    <t>QADIRPUR</t>
  </si>
  <si>
    <t>BASTI &amp; MOAZA QADIRPUR</t>
  </si>
  <si>
    <t>KALLAR WALI</t>
  </si>
  <si>
    <t>GHULAM MOIN U DIN</t>
  </si>
  <si>
    <t>33300</t>
  </si>
  <si>
    <t>26739</t>
  </si>
  <si>
    <t>15973</t>
  </si>
  <si>
    <t>GGPS CHAK 65 JB S</t>
  </si>
  <si>
    <t>NARWALA - FEMALE</t>
  </si>
  <si>
    <t>65 Jb South</t>
  </si>
  <si>
    <t>Chak no 65 jb south</t>
  </si>
  <si>
    <t>Chak No 65 Jb South</t>
  </si>
  <si>
    <t>Chak No 64 Jb</t>
  </si>
  <si>
    <t>Shaista Tabassum</t>
  </si>
  <si>
    <t>6516</t>
  </si>
  <si>
    <t>38831</t>
  </si>
  <si>
    <t>32315</t>
  </si>
  <si>
    <t>4911</t>
  </si>
  <si>
    <t>2428</t>
  </si>
  <si>
    <t>52571</t>
  </si>
  <si>
    <t>GPS CHISHTI MOLIA</t>
  </si>
  <si>
    <t>CHAK BAWA - MALE</t>
  </si>
  <si>
    <t>Mola Chishti</t>
  </si>
  <si>
    <t>Molai Chishti Markaz Chak Bawa</t>
  </si>
  <si>
    <t>Mohib Ali Otar</t>
  </si>
  <si>
    <t>Faiz Ahmad</t>
  </si>
  <si>
    <t>39181</t>
  </si>
  <si>
    <t>34329</t>
  </si>
  <si>
    <t>5673</t>
  </si>
  <si>
    <t>GMPS BASTI RAFIQ ABAD</t>
  </si>
  <si>
    <t>FTS-VII-MALE</t>
  </si>
  <si>
    <t>169-7r</t>
  </si>
  <si>
    <t>chak no 169/7r (basti)</t>
  </si>
  <si>
    <t>167/7r</t>
  </si>
  <si>
    <t>Liaquat Ali Shahid</t>
  </si>
  <si>
    <t>19235</t>
  </si>
  <si>
    <t>GHS CHAK 288 GB</t>
  </si>
  <si>
    <t>288 GB</t>
  </si>
  <si>
    <t>CHAK NO.288 GB TOBA TEK SINGH</t>
  </si>
  <si>
    <t>CHAK 288 GB</t>
  </si>
  <si>
    <t>CHAK 290 GB</t>
  </si>
  <si>
    <t>NAVEED DILDAR</t>
  </si>
  <si>
    <t>14736</t>
  </si>
  <si>
    <t>50538</t>
  </si>
  <si>
    <t>GGPS 175/9-L SULMAN WALA</t>
  </si>
  <si>
    <t>175/9l Sulman Wala</t>
  </si>
  <si>
    <t>chak no 175/9l</t>
  </si>
  <si>
    <t>175/9l</t>
  </si>
  <si>
    <t>147/9L</t>
  </si>
  <si>
    <t>Zakia Ashraf</t>
  </si>
  <si>
    <t>33988</t>
  </si>
  <si>
    <t>33406</t>
  </si>
  <si>
    <t>33707</t>
  </si>
  <si>
    <t>11501</t>
  </si>
  <si>
    <t>3326</t>
  </si>
  <si>
    <t>18763</t>
  </si>
  <si>
    <t>GMPS CHAK 246 GB II SOUTH</t>
  </si>
  <si>
    <t>MONGI BANGLA FEMALE</t>
  </si>
  <si>
    <t>246 GB SOUTH</t>
  </si>
  <si>
    <t>CHAK NO 246 GB BASTI DANISH MANDAN</t>
  </si>
  <si>
    <t>246 GB BASTI DANISH MANDAN</t>
  </si>
  <si>
    <t>245GB</t>
  </si>
  <si>
    <t>FAIZA NASREEN</t>
  </si>
  <si>
    <t>4227</t>
  </si>
  <si>
    <t>15822</t>
  </si>
  <si>
    <t>GHS BASTI CHAWAN</t>
  </si>
  <si>
    <t>CHAWAN</t>
  </si>
  <si>
    <t>BASTI CHAWAN P/O DERA BAKHA TEHSIL CITY DISTRICT BAHAWALPUR</t>
  </si>
  <si>
    <t>Jhangiwala</t>
  </si>
  <si>
    <t>Muhammad alamgir</t>
  </si>
  <si>
    <t>13609</t>
  </si>
  <si>
    <t>43358</t>
  </si>
  <si>
    <t>13358</t>
  </si>
  <si>
    <t>10859</t>
  </si>
  <si>
    <t>GGPS SARISHTA THAL DARMIANI</t>
  </si>
  <si>
    <t>Kharal Azeem</t>
  </si>
  <si>
    <t>164/td Kharal Azeem Thal Kalan</t>
  </si>
  <si>
    <t>164/Td</t>
  </si>
  <si>
    <t>Rumana umbreen</t>
  </si>
  <si>
    <t>20094</t>
  </si>
  <si>
    <t>44696</t>
  </si>
  <si>
    <t>GGPS KHAPLAN WALA</t>
  </si>
  <si>
    <t>Ggp/s ghaplan wala 183-184/TDA</t>
  </si>
  <si>
    <t>Ghaplan Wala</t>
  </si>
  <si>
    <t>183-184/TDA</t>
  </si>
  <si>
    <t>Saeeda Malik</t>
  </si>
  <si>
    <t>51187</t>
  </si>
  <si>
    <t>GGPS AHMAD SHAH</t>
  </si>
  <si>
    <t>Ahmad Shah</t>
  </si>
  <si>
    <t>GGPS Ahmad Shah qasba noorsha Sahiwal</t>
  </si>
  <si>
    <t>Ammara Iqbal</t>
  </si>
  <si>
    <t>4110</t>
  </si>
  <si>
    <t>44965</t>
  </si>
  <si>
    <t>15516</t>
  </si>
  <si>
    <t>GPS 207 GB</t>
  </si>
  <si>
    <t>Kotli</t>
  </si>
  <si>
    <t>chakno 207gb tahsil sammundri district faislabad</t>
  </si>
  <si>
    <t>207gb</t>
  </si>
  <si>
    <t>Chak No 205</t>
  </si>
  <si>
    <t>Abdul Razaq</t>
  </si>
  <si>
    <t>10481</t>
  </si>
  <si>
    <t>GGES SHAHANI</t>
  </si>
  <si>
    <t>Sanjh Isra</t>
  </si>
  <si>
    <t>basti shahani</t>
  </si>
  <si>
    <t>Basti Shahani</t>
  </si>
  <si>
    <t>Munaza Faiz</t>
  </si>
  <si>
    <t>7240</t>
  </si>
  <si>
    <t>37559</t>
  </si>
  <si>
    <t>30154</t>
  </si>
  <si>
    <t>GHS KAHNA NAU</t>
  </si>
  <si>
    <t>KAHNA NAU LAHORE</t>
  </si>
  <si>
    <t>KAHNA NAU</t>
  </si>
  <si>
    <t>Muhammad Amjad Raza</t>
  </si>
  <si>
    <t>38795</t>
  </si>
  <si>
    <t>GGES (MC) ATTOCK CITY</t>
  </si>
  <si>
    <t>B Block Attock City</t>
  </si>
  <si>
    <t>B-block Attock City</t>
  </si>
  <si>
    <t>ATTOCK City</t>
  </si>
  <si>
    <t>REHANA PARVEEN</t>
  </si>
  <si>
    <t>11042</t>
  </si>
  <si>
    <t>43208</t>
  </si>
  <si>
    <t>GGES PINWAL</t>
  </si>
  <si>
    <t>Pinwal</t>
  </si>
  <si>
    <t>gges pinwal. vpo pinwal tehsil and distric chakwal.</t>
  </si>
  <si>
    <t>Jabair Pur</t>
  </si>
  <si>
    <t>Rizwana Kousar</t>
  </si>
  <si>
    <t>21856</t>
  </si>
  <si>
    <t>38738</t>
  </si>
  <si>
    <t>37410</t>
  </si>
  <si>
    <t>33759</t>
  </si>
  <si>
    <t>GGPS BASTI BARAR NO 2</t>
  </si>
  <si>
    <t>Chah Noor Wala</t>
  </si>
  <si>
    <t>Basti Barar No.2 near Allah Shafi Chowk</t>
  </si>
  <si>
    <t>Basti Barar No2</t>
  </si>
  <si>
    <t>Mrs Zahida Perveen</t>
  </si>
  <si>
    <t>16911</t>
  </si>
  <si>
    <t>GES BALLO SHAHABAL</t>
  </si>
  <si>
    <t>Balloshahaball</t>
  </si>
  <si>
    <t>Mozah Balloshahabal</t>
  </si>
  <si>
    <t>Balloshahabal</t>
  </si>
  <si>
    <t>17408</t>
  </si>
  <si>
    <t>13687</t>
  </si>
  <si>
    <t>16650</t>
  </si>
  <si>
    <t>6152</t>
  </si>
  <si>
    <t>52395</t>
  </si>
  <si>
    <t>GPS DOGRAY</t>
  </si>
  <si>
    <t>QADIR ABAD-MALE</t>
  </si>
  <si>
    <t>Dogray</t>
  </si>
  <si>
    <t>dogray</t>
  </si>
  <si>
    <t>4107</t>
  </si>
  <si>
    <t>43220</t>
  </si>
  <si>
    <t>39457</t>
  </si>
  <si>
    <t>3667</t>
  </si>
  <si>
    <t>51726</t>
  </si>
  <si>
    <t>GMPS AHMEL PUR</t>
  </si>
  <si>
    <t>SAID PUR - FEMALE</t>
  </si>
  <si>
    <t>Ahmal Pur</t>
  </si>
  <si>
    <t>village ahmal pur P/O gondal teh and distt sialkot</t>
  </si>
  <si>
    <t>Gondal</t>
  </si>
  <si>
    <t>Shahida Tabasam</t>
  </si>
  <si>
    <t>12012</t>
  </si>
  <si>
    <t>51118</t>
  </si>
  <si>
    <t>51269</t>
  </si>
  <si>
    <t>GGPS 155/9-L</t>
  </si>
  <si>
    <t>155/ 9L</t>
  </si>
  <si>
    <t>155/ 9.L</t>
  </si>
  <si>
    <t>155/9L</t>
  </si>
  <si>
    <t>153/9 L</t>
  </si>
  <si>
    <t>Hafiza Abida Perveen</t>
  </si>
  <si>
    <t>4.11965e+006</t>
  </si>
  <si>
    <t>43054</t>
  </si>
  <si>
    <t>23653</t>
  </si>
  <si>
    <t>GGHS JANDU SAHI</t>
  </si>
  <si>
    <t>Jandu Sahi</t>
  </si>
  <si>
    <t>jandu sahi pobox jandu sahi daska</t>
  </si>
  <si>
    <t>Tahira Khanam</t>
  </si>
  <si>
    <t>52347</t>
  </si>
  <si>
    <t>16052</t>
  </si>
  <si>
    <t>GGPS CHAK 269 RB II SALONI</t>
  </si>
  <si>
    <t>269 Rb</t>
  </si>
  <si>
    <t>269rb saloni</t>
  </si>
  <si>
    <t>269 Rb Saloni</t>
  </si>
  <si>
    <t>Qureshian Wala</t>
  </si>
  <si>
    <t>Sadia Munawar</t>
  </si>
  <si>
    <t>7987</t>
  </si>
  <si>
    <t>27830</t>
  </si>
  <si>
    <t>52406</t>
  </si>
  <si>
    <t>GPS KOT MUHAMMAD HUSSAIN (HUJRA)</t>
  </si>
  <si>
    <t>HUJRA Shah Muqeem Muqeem</t>
  </si>
  <si>
    <t>kot muhammad Hussain Hujra Shah Muqeem</t>
  </si>
  <si>
    <t>Kot Muhammad Hussain Hujra Shah Muqeem</t>
  </si>
  <si>
    <t>mc hujra shah muqeem</t>
  </si>
  <si>
    <t>Sabar Hussain</t>
  </si>
  <si>
    <t>2785</t>
  </si>
  <si>
    <t>36854</t>
  </si>
  <si>
    <t>10872</t>
  </si>
  <si>
    <t>GGES CHAK NO 168 TDA PEER JAGGI</t>
  </si>
  <si>
    <t>chak no.168 TDA</t>
  </si>
  <si>
    <t>Chak No 168 Tda</t>
  </si>
  <si>
    <t>Chak No 164 Tda</t>
  </si>
  <si>
    <t>Sidra Aslam</t>
  </si>
  <si>
    <t>8270</t>
  </si>
  <si>
    <t>18174</t>
  </si>
  <si>
    <t>44473</t>
  </si>
  <si>
    <t>38855</t>
  </si>
  <si>
    <t>GGPS (MC) R BLOCK</t>
  </si>
  <si>
    <t>GGPS (MC) R BLOCK ATTOCK</t>
  </si>
  <si>
    <t>Moh Shed Attock</t>
  </si>
  <si>
    <t>Fayyer Mumtaz</t>
  </si>
  <si>
    <t>37058</t>
  </si>
  <si>
    <t>GHS 4/9-R DAULAT PUR, P/O 7/9-R, KACHA KHUH</t>
  </si>
  <si>
    <t>Dolat Pur</t>
  </si>
  <si>
    <t>Chak No: 4/9-R, P/O 7/9-R Khanewal</t>
  </si>
  <si>
    <t>Chak No 4/9-R Daulat Pur</t>
  </si>
  <si>
    <t>4/8-AR</t>
  </si>
  <si>
    <t>MUHAMMAD HASHIM</t>
  </si>
  <si>
    <t>33788</t>
  </si>
  <si>
    <t>52975</t>
  </si>
  <si>
    <t>GGPS JODHIKAY</t>
  </si>
  <si>
    <t>JOHDAY KAY</t>
  </si>
  <si>
    <t>johdy ky</t>
  </si>
  <si>
    <t>MAHNAT DARSHAN</t>
  </si>
  <si>
    <t>Nasira Mobeen</t>
  </si>
  <si>
    <t>37433</t>
  </si>
  <si>
    <t>GGHS 129/15-L, MIAN CHANNU</t>
  </si>
  <si>
    <t>CHAK NO. 129/15-LMIAN CHANNU</t>
  </si>
  <si>
    <t>129/15-L</t>
  </si>
  <si>
    <t>Ume Rubab</t>
  </si>
  <si>
    <t>17833</t>
  </si>
  <si>
    <t>45053</t>
  </si>
  <si>
    <t>5262</t>
  </si>
  <si>
    <t>23953</t>
  </si>
  <si>
    <t>GMPS JANDUKAY GORAYA</t>
  </si>
  <si>
    <t>JANDUKE GORAYA - FEMALE</t>
  </si>
  <si>
    <t>Janduke Goraya</t>
  </si>
  <si>
    <t>village janduke goraya near p.o mundekey goraya</t>
  </si>
  <si>
    <t>Seokey</t>
  </si>
  <si>
    <t>Naila Ruby</t>
  </si>
  <si>
    <t>22486</t>
  </si>
  <si>
    <t>46024</t>
  </si>
  <si>
    <t>46002</t>
  </si>
  <si>
    <t>16048</t>
  </si>
  <si>
    <t>GGPS 264 RB II</t>
  </si>
  <si>
    <t>Tibba Nag</t>
  </si>
  <si>
    <t>264 rb II</t>
  </si>
  <si>
    <t>264 Rb II</t>
  </si>
  <si>
    <t>267 Rb Jalandhar</t>
  </si>
  <si>
    <t>Riffat Begum</t>
  </si>
  <si>
    <t>36915</t>
  </si>
  <si>
    <t>46414</t>
  </si>
  <si>
    <t>30885</t>
  </si>
  <si>
    <t>17095</t>
  </si>
  <si>
    <t>GPS WALI MOHAMMAD WALA</t>
  </si>
  <si>
    <t>Sultanpur</t>
  </si>
  <si>
    <t>Abbadi wali Muhammad Wala that ha Ramana sultanpur</t>
  </si>
  <si>
    <t>Obaid Ur Rehman</t>
  </si>
  <si>
    <t>377</t>
  </si>
  <si>
    <t>52901</t>
  </si>
  <si>
    <t>GGPS MARI KAMBOH</t>
  </si>
  <si>
    <t>Mari Kamboh</t>
  </si>
  <si>
    <t>village mari kamboh</t>
  </si>
  <si>
    <t>Pundit Manfool</t>
  </si>
  <si>
    <t>Shazma Liaqat</t>
  </si>
  <si>
    <t>37328</t>
  </si>
  <si>
    <t>GGPS 4/8-AR, KACHA KHUH</t>
  </si>
  <si>
    <t>KACHA KHUH(SHARQI) - FEMALE</t>
  </si>
  <si>
    <t>4/8ar</t>
  </si>
  <si>
    <t>CHAk No4/8ar</t>
  </si>
  <si>
    <t>Shumaila jamal</t>
  </si>
  <si>
    <t>1087</t>
  </si>
  <si>
    <t>3503</t>
  </si>
  <si>
    <t>37928</t>
  </si>
  <si>
    <t>49591</t>
  </si>
  <si>
    <t>GES ISLAHI MODEL AZIZ COLONY YOUSAF PARK SHAHDARA</t>
  </si>
  <si>
    <t>Kot Mehbbo</t>
  </si>
  <si>
    <t>abdullah block yousaf park shahdara</t>
  </si>
  <si>
    <t>Yousaf Park</t>
  </si>
  <si>
    <t>M Sajjad Hussain</t>
  </si>
  <si>
    <t>16053</t>
  </si>
  <si>
    <t>GGPS CHAK 269 RB III PARAN</t>
  </si>
  <si>
    <t>Paran</t>
  </si>
  <si>
    <t>269rbparan</t>
  </si>
  <si>
    <t>268 Cheema Chak</t>
  </si>
  <si>
    <t>Bushra Aftab</t>
  </si>
  <si>
    <t>16804</t>
  </si>
  <si>
    <t>GGHSS CHAK NO 452 GB</t>
  </si>
  <si>
    <t>rehmay shah</t>
  </si>
  <si>
    <t>chak no 452 gB</t>
  </si>
  <si>
    <t>452 gB</t>
  </si>
  <si>
    <t>Sumaira Rasool</t>
  </si>
  <si>
    <t>8316</t>
  </si>
  <si>
    <t>1189</t>
  </si>
  <si>
    <t>2914</t>
  </si>
  <si>
    <t>1182</t>
  </si>
  <si>
    <t>50118</t>
  </si>
  <si>
    <t>GHS 159/9-L</t>
  </si>
  <si>
    <t>159/9L</t>
  </si>
  <si>
    <t>Chak no 159/9L Chichawatni</t>
  </si>
  <si>
    <t>ABBAS ALI</t>
  </si>
  <si>
    <t>12713</t>
  </si>
  <si>
    <t>5667</t>
  </si>
  <si>
    <t>14682</t>
  </si>
  <si>
    <t>GGES KHAWAR CHAK NO 214 RB</t>
  </si>
  <si>
    <t>Hassanpura</t>
  </si>
  <si>
    <t>Govt khawar GES 214 RB Hassanpura</t>
  </si>
  <si>
    <t>50531</t>
  </si>
  <si>
    <t>GGPS 177/9-L</t>
  </si>
  <si>
    <t>Chak#177/9l</t>
  </si>
  <si>
    <t>chak#177/9l</t>
  </si>
  <si>
    <t>177/9L</t>
  </si>
  <si>
    <t>Sajida Nazir</t>
  </si>
  <si>
    <t>1071</t>
  </si>
  <si>
    <t>31095</t>
  </si>
  <si>
    <t>GPS DHAIR SHAHDRA</t>
  </si>
  <si>
    <t>Dhair</t>
  </si>
  <si>
    <t>Akbar bad dhair shahdra</t>
  </si>
  <si>
    <t>Shahdra</t>
  </si>
  <si>
    <t>Majeed Psrk</t>
  </si>
  <si>
    <t>Rashid Mukhtar</t>
  </si>
  <si>
    <t>22870</t>
  </si>
  <si>
    <t>50108</t>
  </si>
  <si>
    <t>GHSS 45/12-L</t>
  </si>
  <si>
    <t>45/12L</t>
  </si>
  <si>
    <t>Chak#45/12.L Tehsil Chichawatni Distrect Sahiwal</t>
  </si>
  <si>
    <t>14251</t>
  </si>
  <si>
    <t>879</t>
  </si>
  <si>
    <t>494</t>
  </si>
  <si>
    <t>50806</t>
  </si>
  <si>
    <t>GGHSS CHAK NO. 187/9-L</t>
  </si>
  <si>
    <t>187/9L</t>
  </si>
  <si>
    <t>chak no.187/9L</t>
  </si>
  <si>
    <t>Shazia Jamil</t>
  </si>
  <si>
    <t>15785</t>
  </si>
  <si>
    <t>14654</t>
  </si>
  <si>
    <t>GHS MC RAZA ABAD FAISALABAD</t>
  </si>
  <si>
    <t>Govt. MC High School, Metropool Chowk, Base Line, razaabad Faisalabad.</t>
  </si>
  <si>
    <t>GHULAM MUSTAFA FAROOQ</t>
  </si>
  <si>
    <t>2743</t>
  </si>
  <si>
    <t>50553</t>
  </si>
  <si>
    <t>GGES 173/9-L</t>
  </si>
  <si>
    <t>173/9L</t>
  </si>
  <si>
    <t>Chak#173/9-L</t>
  </si>
  <si>
    <t>173/9-L</t>
  </si>
  <si>
    <t>20/11-L</t>
  </si>
  <si>
    <t>Zuhra Bibi</t>
  </si>
  <si>
    <t>18170</t>
  </si>
  <si>
    <t>50301</t>
  </si>
  <si>
    <t>GPS 24/11-L</t>
  </si>
  <si>
    <t>chak# 24/11L teh chichawatni Dist Sahiwal</t>
  </si>
  <si>
    <t>Chak# 24/11 L</t>
  </si>
  <si>
    <t>Chak#23/11 L</t>
  </si>
  <si>
    <t>10844</t>
  </si>
  <si>
    <t>42417</t>
  </si>
  <si>
    <t>31573</t>
  </si>
  <si>
    <t>50572</t>
  </si>
  <si>
    <t>GGPS 11/14-L 20 BHAINI</t>
  </si>
  <si>
    <t>20f</t>
  </si>
  <si>
    <t>chak 11/14l</t>
  </si>
  <si>
    <t>11/14 I</t>
  </si>
  <si>
    <t>Jul-14</t>
  </si>
  <si>
    <t>IQRA GHAFFAR</t>
  </si>
  <si>
    <t>8020</t>
  </si>
  <si>
    <t>8820</t>
  </si>
  <si>
    <t>51134</t>
  </si>
  <si>
    <t>GGHS ADDA GEMBER</t>
  </si>
  <si>
    <t>52/5L</t>
  </si>
  <si>
    <t>govt. girls high school 52/5L</t>
  </si>
  <si>
    <t>56/5-L</t>
  </si>
  <si>
    <t>UZMA RASHID</t>
  </si>
  <si>
    <t>9487</t>
  </si>
  <si>
    <t>54746</t>
  </si>
  <si>
    <t>14639</t>
  </si>
  <si>
    <t>GGPS REHMANI KAMAL ABAD</t>
  </si>
  <si>
    <t>Kamalabad</t>
  </si>
  <si>
    <t>kamalabad faisalabad</t>
  </si>
  <si>
    <t>Ana Saleem</t>
  </si>
  <si>
    <t>8400</t>
  </si>
  <si>
    <t>7453</t>
  </si>
  <si>
    <t>51071</t>
  </si>
  <si>
    <t>GGES 132/9-L</t>
  </si>
  <si>
    <t>chak #132/9l swl</t>
  </si>
  <si>
    <t>Uzma Amer</t>
  </si>
  <si>
    <t>25192</t>
  </si>
  <si>
    <t>6963</t>
  </si>
  <si>
    <t>3963</t>
  </si>
  <si>
    <t>16061</t>
  </si>
  <si>
    <t>GGES CHAK 281 RB</t>
  </si>
  <si>
    <t>Khalilpur</t>
  </si>
  <si>
    <t>281 rb</t>
  </si>
  <si>
    <t>281 RB</t>
  </si>
  <si>
    <t>Majiwal</t>
  </si>
  <si>
    <t>shamila liaqat</t>
  </si>
  <si>
    <t>15232</t>
  </si>
  <si>
    <t>37672</t>
  </si>
  <si>
    <t>GMPS GHAZI PANDA, TULAMBA</t>
  </si>
  <si>
    <t>Mouza Ghazi Panda</t>
  </si>
  <si>
    <t>GMPS, Ghazi Panda, Tulamba, Mian Channu, Distt. Khanewal</t>
  </si>
  <si>
    <t>Ghazi Panda</t>
  </si>
  <si>
    <t>SABA NAWAZ</t>
  </si>
  <si>
    <t>25485</t>
  </si>
  <si>
    <t>29690</t>
  </si>
  <si>
    <t>29429</t>
  </si>
  <si>
    <t>9759</t>
  </si>
  <si>
    <t>16170</t>
  </si>
  <si>
    <t>GGES CHAK 273 RB RAY CHAK</t>
  </si>
  <si>
    <t>273 RB Ray chak</t>
  </si>
  <si>
    <t>273 RB</t>
  </si>
  <si>
    <t>Jhalender</t>
  </si>
  <si>
    <t>Amrana Nasreen</t>
  </si>
  <si>
    <t>16158</t>
  </si>
  <si>
    <t>GGES CHAK 132 GB</t>
  </si>
  <si>
    <t>Khan garden colony dijkot</t>
  </si>
  <si>
    <t>132gb</t>
  </si>
  <si>
    <t>659chugalpura</t>
  </si>
  <si>
    <t>16607</t>
  </si>
  <si>
    <t>22327</t>
  </si>
  <si>
    <t>30924</t>
  </si>
  <si>
    <t>GGHS ALI RAZA ABAD LAHORE</t>
  </si>
  <si>
    <t>ali raza abad</t>
  </si>
  <si>
    <t>Madiha Gul</t>
  </si>
  <si>
    <t>12259</t>
  </si>
  <si>
    <t>37494</t>
  </si>
  <si>
    <t>GGES 17/8-BR, TULAMBA</t>
  </si>
  <si>
    <t>17/8-BR</t>
  </si>
  <si>
    <t>GGES, Chack No 17/8-BR, Tehsil Mian Channu Distt. Khanewal</t>
  </si>
  <si>
    <t>Chak No 17/8-BR</t>
  </si>
  <si>
    <t>Khalida Naseem</t>
  </si>
  <si>
    <t>37692</t>
  </si>
  <si>
    <t>GMPS AZEEM HERAJ, TULAMBA</t>
  </si>
  <si>
    <t>Azeem Haraj</t>
  </si>
  <si>
    <t>Moza Azeem Heraj markaz Tulamba Teh Mian Channu Dist Khanewal</t>
  </si>
  <si>
    <t>Moza Azeem Haraj</t>
  </si>
  <si>
    <t>Chughata Panjwana</t>
  </si>
  <si>
    <t>Isra Bano</t>
  </si>
  <si>
    <t>11717</t>
  </si>
  <si>
    <t>7860</t>
  </si>
  <si>
    <t>1278</t>
  </si>
  <si>
    <t>GGHS MALOKPUR</t>
  </si>
  <si>
    <t>Malookpur</t>
  </si>
  <si>
    <t>GGHS Malookpur</t>
  </si>
  <si>
    <t>1128</t>
  </si>
  <si>
    <t>16628</t>
  </si>
  <si>
    <t>32631</t>
  </si>
  <si>
    <t>GHSS CHAK NO. 13 GB RANDHIR</t>
  </si>
  <si>
    <t>Chak no 13/GB</t>
  </si>
  <si>
    <t>Chak no 13/GB Randhir</t>
  </si>
  <si>
    <t>Randhir</t>
  </si>
  <si>
    <t>Chak No 13/GB Randhir</t>
  </si>
  <si>
    <t>muhammad abdus salam tayyab</t>
  </si>
  <si>
    <t>52957</t>
  </si>
  <si>
    <t>37641</t>
  </si>
  <si>
    <t>GGPS FARID SANPAL, TULAMBA</t>
  </si>
  <si>
    <t>Fareed Sanpal</t>
  </si>
  <si>
    <t>GGPS Fareed Sanpal Teh.MIan Chanu Dist. Khanewal</t>
  </si>
  <si>
    <t>ChughtaPnjwana</t>
  </si>
  <si>
    <t>Salma Riaz</t>
  </si>
  <si>
    <t>18862</t>
  </si>
  <si>
    <t>19816</t>
  </si>
  <si>
    <t>19280</t>
  </si>
  <si>
    <t>34849</t>
  </si>
  <si>
    <t>13508</t>
  </si>
  <si>
    <t>GES BASTI DHANDLAY WALA</t>
  </si>
  <si>
    <t>TUL SHUMALI NO. 1 - MALE</t>
  </si>
  <si>
    <t>Dhandla</t>
  </si>
  <si>
    <t>basti dhandla uc tal shumali</t>
  </si>
  <si>
    <t>Basti Dhandla</t>
  </si>
  <si>
    <t>Tal Shumali</t>
  </si>
  <si>
    <t>51114</t>
  </si>
  <si>
    <t>GGPS 59/5-L</t>
  </si>
  <si>
    <t>59/5-L</t>
  </si>
  <si>
    <t>Chak no. 59/5-L,sahiwal.</t>
  </si>
  <si>
    <t>58/5-L</t>
  </si>
  <si>
    <t>4262</t>
  </si>
  <si>
    <t>35735</t>
  </si>
  <si>
    <t>31916</t>
  </si>
  <si>
    <t>GGHS LALU PHUMAN SHEIKHUPURA</t>
  </si>
  <si>
    <t>Khudalti</t>
  </si>
  <si>
    <t>gghs lalu phuman kudalti mor faisalabad road skp</t>
  </si>
  <si>
    <t>Lalu Phuman</t>
  </si>
  <si>
    <t>bushra zafar</t>
  </si>
  <si>
    <t>38181</t>
  </si>
  <si>
    <t>GGES NADAR SHAH</t>
  </si>
  <si>
    <t>BWN.4-FEMALE</t>
  </si>
  <si>
    <t>Nadir Shah</t>
  </si>
  <si>
    <t>G.G H/S Nadir Shah</t>
  </si>
  <si>
    <t>Musa Bhota</t>
  </si>
  <si>
    <t>9225</t>
  </si>
  <si>
    <t>5607</t>
  </si>
  <si>
    <t>1381</t>
  </si>
  <si>
    <t>GPS KORIAN WALI</t>
  </si>
  <si>
    <t>BWN-I-MALE</t>
  </si>
  <si>
    <t>Korian Wali</t>
  </si>
  <si>
    <t>village Korian wali po Ram pura Bahawalnagar</t>
  </si>
  <si>
    <t>1152</t>
  </si>
  <si>
    <t>37041</t>
  </si>
  <si>
    <t>GHS ISLAMIA KHANEWAL</t>
  </si>
  <si>
    <t>City Kwl</t>
  </si>
  <si>
    <t>civil line kwl</t>
  </si>
  <si>
    <t>ATA ULLAH BABAR</t>
  </si>
  <si>
    <t>8238</t>
  </si>
  <si>
    <t>33382</t>
  </si>
  <si>
    <t>GGHS SATHIALI KALAN CHAK 25 RB</t>
  </si>
  <si>
    <t>Sathiali Kalan</t>
  </si>
  <si>
    <t>Govt girls High school sathial kalan</t>
  </si>
  <si>
    <t>Shahida Rukshana</t>
  </si>
  <si>
    <t>33343</t>
  </si>
  <si>
    <t>GGPS DHONGAY</t>
  </si>
  <si>
    <t>Dhongay</t>
  </si>
  <si>
    <t>Rehmanabad</t>
  </si>
  <si>
    <t>afsheen fatima</t>
  </si>
  <si>
    <t>136255</t>
  </si>
  <si>
    <t>GGPS CHAK NO 160 RB I BANGA CHAK</t>
  </si>
  <si>
    <t>160 RB-1,Bange Chak ,chak Jhumra Faisalabad</t>
  </si>
  <si>
    <t>Jaweria Ishfaq</t>
  </si>
  <si>
    <t>26912</t>
  </si>
  <si>
    <t>43696</t>
  </si>
  <si>
    <t>9474</t>
  </si>
  <si>
    <t>53960</t>
  </si>
  <si>
    <t>GGPS THATHA TARHANA</t>
  </si>
  <si>
    <t>thatha tarhana tandlianwala</t>
  </si>
  <si>
    <t>Thatha Tarhana</t>
  </si>
  <si>
    <t>Aqsa Imtiaz</t>
  </si>
  <si>
    <t>2916</t>
  </si>
  <si>
    <t>6916</t>
  </si>
  <si>
    <t>6808</t>
  </si>
  <si>
    <t>48056</t>
  </si>
  <si>
    <t>GHS DEOWAL</t>
  </si>
  <si>
    <t>deowal</t>
  </si>
  <si>
    <t>deowal Tehsil Bhalwal District Sargodha</t>
  </si>
  <si>
    <t>Zakaullah</t>
  </si>
  <si>
    <t>873</t>
  </si>
  <si>
    <t>50710</t>
  </si>
  <si>
    <t>GGHS PILOT SAHIWAL</t>
  </si>
  <si>
    <t>Sadar A</t>
  </si>
  <si>
    <t>muhallah tullianwala goal chowk swl</t>
  </si>
  <si>
    <t>Sahiwal City</t>
  </si>
  <si>
    <t>Shagufta Pervern</t>
  </si>
  <si>
    <t>35965</t>
  </si>
  <si>
    <t>44409</t>
  </si>
  <si>
    <t>7050</t>
  </si>
  <si>
    <t>298</t>
  </si>
  <si>
    <t>48814</t>
  </si>
  <si>
    <t>GGHSS HYDER ABAD TOWN</t>
  </si>
  <si>
    <t>Hyderabad  Town</t>
  </si>
  <si>
    <t>gghss Hyderabad town</t>
  </si>
  <si>
    <t>Hyderabad Town</t>
  </si>
  <si>
    <t>Nousheen Ghafoor</t>
  </si>
  <si>
    <t>30120</t>
  </si>
  <si>
    <t>18483</t>
  </si>
  <si>
    <t>GGPS CHAK 62 RB KHURRIANWALA</t>
  </si>
  <si>
    <t>JOHAL - FEMALE</t>
  </si>
  <si>
    <t>62 Rb</t>
  </si>
  <si>
    <t>GGPS 62rb</t>
  </si>
  <si>
    <t>Mall Chak Chotta Chak No 62rb</t>
  </si>
  <si>
    <t>Rata Joya 58rb</t>
  </si>
  <si>
    <t>Najma Ramzan</t>
  </si>
  <si>
    <t>726</t>
  </si>
  <si>
    <t>50268</t>
  </si>
  <si>
    <t>GGHS 36/14-L</t>
  </si>
  <si>
    <t>GGHS 36/14 L chicha watni District Sahiwal</t>
  </si>
  <si>
    <t>36/14L</t>
  </si>
  <si>
    <t>77/12 L</t>
  </si>
  <si>
    <t>Sidra Mehwish</t>
  </si>
  <si>
    <t>9941</t>
  </si>
  <si>
    <t>28231</t>
  </si>
  <si>
    <t>46123</t>
  </si>
  <si>
    <t>47629</t>
  </si>
  <si>
    <t>GGHS CHAK NO.113 SB</t>
  </si>
  <si>
    <t>Chak No113sb</t>
  </si>
  <si>
    <t>chak no 113sb tehsil / distrect sargodha</t>
  </si>
  <si>
    <t>36028</t>
  </si>
  <si>
    <t>15368</t>
  </si>
  <si>
    <t>53702</t>
  </si>
  <si>
    <t>GPS MEHLO KEY</t>
  </si>
  <si>
    <t>Mehlukay</t>
  </si>
  <si>
    <t>Mehlukay p/o mupalkay tehsil Renala khurd Okars</t>
  </si>
  <si>
    <t>Mupalkay</t>
  </si>
  <si>
    <t>Ghulam Rasool Shah</t>
  </si>
  <si>
    <t>4824</t>
  </si>
  <si>
    <t>40861</t>
  </si>
  <si>
    <t>21181</t>
  </si>
  <si>
    <t>GGHS BUCHA CHATHA</t>
  </si>
  <si>
    <t>Bucha Chatha</t>
  </si>
  <si>
    <t>P/O Alipur Chatha, Village Bucha Chatha, Teh. Wzd. Dist. Grw.</t>
  </si>
  <si>
    <t>Noi Wala Chatha</t>
  </si>
  <si>
    <t>Firdous Kousar</t>
  </si>
  <si>
    <t>7475</t>
  </si>
  <si>
    <t>GPS FAZIL WALA</t>
  </si>
  <si>
    <t>Fazalwala</t>
  </si>
  <si>
    <t>moza Fazalwala</t>
  </si>
  <si>
    <t>Syed Muhammad Rizwan  Naqvi</t>
  </si>
  <si>
    <t>17060</t>
  </si>
  <si>
    <t>52241</t>
  </si>
  <si>
    <t>48533</t>
  </si>
  <si>
    <t>3222</t>
  </si>
  <si>
    <t>GGHS BADOKAY CHEEMA</t>
  </si>
  <si>
    <t>Baddoke Cheema</t>
  </si>
  <si>
    <t>GOVT GIRLS HIGH SCHOOL BADDOKE CHEEMA</t>
  </si>
  <si>
    <t>BADDOKE CHEEMA</t>
  </si>
  <si>
    <t>4651</t>
  </si>
  <si>
    <t>14635</t>
  </si>
  <si>
    <t>GGPS CHAK 219 RB KUKIAN WALA</t>
  </si>
  <si>
    <t>Shersingh Wala</t>
  </si>
  <si>
    <t>219RB kokian wala</t>
  </si>
  <si>
    <t>219RB Kokian Wala</t>
  </si>
  <si>
    <t>Shafqat Perveen</t>
  </si>
  <si>
    <t>10577</t>
  </si>
  <si>
    <t>33533</t>
  </si>
  <si>
    <t>GGHS ISLAM NAGAR</t>
  </si>
  <si>
    <t>MC Sangla</t>
  </si>
  <si>
    <t>GGHS ISLAM NAGAR, SANGLA HILL, DISTRICT NANKANA SAHIB.</t>
  </si>
  <si>
    <t>MOHALLA ISLAM PURA</t>
  </si>
  <si>
    <t>MC SANGLA HILL</t>
  </si>
  <si>
    <t>SAMINA YOUNIS</t>
  </si>
  <si>
    <t>20609</t>
  </si>
  <si>
    <t>GPS HARLANWALI</t>
  </si>
  <si>
    <t>Harlanwali</t>
  </si>
  <si>
    <t>Harlanwali P/O Dhariwal Tehsil &amp; District Gujranwala</t>
  </si>
  <si>
    <t>Hafiz Muhammad Nisar Arshad</t>
  </si>
  <si>
    <t>41599</t>
  </si>
  <si>
    <t>GGHS GIRJA RWP</t>
  </si>
  <si>
    <t>Girja</t>
  </si>
  <si>
    <t>Govt.Girls High School Girja RWP</t>
  </si>
  <si>
    <t>Qamar-un-Nisa</t>
  </si>
  <si>
    <t>6769</t>
  </si>
  <si>
    <t>26483</t>
  </si>
  <si>
    <t>GGPS MIAN WALI</t>
  </si>
  <si>
    <t>village mianwali p/o kanjrur tehsil shakargarh Distt Narowal</t>
  </si>
  <si>
    <t>Mianwali</t>
  </si>
  <si>
    <t>Rakhshinda Khurshid Ahmad</t>
  </si>
  <si>
    <t>40679</t>
  </si>
  <si>
    <t>GPS BHOJO MOHRA</t>
  </si>
  <si>
    <t>BARA GOWAH-MALE</t>
  </si>
  <si>
    <t>Padhri</t>
  </si>
  <si>
    <t>Village Bhojo Mohra P.O.Padhri Tehseel Sohawa District Jhelum</t>
  </si>
  <si>
    <t>Bhojo Mohra</t>
  </si>
  <si>
    <t>Kohali</t>
  </si>
  <si>
    <t>49767</t>
  </si>
  <si>
    <t>GPS CHAK NO. 62 SB</t>
  </si>
  <si>
    <t>62 SB</t>
  </si>
  <si>
    <t>chak no.62 sb</t>
  </si>
  <si>
    <t>Chak No 62 Sb</t>
  </si>
  <si>
    <t>Sumar Abbas</t>
  </si>
  <si>
    <t>17181</t>
  </si>
  <si>
    <t>12950</t>
  </si>
  <si>
    <t>45202</t>
  </si>
  <si>
    <t>GPS THALLA GAL KALA</t>
  </si>
  <si>
    <t>GALKALA</t>
  </si>
  <si>
    <t>CHAH THALLAH  TEH MANKERA DISIT BHAKKAR</t>
  </si>
  <si>
    <t>THALLAH</t>
  </si>
  <si>
    <t>Muhammad Riaz Khan</t>
  </si>
  <si>
    <t>30574</t>
  </si>
  <si>
    <t>34330</t>
  </si>
  <si>
    <t>GGES KOTLA MAHARAN</t>
  </si>
  <si>
    <t>MULTANI WALA - FEMALE</t>
  </si>
  <si>
    <t>Kotlamaharan</t>
  </si>
  <si>
    <t>kotlamaharan p/of Multani wala</t>
  </si>
  <si>
    <t>Bushra Iram</t>
  </si>
  <si>
    <t>10148</t>
  </si>
  <si>
    <t>12440</t>
  </si>
  <si>
    <t>40653</t>
  </si>
  <si>
    <t>GPS GHUNU MAIRA</t>
  </si>
  <si>
    <t>Dani dehra</t>
  </si>
  <si>
    <t>Village Ghunu Maira Post Office Baragowah Tehsil Sohawah District Jhelum</t>
  </si>
  <si>
    <t>Ghunu Maira</t>
  </si>
  <si>
    <t>Jajial</t>
  </si>
  <si>
    <t>Khizar Waseem</t>
  </si>
  <si>
    <t>25696</t>
  </si>
  <si>
    <t>12280</t>
  </si>
  <si>
    <t>21217</t>
  </si>
  <si>
    <t>20406</t>
  </si>
  <si>
    <t>25749</t>
  </si>
  <si>
    <t>20151</t>
  </si>
  <si>
    <t>1606</t>
  </si>
  <si>
    <t>GPS RAHMAT ALI</t>
  </si>
  <si>
    <t>SEHJA - MALE</t>
  </si>
  <si>
    <t>Moosa Kanjoo</t>
  </si>
  <si>
    <t>Basti Chote Okhar Wand</t>
  </si>
  <si>
    <t>Sehja</t>
  </si>
  <si>
    <t>31562</t>
  </si>
  <si>
    <t>GGHS TAPILA DOST MUHAMMAD</t>
  </si>
  <si>
    <t>TAPPIALA DOST MUHAMMAD</t>
  </si>
  <si>
    <t>GOVT. GHS  TAPPIALA DOST MUHAMMAD  TEHSIL MURIDKE DISTRICT SHEIKHUPURA</t>
  </si>
  <si>
    <t>LAMBRAY</t>
  </si>
  <si>
    <t>ishrat nigah</t>
  </si>
  <si>
    <t>24773</t>
  </si>
  <si>
    <t>34662</t>
  </si>
  <si>
    <t>GGCMS KHAGAY WALA</t>
  </si>
  <si>
    <t>Khaggay Wala</t>
  </si>
  <si>
    <t>Basti Khaggay Wala p/o Budhla Sant Multan</t>
  </si>
  <si>
    <t>Shabana Iqbal</t>
  </si>
  <si>
    <t>41234</t>
  </si>
  <si>
    <t>GGPS KULTIA</t>
  </si>
  <si>
    <t>Kultia</t>
  </si>
  <si>
    <t>Post office Punjar village Kultia Tehsil Kahuta</t>
  </si>
  <si>
    <t>Punjar</t>
  </si>
  <si>
    <t>Nazia Shabbir</t>
  </si>
  <si>
    <t>1306</t>
  </si>
  <si>
    <t>24067</t>
  </si>
  <si>
    <t>GGHS BUN BAJWA</t>
  </si>
  <si>
    <t>ban bajwa</t>
  </si>
  <si>
    <t>razia sultana</t>
  </si>
  <si>
    <t>30749</t>
  </si>
  <si>
    <t>GGHS CDG KOT LAKHPAT PEECO ROAD</t>
  </si>
  <si>
    <t>Liaqat abad</t>
  </si>
  <si>
    <t>CDG GHS Kot Lakhpat (Akbar shaheed Chowk) LHR</t>
  </si>
  <si>
    <t>Kot Lakhpat</t>
  </si>
  <si>
    <t>Musarrat Perveen</t>
  </si>
  <si>
    <t>1702</t>
  </si>
  <si>
    <t>43401</t>
  </si>
  <si>
    <t>GGPS BHALLA</t>
  </si>
  <si>
    <t>Bhalla</t>
  </si>
  <si>
    <t>GMPSBHALLA</t>
  </si>
  <si>
    <t>Abida Kalsoom</t>
  </si>
  <si>
    <t>26474</t>
  </si>
  <si>
    <t>45016</t>
  </si>
  <si>
    <t>GGPS HATARAN WALA</t>
  </si>
  <si>
    <t>hattu</t>
  </si>
  <si>
    <t>gg p/s hataran wsla</t>
  </si>
  <si>
    <t>hataran wala</t>
  </si>
  <si>
    <t>Tasleem Salamat</t>
  </si>
  <si>
    <t>39061</t>
  </si>
  <si>
    <t>GPS DHOK KEER</t>
  </si>
  <si>
    <t>village dhok keer tehsil fateh jang district attock</t>
  </si>
  <si>
    <t>Dhok Keer</t>
  </si>
  <si>
    <t>32490</t>
  </si>
  <si>
    <t>35002</t>
  </si>
  <si>
    <t>38300</t>
  </si>
  <si>
    <t>GGECMS BAHAWAL GARH</t>
  </si>
  <si>
    <t>Bahawal garh</t>
  </si>
  <si>
    <t>Hafiza Rizwana Raheem</t>
  </si>
  <si>
    <t>54941</t>
  </si>
  <si>
    <t>53865</t>
  </si>
  <si>
    <t>1076</t>
  </si>
  <si>
    <t>41202</t>
  </si>
  <si>
    <t>GGPS NOGRAN</t>
  </si>
  <si>
    <t>Kot</t>
  </si>
  <si>
    <t>village nogran kahuta rawalpindi</t>
  </si>
  <si>
    <t>Nogran</t>
  </si>
  <si>
    <t>Syeda Iram Zareen</t>
  </si>
  <si>
    <t>GES CHAK NO. 204/M</t>
  </si>
  <si>
    <t>chak no.204/m</t>
  </si>
  <si>
    <t>Govt. Elementary School Chak 204/m P/O Chak 177/m</t>
  </si>
  <si>
    <t>chak no. 204/m</t>
  </si>
  <si>
    <t>Chak 177/m</t>
  </si>
  <si>
    <t>13666</t>
  </si>
  <si>
    <t>GGES SAEED WALA</t>
  </si>
  <si>
    <t>p.o saeed wala tehsil kallur kot</t>
  </si>
  <si>
    <t>Saeed Wala</t>
  </si>
  <si>
    <t>Qaisra Yasmeen</t>
  </si>
  <si>
    <t>10821</t>
  </si>
  <si>
    <t>25764</t>
  </si>
  <si>
    <t>15755</t>
  </si>
  <si>
    <t>GES 217 RB UCHKHERA</t>
  </si>
  <si>
    <t>217 Rb uchkera</t>
  </si>
  <si>
    <t>GES 217 RB Uchkera Narwala Road Faisalabad.</t>
  </si>
  <si>
    <t>217 rb NARWALA ROAD FSD</t>
  </si>
  <si>
    <t>217 rb UCHKERA</t>
  </si>
  <si>
    <t>MUHAMMAD AZAM</t>
  </si>
  <si>
    <t>43573</t>
  </si>
  <si>
    <t>GGES CHATTAL</t>
  </si>
  <si>
    <t>Chattal</t>
  </si>
  <si>
    <t>vpo chattal</t>
  </si>
  <si>
    <t>Chak Malook</t>
  </si>
  <si>
    <t>Samina Mumtaz</t>
  </si>
  <si>
    <t>43471</t>
  </si>
  <si>
    <t>40763</t>
  </si>
  <si>
    <t>756</t>
  </si>
  <si>
    <t>GPS CHAK 204/M E</t>
  </si>
  <si>
    <t>204/M East</t>
  </si>
  <si>
    <t>Chak No.204/M (E)</t>
  </si>
  <si>
    <t>Chak 177/M</t>
  </si>
  <si>
    <t>Muhammad Iqbal Javed</t>
  </si>
  <si>
    <t>31252</t>
  </si>
  <si>
    <t>GGHS CDG JIA MUSA SHAHDARA</t>
  </si>
  <si>
    <t>Jia Musa</t>
  </si>
  <si>
    <t>CDG GHS Jia Musa Shahdara,Lhr</t>
  </si>
  <si>
    <t>Kot Mohibu</t>
  </si>
  <si>
    <t>Gulshad Naseem</t>
  </si>
  <si>
    <t>6346</t>
  </si>
  <si>
    <t>GHS CHUNIAN</t>
  </si>
  <si>
    <t>Chunian</t>
  </si>
  <si>
    <t>Near Cardic center main road chunian</t>
  </si>
  <si>
    <t>Main road</t>
  </si>
  <si>
    <t>City-1 chunian</t>
  </si>
  <si>
    <t>malik allah dad</t>
  </si>
  <si>
    <t>9220</t>
  </si>
  <si>
    <t>GHS KOHI WALA, KABIRWALA</t>
  </si>
  <si>
    <t>Kohiwala</t>
  </si>
  <si>
    <t>KOHIWALA</t>
  </si>
  <si>
    <t>ABDUL MUNIM</t>
  </si>
  <si>
    <t>47765</t>
  </si>
  <si>
    <t>44384</t>
  </si>
  <si>
    <t>GGHS KOTLA JAM</t>
  </si>
  <si>
    <t>Kotla Jam</t>
  </si>
  <si>
    <t>kotla jam distt bhakkar</t>
  </si>
  <si>
    <t>Naheeda Kousar</t>
  </si>
  <si>
    <t>13015</t>
  </si>
  <si>
    <t>26078</t>
  </si>
  <si>
    <t>43420</t>
  </si>
  <si>
    <t>GGPS SAMAN ABAD</t>
  </si>
  <si>
    <t>Saman Abad</t>
  </si>
  <si>
    <t>GGPS Samanabad</t>
  </si>
  <si>
    <t>Jabairpur</t>
  </si>
  <si>
    <t>SHAZIA AZIZ</t>
  </si>
  <si>
    <t>49224</t>
  </si>
  <si>
    <t>7484</t>
  </si>
  <si>
    <t>22131</t>
  </si>
  <si>
    <t>GHS MANGOWAL WEST</t>
  </si>
  <si>
    <t>Mangowal West</t>
  </si>
  <si>
    <t>mangowal west tehsil and district gujrat</t>
  </si>
  <si>
    <t>mangowal west</t>
  </si>
  <si>
    <t>mangowal</t>
  </si>
  <si>
    <t>Muhammad Ghazanfar</t>
  </si>
  <si>
    <t>1468</t>
  </si>
  <si>
    <t>43604</t>
  </si>
  <si>
    <t>GGPS DHOK GONDAL</t>
  </si>
  <si>
    <t>Dk Gobdal</t>
  </si>
  <si>
    <t>vpo dk gondal</t>
  </si>
  <si>
    <t>Dk Gondal</t>
  </si>
  <si>
    <t>Jabir Pur</t>
  </si>
  <si>
    <t>Uzma Naz</t>
  </si>
  <si>
    <t>39229</t>
  </si>
  <si>
    <t>36831</t>
  </si>
  <si>
    <t>GGPS SAJID ABAD KORAI BALOCH, KABIRWALA</t>
  </si>
  <si>
    <t>Korai Bloch</t>
  </si>
  <si>
    <t>ggps sajidAbad korai bloch</t>
  </si>
  <si>
    <t>Mongawala</t>
  </si>
  <si>
    <t>Shaheen Akther</t>
  </si>
  <si>
    <t>6249</t>
  </si>
  <si>
    <t>7546</t>
  </si>
  <si>
    <t>49254</t>
  </si>
  <si>
    <t>26124</t>
  </si>
  <si>
    <t>GPS CHHUJWAL SULEHRIAN</t>
  </si>
  <si>
    <t>SHAH GHARIB NO.2 - MALE</t>
  </si>
  <si>
    <t>Chhujwal Sulehrian</t>
  </si>
  <si>
    <t>chhujwal sulhrain p/o nadala sulehrain tehsil shakargarh</t>
  </si>
  <si>
    <t>Chhujwal Sulehrain</t>
  </si>
  <si>
    <t>Malha</t>
  </si>
  <si>
    <t>Muhammad Haseeb Akhtar</t>
  </si>
  <si>
    <t>40676</t>
  </si>
  <si>
    <t>GPS TATROT</t>
  </si>
  <si>
    <t>Tatrot</t>
  </si>
  <si>
    <t>Village Tatrot Tehsil Sohawa Distt Jhelum</t>
  </si>
  <si>
    <t>Muhammad Qazzafi</t>
  </si>
  <si>
    <t>27892</t>
  </si>
  <si>
    <t>39703</t>
  </si>
  <si>
    <t>36478</t>
  </si>
  <si>
    <t>GPS CHAK NO. 176/EB</t>
  </si>
  <si>
    <t>MIAN PAKHI - MALE</t>
  </si>
  <si>
    <t>Chak No 176/EB</t>
  </si>
  <si>
    <t>chak 176/E.B</t>
  </si>
  <si>
    <t>Chak 176/EB</t>
  </si>
  <si>
    <t>166/EB</t>
  </si>
  <si>
    <t>5659</t>
  </si>
  <si>
    <t>41118</t>
  </si>
  <si>
    <t>30827</t>
  </si>
  <si>
    <t>GGHS CDG REHMAN PURA</t>
  </si>
  <si>
    <t>Sammnabad</t>
  </si>
  <si>
    <t>CDGGHS near pani wali tanki rehmanpura ichara lahore</t>
  </si>
  <si>
    <t>rehmanpura Ichara lahore</t>
  </si>
  <si>
    <t>rehmanpura</t>
  </si>
  <si>
    <t>syeda buland kokab</t>
  </si>
  <si>
    <t>1049</t>
  </si>
  <si>
    <t>GPS DHOK MEHRAN</t>
  </si>
  <si>
    <t>Fore Pothi</t>
  </si>
  <si>
    <t>Dhok Mehran P.O Fore Pothi The Sohawa Disstt Jhelum</t>
  </si>
  <si>
    <t>Dhok Mehran</t>
  </si>
  <si>
    <t>1386</t>
  </si>
  <si>
    <t>25381</t>
  </si>
  <si>
    <t>3705</t>
  </si>
  <si>
    <t>36149</t>
  </si>
  <si>
    <t>54249</t>
  </si>
  <si>
    <t>GGES 34 WB</t>
  </si>
  <si>
    <t>RAHIM SHAH-FEMALE</t>
  </si>
  <si>
    <t>34/wb</t>
  </si>
  <si>
    <t>govt girls Elementary school 34/wb</t>
  </si>
  <si>
    <t>Qamar Fatima Sadiqee</t>
  </si>
  <si>
    <t>32700</t>
  </si>
  <si>
    <t>30225</t>
  </si>
  <si>
    <t>GHS GAJU MATTA</t>
  </si>
  <si>
    <t>gajjumatta</t>
  </si>
  <si>
    <t>hwaily gajjumatta lahore</t>
  </si>
  <si>
    <t>muhammad zubair khan</t>
  </si>
  <si>
    <t>3606</t>
  </si>
  <si>
    <t>2093</t>
  </si>
  <si>
    <t>50716</t>
  </si>
  <si>
    <t>GGHS BINAT-UL-ISLAM SAHIWAL</t>
  </si>
  <si>
    <t>Mohallah Pernami</t>
  </si>
  <si>
    <t>govt. binat-ul-islam high school sahiwal</t>
  </si>
  <si>
    <t>sahiwal city</t>
  </si>
  <si>
    <t>MRS.AKHUWAT JABEEN</t>
  </si>
  <si>
    <t>20515</t>
  </si>
  <si>
    <t>GGHS JALAL BALAGAN</t>
  </si>
  <si>
    <t>jalal balagan</t>
  </si>
  <si>
    <t>gghsjalalbalagan</t>
  </si>
  <si>
    <t>Shamim Choudhry</t>
  </si>
  <si>
    <t>34272</t>
  </si>
  <si>
    <t>32362</t>
  </si>
  <si>
    <t>GGHS ISLAMI COLONY BAHAWALPUR</t>
  </si>
  <si>
    <t>GGHS ISLAMI COLONY BWP</t>
  </si>
  <si>
    <t>ISLAMI COLONY</t>
  </si>
  <si>
    <t>BWP CITY</t>
  </si>
  <si>
    <t>Aneeqa Mazhar</t>
  </si>
  <si>
    <t>15866</t>
  </si>
  <si>
    <t>21743</t>
  </si>
  <si>
    <t>GHSS KARYAL KALAN</t>
  </si>
  <si>
    <t>karyal kalan</t>
  </si>
  <si>
    <t>GHSS karyal kalan Tehsil nowshera Virkan District Gujranwala</t>
  </si>
  <si>
    <t>sanaullah shaheen</t>
  </si>
  <si>
    <t>1823</t>
  </si>
  <si>
    <t>48732</t>
  </si>
  <si>
    <t>3399</t>
  </si>
  <si>
    <t>934</t>
  </si>
  <si>
    <t>30806</t>
  </si>
  <si>
    <t>GHS CDG PINDI RAJPUTAN KOT LAKHPAT</t>
  </si>
  <si>
    <t>GHS CDG BHS PINDI RAJPUTAN KOT LAKHPAT LAHORE</t>
  </si>
  <si>
    <t>Pindi Rajputan</t>
  </si>
  <si>
    <t>PINDI RAJPUTAN</t>
  </si>
  <si>
    <t>Hafiz Nisar Ahmad</t>
  </si>
  <si>
    <t>20513</t>
  </si>
  <si>
    <t>GGHS BOTALA SHARM SINGH</t>
  </si>
  <si>
    <t>Grw</t>
  </si>
  <si>
    <t>GGHS Botala sharam singh Grw.</t>
  </si>
  <si>
    <t>Botala Sharam Singh</t>
  </si>
  <si>
    <t>Tanzeelah Kausar</t>
  </si>
  <si>
    <t>555</t>
  </si>
  <si>
    <t>2578</t>
  </si>
  <si>
    <t>28439</t>
  </si>
  <si>
    <t>GGHS RAJOVA</t>
  </si>
  <si>
    <t>VPO RAJOYA TEHSI PHALIA DISST M.B.Din</t>
  </si>
  <si>
    <t>Helan</t>
  </si>
  <si>
    <t>Raina Kousar</t>
  </si>
  <si>
    <t>22052</t>
  </si>
  <si>
    <t>45420</t>
  </si>
  <si>
    <t>4567</t>
  </si>
  <si>
    <t>18038</t>
  </si>
  <si>
    <t>GPS CHAK NO. 488 JB</t>
  </si>
  <si>
    <t>RUSTAM SARGANA-MALE</t>
  </si>
  <si>
    <t>chak 488 jb tehsil shorkot district jhang</t>
  </si>
  <si>
    <t>Chak 488 jb</t>
  </si>
  <si>
    <t>Chak 493 jb</t>
  </si>
  <si>
    <t>23218</t>
  </si>
  <si>
    <t>20882</t>
  </si>
  <si>
    <t>GHS SAROKE</t>
  </si>
  <si>
    <t>Saroke</t>
  </si>
  <si>
    <t>GHS saroke wazirabad gujranwala</t>
  </si>
  <si>
    <t>Kakka koulo</t>
  </si>
  <si>
    <t>ali asghar</t>
  </si>
  <si>
    <t>5755</t>
  </si>
  <si>
    <t>16939</t>
  </si>
  <si>
    <t>7438</t>
  </si>
  <si>
    <t>GGPS COUMB</t>
  </si>
  <si>
    <t>KOT SABZAL - FEMALE</t>
  </si>
  <si>
    <t>Kumb</t>
  </si>
  <si>
    <t>Govt.girls.primary.school.kumb</t>
  </si>
  <si>
    <t>Mohib Shah</t>
  </si>
  <si>
    <t>43648</t>
  </si>
  <si>
    <t>41255</t>
  </si>
  <si>
    <t>GPS BHOURA NOROZ</t>
  </si>
  <si>
    <t>Bhura Noroz</t>
  </si>
  <si>
    <t>vill:Bhura NOROZ POST OFFICE BHURA HAYAL TEHSIL KAHUTA DISTRICT RAWALPINDI</t>
  </si>
  <si>
    <t>WASIF MEHMOOD</t>
  </si>
  <si>
    <t>20867</t>
  </si>
  <si>
    <t>6376</t>
  </si>
  <si>
    <t>24515</t>
  </si>
  <si>
    <t>GGPS BASTI GUGRARA</t>
  </si>
  <si>
    <t>FEMALE-18</t>
  </si>
  <si>
    <t>GUGRARA</t>
  </si>
  <si>
    <t>BASTI GUGRARA P.O BOX SHEHAR FARID CHISHTIAN</t>
  </si>
  <si>
    <t>BASTI GUGRARA</t>
  </si>
  <si>
    <t>SHEHAR FARID</t>
  </si>
  <si>
    <t>Naheed Nawaz</t>
  </si>
  <si>
    <t>GGHSS TATLAY AALI</t>
  </si>
  <si>
    <t>Tatlay Aali</t>
  </si>
  <si>
    <t>governmemt girls higher secondry school,tatlay aali</t>
  </si>
  <si>
    <t>18785</t>
  </si>
  <si>
    <t>3515</t>
  </si>
  <si>
    <t>19279</t>
  </si>
  <si>
    <t>GES WARYAM ROAD TTS</t>
  </si>
  <si>
    <t>TT SINGH</t>
  </si>
  <si>
    <t>waryam road</t>
  </si>
  <si>
    <t>Zia Colony</t>
  </si>
  <si>
    <t>391 Jb</t>
  </si>
  <si>
    <t>Rehan Hassan</t>
  </si>
  <si>
    <t>4780</t>
  </si>
  <si>
    <t>46480</t>
  </si>
  <si>
    <t>47964</t>
  </si>
  <si>
    <t>39927</t>
  </si>
  <si>
    <t>GGHS HAZRO NO.3</t>
  </si>
  <si>
    <t>govt girls high school no.3 hazro</t>
  </si>
  <si>
    <t>Hazro-ll</t>
  </si>
  <si>
    <t>Asma farid</t>
  </si>
  <si>
    <t>1446</t>
  </si>
  <si>
    <t>13692</t>
  </si>
  <si>
    <t>GGPS JAAL WALA</t>
  </si>
  <si>
    <t>TIBBA CHANDIA</t>
  </si>
  <si>
    <t>BASTI MEERANI KOT TAHIR</t>
  </si>
  <si>
    <t>BASTI MEERANI</t>
  </si>
  <si>
    <t>KOT TAHIR</t>
  </si>
  <si>
    <t>Nadia Haider</t>
  </si>
  <si>
    <t>10276</t>
  </si>
  <si>
    <t>11744</t>
  </si>
  <si>
    <t>GPS CHAK NO.507 TDA</t>
  </si>
  <si>
    <t>Patal Munda</t>
  </si>
  <si>
    <t>Chack No. 507/T.D.A  Post Office Rangpur Tehsil Kot Addu District Muzaffar Garh</t>
  </si>
  <si>
    <t>Chack No 507/TDA</t>
  </si>
  <si>
    <t>Azizabad</t>
  </si>
  <si>
    <t>41571</t>
  </si>
  <si>
    <t>GGHS JOHAR MEMORIAL</t>
  </si>
  <si>
    <t>Dhoke Ellahi Buksh</t>
  </si>
  <si>
    <t>GGHS Johar Memorial Dhoke ellahi Bukhsh Rawalpindi</t>
  </si>
  <si>
    <t>Samina Ayub</t>
  </si>
  <si>
    <t>GGPS BASTI KHALIFA NOOR SHAH</t>
  </si>
  <si>
    <t>basti noor sha mouza qadir pur</t>
  </si>
  <si>
    <t>Noor sha</t>
  </si>
  <si>
    <t>kallar wali</t>
  </si>
  <si>
    <t>5362</t>
  </si>
  <si>
    <t>33014</t>
  </si>
  <si>
    <t>GGPS TALIAN</t>
  </si>
  <si>
    <t>NANKANA CITY 2-FEMALE</t>
  </si>
  <si>
    <t>Tailan dak khana nankana sahib</t>
  </si>
  <si>
    <t>Dhere da wara</t>
  </si>
  <si>
    <t>3266</t>
  </si>
  <si>
    <t>11419</t>
  </si>
  <si>
    <t>11431</t>
  </si>
  <si>
    <t>36288</t>
  </si>
  <si>
    <t>GGHS JABBUKI</t>
  </si>
  <si>
    <t>Jabboke</t>
  </si>
  <si>
    <t>Jabboke p/o same kamoke Gujranwala</t>
  </si>
  <si>
    <t>Chak Ram Das Nou</t>
  </si>
  <si>
    <t>Sahar Amjad</t>
  </si>
  <si>
    <t>51752</t>
  </si>
  <si>
    <t>23810</t>
  </si>
  <si>
    <t>50202</t>
  </si>
  <si>
    <t>GMPS FATEH BHINDER</t>
  </si>
  <si>
    <t>Fateh Bhinder</t>
  </si>
  <si>
    <t>fateh Bhinder</t>
  </si>
  <si>
    <t>Goindky</t>
  </si>
  <si>
    <t>Zafeerah Rouf</t>
  </si>
  <si>
    <t>3865</t>
  </si>
  <si>
    <t>17990</t>
  </si>
  <si>
    <t>36954</t>
  </si>
  <si>
    <t>GGPS HUSSAIN ABAD NO.2 ABDUL HAKIM</t>
  </si>
  <si>
    <t>Husain Abad Awal</t>
  </si>
  <si>
    <t>Hashmat wala,Husain Husain Abad Awal Teh kabirewala distr khanewal</t>
  </si>
  <si>
    <t>Hashmatwala</t>
  </si>
  <si>
    <t>HUMERA NAUREEN</t>
  </si>
  <si>
    <t>7687</t>
  </si>
  <si>
    <t>14108</t>
  </si>
  <si>
    <t>13920</t>
  </si>
  <si>
    <t>7283</t>
  </si>
  <si>
    <t>43397</t>
  </si>
  <si>
    <t>GGPS SUTWAL</t>
  </si>
  <si>
    <t>Sutwal</t>
  </si>
  <si>
    <t>village sutwal p. o chakwal</t>
  </si>
  <si>
    <t>MUDDASAR  YASMIN</t>
  </si>
  <si>
    <t>2961</t>
  </si>
  <si>
    <t>38923</t>
  </si>
  <si>
    <t>11760</t>
  </si>
  <si>
    <t>7180</t>
  </si>
  <si>
    <t>3549</t>
  </si>
  <si>
    <t>21313</t>
  </si>
  <si>
    <t>GGHS JAISAL KALASRA</t>
  </si>
  <si>
    <t>Kharal azeem</t>
  </si>
  <si>
    <t>Basti jaisal kalasra</t>
  </si>
  <si>
    <t>Basti jaisal</t>
  </si>
  <si>
    <t>Kot sultan rural</t>
  </si>
  <si>
    <t>Suria jabeen</t>
  </si>
  <si>
    <t>12524</t>
  </si>
  <si>
    <t>1353</t>
  </si>
  <si>
    <t>42895</t>
  </si>
  <si>
    <t>GGHS MOHRA BANI</t>
  </si>
  <si>
    <t>darkali mamoori</t>
  </si>
  <si>
    <t>Govt. Girls high school mohra banni kallar sayedan</t>
  </si>
  <si>
    <t>mohra banni</t>
  </si>
  <si>
    <t>Darkali mamoori</t>
  </si>
  <si>
    <t>31273</t>
  </si>
  <si>
    <t>53420</t>
  </si>
  <si>
    <t>27644</t>
  </si>
  <si>
    <t>3644</t>
  </si>
  <si>
    <t>9928</t>
  </si>
  <si>
    <t>GHS CHAK NO 306 TDA</t>
  </si>
  <si>
    <t>Chak no.306/TDA Tehsil Karor</t>
  </si>
  <si>
    <t>10207</t>
  </si>
  <si>
    <t>37249</t>
  </si>
  <si>
    <t>GGMES 20/V, KHANEWAL</t>
  </si>
  <si>
    <t>Bherowal</t>
  </si>
  <si>
    <t>chak no.20-v</t>
  </si>
  <si>
    <t>20/v</t>
  </si>
  <si>
    <t>Sana Rehman</t>
  </si>
  <si>
    <t>36417</t>
  </si>
  <si>
    <t>25632</t>
  </si>
  <si>
    <t>GGPS CHAK NO. 380/TDA</t>
  </si>
  <si>
    <t>RAFIQABAD - FEMALE</t>
  </si>
  <si>
    <t>CHAK NO 380 TDA TEHSIL CHOUBARA DISTRICT LAYYAH</t>
  </si>
  <si>
    <t>Chak No 380 TDA</t>
  </si>
  <si>
    <t>Maliha Hafeez</t>
  </si>
  <si>
    <t>11053</t>
  </si>
  <si>
    <t>26492</t>
  </si>
  <si>
    <t>44085</t>
  </si>
  <si>
    <t>GGHS SALOI</t>
  </si>
  <si>
    <t>GGHS SALOI V.P.O SALOI TEH.CHOA SAIDEN SHAH DISTT.CHAKWAL</t>
  </si>
  <si>
    <t>SALOI</t>
  </si>
  <si>
    <t>RUBINA ASHRAF</t>
  </si>
  <si>
    <t>7796</t>
  </si>
  <si>
    <t>19903</t>
  </si>
  <si>
    <t>GHS CHAK NO 128 JB</t>
  </si>
  <si>
    <t>Chak 128 Jb Chiniot</t>
  </si>
  <si>
    <t>Govt High School Chak no 128 JB</t>
  </si>
  <si>
    <t>Chak No 128 JB</t>
  </si>
  <si>
    <t>Muhammad arif</t>
  </si>
  <si>
    <t>13694</t>
  </si>
  <si>
    <t>GGPS BHANU WALA</t>
  </si>
  <si>
    <t>BASTI RINDAN</t>
  </si>
  <si>
    <t>BASTI NOOR PUR THABER BAHNU WALA</t>
  </si>
  <si>
    <t>JAAL WALA</t>
  </si>
  <si>
    <t>Rukhasana Shaheen</t>
  </si>
  <si>
    <t>50826</t>
  </si>
  <si>
    <t>GGES 149/9-L</t>
  </si>
  <si>
    <t>149/9L</t>
  </si>
  <si>
    <t>chak No. 149/9.L</t>
  </si>
  <si>
    <t>Quratulain</t>
  </si>
  <si>
    <t>3698</t>
  </si>
  <si>
    <t>23421</t>
  </si>
  <si>
    <t>31288</t>
  </si>
  <si>
    <t>GES MC YOUSAF PARK</t>
  </si>
  <si>
    <t>Kot Muhibbo</t>
  </si>
  <si>
    <t>cdg boys middle school yousaf park shahdara lahore</t>
  </si>
  <si>
    <t>KHALID MUHMOOD</t>
  </si>
  <si>
    <t>32361</t>
  </si>
  <si>
    <t>GPS CHAK 294 JB</t>
  </si>
  <si>
    <t>294jb</t>
  </si>
  <si>
    <t>GPS 294jb</t>
  </si>
  <si>
    <t>Chak 294jb</t>
  </si>
  <si>
    <t>290jb</t>
  </si>
  <si>
    <t>Muhammad Saleem Akhter</t>
  </si>
  <si>
    <t>45062</t>
  </si>
  <si>
    <t>6683</t>
  </si>
  <si>
    <t>GGPS BALOCHAN WALA</t>
  </si>
  <si>
    <t>Balochanwala</t>
  </si>
  <si>
    <t>Balochan Wala</t>
  </si>
  <si>
    <t>9621</t>
  </si>
  <si>
    <t>GPS CHAK NO 483 TDA</t>
  </si>
  <si>
    <t>Chak No 483TDA</t>
  </si>
  <si>
    <t>Chak No 483 TDA</t>
  </si>
  <si>
    <t>1156</t>
  </si>
  <si>
    <t>26560</t>
  </si>
  <si>
    <t>27603</t>
  </si>
  <si>
    <t>53085</t>
  </si>
  <si>
    <t>GES JATHIANA</t>
  </si>
  <si>
    <t>Jathiana</t>
  </si>
  <si>
    <t>Jathiana  Distt OkarA</t>
  </si>
  <si>
    <t>Jithiana</t>
  </si>
  <si>
    <t>Feroz</t>
  </si>
  <si>
    <t>18650</t>
  </si>
  <si>
    <t>18500</t>
  </si>
  <si>
    <t>38424</t>
  </si>
  <si>
    <t>GHS 321/WB</t>
  </si>
  <si>
    <t>chak 321wb</t>
  </si>
  <si>
    <t>ghs 321wb tehsil dunyapur district lodhran</t>
  </si>
  <si>
    <t>chak 321 wb</t>
  </si>
  <si>
    <t>chak 342 wb</t>
  </si>
  <si>
    <t>ABDUL RAZZAQ NAEEM</t>
  </si>
  <si>
    <t>511</t>
  </si>
  <si>
    <t>11324</t>
  </si>
  <si>
    <t>GPS NIHAL WALA</t>
  </si>
  <si>
    <t>Nihal Wala</t>
  </si>
  <si>
    <t>basti mouza nihal wala</t>
  </si>
  <si>
    <t>Fateh Pur Janobi</t>
  </si>
  <si>
    <t>Fayyaz Hussain</t>
  </si>
  <si>
    <t>4511</t>
  </si>
  <si>
    <t>46727</t>
  </si>
  <si>
    <t>GPS TOLA BANGE KHEL</t>
  </si>
  <si>
    <t>TOLA BANGI KHEL-MALE</t>
  </si>
  <si>
    <t>Pos Bangi Khel Darmyani</t>
  </si>
  <si>
    <t>G.P.S Tola Bangi Khel Teh; Esa Khel Distt; Mianwali</t>
  </si>
  <si>
    <t>Tola Bangi Khel</t>
  </si>
  <si>
    <t>34135</t>
  </si>
  <si>
    <t>34385</t>
  </si>
  <si>
    <t>20873</t>
  </si>
  <si>
    <t>49543</t>
  </si>
  <si>
    <t>2482</t>
  </si>
  <si>
    <t>16483</t>
  </si>
  <si>
    <t>GES CHAK 409 GB TANDLIANWALA FSD</t>
  </si>
  <si>
    <t>TANDLIANWALA 2 - MALE</t>
  </si>
  <si>
    <t>Chak No 409 Gb</t>
  </si>
  <si>
    <t>CHAK nO.  409GB, TEHSIL TANDLIANWALA, DISTRICT FAISALABAD</t>
  </si>
  <si>
    <t>Chak No.409 GB</t>
  </si>
  <si>
    <t>cHAK NO. 405 GB</t>
  </si>
  <si>
    <t>Muhammad Alam  Siddiqui</t>
  </si>
  <si>
    <t>7082</t>
  </si>
  <si>
    <t>13755</t>
  </si>
  <si>
    <t>34040</t>
  </si>
  <si>
    <t>51268</t>
  </si>
  <si>
    <t>GGES 154/9-L</t>
  </si>
  <si>
    <t>Shahmurad</t>
  </si>
  <si>
    <t>154/9l</t>
  </si>
  <si>
    <t>153/9l</t>
  </si>
  <si>
    <t>Fatima Sattar</t>
  </si>
  <si>
    <t>37831</t>
  </si>
  <si>
    <t>9254</t>
  </si>
  <si>
    <t>8205</t>
  </si>
  <si>
    <t>39515</t>
  </si>
  <si>
    <t>GMPS CHAK NO. 116 NP</t>
  </si>
  <si>
    <t>ZAFFAR ABAD - FEMALE</t>
  </si>
  <si>
    <t>Taranda Mir Kham</t>
  </si>
  <si>
    <t>chak 116/np</t>
  </si>
  <si>
    <t>Chak 116/np</t>
  </si>
  <si>
    <t>Zaffarabad</t>
  </si>
  <si>
    <t>Sabiha Aziz</t>
  </si>
  <si>
    <t>2215</t>
  </si>
  <si>
    <t>16412</t>
  </si>
  <si>
    <t>GGPS CHAK NO 42 JB I</t>
  </si>
  <si>
    <t>KANANSIAN - FEMALE</t>
  </si>
  <si>
    <t>42 Jb 1</t>
  </si>
  <si>
    <t>Chak no 42 jb 1 matmal</t>
  </si>
  <si>
    <t>Matmal</t>
  </si>
  <si>
    <t>Qadarkay</t>
  </si>
  <si>
    <t>10828</t>
  </si>
  <si>
    <t>53526</t>
  </si>
  <si>
    <t>GGPS 39/2.L JORAY</t>
  </si>
  <si>
    <t>39/2L joray</t>
  </si>
  <si>
    <t>Chak no. 39/2L tehsil and district okara</t>
  </si>
  <si>
    <t>39/2L</t>
  </si>
  <si>
    <t>27/4L</t>
  </si>
  <si>
    <t>Farhat naseem</t>
  </si>
  <si>
    <t>9560</t>
  </si>
  <si>
    <t>46703</t>
  </si>
  <si>
    <t>GPS HOOT</t>
  </si>
  <si>
    <t>Poss Bangi Khel</t>
  </si>
  <si>
    <t>village hout, p/o Tola Bangi Khel , tehsil ESA Khel dist mianwali</t>
  </si>
  <si>
    <t>Hout</t>
  </si>
  <si>
    <t>Changez Khan</t>
  </si>
  <si>
    <t>16018</t>
  </si>
  <si>
    <t>GGPS CHAK 268 RB CHIMMA</t>
  </si>
  <si>
    <t>263dijkot</t>
  </si>
  <si>
    <t>Quraisheawala</t>
  </si>
  <si>
    <t>Sajida Zia</t>
  </si>
  <si>
    <t>2346</t>
  </si>
  <si>
    <t>19820</t>
  </si>
  <si>
    <t>17474</t>
  </si>
  <si>
    <t>35355</t>
  </si>
  <si>
    <t>GGES 243/EB</t>
  </si>
  <si>
    <t>243-EB</t>
  </si>
  <si>
    <t>Chak 243-E.B teh burewala dist Vehari</t>
  </si>
  <si>
    <t>283 EB</t>
  </si>
  <si>
    <t>Shazia Sarfraz</t>
  </si>
  <si>
    <t>28004</t>
  </si>
  <si>
    <t>35447</t>
  </si>
  <si>
    <t>647</t>
  </si>
  <si>
    <t>13445</t>
  </si>
  <si>
    <t>GPS QASIM WALA</t>
  </si>
  <si>
    <t>Qasim Wala</t>
  </si>
  <si>
    <t>gps qasim wala basti gujhra kotla mughlsn teh jam pur</t>
  </si>
  <si>
    <t>Gujhra</t>
  </si>
  <si>
    <t>Qamber Shah</t>
  </si>
  <si>
    <t>3483</t>
  </si>
  <si>
    <t>44564</t>
  </si>
  <si>
    <t>GMPS RAZI SHAH JANUBI PO NOTAK</t>
  </si>
  <si>
    <t>PIR ASHAB - FEMALE</t>
  </si>
  <si>
    <t>Razai Shah Janobi</t>
  </si>
  <si>
    <t>govt model p, s razai Shah Janobi p.o notak Teh and distt bhakkar</t>
  </si>
  <si>
    <t>Tahira Anbreen</t>
  </si>
  <si>
    <t>GPS CHUGHA WALI</t>
  </si>
  <si>
    <t>Hari Ram Pura</t>
  </si>
  <si>
    <t>kat chugha p/o dunga bunga tehsil and district bahawal nagar</t>
  </si>
  <si>
    <t>Kat Chugha</t>
  </si>
  <si>
    <t>Israr hussain</t>
  </si>
  <si>
    <t>1599</t>
  </si>
  <si>
    <t>51251</t>
  </si>
  <si>
    <t>GGCMS 119/9-L</t>
  </si>
  <si>
    <t>119/9.L</t>
  </si>
  <si>
    <t>chak no 119/9.L sahiwal</t>
  </si>
  <si>
    <t>Humaira Noor</t>
  </si>
  <si>
    <t>3691</t>
  </si>
  <si>
    <t>1168</t>
  </si>
  <si>
    <t>GPS MAULVI RAHIM BUKHSH</t>
  </si>
  <si>
    <t>Basti Panno Mouza Khamisa Pakhiwar</t>
  </si>
  <si>
    <t>Panno</t>
  </si>
  <si>
    <t>46732</t>
  </si>
  <si>
    <t>GPS MADO CHANDA</t>
  </si>
  <si>
    <t>Poss Bangi Khel Darmiyani</t>
  </si>
  <si>
    <t>vill.mado Chanda p/o tola bangi khel teh.isa khel distt.mianwali</t>
  </si>
  <si>
    <t>Madochanda</t>
  </si>
  <si>
    <t>Rashid Iqbal</t>
  </si>
  <si>
    <t>6790</t>
  </si>
  <si>
    <t>31185</t>
  </si>
  <si>
    <t>31297</t>
  </si>
  <si>
    <t>GES CDG JAFARIA COLONY</t>
  </si>
  <si>
    <t>Jafaria Colony</t>
  </si>
  <si>
    <t>jafaria colony bund road lahore</t>
  </si>
  <si>
    <t>Rizwan Park</t>
  </si>
  <si>
    <t>Hafiz Muhammad Anwar</t>
  </si>
  <si>
    <t>19284</t>
  </si>
  <si>
    <t>GES CHAK 318 JB</t>
  </si>
  <si>
    <t>Chak 318 JB TOBA TEK SINGH</t>
  </si>
  <si>
    <t>Chak 318 Jb</t>
  </si>
  <si>
    <t>Chak 319 JB</t>
  </si>
  <si>
    <t>5561</t>
  </si>
  <si>
    <t>8030</t>
  </si>
  <si>
    <t>23641</t>
  </si>
  <si>
    <t>46702</t>
  </si>
  <si>
    <t>GPS DANGOT</t>
  </si>
  <si>
    <t>g p s dingot markaz tola bangi khel</t>
  </si>
  <si>
    <t>Dingot Gohar Wala</t>
  </si>
  <si>
    <t>Lal Badshah</t>
  </si>
  <si>
    <t>26295</t>
  </si>
  <si>
    <t>8931</t>
  </si>
  <si>
    <t>36482</t>
  </si>
  <si>
    <t>19901</t>
  </si>
  <si>
    <t>GHS CHAK NO 14 JB</t>
  </si>
  <si>
    <t>Chak no 14jb</t>
  </si>
  <si>
    <t>Muradwala</t>
  </si>
  <si>
    <t>ALI RAZA</t>
  </si>
  <si>
    <t>22434</t>
  </si>
  <si>
    <t>4303</t>
  </si>
  <si>
    <t>38929</t>
  </si>
  <si>
    <t>68278</t>
  </si>
  <si>
    <t>GGES HAJI SHAH</t>
  </si>
  <si>
    <t>SURG - FEMALE</t>
  </si>
  <si>
    <t>Haji Shah</t>
  </si>
  <si>
    <t>government girl elementary school haji shah p.o haji shah</t>
  </si>
  <si>
    <t>Zaria Begam</t>
  </si>
  <si>
    <t>6387</t>
  </si>
  <si>
    <t>50543</t>
  </si>
  <si>
    <t>GGPS 55-A/12-L</t>
  </si>
  <si>
    <t>OKANWALA SHARQI-B-FEMALE</t>
  </si>
  <si>
    <t>55A/12l</t>
  </si>
  <si>
    <t>Chak  no. 55a/12l</t>
  </si>
  <si>
    <t>55A  /12l</t>
  </si>
  <si>
    <t>57/12l</t>
  </si>
  <si>
    <t>Sarwat  Yasmin</t>
  </si>
  <si>
    <t>42481</t>
  </si>
  <si>
    <t>16271</t>
  </si>
  <si>
    <t>42168</t>
  </si>
  <si>
    <t>43431</t>
  </si>
  <si>
    <t>GGPS MUNDI</t>
  </si>
  <si>
    <t>Mundi</t>
  </si>
  <si>
    <t>Ggpsmundi post office joor</t>
  </si>
  <si>
    <t>Jand Awan</t>
  </si>
  <si>
    <t>Sundas Rida</t>
  </si>
  <si>
    <t>13484</t>
  </si>
  <si>
    <t>52268</t>
  </si>
  <si>
    <t>GES WANAIKH</t>
  </si>
  <si>
    <t>WANAIK</t>
  </si>
  <si>
    <t>MOZA WANAIK POST OFFICE SHER GIRH TEHSIL DEPALPUR DISTRICT OKARA</t>
  </si>
  <si>
    <t>DHOOL CHOOR</t>
  </si>
  <si>
    <t>14017</t>
  </si>
  <si>
    <t>GGPS KOLIAN HAMEED</t>
  </si>
  <si>
    <t>Kollian Hameed</t>
  </si>
  <si>
    <t>govt girls primary school kollian hameed</t>
  </si>
  <si>
    <t>KollianHameed</t>
  </si>
  <si>
    <t>44688</t>
  </si>
  <si>
    <t>GGPS QAIM WALA</t>
  </si>
  <si>
    <t>Chak No 184 Tda</t>
  </si>
  <si>
    <t>Dera Qaim wala 184tda shumali</t>
  </si>
  <si>
    <t>Qaim Wala</t>
  </si>
  <si>
    <t>183-184 TDA</t>
  </si>
  <si>
    <t>Rifat Perveen</t>
  </si>
  <si>
    <t>20874</t>
  </si>
  <si>
    <t>53131</t>
  </si>
  <si>
    <t>GGES CHAK NO. 12/1-R</t>
  </si>
  <si>
    <t>JOIYA - FEMALE</t>
  </si>
  <si>
    <t>12/1R</t>
  </si>
  <si>
    <t>G.G E/S chak12/1R</t>
  </si>
  <si>
    <t>15/1R</t>
  </si>
  <si>
    <t>Sana Riaz</t>
  </si>
  <si>
    <t>46712</t>
  </si>
  <si>
    <t>GPS HASSAN SHODO</t>
  </si>
  <si>
    <t>Matu Khel</t>
  </si>
  <si>
    <t>hasan Shodo Uc tola bangi khel teh esakhel</t>
  </si>
  <si>
    <t>Hassan Shodo</t>
  </si>
  <si>
    <t>NAVEED AHMAD</t>
  </si>
  <si>
    <t>9169</t>
  </si>
  <si>
    <t>50027</t>
  </si>
  <si>
    <t>GGES TRINDA MIR KHAN</t>
  </si>
  <si>
    <t>TaranaDA MIR  Khan</t>
  </si>
  <si>
    <t>taranada Mir khan</t>
  </si>
  <si>
    <t>Taranada Mir Khan</t>
  </si>
  <si>
    <t>Zafarabad</t>
  </si>
  <si>
    <t>Maria Asghar</t>
  </si>
  <si>
    <t>56083</t>
  </si>
  <si>
    <t>GGHSS NOORPUR NAURANGA</t>
  </si>
  <si>
    <t>Noorpur Nauranga</t>
  </si>
  <si>
    <t>GGHSS noorpur nauranga</t>
  </si>
  <si>
    <t>Noorpur</t>
  </si>
  <si>
    <t>Jamal Channar</t>
  </si>
  <si>
    <t>SHABNAM MUBARAK</t>
  </si>
  <si>
    <t>43434</t>
  </si>
  <si>
    <t>GGPS REHRA</t>
  </si>
  <si>
    <t>Rehra</t>
  </si>
  <si>
    <t>Village Rehra po ghazial teh &amp; distt chakwal</t>
  </si>
  <si>
    <t>MulhalMughlan</t>
  </si>
  <si>
    <t>Asma Rashid</t>
  </si>
  <si>
    <t>6435</t>
  </si>
  <si>
    <t>36588</t>
  </si>
  <si>
    <t>GHS FAZIL SHAH, P/O SARDAR PUR, SARAI SIDHU</t>
  </si>
  <si>
    <t>fazil shah</t>
  </si>
  <si>
    <t>fazil shah P/O sardar pur Tehsil Kabirwala District Khanewal</t>
  </si>
  <si>
    <t>SARDAR PUR</t>
  </si>
  <si>
    <t>Syed Alamdar Hussain Shah</t>
  </si>
  <si>
    <t>47257</t>
  </si>
  <si>
    <t>34173</t>
  </si>
  <si>
    <t>46729</t>
  </si>
  <si>
    <t>GPS CHASHANA GHUNDA</t>
  </si>
  <si>
    <t>sanda</t>
  </si>
  <si>
    <t>Muhammad Javed Iqbal</t>
  </si>
  <si>
    <t>22146</t>
  </si>
  <si>
    <t>39874</t>
  </si>
  <si>
    <t>38874</t>
  </si>
  <si>
    <t>52833</t>
  </si>
  <si>
    <t>GGPS BHART GARH</t>
  </si>
  <si>
    <t>bhart garh</t>
  </si>
  <si>
    <t>p/o box basir pur  bhart garh</t>
  </si>
  <si>
    <t>shamad</t>
  </si>
  <si>
    <t>Yasmin Sae</t>
  </si>
  <si>
    <t>23952</t>
  </si>
  <si>
    <t>GGPS MALEKAY</t>
  </si>
  <si>
    <t>Mallaykey</t>
  </si>
  <si>
    <t>mallaykeu p.o ranaykey daska sialko</t>
  </si>
  <si>
    <t>Siokey</t>
  </si>
  <si>
    <t>Shabana lateef</t>
  </si>
  <si>
    <t>24021</t>
  </si>
  <si>
    <t>1032</t>
  </si>
  <si>
    <t>31610</t>
  </si>
  <si>
    <t>44521</t>
  </si>
  <si>
    <t>GGPS DHANDHLA BHAKKAR</t>
  </si>
  <si>
    <t>BHAKKAR HQ - FEMALE</t>
  </si>
  <si>
    <t>Nashaib</t>
  </si>
  <si>
    <t>p/s mohalla dhandla Bhakkar</t>
  </si>
  <si>
    <t>Sajida Rani</t>
  </si>
  <si>
    <t>9386</t>
  </si>
  <si>
    <t>10167</t>
  </si>
  <si>
    <t>3919</t>
  </si>
  <si>
    <t>46724</t>
  </si>
  <si>
    <t>GPS KHOI HABAT KHEL</t>
  </si>
  <si>
    <t>BORH KHOI-MALE</t>
  </si>
  <si>
    <t>Pos Bangi Khel Sharqi</t>
  </si>
  <si>
    <t>khoi haibat khel p/o kalabagh.</t>
  </si>
  <si>
    <t>Khoi Haibat Khel</t>
  </si>
  <si>
    <t>Tabi Sar</t>
  </si>
  <si>
    <t>Asmat Ullah</t>
  </si>
  <si>
    <t>19290</t>
  </si>
  <si>
    <t>GES CHAK 295 JB</t>
  </si>
  <si>
    <t>davi das</t>
  </si>
  <si>
    <t>Chak No. 295 JB</t>
  </si>
  <si>
    <t>Chak no. 295 JB</t>
  </si>
  <si>
    <t>Chak No. 290 JB</t>
  </si>
  <si>
    <t>Muhammad afzal</t>
  </si>
  <si>
    <t>5354</t>
  </si>
  <si>
    <t>GPS BASTI HAAJI KHAN</t>
  </si>
  <si>
    <t>Kotla Niazi</t>
  </si>
  <si>
    <t>gbps basti Haaji khan</t>
  </si>
  <si>
    <t>Rasool Bux</t>
  </si>
  <si>
    <t>GGPS KOTLI BASAKHA SINGH</t>
  </si>
  <si>
    <t>Kotly besakha Singh</t>
  </si>
  <si>
    <t>kotly besakha Singh P.O. Budha goraya daska sialkot</t>
  </si>
  <si>
    <t>Budha goraya</t>
  </si>
  <si>
    <t>Uzma Ilyas</t>
  </si>
  <si>
    <t>7420</t>
  </si>
  <si>
    <t>28814</t>
  </si>
  <si>
    <t>35473</t>
  </si>
  <si>
    <t>GGES CHAK NO. 319 /EB</t>
  </si>
  <si>
    <t>319/EB</t>
  </si>
  <si>
    <t>GGES 319/EB</t>
  </si>
  <si>
    <t>305/EB</t>
  </si>
  <si>
    <t>Rashida Tasneem</t>
  </si>
  <si>
    <t>13704</t>
  </si>
  <si>
    <t>GGPS QUAID ABAD CHAKWAL</t>
  </si>
  <si>
    <t>jhangir town</t>
  </si>
  <si>
    <t>Jahangir Town</t>
  </si>
  <si>
    <t>Sobia Khalil</t>
  </si>
  <si>
    <t>20443</t>
  </si>
  <si>
    <t>26240</t>
  </si>
  <si>
    <t>50656</t>
  </si>
  <si>
    <t>GGHS HARAPPA</t>
  </si>
  <si>
    <t>HARAPPA CITY</t>
  </si>
  <si>
    <t>GOVT.GIRLS HIGH SCHOOL HARAPPA CITY DISTT.SAHIWAL</t>
  </si>
  <si>
    <t>FARKHANDA MUNAWAR</t>
  </si>
  <si>
    <t>19432</t>
  </si>
  <si>
    <t>GPS CHAK 376 JB I</t>
  </si>
  <si>
    <t>Basti Jalal Khan</t>
  </si>
  <si>
    <t>Chak No. 376 J.B  T. T. Singh</t>
  </si>
  <si>
    <t>Chak No 376 JB</t>
  </si>
  <si>
    <t>Chak No 319 JB</t>
  </si>
  <si>
    <t>Muhammad Boota</t>
  </si>
  <si>
    <t>16086</t>
  </si>
  <si>
    <t>32788</t>
  </si>
  <si>
    <t>19283</t>
  </si>
  <si>
    <t>GES CHAK 319 JB</t>
  </si>
  <si>
    <t>319 Jb</t>
  </si>
  <si>
    <t>319 jb t t singh</t>
  </si>
  <si>
    <t>Muhammad Iqbal Javaid</t>
  </si>
  <si>
    <t>8350</t>
  </si>
  <si>
    <t>7923</t>
  </si>
  <si>
    <t>select apparatus</t>
  </si>
  <si>
    <t>50729</t>
  </si>
  <si>
    <t>GGHS 78/ 5-L</t>
  </si>
  <si>
    <t>Shamas Pur</t>
  </si>
  <si>
    <t>Govt.Girls High School 78/5L Sahiwal</t>
  </si>
  <si>
    <t>Chak No.78/5L Sahiwal</t>
  </si>
  <si>
    <t>Chak No. 78/5L Sahiwal</t>
  </si>
  <si>
    <t>6417</t>
  </si>
  <si>
    <t>50509</t>
  </si>
  <si>
    <t>GGCMES 12/11-L</t>
  </si>
  <si>
    <t>12/11-L</t>
  </si>
  <si>
    <t>Chak no 12/11-L</t>
  </si>
  <si>
    <t>12 /11-L</t>
  </si>
  <si>
    <t>18/11-L</t>
  </si>
  <si>
    <t>Rubina Munir</t>
  </si>
  <si>
    <t>5044</t>
  </si>
  <si>
    <t>17402</t>
  </si>
  <si>
    <t>51931</t>
  </si>
  <si>
    <t>51091</t>
  </si>
  <si>
    <t>GGES 99/6-R</t>
  </si>
  <si>
    <t>99/6r</t>
  </si>
  <si>
    <t>99/r</t>
  </si>
  <si>
    <t>Mahwish Arooge</t>
  </si>
  <si>
    <t>11256</t>
  </si>
  <si>
    <t>22820</t>
  </si>
  <si>
    <t>5912</t>
  </si>
  <si>
    <t>14608</t>
  </si>
  <si>
    <t>GGPS ASHRAF ABAD</t>
  </si>
  <si>
    <t>AshrafAbad</t>
  </si>
  <si>
    <t>Govt. girls. primary school  Ashrafabad</t>
  </si>
  <si>
    <t>Matupura</t>
  </si>
  <si>
    <t>RAZIA BEGUM</t>
  </si>
  <si>
    <t>7366</t>
  </si>
  <si>
    <t>2909</t>
  </si>
  <si>
    <t>52782</t>
  </si>
  <si>
    <t>GGPS BATAK</t>
  </si>
  <si>
    <t>Batak</t>
  </si>
  <si>
    <t>GGPS Batak Basirpur</t>
  </si>
  <si>
    <t>Tabasum Batool</t>
  </si>
  <si>
    <t>10884</t>
  </si>
  <si>
    <t>2468</t>
  </si>
  <si>
    <t>52606</t>
  </si>
  <si>
    <t>GPS BHAGWAN PURA</t>
  </si>
  <si>
    <t>SUKH PUR - MALE</t>
  </si>
  <si>
    <t>Bhagwanpura</t>
  </si>
  <si>
    <t>bhagwanpura</t>
  </si>
  <si>
    <t>Saleem Haider Sajid</t>
  </si>
  <si>
    <t>GGES MC AMIN ABAD</t>
  </si>
  <si>
    <t>Aminabad</t>
  </si>
  <si>
    <t>govt mcgirls elementary school aminabad rasheed chowk samanabad faisalabad</t>
  </si>
  <si>
    <t>City Faisalabad</t>
  </si>
  <si>
    <t>Samnabad</t>
  </si>
  <si>
    <t>MISBAH KANWAL</t>
  </si>
  <si>
    <t>7516</t>
  </si>
  <si>
    <t>GGPS BARKAT ALI</t>
  </si>
  <si>
    <t>Nawz Wasa</t>
  </si>
  <si>
    <t>chock shahbaz pur ggps basti barkat ali</t>
  </si>
  <si>
    <t>Bsatishadi</t>
  </si>
  <si>
    <t>Bhuta Wahan</t>
  </si>
  <si>
    <t>Kalsoom Sultan</t>
  </si>
  <si>
    <t>22805</t>
  </si>
  <si>
    <t>22066</t>
  </si>
  <si>
    <t>90304</t>
  </si>
  <si>
    <t>GGCMES KAMMAN</t>
  </si>
  <si>
    <t>mauza kamman</t>
  </si>
  <si>
    <t>Safeen afzal</t>
  </si>
  <si>
    <t>26710</t>
  </si>
  <si>
    <t>5111</t>
  </si>
  <si>
    <t>26226</t>
  </si>
  <si>
    <t>GGPS KHARAL JEWALA</t>
  </si>
  <si>
    <t>CHAK AMRU- FEMALE</t>
  </si>
  <si>
    <t>Kharal Jawala</t>
  </si>
  <si>
    <t>village kharal jawala post office khaira tehsil Shakargarh district Narowal</t>
  </si>
  <si>
    <t>Khaira</t>
  </si>
  <si>
    <t>36422</t>
  </si>
  <si>
    <t>GMPS 76 WB</t>
  </si>
  <si>
    <t>76wb</t>
  </si>
  <si>
    <t>chak no 76 wb vhr</t>
  </si>
  <si>
    <t>Chan No 76 Wb Vhr</t>
  </si>
  <si>
    <t>78wb Vhr</t>
  </si>
  <si>
    <t>Ruqia Anwer</t>
  </si>
  <si>
    <t>9177</t>
  </si>
  <si>
    <t>28238</t>
  </si>
  <si>
    <t>31360</t>
  </si>
  <si>
    <t>3939</t>
  </si>
  <si>
    <t>27938</t>
  </si>
  <si>
    <t>50981</t>
  </si>
  <si>
    <t>GES  46/GD</t>
  </si>
  <si>
    <t>CHAK NO.46/GD</t>
  </si>
  <si>
    <t>CHAK NO.46/GD POST OFFICE NOORSHAH SAHIWAL</t>
  </si>
  <si>
    <t>CHAK NO.48/GD</t>
  </si>
  <si>
    <t>Ghulam Qadir</t>
  </si>
  <si>
    <t>3604</t>
  </si>
  <si>
    <t>53695</t>
  </si>
  <si>
    <t>GPS CHAK 6/GD</t>
  </si>
  <si>
    <t>Chak 6/GD tehsil renala khurd district okara</t>
  </si>
  <si>
    <t>Chak 6/GD</t>
  </si>
  <si>
    <t>ASADULLAH SIAL</t>
  </si>
  <si>
    <t>2928</t>
  </si>
  <si>
    <t>2874</t>
  </si>
  <si>
    <t>26443</t>
  </si>
  <si>
    <t>GGCMS CHHAHLA</t>
  </si>
  <si>
    <t>SUKHO CHAK - FEMALE</t>
  </si>
  <si>
    <t>Chhahla</t>
  </si>
  <si>
    <t>village chhahla post office chhahla</t>
  </si>
  <si>
    <t>Robina Siddique</t>
  </si>
  <si>
    <t>5722</t>
  </si>
  <si>
    <t>GPS CHAK NO 5/GD</t>
  </si>
  <si>
    <t>chak no 5/G.D tehsil renala khurd district okara</t>
  </si>
  <si>
    <t>5/ GD</t>
  </si>
  <si>
    <t>43801</t>
  </si>
  <si>
    <t>8163</t>
  </si>
  <si>
    <t>GES CHAKKI SHEIKH JEE</t>
  </si>
  <si>
    <t>Chaki Sheikh Jee</t>
  </si>
  <si>
    <t>VPO chaki sheikh jee teh Lawa District chakwal</t>
  </si>
  <si>
    <t>Lawa  Rural</t>
  </si>
  <si>
    <t>Ishtiaq Ahmed Mohsin</t>
  </si>
  <si>
    <t>15469</t>
  </si>
  <si>
    <t>26123</t>
  </si>
  <si>
    <t>GPS TONDI</t>
  </si>
  <si>
    <t>Tondi</t>
  </si>
  <si>
    <t>Vill Tondi ,PO Sahari,Teh Shakar garh. Distt NWL.</t>
  </si>
  <si>
    <t>Mallah</t>
  </si>
  <si>
    <t>7196</t>
  </si>
  <si>
    <t>53006</t>
  </si>
  <si>
    <t>40065</t>
  </si>
  <si>
    <t>53618</t>
  </si>
  <si>
    <t>GES CHAK 9 GD</t>
  </si>
  <si>
    <t>9gd</t>
  </si>
  <si>
    <t>Uc 4/GD</t>
  </si>
  <si>
    <t>14223</t>
  </si>
  <si>
    <t>24950</t>
  </si>
  <si>
    <t>10727</t>
  </si>
  <si>
    <t>GGPS NO.3 ABU ZAHBI COLONY NO 3</t>
  </si>
  <si>
    <t>54/p</t>
  </si>
  <si>
    <t>Abu Dhabi Colony no.3</t>
  </si>
  <si>
    <t>Abu Dhabi Colony No 3</t>
  </si>
  <si>
    <t>51/p</t>
  </si>
  <si>
    <t>15951</t>
  </si>
  <si>
    <t>39329</t>
  </si>
  <si>
    <t>33084</t>
  </si>
  <si>
    <t>GGPS DUFFER LERGAR</t>
  </si>
  <si>
    <t>Daffar Langar</t>
  </si>
  <si>
    <t>Village Daffar Langar Nankana Sahib</t>
  </si>
  <si>
    <t>Azra Bano</t>
  </si>
  <si>
    <t>2810</t>
  </si>
  <si>
    <t>1335</t>
  </si>
  <si>
    <t>20728</t>
  </si>
  <si>
    <t>GGES CHEHAL KHURD</t>
  </si>
  <si>
    <t>Qila Didar Singh</t>
  </si>
  <si>
    <t>3328</t>
  </si>
  <si>
    <t>GGPS BHATTA NO.3 BAHAWALPUR</t>
  </si>
  <si>
    <t>Areen</t>
  </si>
  <si>
    <t>bhatta no 3</t>
  </si>
  <si>
    <t>Dera Ezat</t>
  </si>
  <si>
    <t>Nuzhat Jabeen</t>
  </si>
  <si>
    <t>2309</t>
  </si>
  <si>
    <t>45780</t>
  </si>
  <si>
    <t>GPS DHOK MARDWAL</t>
  </si>
  <si>
    <t>dhok mardwal Vpo mardwal</t>
  </si>
  <si>
    <t>4553</t>
  </si>
  <si>
    <t>4517</t>
  </si>
  <si>
    <t>20729</t>
  </si>
  <si>
    <t>GGES MUSA DUGGAL</t>
  </si>
  <si>
    <t>Post Office Qila Didar Singh,Tehsil &amp;  District Gujranwala</t>
  </si>
  <si>
    <t>Mariam Sultan</t>
  </si>
  <si>
    <t>9830</t>
  </si>
  <si>
    <t>26040</t>
  </si>
  <si>
    <t>3928</t>
  </si>
  <si>
    <t>GHS CHANNAN PEER</t>
  </si>
  <si>
    <t>Channan Peer</t>
  </si>
  <si>
    <t>Channan peer yazman</t>
  </si>
  <si>
    <t>Asim Altaf</t>
  </si>
  <si>
    <t>33328</t>
  </si>
  <si>
    <t>GGES QILA MIR ZAMAN</t>
  </si>
  <si>
    <t>Qila Mir zaman</t>
  </si>
  <si>
    <t>GGES Qila Mir zaman chak#8 tehsil. safdarabad</t>
  </si>
  <si>
    <t>4637</t>
  </si>
  <si>
    <t>24010</t>
  </si>
  <si>
    <t>23009</t>
  </si>
  <si>
    <t>33569</t>
  </si>
  <si>
    <t>GGPS TITRAN WALA</t>
  </si>
  <si>
    <t>Titran Wala chak 115</t>
  </si>
  <si>
    <t>Titran wala chak no 115 rb</t>
  </si>
  <si>
    <t>Titran Wala Chak no 115</t>
  </si>
  <si>
    <t>Padorian</t>
  </si>
  <si>
    <t>yasmin qamar</t>
  </si>
  <si>
    <t>18692</t>
  </si>
  <si>
    <t>54775</t>
  </si>
  <si>
    <t>GHS CHAK NO 146/DNB</t>
  </si>
  <si>
    <t>146 Dnb</t>
  </si>
  <si>
    <t>chak 146dnb Tehsil Yazman bahawalpur</t>
  </si>
  <si>
    <t>Meerana</t>
  </si>
  <si>
    <t>Muhammad Abu Ubaid</t>
  </si>
  <si>
    <t>2491</t>
  </si>
  <si>
    <t>53633</t>
  </si>
  <si>
    <t>GGES CHAK NO.10/1L</t>
  </si>
  <si>
    <t>RENALA KHURD - FEMALE</t>
  </si>
  <si>
    <t>10/1L</t>
  </si>
  <si>
    <t>GGES 10/1L Renala Khurd</t>
  </si>
  <si>
    <t>Nasreen Azmat</t>
  </si>
  <si>
    <t>7079</t>
  </si>
  <si>
    <t>40961</t>
  </si>
  <si>
    <t>54603</t>
  </si>
  <si>
    <t>6465</t>
  </si>
  <si>
    <t>GGPS CHAK 240/P</t>
  </si>
  <si>
    <t>240/p</t>
  </si>
  <si>
    <t>chak no. 240/p</t>
  </si>
  <si>
    <t>Chak 93p</t>
  </si>
  <si>
    <t>Memoona Kiran</t>
  </si>
  <si>
    <t>26032</t>
  </si>
  <si>
    <t>GES TOOLA</t>
  </si>
  <si>
    <t>TOLA</t>
  </si>
  <si>
    <t>TOLA    P/O RAMBRI  ( SKG)</t>
  </si>
  <si>
    <t>54540</t>
  </si>
  <si>
    <t>53628</t>
  </si>
  <si>
    <t>2955</t>
  </si>
  <si>
    <t>35875</t>
  </si>
  <si>
    <t>GGPS WARSI WAHIN</t>
  </si>
  <si>
    <t>JALLAH JEEM - FEMALE</t>
  </si>
  <si>
    <t>Warsi When</t>
  </si>
  <si>
    <t>Govt .Girls E/S Warsi When</t>
  </si>
  <si>
    <t>7558</t>
  </si>
  <si>
    <t>GPS WANGAR</t>
  </si>
  <si>
    <t>MACHKA - MALE</t>
  </si>
  <si>
    <t>wangur</t>
  </si>
  <si>
    <t>bast wangur teh sadiq abad</t>
  </si>
  <si>
    <t>machka</t>
  </si>
  <si>
    <t>Toufique Ahmad</t>
  </si>
  <si>
    <t>3881</t>
  </si>
  <si>
    <t>39914</t>
  </si>
  <si>
    <t>GGHS RANGOO</t>
  </si>
  <si>
    <t>Rangoo</t>
  </si>
  <si>
    <t>gghs rangoo tehsil hazro district attock</t>
  </si>
  <si>
    <t>Tajak</t>
  </si>
  <si>
    <t>ANITA JOYICE Benjamin</t>
  </si>
  <si>
    <t>52589</t>
  </si>
  <si>
    <t>32707</t>
  </si>
  <si>
    <t>GGES THATHI SIRANWAN</t>
  </si>
  <si>
    <t>Thathi Siranwan</t>
  </si>
  <si>
    <t>village thathi siranwan</t>
  </si>
  <si>
    <t>Jogaykot</t>
  </si>
  <si>
    <t>Sana Abid</t>
  </si>
  <si>
    <t>5521</t>
  </si>
  <si>
    <t>17160</t>
  </si>
  <si>
    <t>15573</t>
  </si>
  <si>
    <t>20827</t>
  </si>
  <si>
    <t>GGES MC NO.8 GUJRANWALA</t>
  </si>
  <si>
    <t>GUJRANWALA CITY 2 - FEMALE</t>
  </si>
  <si>
    <t>GRW</t>
  </si>
  <si>
    <t>st aslam lone wali bakhtey wala near shairan wala bagh GT road GRW</t>
  </si>
  <si>
    <t>Purana Bhaidi Khana</t>
  </si>
  <si>
    <t>Beenish Akram</t>
  </si>
  <si>
    <t>41880</t>
  </si>
  <si>
    <t>41896</t>
  </si>
  <si>
    <t>1481</t>
  </si>
  <si>
    <t>5652</t>
  </si>
  <si>
    <t>GMPS CHAK 75/A</t>
  </si>
  <si>
    <t>Chak75A</t>
  </si>
  <si>
    <t>chak75A</t>
  </si>
  <si>
    <t>75A</t>
  </si>
  <si>
    <t>Rehana Nahid</t>
  </si>
  <si>
    <t>2360</t>
  </si>
  <si>
    <t>26198</t>
  </si>
  <si>
    <t>27498</t>
  </si>
  <si>
    <t>28595</t>
  </si>
  <si>
    <t>15169</t>
  </si>
  <si>
    <t>GGPS CHAK 30 GB SATIANA</t>
  </si>
  <si>
    <t>Jhlandar No</t>
  </si>
  <si>
    <t>30gb satiana jranwala</t>
  </si>
  <si>
    <t>30gb</t>
  </si>
  <si>
    <t>Zarqa Batool</t>
  </si>
  <si>
    <t>nehri pana</t>
  </si>
  <si>
    <t>3273</t>
  </si>
  <si>
    <t>53127</t>
  </si>
  <si>
    <t>GGES 48/3-R</t>
  </si>
  <si>
    <t>Govt Girls E/S 48.3r okara</t>
  </si>
  <si>
    <t>48 /3r</t>
  </si>
  <si>
    <t>Shamim  Amanat</t>
  </si>
  <si>
    <t>673</t>
  </si>
  <si>
    <t>9604</t>
  </si>
  <si>
    <t>GGHS CHAK NO.402 TDA</t>
  </si>
  <si>
    <t>Chak No 402 Tda</t>
  </si>
  <si>
    <t>CHAK NO. 402/TDA TEHSIL CHOUBARA LAYYAH</t>
  </si>
  <si>
    <t>CHAK NO.402/TDA</t>
  </si>
  <si>
    <t>SAHARAN</t>
  </si>
  <si>
    <t>SURRYA PERVEEN</t>
  </si>
  <si>
    <t>45680</t>
  </si>
  <si>
    <t>8355</t>
  </si>
  <si>
    <t>GGPS KHAN WALA NO.1</t>
  </si>
  <si>
    <t>Ghadai East</t>
  </si>
  <si>
    <t>Basti chah mehmood wala pul shorea GGPS khan wala 1 DGKhan.</t>
  </si>
  <si>
    <t>Chah Mehmood Wala</t>
  </si>
  <si>
    <t>Farida Jubeen</t>
  </si>
  <si>
    <t>16058</t>
  </si>
  <si>
    <t>GGPS CHAK 274 RB 1 KALA</t>
  </si>
  <si>
    <t>274 RB 1</t>
  </si>
  <si>
    <t>Chak no 274kala /R.B I....Faisalabad</t>
  </si>
  <si>
    <t>274kala</t>
  </si>
  <si>
    <t>275/RB</t>
  </si>
  <si>
    <t>Khalida Bibi</t>
  </si>
  <si>
    <t>47842</t>
  </si>
  <si>
    <t>1542</t>
  </si>
  <si>
    <t>44468</t>
  </si>
  <si>
    <t>GPS GHULAM MUHAMMAD WALA PO KHANSAR</t>
  </si>
  <si>
    <t>KHANSAR NO 1 - MALE</t>
  </si>
  <si>
    <t>Khansar</t>
  </si>
  <si>
    <t>Chah Ghulam Muhammad Wala PO Khansar</t>
  </si>
  <si>
    <t>Ghulam Muhammad Wala</t>
  </si>
  <si>
    <t>Faiz Ullah</t>
  </si>
  <si>
    <t>1713</t>
  </si>
  <si>
    <t>50722</t>
  </si>
  <si>
    <t>49861</t>
  </si>
  <si>
    <t>GMPS CHAK 76/A</t>
  </si>
  <si>
    <t>76/A</t>
  </si>
  <si>
    <t>76/a</t>
  </si>
  <si>
    <t>68/A</t>
  </si>
  <si>
    <t>Uzma nahid</t>
  </si>
  <si>
    <t>37809</t>
  </si>
  <si>
    <t>GES 53/10-R, JAHANIAN</t>
  </si>
  <si>
    <t>53/10-R</t>
  </si>
  <si>
    <t>Chak # 53/10-R Tehsil Jahanian District Khanewal</t>
  </si>
  <si>
    <t>57/10-R</t>
  </si>
  <si>
    <t>Mushtaq Ahmad Khan</t>
  </si>
  <si>
    <t>5320</t>
  </si>
  <si>
    <t>29401</t>
  </si>
  <si>
    <t>20828</t>
  </si>
  <si>
    <t>GGES MC NO.4 GUJRANWALA CITY</t>
  </si>
  <si>
    <t>Sherana wala bag GG E M C SCHOOL NO 4 GUJRANWALA</t>
  </si>
  <si>
    <t>Sherana wala bag grw</t>
  </si>
  <si>
    <t>Bukhty wla</t>
  </si>
  <si>
    <t>Rabia Khalid</t>
  </si>
  <si>
    <t>29140</t>
  </si>
  <si>
    <t>16960</t>
  </si>
  <si>
    <t>28749</t>
  </si>
  <si>
    <t>GPS BLOCK NO. 5 CHANGA MANGA</t>
  </si>
  <si>
    <t>Mashaullah Colony Changa Manga</t>
  </si>
  <si>
    <t>mashallah  colony changa manga tehsile chunian district kadur</t>
  </si>
  <si>
    <t>Mashaullah Colony</t>
  </si>
  <si>
    <t>muhammad ahmad raza</t>
  </si>
  <si>
    <t>9750</t>
  </si>
  <si>
    <t>GGES CHAK NO 411 TDA</t>
  </si>
  <si>
    <t>chack no.411/TDA</t>
  </si>
  <si>
    <t>Chack No411/TDA</t>
  </si>
  <si>
    <t>Chack No452/TDA</t>
  </si>
  <si>
    <t>Irshad Kousar</t>
  </si>
  <si>
    <t>19850</t>
  </si>
  <si>
    <t>GGCMS 105/F</t>
  </si>
  <si>
    <t>105 F Basti No 2</t>
  </si>
  <si>
    <t>Chak No 105 F Basti No 2</t>
  </si>
  <si>
    <t>105 F</t>
  </si>
  <si>
    <t>Tanveer Razzaq</t>
  </si>
  <si>
    <t>5466</t>
  </si>
  <si>
    <t>16003</t>
  </si>
  <si>
    <t>36003</t>
  </si>
  <si>
    <t>8362</t>
  </si>
  <si>
    <t>GGES MUHAMMAD KHAN HOTANI</t>
  </si>
  <si>
    <t>GGES Muhammad  Khan Hotani chah naai wala moza paigah district DGkan</t>
  </si>
  <si>
    <t>GGES 106/FB</t>
  </si>
  <si>
    <t>Chak#106/F</t>
  </si>
  <si>
    <t>106/F azaafi basti chishtian</t>
  </si>
  <si>
    <t>106/F B</t>
  </si>
  <si>
    <t>Chak 40/F</t>
  </si>
  <si>
    <t>Afshan Noureen</t>
  </si>
  <si>
    <t>48923</t>
  </si>
  <si>
    <t>GGHS CHAK NO.85 SB</t>
  </si>
  <si>
    <t>85 SB</t>
  </si>
  <si>
    <t>chak no.85sb</t>
  </si>
  <si>
    <t>88 Sb</t>
  </si>
  <si>
    <t>Talat Sibtain</t>
  </si>
  <si>
    <t>11795</t>
  </si>
  <si>
    <t>51744</t>
  </si>
  <si>
    <t>1626</t>
  </si>
  <si>
    <t>50650</t>
  </si>
  <si>
    <t>GHSS HARRAPA</t>
  </si>
  <si>
    <t>HARAPPA</t>
  </si>
  <si>
    <t>NEAR HARAPPA MUSEUM, HARAPPA CITY</t>
  </si>
  <si>
    <t>2991</t>
  </si>
  <si>
    <t>51266</t>
  </si>
  <si>
    <t>GGPS 151/9-L</t>
  </si>
  <si>
    <t>151/9-L</t>
  </si>
  <si>
    <t>Ã§hak No151/9-L Sahiwal</t>
  </si>
  <si>
    <t>150/9-L</t>
  </si>
  <si>
    <t>Farzana  Rasheed</t>
  </si>
  <si>
    <t>19048</t>
  </si>
  <si>
    <t>1609</t>
  </si>
  <si>
    <t>2579</t>
  </si>
  <si>
    <t>6398</t>
  </si>
  <si>
    <t>50788</t>
  </si>
  <si>
    <t>GGES 188-A/9-L</t>
  </si>
  <si>
    <t>KHAWAJA ARIF-A-FEMALE</t>
  </si>
  <si>
    <t>188/9AL</t>
  </si>
  <si>
    <t>CHAK No. 188/9AL</t>
  </si>
  <si>
    <t>99/6R</t>
  </si>
  <si>
    <t>Arifa Roohi</t>
  </si>
  <si>
    <t>20753</t>
  </si>
  <si>
    <t>GMPS BEHLAD PUR</t>
  </si>
  <si>
    <t>Behladpur</t>
  </si>
  <si>
    <t>Village Behladpur Post Office Botala Jhanda Singh Teh &amp; Distt Gujranwala</t>
  </si>
  <si>
    <t>Shabnam Ashraf</t>
  </si>
  <si>
    <t>2878</t>
  </si>
  <si>
    <t>14440</t>
  </si>
  <si>
    <t>3307</t>
  </si>
  <si>
    <t>GGPS BADAR SHAIR NO.2</t>
  </si>
  <si>
    <t>HAMAITIAN - FEMALE</t>
  </si>
  <si>
    <t>Badar Sher</t>
  </si>
  <si>
    <t>GGPS Badar sher no.2 mohalla shafiq abad bwp</t>
  </si>
  <si>
    <t>Shafiq Abad</t>
  </si>
  <si>
    <t>Bwp City VII</t>
  </si>
  <si>
    <t>Tasleem akhtar</t>
  </si>
  <si>
    <t>17685</t>
  </si>
  <si>
    <t>28292</t>
  </si>
  <si>
    <t>27585</t>
  </si>
  <si>
    <t>GGPS DUBBAR</t>
  </si>
  <si>
    <t>Dubbar</t>
  </si>
  <si>
    <t>Village Dubbar Bhattian</t>
  </si>
  <si>
    <t>Dubbar Bhattian</t>
  </si>
  <si>
    <t>Nawan Maneka Kalan</t>
  </si>
  <si>
    <t>Akhtar Begum</t>
  </si>
  <si>
    <t>14902</t>
  </si>
  <si>
    <t>11916</t>
  </si>
  <si>
    <t>GGES SULTAN COLONY</t>
  </si>
  <si>
    <t>Zulifqar Abad</t>
  </si>
  <si>
    <t>G G E/ Sultsn colony P/O Sultan colony Teh. Kot Adu Distt. MuzaffarGarh</t>
  </si>
  <si>
    <t>ZulifqarAbad</t>
  </si>
  <si>
    <t>AZRA JABEEN</t>
  </si>
  <si>
    <t>10813</t>
  </si>
  <si>
    <t>21221</t>
  </si>
  <si>
    <t>GMPS BEGA KALAN</t>
  </si>
  <si>
    <t>Begha kalan</t>
  </si>
  <si>
    <t>Vpo ghaywala village Begha kalan</t>
  </si>
  <si>
    <t>Ladhaywala</t>
  </si>
  <si>
    <t>sehrish akram</t>
  </si>
  <si>
    <t>4965</t>
  </si>
  <si>
    <t>1703</t>
  </si>
  <si>
    <t>35868</t>
  </si>
  <si>
    <t>GGPS BASTI NIZAM ABAD</t>
  </si>
  <si>
    <t>Fattahpur</t>
  </si>
  <si>
    <t>Basti nizamabad p/o Fatah pur</t>
  </si>
  <si>
    <t>Samina Akhtar</t>
  </si>
  <si>
    <t>4471</t>
  </si>
  <si>
    <t>21654</t>
  </si>
  <si>
    <t>2505</t>
  </si>
  <si>
    <t>53848</t>
  </si>
  <si>
    <t>37682</t>
  </si>
  <si>
    <t>GES CHAK 10/1-AL</t>
  </si>
  <si>
    <t>AKHTAR ABAD - MALE</t>
  </si>
  <si>
    <t>10/1AL</t>
  </si>
  <si>
    <t>.10/1AL</t>
  </si>
  <si>
    <t>9/1AL Akhtarabad</t>
  </si>
  <si>
    <t>Syed Khalid Mehmood Shah</t>
  </si>
  <si>
    <t>GPS BASTI GULL MUHAMMAD</t>
  </si>
  <si>
    <t>Latki</t>
  </si>
  <si>
    <t>basti gull Muhammad Markaz sahja tehsil khanpur dist R-Y-Khan</t>
  </si>
  <si>
    <t>Basti Gull Muhammad</t>
  </si>
  <si>
    <t>Muhammad Ahmed</t>
  </si>
  <si>
    <t>36455</t>
  </si>
  <si>
    <t>48933</t>
  </si>
  <si>
    <t>GGHS AHEER COLONY SARGODHA</t>
  </si>
  <si>
    <t>Sargodha City</t>
  </si>
  <si>
    <t>gghs aheer colony sargodha</t>
  </si>
  <si>
    <t>Muhammadia colony</t>
  </si>
  <si>
    <t>Samina Gull</t>
  </si>
  <si>
    <t>53833</t>
  </si>
  <si>
    <t>GGPS CHAK NO.7/GD</t>
  </si>
  <si>
    <t>Chak 7/GD</t>
  </si>
  <si>
    <t>Chak no. 7/GD P/O Bama Bala tehsil renala district Okara</t>
  </si>
  <si>
    <t>7/GD</t>
  </si>
  <si>
    <t>Shagufta Aziz</t>
  </si>
  <si>
    <t>50721</t>
  </si>
  <si>
    <t>GGHSS 134/9-L</t>
  </si>
  <si>
    <t>----</t>
  </si>
  <si>
    <t>Govt.Girls Higher secondary School 134/9-L Sahiwal.</t>
  </si>
  <si>
    <t>Chak No. 134/9-L Sahiwal</t>
  </si>
  <si>
    <t>Chak No. 134/9-L SWL</t>
  </si>
  <si>
    <t>708</t>
  </si>
  <si>
    <t>GGES BASTI JHEDWAN (15/G)</t>
  </si>
  <si>
    <t>Jhedwan</t>
  </si>
  <si>
    <t>Basti Jhedwan 15G Chistian Bahawalnagar</t>
  </si>
  <si>
    <t>Basti Jhedwan 15/ G</t>
  </si>
  <si>
    <t>15/G</t>
  </si>
  <si>
    <t>Aqsa Jamil</t>
  </si>
  <si>
    <t>50546</t>
  </si>
  <si>
    <t>GGPS 167/9-L</t>
  </si>
  <si>
    <t>167/9l</t>
  </si>
  <si>
    <t>chack no 167/9l teh cci dist sahiwal</t>
  </si>
  <si>
    <t>168/9l</t>
  </si>
  <si>
    <t>Shazia Naz</t>
  </si>
  <si>
    <t>41684</t>
  </si>
  <si>
    <t>23575</t>
  </si>
  <si>
    <t>50239</t>
  </si>
  <si>
    <t>GGES 182/9-L</t>
  </si>
  <si>
    <t>182/9-L</t>
  </si>
  <si>
    <t>180/9-L</t>
  </si>
  <si>
    <t>Nasira Maqbool</t>
  </si>
  <si>
    <t>27588</t>
  </si>
  <si>
    <t>GGPS WALGAN SAQIAN</t>
  </si>
  <si>
    <t>Sukheki Mandi</t>
  </si>
  <si>
    <t>GGPS Walgan suqian markaz moan bhattian sukheke</t>
  </si>
  <si>
    <t>Walgan Suqian</t>
  </si>
  <si>
    <t>Mona Manakaa</t>
  </si>
  <si>
    <t>1434</t>
  </si>
  <si>
    <t>6698</t>
  </si>
  <si>
    <t>30645</t>
  </si>
  <si>
    <t>GGPS ADDA CHABIL</t>
  </si>
  <si>
    <t>Adda Chabil</t>
  </si>
  <si>
    <t>adda chabil lahore</t>
  </si>
  <si>
    <t>Jugian Adda Chabil</t>
  </si>
  <si>
    <t>Mussarat Fatima</t>
  </si>
  <si>
    <t>27595</t>
  </si>
  <si>
    <t>GGPS SUKHEKE GAON</t>
  </si>
  <si>
    <t>Sukhekhi Gown</t>
  </si>
  <si>
    <t>GGPS sukhekhi gawon</t>
  </si>
  <si>
    <t>Sukhekhi Gawon</t>
  </si>
  <si>
    <t>Sukhekhi Mandi</t>
  </si>
  <si>
    <t>Saima Noureen</t>
  </si>
  <si>
    <t>8288</t>
  </si>
  <si>
    <t>13291</t>
  </si>
  <si>
    <t>27508</t>
  </si>
  <si>
    <t>GMPS MOCHI WALA</t>
  </si>
  <si>
    <t>Mochiwala</t>
  </si>
  <si>
    <t>mochiwala</t>
  </si>
  <si>
    <t>Movhiwala</t>
  </si>
  <si>
    <t>Kot Sarwar</t>
  </si>
  <si>
    <t>Riffat Jabeen</t>
  </si>
  <si>
    <t>3664</t>
  </si>
  <si>
    <t>33541</t>
  </si>
  <si>
    <t>GGPS ALI ABAD MARH BALOCHAN</t>
  </si>
  <si>
    <t>Ali abad</t>
  </si>
  <si>
    <t>Ali abad chak no 112 rb teh sangla hill district of nankana sahib</t>
  </si>
  <si>
    <t>Badoo melhi</t>
  </si>
  <si>
    <t>Khurshid Akhter</t>
  </si>
  <si>
    <t>9061</t>
  </si>
  <si>
    <t>1537</t>
  </si>
  <si>
    <t>53254</t>
  </si>
  <si>
    <t>GPS FEROZE</t>
  </si>
  <si>
    <t>Moza feroze P/O jabooka TEH AND DISTT OKARA</t>
  </si>
  <si>
    <t>Sikander Hayat</t>
  </si>
  <si>
    <t>47231</t>
  </si>
  <si>
    <t>GES DHOK PEERA</t>
  </si>
  <si>
    <t>village dhoke peera p.o dhoke miani teh. &amp; distt. mianwali</t>
  </si>
  <si>
    <t>Dhoke Peera</t>
  </si>
  <si>
    <t>Nazik Javed Khan</t>
  </si>
  <si>
    <t>5674</t>
  </si>
  <si>
    <t>14460</t>
  </si>
  <si>
    <t>1442</t>
  </si>
  <si>
    <t>GGPS CHAK 5/FW BASTI TALIB WALI</t>
  </si>
  <si>
    <t>5/Fw</t>
  </si>
  <si>
    <t>5/Fwtalib wali</t>
  </si>
  <si>
    <t>Maqsoda Saleem</t>
  </si>
  <si>
    <t>53162</t>
  </si>
  <si>
    <t>GPS CHAK 35/GD KHEWA MURDANI</t>
  </si>
  <si>
    <t>Murdani</t>
  </si>
  <si>
    <t>thatha khewa</t>
  </si>
  <si>
    <t>Thatha Khewa</t>
  </si>
  <si>
    <t>Sheikhu Sharif</t>
  </si>
  <si>
    <t>52962</t>
  </si>
  <si>
    <t>GGES BULEHWAL</t>
  </si>
  <si>
    <t>BULHAY WAL</t>
  </si>
  <si>
    <t>GGES BULHAY WAL</t>
  </si>
  <si>
    <t>SHAHMAD</t>
  </si>
  <si>
    <t>Fareeha Akram Ch</t>
  </si>
  <si>
    <t>5535</t>
  </si>
  <si>
    <t>28199</t>
  </si>
  <si>
    <t>GHS PUBLIC PINDI KALU</t>
  </si>
  <si>
    <t>Pindi kalu</t>
  </si>
  <si>
    <t>V.P.O PINDI KALU</t>
  </si>
  <si>
    <t>Shahid  Hassan</t>
  </si>
  <si>
    <t>12092</t>
  </si>
  <si>
    <t>15379</t>
  </si>
  <si>
    <t>GHS CHAK NO.65/RB</t>
  </si>
  <si>
    <t>Ranger Nangal</t>
  </si>
  <si>
    <t>GHS 65 RB FSD</t>
  </si>
  <si>
    <t>Chak 65 RB</t>
  </si>
  <si>
    <t>Chak 151RB</t>
  </si>
  <si>
    <t>ZAFAR ULLAH KHAN</t>
  </si>
  <si>
    <t>18310</t>
  </si>
  <si>
    <t>GHS MUSLIM MODEL URDU BAZAR LAHORE</t>
  </si>
  <si>
    <t>Urdu Bazar</t>
  </si>
  <si>
    <t>Urdu Bazar Lahore.</t>
  </si>
  <si>
    <t>New ANAR Kali</t>
  </si>
  <si>
    <t>Anwar ali Dogar</t>
  </si>
  <si>
    <t>569</t>
  </si>
  <si>
    <t>587</t>
  </si>
  <si>
    <t>9951</t>
  </si>
  <si>
    <t>GHS BAGH WALA</t>
  </si>
  <si>
    <t>Sargani Thal</t>
  </si>
  <si>
    <t>BAGH WALA, AAMIR CHAOK, Tehsil Karor, Distt. Layyah</t>
  </si>
  <si>
    <t>Bagh Wala</t>
  </si>
  <si>
    <t>ALI RAJAN</t>
  </si>
  <si>
    <t>Khursheed Ahmad</t>
  </si>
  <si>
    <t>18747</t>
  </si>
  <si>
    <t>36880</t>
  </si>
  <si>
    <t>GGPS WALI DAD, KABIRWALA</t>
  </si>
  <si>
    <t>chak walidad</t>
  </si>
  <si>
    <t>chakwaliad</t>
  </si>
  <si>
    <t>okan wala</t>
  </si>
  <si>
    <t>Zobia Razzak</t>
  </si>
  <si>
    <t>10997</t>
  </si>
  <si>
    <t>39017</t>
  </si>
  <si>
    <t>43561</t>
  </si>
  <si>
    <t>35381</t>
  </si>
  <si>
    <t>GGPS 195 EB DOGRAN WALA</t>
  </si>
  <si>
    <t>chakno195/E.B(D.W Gaggoo Burewala Vehari</t>
  </si>
  <si>
    <t>195/EBDW</t>
  </si>
  <si>
    <t>215/EB Gaggoo</t>
  </si>
  <si>
    <t>9860</t>
  </si>
  <si>
    <t>16189</t>
  </si>
  <si>
    <t>10518</t>
  </si>
  <si>
    <t>GHSS JAMAN SHAH</t>
  </si>
  <si>
    <t>CHAK NO.149 C TDA</t>
  </si>
  <si>
    <t>purana jaman shah dari road p.o jaman shah tehsil and district layyah</t>
  </si>
  <si>
    <t>PURANA JAMAN SHAH</t>
  </si>
  <si>
    <t>jaman shah</t>
  </si>
  <si>
    <t>AKHTAR  HUSSAIN</t>
  </si>
  <si>
    <t>46369</t>
  </si>
  <si>
    <t>5485</t>
  </si>
  <si>
    <t>31953</t>
  </si>
  <si>
    <t>GGHS GHANG</t>
  </si>
  <si>
    <t>GHANG</t>
  </si>
  <si>
    <t>UC-GHANG</t>
  </si>
  <si>
    <t>25113</t>
  </si>
  <si>
    <t>GMES KOTLA AMBAN WALA</t>
  </si>
  <si>
    <t>Kotla Ambanwala</t>
  </si>
  <si>
    <t>p/o box kotla ambanwala tehsil &amp; distt sialkot</t>
  </si>
  <si>
    <t>kotla ambanwala</t>
  </si>
  <si>
    <t>charind</t>
  </si>
  <si>
    <t>Muqadas Ayub</t>
  </si>
  <si>
    <t>4437</t>
  </si>
  <si>
    <t>58428</t>
  </si>
  <si>
    <t>GHS BAGHBAN PURA</t>
  </si>
  <si>
    <t>BAGHBANPURA</t>
  </si>
  <si>
    <t>GHS BAGHBANPURA</t>
  </si>
  <si>
    <t>Muhammad Akram Sajid</t>
  </si>
  <si>
    <t>16114</t>
  </si>
  <si>
    <t>GGES CHAK NO 31 JB</t>
  </si>
  <si>
    <t>31jb</t>
  </si>
  <si>
    <t>G g E school 31jb</t>
  </si>
  <si>
    <t>30jb</t>
  </si>
  <si>
    <t>Kashifa Taj</t>
  </si>
  <si>
    <t>8470</t>
  </si>
  <si>
    <t>70720</t>
  </si>
  <si>
    <t>22216</t>
  </si>
  <si>
    <t>GHS CHANDALA</t>
  </si>
  <si>
    <t>Chandala</t>
  </si>
  <si>
    <t>VPO Chandala Gujrat</t>
  </si>
  <si>
    <t>Naeem Abbas</t>
  </si>
  <si>
    <t>3053</t>
  </si>
  <si>
    <t>1001</t>
  </si>
  <si>
    <t>GES DHOK HAJI AHMED</t>
  </si>
  <si>
    <t>Dhoke Haji Agmed</t>
  </si>
  <si>
    <t>salar chowk dhoke haji Ahmed</t>
  </si>
  <si>
    <t>Dhoke Haji Ahmed</t>
  </si>
  <si>
    <t>Faiz Ur Rahman</t>
  </si>
  <si>
    <t>7937</t>
  </si>
  <si>
    <t>3073</t>
  </si>
  <si>
    <t>23121</t>
  </si>
  <si>
    <t>GPS DHENDA</t>
  </si>
  <si>
    <t>LALAMUSA-I-MALE</t>
  </si>
  <si>
    <t>Dhenda</t>
  </si>
  <si>
    <t>Dhenda p/o lalamusa Teh. Kharian Dist. Gujrat</t>
  </si>
  <si>
    <t>kuliwal syedian</t>
  </si>
  <si>
    <t>atif shahzad</t>
  </si>
  <si>
    <t>8890</t>
  </si>
  <si>
    <t>21095</t>
  </si>
  <si>
    <t>19478</t>
  </si>
  <si>
    <t>7406</t>
  </si>
  <si>
    <t>18575</t>
  </si>
  <si>
    <t>GGHS CHAK 308 JB</t>
  </si>
  <si>
    <t>Chak No 308JB</t>
  </si>
  <si>
    <t>Govt Girls High School 308 JB Tehsil Gojra District Toba Tek Singh</t>
  </si>
  <si>
    <t>Chak No 308 JB</t>
  </si>
  <si>
    <t>Chak No 316 JB</t>
  </si>
  <si>
    <t>Nusrat Jabeen</t>
  </si>
  <si>
    <t>7990</t>
  </si>
  <si>
    <t>4764</t>
  </si>
  <si>
    <t>15665</t>
  </si>
  <si>
    <t>GGHS CHAK NO 437 GB I</t>
  </si>
  <si>
    <t>Mayangara</t>
  </si>
  <si>
    <t>GGHS 437 GB, Samundri, Fsd.</t>
  </si>
  <si>
    <t>437 GB</t>
  </si>
  <si>
    <t>SAIMA TABASSUM</t>
  </si>
  <si>
    <t>23685</t>
  </si>
  <si>
    <t>53632</t>
  </si>
  <si>
    <t>53111</t>
  </si>
  <si>
    <t>11934</t>
  </si>
  <si>
    <t>GGPS KORAI WALA</t>
  </si>
  <si>
    <t>Manaha</t>
  </si>
  <si>
    <t>basti korai wala mouza manahan</t>
  </si>
  <si>
    <t>Korai Wala</t>
  </si>
  <si>
    <t>Sheikh Umar</t>
  </si>
  <si>
    <t>Irum Fatima</t>
  </si>
  <si>
    <t>1582</t>
  </si>
  <si>
    <t>14735</t>
  </si>
  <si>
    <t>GHS MUSLIM TARIQ ABAD FSD</t>
  </si>
  <si>
    <t>govt muslim high school tariqabad faisalabad</t>
  </si>
  <si>
    <t>169068</t>
  </si>
  <si>
    <t>7613</t>
  </si>
  <si>
    <t>2311</t>
  </si>
  <si>
    <t>GES  26/14-L</t>
  </si>
  <si>
    <t>26/14-L</t>
  </si>
  <si>
    <t>Chak No 26 /14-L Tehsil Chichawatni Sahiwal.</t>
  </si>
  <si>
    <t>93/12-L</t>
  </si>
  <si>
    <t>Muhammad Bilal Subtain</t>
  </si>
  <si>
    <t>18856</t>
  </si>
  <si>
    <t>1656</t>
  </si>
  <si>
    <t>GPS CHAK 239 RB II</t>
  </si>
  <si>
    <t>KHANUANA 2 - MALE</t>
  </si>
  <si>
    <t>Khanoana Harlan</t>
  </si>
  <si>
    <t>chak no 239 rb ii khanoana</t>
  </si>
  <si>
    <t>Khanoana</t>
  </si>
  <si>
    <t>Muhammad Umair Aslam</t>
  </si>
  <si>
    <t>4881</t>
  </si>
  <si>
    <t>6159</t>
  </si>
  <si>
    <t>12399</t>
  </si>
  <si>
    <t>GHS PACCA GHALWAN</t>
  </si>
  <si>
    <t>Basti Qazi</t>
  </si>
  <si>
    <t>Pacca ghalwan teh&amp; District M.Garh</t>
  </si>
  <si>
    <t>Pacca ghalwan</t>
  </si>
  <si>
    <t>29069</t>
  </si>
  <si>
    <t>GGHS KHUDIAN KHAS</t>
  </si>
  <si>
    <t>KHUDIAN KHAS</t>
  </si>
  <si>
    <t>MRS ANILA QAISRA</t>
  </si>
  <si>
    <t>22957</t>
  </si>
  <si>
    <t>GGHS MIRZA TAHIR</t>
  </si>
  <si>
    <t>Mirza tahir</t>
  </si>
  <si>
    <t>village mirza tahir tensil kharian</t>
  </si>
  <si>
    <t>Sehrish</t>
  </si>
  <si>
    <t>17152</t>
  </si>
  <si>
    <t>20036</t>
  </si>
  <si>
    <t>28694</t>
  </si>
  <si>
    <t>15525</t>
  </si>
  <si>
    <t>53067</t>
  </si>
  <si>
    <t>GHS KOHLA</t>
  </si>
  <si>
    <t>KOHLA</t>
  </si>
  <si>
    <t>MOZA KOHLA, P/O SAME TEH. &amp; DISTT. OKARA</t>
  </si>
  <si>
    <t>QURBAN ALI</t>
  </si>
  <si>
    <t>GGES MAKKAR WALA</t>
  </si>
  <si>
    <t>Lal Meer</t>
  </si>
  <si>
    <t>BASTI KIKRI WALA,NALA SARDAR MARKAZ KOT ADDU 2</t>
  </si>
  <si>
    <t>Basti Kikri Wala</t>
  </si>
  <si>
    <t>Patti Daya Chokha</t>
  </si>
  <si>
    <t>Rehana Akhter</t>
  </si>
  <si>
    <t>21297</t>
  </si>
  <si>
    <t>51400</t>
  </si>
  <si>
    <t>32414</t>
  </si>
  <si>
    <t>GGES MC PURANA SHEHR</t>
  </si>
  <si>
    <t>SHEIKHUPURA-III - FEMALE</t>
  </si>
  <si>
    <t>PURANA SHEHR</t>
  </si>
  <si>
    <t>GGES MC PURANA SHEHR ALMGEER ROAD SHEIKHUPURA</t>
  </si>
  <si>
    <t>muncipal committee sheikhupura</t>
  </si>
  <si>
    <t>Irshad Begum</t>
  </si>
  <si>
    <t>17601</t>
  </si>
  <si>
    <t>15967</t>
  </si>
  <si>
    <t>GGPS CHAK 34 JB</t>
  </si>
  <si>
    <t>34 Jb South</t>
  </si>
  <si>
    <t>34 jb south</t>
  </si>
  <si>
    <t>34 Jb North</t>
  </si>
  <si>
    <t>Kishwar Naveed</t>
  </si>
  <si>
    <t>16212</t>
  </si>
  <si>
    <t>45620</t>
  </si>
  <si>
    <t>54406</t>
  </si>
  <si>
    <t>35536</t>
  </si>
  <si>
    <t>GHS DOKOTA</t>
  </si>
  <si>
    <t>LAL SAGOO</t>
  </si>
  <si>
    <t>KOT MALIK DOKOTA</t>
  </si>
  <si>
    <t>KOT MALIK</t>
  </si>
  <si>
    <t>MUHAMMAD RIAZ QAZI</t>
  </si>
  <si>
    <t>17640</t>
  </si>
  <si>
    <t>38221</t>
  </si>
  <si>
    <t>GHS CHOWKI MASTI KHAN</t>
  </si>
  <si>
    <t>Chowki Masti Khan</t>
  </si>
  <si>
    <t>GHS Chowki Masti Khan</t>
  </si>
  <si>
    <t>33717</t>
  </si>
  <si>
    <t>GPS BAHAWAL PUR SUKHA CENTRE SANMO RANA</t>
  </si>
  <si>
    <t>Bahawlpur Sukha</t>
  </si>
  <si>
    <t>GPS Bahawalpur Sukha,Multan</t>
  </si>
  <si>
    <t>Bahawalpur Sukha</t>
  </si>
  <si>
    <t>Muhammad Shuib</t>
  </si>
  <si>
    <t>12349</t>
  </si>
  <si>
    <t>4551</t>
  </si>
  <si>
    <t>37932</t>
  </si>
  <si>
    <t>GHS 90/M</t>
  </si>
  <si>
    <t>Chamb Kulyar</t>
  </si>
  <si>
    <t>GHS 90M Lodhran</t>
  </si>
  <si>
    <t>Chak No90M Lodhran</t>
  </si>
  <si>
    <t>MUHAMMAD IQBAL</t>
  </si>
  <si>
    <t>13968</t>
  </si>
  <si>
    <t>9460</t>
  </si>
  <si>
    <t>8660</t>
  </si>
  <si>
    <t>24223</t>
  </si>
  <si>
    <t>39931</t>
  </si>
  <si>
    <t>GGHS HAMEED</t>
  </si>
  <si>
    <t>Hameed</t>
  </si>
  <si>
    <t>Govt. Girls High School HameedTehsil Hazro Distt. Attock</t>
  </si>
  <si>
    <t>Sidra Sajid</t>
  </si>
  <si>
    <t>11814</t>
  </si>
  <si>
    <t>46158</t>
  </si>
  <si>
    <t>GGHS GIROTE KHUSHAB</t>
  </si>
  <si>
    <t>Girote</t>
  </si>
  <si>
    <t>VPO  girote</t>
  </si>
  <si>
    <t>FARHAT YASMEEN ALVI</t>
  </si>
  <si>
    <t>40855</t>
  </si>
  <si>
    <t>GHS DINA</t>
  </si>
  <si>
    <t>Miana Mohallah Dina</t>
  </si>
  <si>
    <t>Miana Mohallah</t>
  </si>
  <si>
    <t>UC-II</t>
  </si>
  <si>
    <t>MIAN MUHAMMAD  ASHFAQ</t>
  </si>
  <si>
    <t>20278</t>
  </si>
  <si>
    <t>GGPS ADA SHAIKHAN</t>
  </si>
  <si>
    <t>AEO (W) LALIAN NO.09</t>
  </si>
  <si>
    <t>Shekhan</t>
  </si>
  <si>
    <t>Adda Sheikhan Tehsil Lalian District Chiniot</t>
  </si>
  <si>
    <t>Safia Noor</t>
  </si>
  <si>
    <t>6250</t>
  </si>
  <si>
    <t>27070</t>
  </si>
  <si>
    <t>5694</t>
  </si>
  <si>
    <t>13201</t>
  </si>
  <si>
    <t>GGPS IJAZ ABAD</t>
  </si>
  <si>
    <t>BAKAINI- FEMALE</t>
  </si>
  <si>
    <t>Bait Daryai</t>
  </si>
  <si>
    <t>bait daryaee</t>
  </si>
  <si>
    <t>Ijaz Abad</t>
  </si>
  <si>
    <t>Bakaini</t>
  </si>
  <si>
    <t>Kiran Muhammad Khan</t>
  </si>
  <si>
    <t>GHSS KOTLA ARAB ALI KHAN</t>
  </si>
  <si>
    <t>Kotla A A Khan</t>
  </si>
  <si>
    <t>kotla A.A khan, tehsil kharian, district gujrat</t>
  </si>
  <si>
    <t>Kotla AA Khan</t>
  </si>
  <si>
    <t>KHALID PERVAIZ</t>
  </si>
  <si>
    <t>25898</t>
  </si>
  <si>
    <t>GGPS MAEGA</t>
  </si>
  <si>
    <t>Mega</t>
  </si>
  <si>
    <t>govt girls primary school Megs Narowal</t>
  </si>
  <si>
    <t>Niddoky</t>
  </si>
  <si>
    <t>Misbah Akhter</t>
  </si>
  <si>
    <t>23077</t>
  </si>
  <si>
    <t>19342</t>
  </si>
  <si>
    <t>22339</t>
  </si>
  <si>
    <t>GPS JHAMAT NEW ABAD</t>
  </si>
  <si>
    <t>KARIANWALA II - MALE</t>
  </si>
  <si>
    <t>Jhmat</t>
  </si>
  <si>
    <t>village jhmat nau Abad post office Kotli Kahala gujrat</t>
  </si>
  <si>
    <t>Jhmat New Abad</t>
  </si>
  <si>
    <t>Bhraj</t>
  </si>
  <si>
    <t>Atif Mehmood</t>
  </si>
  <si>
    <t>28532</t>
  </si>
  <si>
    <t>27212</t>
  </si>
  <si>
    <t>25196</t>
  </si>
  <si>
    <t>GMES KOHAR</t>
  </si>
  <si>
    <t>Kohar</t>
  </si>
  <si>
    <t>village kohar sialkot</t>
  </si>
  <si>
    <t>Syeda Zainab Kubra</t>
  </si>
  <si>
    <t>21699</t>
  </si>
  <si>
    <t>44391</t>
  </si>
  <si>
    <t>GPS MOHALLA MALKAN WALA</t>
  </si>
  <si>
    <t>MC Bhakkar</t>
  </si>
  <si>
    <t>Mohallah Malkan Wala Bhakkar</t>
  </si>
  <si>
    <t>Mohallah Malkan Wala</t>
  </si>
  <si>
    <t>16388</t>
  </si>
  <si>
    <t>4144</t>
  </si>
  <si>
    <t>51807</t>
  </si>
  <si>
    <t>28429</t>
  </si>
  <si>
    <t>18842</t>
  </si>
  <si>
    <t>GHS MOHAL</t>
  </si>
  <si>
    <t>post office mal fatyana tehsil kamalia district toba tek singh m</t>
  </si>
  <si>
    <t>Moza Mohal</t>
  </si>
  <si>
    <t>4111</t>
  </si>
  <si>
    <t>45657</t>
  </si>
  <si>
    <t>GPS  DABBAY WALI</t>
  </si>
  <si>
    <t>Thallanoon Daggar</t>
  </si>
  <si>
    <t>Dabbay wali p/o punjgrien tehsil daria khan district bhakkar</t>
  </si>
  <si>
    <t>Dabbay Wali</t>
  </si>
  <si>
    <t>Punjgrien Daggar</t>
  </si>
  <si>
    <t>27779</t>
  </si>
  <si>
    <t>GGHS MAJHI</t>
  </si>
  <si>
    <t>Majhi</t>
  </si>
  <si>
    <t>VILLAGE majhi</t>
  </si>
  <si>
    <t>16703</t>
  </si>
  <si>
    <t>GGPS 449/GB</t>
  </si>
  <si>
    <t>Gujra</t>
  </si>
  <si>
    <t>chak 449gb</t>
  </si>
  <si>
    <t>Shameem akhtar</t>
  </si>
  <si>
    <t>7882</t>
  </si>
  <si>
    <t>46302</t>
  </si>
  <si>
    <t>44150</t>
  </si>
  <si>
    <t>2605</t>
  </si>
  <si>
    <t>10652</t>
  </si>
  <si>
    <t>GPS CHAK NO 458 TDA</t>
  </si>
  <si>
    <t>MARHAN - MALE</t>
  </si>
  <si>
    <t>Marhan</t>
  </si>
  <si>
    <t>chak no 458 Tda layyah</t>
  </si>
  <si>
    <t>458 TDA</t>
  </si>
  <si>
    <t>Naeem Shahbaz</t>
  </si>
  <si>
    <t>9402</t>
  </si>
  <si>
    <t>12834</t>
  </si>
  <si>
    <t>MONDKA- FEMALE</t>
  </si>
  <si>
    <t>Moza tibi nonari p/o shahjamal muzaffar garh</t>
  </si>
  <si>
    <t>Kharak</t>
  </si>
  <si>
    <t>Zubara Jabeen</t>
  </si>
  <si>
    <t>26976</t>
  </si>
  <si>
    <t>38226</t>
  </si>
  <si>
    <t>49682</t>
  </si>
  <si>
    <t>GGHS CHAK 135/SB</t>
  </si>
  <si>
    <t>chak 135 sb</t>
  </si>
  <si>
    <t>Chak 135 Sb</t>
  </si>
  <si>
    <t>Chak No 135 Sb</t>
  </si>
  <si>
    <t>Mehwish Ali</t>
  </si>
  <si>
    <t>42771</t>
  </si>
  <si>
    <t>7495</t>
  </si>
  <si>
    <t>GGPS CHAK 42/NP</t>
  </si>
  <si>
    <t>Chak 42 Np</t>
  </si>
  <si>
    <t>chak 42 np</t>
  </si>
  <si>
    <t>42 Np</t>
  </si>
  <si>
    <t>Kot Sabzal</t>
  </si>
  <si>
    <t>Rukhsana Bibi</t>
  </si>
  <si>
    <t>36193</t>
  </si>
  <si>
    <t>14690</t>
  </si>
  <si>
    <t>GGHS CHAK 7 JB</t>
  </si>
  <si>
    <t>nalka kohala</t>
  </si>
  <si>
    <t>chak no 7/jb nalka kohala fsd.</t>
  </si>
  <si>
    <t>7/jb nalka kohala</t>
  </si>
  <si>
    <t>shahnaz kousar</t>
  </si>
  <si>
    <t>46440</t>
  </si>
  <si>
    <t>water by tank</t>
  </si>
  <si>
    <t>34956</t>
  </si>
  <si>
    <t>35701</t>
  </si>
  <si>
    <t>GPS RAHEEM KALI</t>
  </si>
  <si>
    <t>Aray Wahin</t>
  </si>
  <si>
    <t>Basti Rahim kali Mouza Aray Wahin Mailsi</t>
  </si>
  <si>
    <t>Basti Rahim kali</t>
  </si>
  <si>
    <t>Mehmood Khan</t>
  </si>
  <si>
    <t>1213</t>
  </si>
  <si>
    <t>2938</t>
  </si>
  <si>
    <t>1698</t>
  </si>
  <si>
    <t>26514</t>
  </si>
  <si>
    <t>GGHS SHAKARGARH NO. 2</t>
  </si>
  <si>
    <t>shakargarh</t>
  </si>
  <si>
    <t>chak Amru road shakargarh</t>
  </si>
  <si>
    <t>Surriya ghulam rasool</t>
  </si>
  <si>
    <t>36667</t>
  </si>
  <si>
    <t>GGHS BASTI JARALA ABDUL HAKIM</t>
  </si>
  <si>
    <t>Jarala</t>
  </si>
  <si>
    <t>Basti Jarala P/O Abdulhakim kabirwala</t>
  </si>
  <si>
    <t>Basti jarala</t>
  </si>
  <si>
    <t>13-D</t>
  </si>
  <si>
    <t>waheeda yasmin</t>
  </si>
  <si>
    <t>18669</t>
  </si>
  <si>
    <t>GPS CHAK 418 JB</t>
  </si>
  <si>
    <t>418/jb</t>
  </si>
  <si>
    <t>Chak #418/jb Tehsil Gojra</t>
  </si>
  <si>
    <t>Maqboolpur 348/Jb</t>
  </si>
  <si>
    <t>Fiaz Hussain</t>
  </si>
  <si>
    <t>20320</t>
  </si>
  <si>
    <t>12326</t>
  </si>
  <si>
    <t>41326</t>
  </si>
  <si>
    <t>GGHS CHAK NO 296 HR</t>
  </si>
  <si>
    <t>296HR</t>
  </si>
  <si>
    <t>ZAHIDA HAMID</t>
  </si>
  <si>
    <t>6831</t>
  </si>
  <si>
    <t>21941</t>
  </si>
  <si>
    <t>20890</t>
  </si>
  <si>
    <t>GHSS AHMAD NAGAR</t>
  </si>
  <si>
    <t>AHMEDNAGAR</t>
  </si>
  <si>
    <t>syed zafar ul husnain</t>
  </si>
  <si>
    <t>26112</t>
  </si>
  <si>
    <t>1122</t>
  </si>
  <si>
    <t>30211</t>
  </si>
  <si>
    <t>3820</t>
  </si>
  <si>
    <t>1372</t>
  </si>
  <si>
    <t>23695</t>
  </si>
  <si>
    <t>GPS MALIAN WALA</t>
  </si>
  <si>
    <t>DASKA SADDAR - MALE</t>
  </si>
  <si>
    <t>Malianwala</t>
  </si>
  <si>
    <t>VPO Malianwala Tehsil Daska</t>
  </si>
  <si>
    <t>28641</t>
  </si>
  <si>
    <t>4626</t>
  </si>
  <si>
    <t>GHS CHAK NO. 23/G</t>
  </si>
  <si>
    <t>Frid Kot</t>
  </si>
  <si>
    <t>GHS 23/G, Chishtian</t>
  </si>
  <si>
    <t>Chak No. 23/G</t>
  </si>
  <si>
    <t>8352</t>
  </si>
  <si>
    <t>1177</t>
  </si>
  <si>
    <t>38694</t>
  </si>
  <si>
    <t>GGPS 381/WB NO.2</t>
  </si>
  <si>
    <t>Kho Khuda Bux Wala</t>
  </si>
  <si>
    <t>GGPS381 wb  no 2</t>
  </si>
  <si>
    <t>Chak No 381</t>
  </si>
  <si>
    <t>Chak  No 384</t>
  </si>
  <si>
    <t>PERVEEN AKHTAR</t>
  </si>
  <si>
    <t>843</t>
  </si>
  <si>
    <t>18905</t>
  </si>
  <si>
    <t>GGHS CHAK 737 GB</t>
  </si>
  <si>
    <t>chack no 737 GB</t>
  </si>
  <si>
    <t>Chack 737 GB</t>
  </si>
  <si>
    <t>Aneela Mushtaq</t>
  </si>
  <si>
    <t>15945</t>
  </si>
  <si>
    <t>GGCMS CHAK 218 RB PEROKIANWALA</t>
  </si>
  <si>
    <t>Prokeanwala</t>
  </si>
  <si>
    <t>ggcms 218 rb prokeanwala faisalabad</t>
  </si>
  <si>
    <t>218 Rb Prokeanwala</t>
  </si>
  <si>
    <t>Dharor</t>
  </si>
  <si>
    <t>31343</t>
  </si>
  <si>
    <t>GGHS CDG PAKKI THATHI SAMANABAD LAHORE</t>
  </si>
  <si>
    <t>Pakki Thathi</t>
  </si>
  <si>
    <t>pakki thatti samanabad lahore</t>
  </si>
  <si>
    <t>Pakki Thatti</t>
  </si>
  <si>
    <t>RAZIA NAZIR</t>
  </si>
  <si>
    <t>16504</t>
  </si>
  <si>
    <t>31152</t>
  </si>
  <si>
    <t>36620</t>
  </si>
  <si>
    <t>GHS OJLA P/O SARDAR PUR</t>
  </si>
  <si>
    <t>Ojla</t>
  </si>
  <si>
    <t>Mouza Ojla Tehsil Kabirwala</t>
  </si>
  <si>
    <t>Abdul shakoor</t>
  </si>
  <si>
    <t>5090</t>
  </si>
  <si>
    <t>GHS RAJA GAZANFAR COLONY LABOUR COLONY FSD</t>
  </si>
  <si>
    <t>CHAK NO 228 R.B.</t>
  </si>
  <si>
    <t>GOVT. HIGH SCHOOL RAJA GHAZANFAR COLONY FAISALABAD</t>
  </si>
  <si>
    <t>RAJA GHAZANFAR COLONY</t>
  </si>
  <si>
    <t>227 R.B. CHADHAR</t>
  </si>
  <si>
    <t>TASSAWAR HUSSAIN</t>
  </si>
  <si>
    <t>30951</t>
  </si>
  <si>
    <t>GGHS SANT NAGAR HOTA SINGH ROAD</t>
  </si>
  <si>
    <t>Sanat Nagar</t>
  </si>
  <si>
    <t>GGHS Sanat Nagar Lahore</t>
  </si>
  <si>
    <t>Touheed Park</t>
  </si>
  <si>
    <t>shahana kouser</t>
  </si>
  <si>
    <t>39938</t>
  </si>
  <si>
    <t>14630</t>
  </si>
  <si>
    <t>GGHS MC PEOPLES COLONY AZAFI-3</t>
  </si>
  <si>
    <t>Fsd</t>
  </si>
  <si>
    <t>GGHS MC AZAFI</t>
  </si>
  <si>
    <t>224 Rb</t>
  </si>
  <si>
    <t>PC 2</t>
  </si>
  <si>
    <t>SHAHIDA TANVEER</t>
  </si>
  <si>
    <t>WATER FILTER PLANT</t>
  </si>
  <si>
    <t>3276</t>
  </si>
  <si>
    <t>16261</t>
  </si>
  <si>
    <t>GGHSS CHAK 267 RB DIJKOT</t>
  </si>
  <si>
    <t>chak#267rb jalandr</t>
  </si>
  <si>
    <t>Jalandar</t>
  </si>
  <si>
    <t>267 Jalander</t>
  </si>
  <si>
    <t>Mamuna Sharif</t>
  </si>
  <si>
    <t>158848</t>
  </si>
  <si>
    <t>govt    / water pump</t>
  </si>
  <si>
    <t>21628</t>
  </si>
  <si>
    <t>2494</t>
  </si>
  <si>
    <t>16149</t>
  </si>
  <si>
    <t>GGES CHAK 9 JB BHOLAY WAL</t>
  </si>
  <si>
    <t>9jb Bholywal</t>
  </si>
  <si>
    <t>9jb faisalabad</t>
  </si>
  <si>
    <t>Fatima Iftikhar</t>
  </si>
  <si>
    <t>14598</t>
  </si>
  <si>
    <t>GGPS CHAK NO 220 RB LATIF PARK</t>
  </si>
  <si>
    <t>GGPS 220/RB lateef park</t>
  </si>
  <si>
    <t>Chak 220 RBlateef park</t>
  </si>
  <si>
    <t>Naila Noreen</t>
  </si>
  <si>
    <t>36627</t>
  </si>
  <si>
    <t>4987</t>
  </si>
  <si>
    <t>20654</t>
  </si>
  <si>
    <t>15099</t>
  </si>
  <si>
    <t>GMPS BABBAN</t>
  </si>
  <si>
    <t>GUJRANWALA SADAR 1 - FEMALE</t>
  </si>
  <si>
    <t>Sadar 1</t>
  </si>
  <si>
    <t>babban sandhwan t/d gujranwala</t>
  </si>
  <si>
    <t>Babban Sandhwan</t>
  </si>
  <si>
    <t>Mokhal Sandhwan</t>
  </si>
  <si>
    <t>Raheela Tabassum</t>
  </si>
  <si>
    <t>1669</t>
  </si>
  <si>
    <t>31193</t>
  </si>
  <si>
    <t>GGPS HAVELI JANJATAY</t>
  </si>
  <si>
    <t>Haveli Janjaty</t>
  </si>
  <si>
    <t>Haveli Janjaty Adda plot ,Lahore</t>
  </si>
  <si>
    <t>Jia Baga</t>
  </si>
  <si>
    <t>Hafiza Shabina Kousar</t>
  </si>
  <si>
    <t>17400</t>
  </si>
  <si>
    <t>9971</t>
  </si>
  <si>
    <t>32474</t>
  </si>
  <si>
    <t>GGPS NAAI WALA</t>
  </si>
  <si>
    <t>SHEIKHUPURA-XIII - FEMALE</t>
  </si>
  <si>
    <t>Naaiwala</t>
  </si>
  <si>
    <t>naaiwala</t>
  </si>
  <si>
    <t>Sham Sing</t>
  </si>
  <si>
    <t>Asia  Noreen</t>
  </si>
  <si>
    <t>14970</t>
  </si>
  <si>
    <t>11822</t>
  </si>
  <si>
    <t>20491</t>
  </si>
  <si>
    <t>25326</t>
  </si>
  <si>
    <t>GGPS MC TIBBA SYEDAN</t>
  </si>
  <si>
    <t>CORPROTION - FEMALE</t>
  </si>
  <si>
    <t>Marrian</t>
  </si>
  <si>
    <t>Moh  Marrian, opposit  Naikapura Police Station,Pull aik Sialkot</t>
  </si>
  <si>
    <t>Haji Pura</t>
  </si>
  <si>
    <t>Yasmeen Naz</t>
  </si>
  <si>
    <t>31135</t>
  </si>
  <si>
    <t>9840</t>
  </si>
  <si>
    <t>44021</t>
  </si>
  <si>
    <t>ggps dhoke patwari village pira fathial</t>
  </si>
  <si>
    <t>Dhoke Patwari</t>
  </si>
  <si>
    <t>Rania Kanwal</t>
  </si>
  <si>
    <t>4534</t>
  </si>
  <si>
    <t>GGPS MOJOKI MALLIAN</t>
  </si>
  <si>
    <t>SHEIKHUPURA-I - FEMALE</t>
  </si>
  <si>
    <t>Mojo Ki Mallian</t>
  </si>
  <si>
    <t>Mojo ki Mallian p/o manno pur tehsil &amp; district sheikhupura</t>
  </si>
  <si>
    <t>Mandyala Virkan</t>
  </si>
  <si>
    <t>Amina Bebe</t>
  </si>
  <si>
    <t>54148</t>
  </si>
  <si>
    <t>52498</t>
  </si>
  <si>
    <t>30794</t>
  </si>
  <si>
    <t>GHS CDG NAWAB PURA</t>
  </si>
  <si>
    <t>Harbanspura</t>
  </si>
  <si>
    <t>Near Fast Cable Factory Nawabpura Harbanspura Lahore</t>
  </si>
  <si>
    <t>Nawabpura</t>
  </si>
  <si>
    <t>MUHAMMAD AJMAL KHAN</t>
  </si>
  <si>
    <t>22277</t>
  </si>
  <si>
    <t>20932</t>
  </si>
  <si>
    <t>GGES WANJO WALI</t>
  </si>
  <si>
    <t>Perankotla</t>
  </si>
  <si>
    <t>GGES Winjowali tehsil wazirabad district gujranwala</t>
  </si>
  <si>
    <t>Toqair Fatima</t>
  </si>
  <si>
    <t>20525</t>
  </si>
  <si>
    <t>GGHS CHAHAL KALAN</t>
  </si>
  <si>
    <t>POST OFFICE CHAHAL KALAN DISTRICT GUJRANWALA</t>
  </si>
  <si>
    <t>CHahal Kalan</t>
  </si>
  <si>
    <t>CHAHAL KALAN</t>
  </si>
  <si>
    <t>AQSA FARHAT ULLAH</t>
  </si>
  <si>
    <t>30909</t>
  </si>
  <si>
    <t>GHS MOHLANWAL LAHORE</t>
  </si>
  <si>
    <t>Mohlanwal</t>
  </si>
  <si>
    <t>Mohlanwal Kalan Multan Road Lahore</t>
  </si>
  <si>
    <t>2298</t>
  </si>
  <si>
    <t>GGES CHOTI BALA</t>
  </si>
  <si>
    <t>Chak Rohry</t>
  </si>
  <si>
    <t>GGES CHOTI BALA ,Teh.kot chutta.Dist.D.G.Khan</t>
  </si>
  <si>
    <t>Ayesha Ismail</t>
  </si>
  <si>
    <t>49468</t>
  </si>
  <si>
    <t>GHS KHAMBI</t>
  </si>
  <si>
    <t>khambi</t>
  </si>
  <si>
    <t>Village and Post office Khambi Tehsil Sarai Alamgir</t>
  </si>
  <si>
    <t>jinnah colony</t>
  </si>
  <si>
    <t>Khambi</t>
  </si>
  <si>
    <t>Falak Sher</t>
  </si>
  <si>
    <t>39224</t>
  </si>
  <si>
    <t>GHS DHOK LAHAM</t>
  </si>
  <si>
    <t>Kharpa</t>
  </si>
  <si>
    <t>Dhoke Laham</t>
  </si>
  <si>
    <t>KHARPA</t>
  </si>
  <si>
    <t>9044</t>
  </si>
  <si>
    <t>9880</t>
  </si>
  <si>
    <t>2913</t>
  </si>
  <si>
    <t>29737</t>
  </si>
  <si>
    <t>21540</t>
  </si>
  <si>
    <t>GPS RUKAN PURA CHAK NO 22</t>
  </si>
  <si>
    <t>BHOPAYWAL - MALE</t>
  </si>
  <si>
    <t>Rukanpura</t>
  </si>
  <si>
    <t>rukanpura chak22</t>
  </si>
  <si>
    <t>Bhopy Wal</t>
  </si>
  <si>
    <t>imran Ali</t>
  </si>
  <si>
    <t>14370</t>
  </si>
  <si>
    <t>24734</t>
  </si>
  <si>
    <t>GGHS HAMU GAKHAR</t>
  </si>
  <si>
    <t>Hammu gakhar</t>
  </si>
  <si>
    <t>Hammu Gakhar</t>
  </si>
  <si>
    <t>sheni</t>
  </si>
  <si>
    <t>Khadija Khanam</t>
  </si>
  <si>
    <t>43580</t>
  </si>
  <si>
    <t>30640</t>
  </si>
  <si>
    <t>24626</t>
  </si>
  <si>
    <t>49009</t>
  </si>
  <si>
    <t>16698</t>
  </si>
  <si>
    <t>GGPS 547/GB</t>
  </si>
  <si>
    <t>chak no 547 gb</t>
  </si>
  <si>
    <t>547gb</t>
  </si>
  <si>
    <t>Musarrat Bano</t>
  </si>
  <si>
    <t>3586</t>
  </si>
  <si>
    <t>9805</t>
  </si>
  <si>
    <t>27265</t>
  </si>
  <si>
    <t>GGES TIBBA SHAH BEHLOL</t>
  </si>
  <si>
    <t>TIBBA SHA BEHLOL - FEMALE</t>
  </si>
  <si>
    <t>Tibba Shah Behlol</t>
  </si>
  <si>
    <t>Machonikka Teh.Pindi Bhattian Dist.Hafizabad</t>
  </si>
  <si>
    <t>Thatha Karedad</t>
  </si>
  <si>
    <t>nasira naz</t>
  </si>
  <si>
    <t>16555</t>
  </si>
  <si>
    <t>20734</t>
  </si>
  <si>
    <t>16851</t>
  </si>
  <si>
    <t>GHS SAJHAR</t>
  </si>
  <si>
    <t>SAJHAR</t>
  </si>
  <si>
    <t>MOZA SAJHAR TEH 18 HAZARI DISTT JHANG</t>
  </si>
  <si>
    <t>7/1 thal shumali</t>
  </si>
  <si>
    <t>ARIF ALI</t>
  </si>
  <si>
    <t>5374</t>
  </si>
  <si>
    <t>21222</t>
  </si>
  <si>
    <t>GGHS DEHLLA CHATHA</t>
  </si>
  <si>
    <t>Dehla Chattha</t>
  </si>
  <si>
    <t>GGHS Dehla Chattha</t>
  </si>
  <si>
    <t>bomma Bath</t>
  </si>
  <si>
    <t>nazia mansha</t>
  </si>
  <si>
    <t>99008</t>
  </si>
  <si>
    <t>GGHSS SOHAWA</t>
  </si>
  <si>
    <t>GOVT.GIRLS HIGHER SECONDARY SCHOOL MAIN BAZAR SOHAWA</t>
  </si>
  <si>
    <t>Shahnaz Akhtar Zahoor</t>
  </si>
  <si>
    <t>18103</t>
  </si>
  <si>
    <t>GMPS BRANCH NO. 3 SHORKOT</t>
  </si>
  <si>
    <t>shorkot city</t>
  </si>
  <si>
    <t>Shorkot city</t>
  </si>
  <si>
    <t>Rukhsana Yasmeen</t>
  </si>
  <si>
    <t>1149</t>
  </si>
  <si>
    <t>34149</t>
  </si>
  <si>
    <t>GMMS LUQMAN ARAIN</t>
  </si>
  <si>
    <t>Galoor masoo Khan</t>
  </si>
  <si>
    <t>basti luqman arain post office Sardar Garh Rahim Yar khan</t>
  </si>
  <si>
    <t>Basti Luqman Arain</t>
  </si>
  <si>
    <t>Riaz  Ahmad</t>
  </si>
  <si>
    <t>22922</t>
  </si>
  <si>
    <t>GGHS PANJAN KASANA</t>
  </si>
  <si>
    <t>PANJAN KISSANA</t>
  </si>
  <si>
    <t>VPO PANJAN KISSANA TEHSIL KHARIAN DISTRICT GUJRAT</t>
  </si>
  <si>
    <t>FARZANA NASREEN</t>
  </si>
  <si>
    <t>GGHS CHAK 694/36 GB</t>
  </si>
  <si>
    <t>chak no 694/36 GB</t>
  </si>
  <si>
    <t>Chak no.694/36 GB</t>
  </si>
  <si>
    <t>Chak no 694/36 GB</t>
  </si>
  <si>
    <t>CHAK NO 694/36 GB</t>
  </si>
  <si>
    <t>FARIHA ARIF</t>
  </si>
  <si>
    <t>8414</t>
  </si>
  <si>
    <t>46590</t>
  </si>
  <si>
    <t>GES CHAK NO. 32 MB</t>
  </si>
  <si>
    <t>32MB</t>
  </si>
  <si>
    <t>GOVT.ELEMENTARY SCHOOL 32MB</t>
  </si>
  <si>
    <t>Chak No14MB</t>
  </si>
  <si>
    <t>Zaka Ullah</t>
  </si>
  <si>
    <t>44927</t>
  </si>
  <si>
    <t>11924</t>
  </si>
  <si>
    <t>47998</t>
  </si>
  <si>
    <t>49644</t>
  </si>
  <si>
    <t>GHS CHAK NO.120 NB</t>
  </si>
  <si>
    <t>CHAK NO 120 NB</t>
  </si>
  <si>
    <t>CHAK NO 135 SB</t>
  </si>
  <si>
    <t>Tariq Hassan</t>
  </si>
  <si>
    <t>9704</t>
  </si>
  <si>
    <t>2094</t>
  </si>
  <si>
    <t>GGPS JHUGIAN NOOR PUR</t>
  </si>
  <si>
    <t>Noorpur Jagian</t>
  </si>
  <si>
    <t>noor pur jhugian Lahore cantt</t>
  </si>
  <si>
    <t>Noor Pur Jhugian</t>
  </si>
  <si>
    <t>Ghowind</t>
  </si>
  <si>
    <t>Akhtar Mehmood</t>
  </si>
  <si>
    <t>44267</t>
  </si>
  <si>
    <t>3002</t>
  </si>
  <si>
    <t>26505</t>
  </si>
  <si>
    <t>GGPS RANIAL</t>
  </si>
  <si>
    <t>SHAHGHARIB NO.2 - FEMALE</t>
  </si>
  <si>
    <t>Ranial</t>
  </si>
  <si>
    <t>Tayyaba Gulzar</t>
  </si>
  <si>
    <t>15726</t>
  </si>
  <si>
    <t>GGHS CHAK NO 45 GB FSD</t>
  </si>
  <si>
    <t>Trntaran</t>
  </si>
  <si>
    <t>chak no 45 gb,tehsil samundri</t>
  </si>
  <si>
    <t>chak no 45 gb</t>
  </si>
  <si>
    <t>BUSHRA MUSARRAT</t>
  </si>
  <si>
    <t>12560</t>
  </si>
  <si>
    <t>53572</t>
  </si>
  <si>
    <t>GGHS BURJ JEWAY KHAN</t>
  </si>
  <si>
    <t>Burj Jeway khan</t>
  </si>
  <si>
    <t>burj jeway khan</t>
  </si>
  <si>
    <t>uzma zahoor</t>
  </si>
  <si>
    <t>2.14748e+009</t>
  </si>
  <si>
    <t>13943</t>
  </si>
  <si>
    <t>34363</t>
  </si>
  <si>
    <t>20420</t>
  </si>
  <si>
    <t>20431</t>
  </si>
  <si>
    <t>GGHS MC QILA DIDAR SINGH NO. 1</t>
  </si>
  <si>
    <t>GGHS NO.1 qila didar singh near shahidia masjid tehsil and district Gujranwala</t>
  </si>
  <si>
    <t>SADIA BASHIR GHUMMAN</t>
  </si>
  <si>
    <t>6220</t>
  </si>
  <si>
    <t>7347</t>
  </si>
  <si>
    <t>41692</t>
  </si>
  <si>
    <t>GGPS 207 P</t>
  </si>
  <si>
    <t>GOREHLLA-FEMALE</t>
  </si>
  <si>
    <t>207p</t>
  </si>
  <si>
    <t>Saba Arshad</t>
  </si>
  <si>
    <t>24722</t>
  </si>
  <si>
    <t>GGHS MUSLIM MODEL MUHAMMAD PURA</t>
  </si>
  <si>
    <t>MOHALLAH MUHAMMAD PURA SIALKOT</t>
  </si>
  <si>
    <t>RAHEELA KOUSAR</t>
  </si>
  <si>
    <t>31568</t>
  </si>
  <si>
    <t>GGES HARDO LADHEKE</t>
  </si>
  <si>
    <t>Ladhky</t>
  </si>
  <si>
    <t>gges herdo ladhky</t>
  </si>
  <si>
    <t>Herdo Ladhky</t>
  </si>
  <si>
    <t>farah naz</t>
  </si>
  <si>
    <t>12858</t>
  </si>
  <si>
    <t>6663</t>
  </si>
  <si>
    <t>6658</t>
  </si>
  <si>
    <t>27874</t>
  </si>
  <si>
    <t>GHS CHELIAN WALA</t>
  </si>
  <si>
    <t>CHELIANWALA</t>
  </si>
  <si>
    <t>VPO CHILLIANWALA GHS CHILlIANWALA</t>
  </si>
  <si>
    <t>Ehsan Ullah</t>
  </si>
  <si>
    <t>46144</t>
  </si>
  <si>
    <t>GHS PAIL</t>
  </si>
  <si>
    <t>Pail</t>
  </si>
  <si>
    <t>VPO PAIL TEHSIL AND DISTRICT KHUSHAB</t>
  </si>
  <si>
    <t>Padhrar</t>
  </si>
  <si>
    <t>12144</t>
  </si>
  <si>
    <t>23835</t>
  </si>
  <si>
    <t>3671</t>
  </si>
  <si>
    <t>33817</t>
  </si>
  <si>
    <t>30972</t>
  </si>
  <si>
    <t>GMPS GHARIB ABAD GROSS MANDI</t>
  </si>
  <si>
    <t>QUTAB PUR - FEMALE</t>
  </si>
  <si>
    <t>Jungle Khan</t>
  </si>
  <si>
    <t>GMPS jungle khan</t>
  </si>
  <si>
    <t>Malook Bibi</t>
  </si>
  <si>
    <t>50664</t>
  </si>
  <si>
    <t>GHS NANGAL  NO. 2 SAHIWAL</t>
  </si>
  <si>
    <t>sahiwal</t>
  </si>
  <si>
    <t>Govt. High school Nangal No.02, near Pull Bazar Sahiwal</t>
  </si>
  <si>
    <t>Mohallah Farid Gunj</t>
  </si>
  <si>
    <t>Sadar-B</t>
  </si>
  <si>
    <t>14466</t>
  </si>
  <si>
    <t>21338</t>
  </si>
  <si>
    <t>GPS MANAWALA</t>
  </si>
  <si>
    <t>Manawala</t>
  </si>
  <si>
    <t>GPS Manawala</t>
  </si>
  <si>
    <t>Vinjowali</t>
  </si>
  <si>
    <t>liaqat Ali</t>
  </si>
  <si>
    <t>14053</t>
  </si>
  <si>
    <t>51313</t>
  </si>
  <si>
    <t>GHS CHAK AZMAT</t>
  </si>
  <si>
    <t>Azmat</t>
  </si>
  <si>
    <t>chak azmat</t>
  </si>
  <si>
    <t>SYED IMTIAZ HUSSAIN SHAH</t>
  </si>
  <si>
    <t>766</t>
  </si>
  <si>
    <t>2905</t>
  </si>
  <si>
    <t>GGES KHARAL AZIM IBRAHIM WALA</t>
  </si>
  <si>
    <t>Ahmad Yar Rid</t>
  </si>
  <si>
    <t>ibrahim numberdar wala</t>
  </si>
  <si>
    <t>Chah Abbas Wala</t>
  </si>
  <si>
    <t>Kotsultan</t>
  </si>
  <si>
    <t>Kauser Shaheen</t>
  </si>
  <si>
    <t>42110</t>
  </si>
  <si>
    <t>31880</t>
  </si>
  <si>
    <t>13710</t>
  </si>
  <si>
    <t>33710</t>
  </si>
  <si>
    <t>3137</t>
  </si>
  <si>
    <t>GHS CHAK NO.30/A</t>
  </si>
  <si>
    <t>Chak No 32/A</t>
  </si>
  <si>
    <t>Govt High School Chak No.30/A Tehsil Liaquat Pur Distt Rahim Yar Khan</t>
  </si>
  <si>
    <t>Chak No 30/A</t>
  </si>
  <si>
    <t>HAROON UR RASHEED</t>
  </si>
  <si>
    <t>1221</t>
  </si>
  <si>
    <t>48727</t>
  </si>
  <si>
    <t>GGHSS CHAK NO.46 SB</t>
  </si>
  <si>
    <t>Chak# 46 SB</t>
  </si>
  <si>
    <t>chak # 45 S.B</t>
  </si>
  <si>
    <t>Chak#45 SB</t>
  </si>
  <si>
    <t>Chak# 45 SB</t>
  </si>
  <si>
    <t>boar</t>
  </si>
  <si>
    <t>6288</t>
  </si>
  <si>
    <t>GPS PERH</t>
  </si>
  <si>
    <t>DEWAL- MALE</t>
  </si>
  <si>
    <t>Hokra Kari</t>
  </si>
  <si>
    <t>post office New Murree village hokra Kari</t>
  </si>
  <si>
    <t>Sehr Bgla</t>
  </si>
  <si>
    <t>Muhammad Sohrab</t>
  </si>
  <si>
    <t>chasma</t>
  </si>
  <si>
    <t>39834</t>
  </si>
  <si>
    <t>GGPS DHOK MEHDI</t>
  </si>
  <si>
    <t>HASSANABDAL - FEMALE</t>
  </si>
  <si>
    <t>DHOK MEHDI</t>
  </si>
  <si>
    <t>village and post office DHOK MEHDI burhan</t>
  </si>
  <si>
    <t>DK Mehdi</t>
  </si>
  <si>
    <t>UZMA Shaheen</t>
  </si>
  <si>
    <t>5006</t>
  </si>
  <si>
    <t>24320</t>
  </si>
  <si>
    <t>30759</t>
  </si>
  <si>
    <t>GGHS CDG A/3 KABUTAR PURA GULBERG III LAHORE</t>
  </si>
  <si>
    <t>A3</t>
  </si>
  <si>
    <t>123, A3, Gulberg3,Lahore.</t>
  </si>
  <si>
    <t>Gulberg3</t>
  </si>
  <si>
    <t>27169</t>
  </si>
  <si>
    <t>22887</t>
  </si>
  <si>
    <t>GHS LANGRIAL</t>
  </si>
  <si>
    <t>VPO LANGRIAL</t>
  </si>
  <si>
    <t>Muhammad Azhar Naeem</t>
  </si>
  <si>
    <t>18512</t>
  </si>
  <si>
    <t>GHS CHAK 278 JB USMAN KOT</t>
  </si>
  <si>
    <t>CHAK NO. 278 JB USMAN KOT</t>
  </si>
  <si>
    <t>CHAK NO. 278 JB USMAN KOT , TEHSIL GOJRA , DISTICT T.T.SINGH.</t>
  </si>
  <si>
    <t>Samsoon TOMAS</t>
  </si>
  <si>
    <t>39909</t>
  </si>
  <si>
    <t>3049</t>
  </si>
  <si>
    <t>41019</t>
  </si>
  <si>
    <t>GGPS SHEIKHU PUR</t>
  </si>
  <si>
    <t>MADU KALAS - FEMALE</t>
  </si>
  <si>
    <t>Miran Abad</t>
  </si>
  <si>
    <t>Vill  sheikhupur po ladher teh Dina ditt jhelum</t>
  </si>
  <si>
    <t>Sheikhupur</t>
  </si>
  <si>
    <t>Ladher</t>
  </si>
  <si>
    <t>Nazia Manzoor</t>
  </si>
  <si>
    <t>24684</t>
  </si>
  <si>
    <t>51326</t>
  </si>
  <si>
    <t>21968</t>
  </si>
  <si>
    <t>2469</t>
  </si>
  <si>
    <t>16761</t>
  </si>
  <si>
    <t>GGES 490 GB</t>
  </si>
  <si>
    <t>MAMUNKANJAN-I - FEMALE</t>
  </si>
  <si>
    <t>490 G</t>
  </si>
  <si>
    <t>490 gb</t>
  </si>
  <si>
    <t>490gb</t>
  </si>
  <si>
    <t>490 Gb</t>
  </si>
  <si>
    <t>Memona Sharif</t>
  </si>
  <si>
    <t>4639</t>
  </si>
  <si>
    <t>39315</t>
  </si>
  <si>
    <t>38400</t>
  </si>
  <si>
    <t>41888</t>
  </si>
  <si>
    <t>GGES SIHAM NO 2</t>
  </si>
  <si>
    <t>DHOKE MUSTAQEEM</t>
  </si>
  <si>
    <t>GGES DHOKE MUSTAQEEM RWP</t>
  </si>
  <si>
    <t>21749</t>
  </si>
  <si>
    <t>GHS HERDO RATALI</t>
  </si>
  <si>
    <t>Ratali Virkan</t>
  </si>
  <si>
    <t>Govt. High School Herdo Ratali</t>
  </si>
  <si>
    <t>Herdo Ratali</t>
  </si>
  <si>
    <t>DR. ABDUL GHAFFAR TAHIR</t>
  </si>
  <si>
    <t>52430</t>
  </si>
  <si>
    <t>16826</t>
  </si>
  <si>
    <t>GHS CHAK NO 263 JB</t>
  </si>
  <si>
    <t>chak no.263/JB Jhang</t>
  </si>
  <si>
    <t>Chak No.263 Patoana</t>
  </si>
  <si>
    <t>Chak No.265/JB</t>
  </si>
  <si>
    <t>8174</t>
  </si>
  <si>
    <t>24855</t>
  </si>
  <si>
    <t>951</t>
  </si>
  <si>
    <t>1227</t>
  </si>
  <si>
    <t>12904</t>
  </si>
  <si>
    <t>GGPS DHAKNAY WALA</t>
  </si>
  <si>
    <t>Panjgraen</t>
  </si>
  <si>
    <t>gov girls primary school dhaknay wala Khan garh</t>
  </si>
  <si>
    <t>Dhaknay Wala</t>
  </si>
  <si>
    <t>Jgat Pur</t>
  </si>
  <si>
    <t>1502</t>
  </si>
  <si>
    <t>49038</t>
  </si>
  <si>
    <t>48638</t>
  </si>
  <si>
    <t>28627</t>
  </si>
  <si>
    <t>GGHS JAMSHAIR KALAN</t>
  </si>
  <si>
    <t>JAMSHER KALAN</t>
  </si>
  <si>
    <t>GOVT GIRLS HIGH SCHOOL JAMSHER KALAN</t>
  </si>
  <si>
    <t>jAMSHER KALAN</t>
  </si>
  <si>
    <t>Saima Azeem</t>
  </si>
  <si>
    <t>30256</t>
  </si>
  <si>
    <t>GGHS CUSTOM COLONY</t>
  </si>
  <si>
    <t>Kalan</t>
  </si>
  <si>
    <t>Govt. Girls High School Custom Colony, Academy Road, Walton Road Lahore Cantt.</t>
  </si>
  <si>
    <t>CBW Ward # 5</t>
  </si>
  <si>
    <t>Kausar Tasneem</t>
  </si>
  <si>
    <t>CSS ACADEMY</t>
  </si>
  <si>
    <t>1145</t>
  </si>
  <si>
    <t>19426</t>
  </si>
  <si>
    <t>GGHS REHMAN ABAD</t>
  </si>
  <si>
    <t>JAMAL CHANAN</t>
  </si>
  <si>
    <t>GGHS REHMANABAD, BWP(SADAR)</t>
  </si>
  <si>
    <t>REHMANABAD</t>
  </si>
  <si>
    <t>RIZWANA ANSARI</t>
  </si>
  <si>
    <t>20889</t>
  </si>
  <si>
    <t>GHS LADHAY WALA CHEEMA</t>
  </si>
  <si>
    <t>Ladhay Wala Cheema</t>
  </si>
  <si>
    <t>LADHAY WALA CHEEMA PO AHMAD NAGAR TEH: WAZIRABAD DISTT: GUJRANWALA</t>
  </si>
  <si>
    <t>LADHAY WALA CHEEMA</t>
  </si>
  <si>
    <t>9350</t>
  </si>
  <si>
    <t>40056</t>
  </si>
  <si>
    <t>GHS KALA GUJRAN NO. 2</t>
  </si>
  <si>
    <t>GHS No.2 Kala Gujran Jhelum.</t>
  </si>
  <si>
    <t>Khurram siddique</t>
  </si>
  <si>
    <t>33202</t>
  </si>
  <si>
    <t>GES DEORHI CHAK NO. 15/RB</t>
  </si>
  <si>
    <t>Deourhi 15/RB</t>
  </si>
  <si>
    <t>Deourhi 15/RB PO Mahnianwala</t>
  </si>
  <si>
    <t>Deourhi</t>
  </si>
  <si>
    <t>Javed Iqbal Taib</t>
  </si>
  <si>
    <t>17376</t>
  </si>
  <si>
    <t>27916</t>
  </si>
  <si>
    <t>GHS JHOLANA</t>
  </si>
  <si>
    <t>jholana m.b.din</t>
  </si>
  <si>
    <t>53906</t>
  </si>
  <si>
    <t>52336</t>
  </si>
  <si>
    <t>GGES BHOMAN SHAH</t>
  </si>
  <si>
    <t>Bhuman Shah</t>
  </si>
  <si>
    <t>bhuman Shah departure okara</t>
  </si>
  <si>
    <t>Naheed Naeem</t>
  </si>
  <si>
    <t>48657</t>
  </si>
  <si>
    <t>47615</t>
  </si>
  <si>
    <t>44919</t>
  </si>
  <si>
    <t>GPS CHAK NO. 47 DB</t>
  </si>
  <si>
    <t>Chak No 47 Db</t>
  </si>
  <si>
    <t>chak no 47 db p/o 47 db tehsil kallur kot Bhakkar</t>
  </si>
  <si>
    <t>Rana Muhammad Imran</t>
  </si>
  <si>
    <t>2096</t>
  </si>
  <si>
    <t>GHS CHAKKI FAIQ</t>
  </si>
  <si>
    <t>Khalis Khurd</t>
  </si>
  <si>
    <t>chakifaiq</t>
  </si>
  <si>
    <t>Chaki Faiq</t>
  </si>
  <si>
    <t>Mari Abar Nehal</t>
  </si>
  <si>
    <t>Rana Muhammad Sajid</t>
  </si>
  <si>
    <t>46845</t>
  </si>
  <si>
    <t>46108</t>
  </si>
  <si>
    <t>19222</t>
  </si>
  <si>
    <t>GHS CHAK 320 GB</t>
  </si>
  <si>
    <t>Hobbo Wal</t>
  </si>
  <si>
    <t>govt. high school 320 gb</t>
  </si>
  <si>
    <t>chak no. 320 gb</t>
  </si>
  <si>
    <t>chak no. 319 gb</t>
  </si>
  <si>
    <t>Muhammad Saeed Akhtar</t>
  </si>
  <si>
    <t>7853</t>
  </si>
  <si>
    <t>37039</t>
  </si>
  <si>
    <t>15001</t>
  </si>
  <si>
    <t>39796</t>
  </si>
  <si>
    <t>GGHS POURMIANA</t>
  </si>
  <si>
    <t>MUSARAT SULTANA</t>
  </si>
  <si>
    <t>11706</t>
  </si>
  <si>
    <t>BORING</t>
  </si>
  <si>
    <t>23115</t>
  </si>
  <si>
    <t>16745</t>
  </si>
  <si>
    <t>GGHS 401 GB</t>
  </si>
  <si>
    <t>401GB</t>
  </si>
  <si>
    <t>400GB</t>
  </si>
  <si>
    <t>Nabila Amin</t>
  </si>
  <si>
    <t>21529</t>
  </si>
  <si>
    <t>22992</t>
  </si>
  <si>
    <t>53090</t>
  </si>
  <si>
    <t>GHS BURJ JIWAY KHAN</t>
  </si>
  <si>
    <t>BURJ Jeeway KHAN</t>
  </si>
  <si>
    <t>BURJ JEEWAY KHAN OKARA</t>
  </si>
  <si>
    <t>Burj jeeway khan</t>
  </si>
  <si>
    <t>BURJ JEEWAY KHAN</t>
  </si>
  <si>
    <t>KANWAR SHAHID FAROOQ</t>
  </si>
  <si>
    <t>43830</t>
  </si>
  <si>
    <t>3629</t>
  </si>
  <si>
    <t>24078</t>
  </si>
  <si>
    <t>GES KLASWALA</t>
  </si>
  <si>
    <t>KALASWALA - MALE</t>
  </si>
  <si>
    <t>Kalaswala</t>
  </si>
  <si>
    <t>P.O. Kalaswala tehsil Pasrur District Sialkot</t>
  </si>
  <si>
    <t>Mian Khalid Mehmood</t>
  </si>
  <si>
    <t>25471</t>
  </si>
  <si>
    <t>47530</t>
  </si>
  <si>
    <t>GMES CANAL COLONY DAUD KHEL</t>
  </si>
  <si>
    <t>daud khel paka</t>
  </si>
  <si>
    <t>ggmes canal calony daud khel</t>
  </si>
  <si>
    <t>daud khel</t>
  </si>
  <si>
    <t>daud khel rural paki  shah mardan</t>
  </si>
  <si>
    <t>sadaf aziz</t>
  </si>
  <si>
    <t>12978</t>
  </si>
  <si>
    <t>24778</t>
  </si>
  <si>
    <t>25887</t>
  </si>
  <si>
    <t>GGES KALKHANA</t>
  </si>
  <si>
    <t>Kalkhana</t>
  </si>
  <si>
    <t>kalkhana</t>
  </si>
  <si>
    <t>Dharag Miana</t>
  </si>
  <si>
    <t>Attia Rehman</t>
  </si>
  <si>
    <t>2283</t>
  </si>
  <si>
    <t>40280</t>
  </si>
  <si>
    <t>40633</t>
  </si>
  <si>
    <t>29553</t>
  </si>
  <si>
    <t>27920</t>
  </si>
  <si>
    <t>GGHS RAKH MINAR GARH</t>
  </si>
  <si>
    <t>Rakh Minar Garh</t>
  </si>
  <si>
    <t>GGHS RAKH MINAR GARH M.B.DIN</t>
  </si>
  <si>
    <t>Chak No 1</t>
  </si>
  <si>
    <t>Mojianwala</t>
  </si>
  <si>
    <t>9767</t>
  </si>
  <si>
    <t>27073</t>
  </si>
  <si>
    <t>36137</t>
  </si>
  <si>
    <t>GGES 47 WB</t>
  </si>
  <si>
    <t>47 WB</t>
  </si>
  <si>
    <t>53 WB</t>
  </si>
  <si>
    <t>Taoqeer Un Nisa</t>
  </si>
  <si>
    <t>21321</t>
  </si>
  <si>
    <t>14300</t>
  </si>
  <si>
    <t>12395</t>
  </si>
  <si>
    <t>33384</t>
  </si>
  <si>
    <t>GES AJAB WALA</t>
  </si>
  <si>
    <t>KARAM DAD QURESHI- MALE</t>
  </si>
  <si>
    <t>GulQaim Mastoi</t>
  </si>
  <si>
    <t>Ajab wala. GulQaim Mastoi. M.garh</t>
  </si>
  <si>
    <t>Ajab wala</t>
  </si>
  <si>
    <t>Muhammad Habib ullah Khan</t>
  </si>
  <si>
    <t>47610</t>
  </si>
  <si>
    <t>44338</t>
  </si>
  <si>
    <t>GGHS BEHAL</t>
  </si>
  <si>
    <t>Behal</t>
  </si>
  <si>
    <t>GGHS Behal</t>
  </si>
  <si>
    <t>Fariha Ameer</t>
  </si>
  <si>
    <t>54302</t>
  </si>
  <si>
    <t>GGPS GULSHAN-E-MEHAR MULTAN</t>
  </si>
  <si>
    <t>gulshan mehar</t>
  </si>
  <si>
    <t>gulshan mehar colony</t>
  </si>
  <si>
    <t>no</t>
  </si>
  <si>
    <t>taraf mubarak dom</t>
  </si>
  <si>
    <t>3576</t>
  </si>
  <si>
    <t>GGHS MC RATTA AMRAL</t>
  </si>
  <si>
    <t>babu lal hussain road school</t>
  </si>
  <si>
    <t>Ratta Amral</t>
  </si>
  <si>
    <t>ZUBAIDA KHATOON</t>
  </si>
  <si>
    <t>956</t>
  </si>
  <si>
    <t>45483</t>
  </si>
  <si>
    <t>GPS TIBBA MURTAZA SHAH</t>
  </si>
  <si>
    <t>Tiba Murtaza shah dagger</t>
  </si>
  <si>
    <t>Tiba murtaza shah p/o panjgirain teh.darya khan distt.bhakkar</t>
  </si>
  <si>
    <t>Tiba murtaza shah</t>
  </si>
  <si>
    <t>Panjgirain dagger</t>
  </si>
  <si>
    <t>Zia Ullah</t>
  </si>
  <si>
    <t>1571</t>
  </si>
  <si>
    <t>4949</t>
  </si>
  <si>
    <t>2629</t>
  </si>
  <si>
    <t>15135</t>
  </si>
  <si>
    <t>GGPS CHAK 571 GB LUNDIANWALA</t>
  </si>
  <si>
    <t>LUNDIANWALA - FEMALE</t>
  </si>
  <si>
    <t>571gb</t>
  </si>
  <si>
    <t>566gb</t>
  </si>
  <si>
    <t>7131</t>
  </si>
  <si>
    <t>51237</t>
  </si>
  <si>
    <t>9585</t>
  </si>
  <si>
    <t>GGHS CHAK NO. 377 TDA</t>
  </si>
  <si>
    <t>377/TDA CHOUBARA</t>
  </si>
  <si>
    <t>GGHS 377/TDA CHOUBARA</t>
  </si>
  <si>
    <t>CHAK NO 377/TDA</t>
  </si>
  <si>
    <t>shahida Mehboob</t>
  </si>
  <si>
    <t>16996</t>
  </si>
  <si>
    <t>18523</t>
  </si>
  <si>
    <t>GGHS CHAK 417 JB MODEL</t>
  </si>
  <si>
    <t>seowal</t>
  </si>
  <si>
    <t>chak no 417 jb</t>
  </si>
  <si>
    <t>417 jb</t>
  </si>
  <si>
    <t>maqbool pur</t>
  </si>
  <si>
    <t>Fahmina Firdous</t>
  </si>
  <si>
    <t>53294</t>
  </si>
  <si>
    <t>GPS EID GAH OKARA</t>
  </si>
  <si>
    <t>Mansorabad</t>
  </si>
  <si>
    <t>mansorabad okara</t>
  </si>
  <si>
    <t>M Khalid</t>
  </si>
  <si>
    <t>GGES 251 EB NEW</t>
  </si>
  <si>
    <t>251/EB</t>
  </si>
  <si>
    <t>Uzma Mumtaz Wattoo</t>
  </si>
  <si>
    <t>53621</t>
  </si>
  <si>
    <t>GHS CHAN WALA</t>
  </si>
  <si>
    <t>chan wala</t>
  </si>
  <si>
    <t>basti almani p/o qasba gujrat tehsil kot adu</t>
  </si>
  <si>
    <t>ghazi ghat</t>
  </si>
  <si>
    <t>36328</t>
  </si>
  <si>
    <t>13262</t>
  </si>
  <si>
    <t>GGPS BASTI LANGRIAL</t>
  </si>
  <si>
    <t>basti khawaja moza langrial tehsile jatoi district Muzaffar</t>
  </si>
  <si>
    <t>Khawaja</t>
  </si>
  <si>
    <t>Manic Pur</t>
  </si>
  <si>
    <t>Safia Javed</t>
  </si>
  <si>
    <t>38790</t>
  </si>
  <si>
    <t>GHS MARI KANJOOR</t>
  </si>
  <si>
    <t>GBHS Mari Kanjoor Tesil and Distt Attock</t>
  </si>
  <si>
    <t>Mari Kanjoor</t>
  </si>
  <si>
    <t>Sheen Bagh</t>
  </si>
  <si>
    <t>Abid Khan</t>
  </si>
  <si>
    <t>9598</t>
  </si>
  <si>
    <t>GHS CHAK NO. 110/6-R</t>
  </si>
  <si>
    <t>CHAK NO 110/6R</t>
  </si>
  <si>
    <t>CHAK NO 109/6R</t>
  </si>
  <si>
    <t>MUHAMMAD AKRAM IJAZ</t>
  </si>
  <si>
    <t>41150</t>
  </si>
  <si>
    <t>54064</t>
  </si>
  <si>
    <t>48131</t>
  </si>
  <si>
    <t>GGHS CHAK NO.7 NB</t>
  </si>
  <si>
    <t>Chak No 7NB</t>
  </si>
  <si>
    <t>GGHS Chak No 7NB</t>
  </si>
  <si>
    <t>Chak 6SB</t>
  </si>
  <si>
    <t>Gulnaz bano</t>
  </si>
  <si>
    <t>25510</t>
  </si>
  <si>
    <t>36851</t>
  </si>
  <si>
    <t>GGPS ASIM ABAD, KABIRWALA</t>
  </si>
  <si>
    <t>Ameerpur</t>
  </si>
  <si>
    <t>shadianwala Asimabad ameerpur post office narhal uc13 botasinghwala</t>
  </si>
  <si>
    <t>Asimabad</t>
  </si>
  <si>
    <t>Botasinghwala</t>
  </si>
  <si>
    <t>Farzana Batool</t>
  </si>
  <si>
    <t>6890</t>
  </si>
  <si>
    <t>45462</t>
  </si>
  <si>
    <t>GPS CHAK NO 11 TDA</t>
  </si>
  <si>
    <t>Chah Nawan Quraishian Wala</t>
  </si>
  <si>
    <t>chah Nawan Quraishian Wala Chak No 11 TDA</t>
  </si>
  <si>
    <t>Abadi Chak No 11 TDA</t>
  </si>
  <si>
    <t>Dagar Quraishi</t>
  </si>
  <si>
    <t>Aamir Saifullah</t>
  </si>
  <si>
    <t>39265</t>
  </si>
  <si>
    <t>38655</t>
  </si>
  <si>
    <t>GGPS CHAK 14/M EAST</t>
  </si>
  <si>
    <t>CHAK NO 14/M</t>
  </si>
  <si>
    <t>SULTAN AYOUB QATAL</t>
  </si>
  <si>
    <t>Shazia Naheed</t>
  </si>
  <si>
    <t>GGHS THIRPAL</t>
  </si>
  <si>
    <t>Thirpal</t>
  </si>
  <si>
    <t>v.p.o. thirpal chakwal</t>
  </si>
  <si>
    <t>Karayala</t>
  </si>
  <si>
    <t>Shehnaz  Bibi</t>
  </si>
  <si>
    <t>21133</t>
  </si>
  <si>
    <t>22760</t>
  </si>
  <si>
    <t>32280</t>
  </si>
  <si>
    <t>GGPS DERA GURUDAS PURIYAN</t>
  </si>
  <si>
    <t>SHEIKHUPURA-VIII - FEMALE</t>
  </si>
  <si>
    <t>Deragurdaspurian Gurdaspurian Gurdaspurian</t>
  </si>
  <si>
    <t>deragurdaspurian</t>
  </si>
  <si>
    <t>Dera Gurdaspurian</t>
  </si>
  <si>
    <t>Muraidky</t>
  </si>
  <si>
    <t>Nargis Shaheen</t>
  </si>
  <si>
    <t>34632</t>
  </si>
  <si>
    <t>GGPS 4-FAIZ NO.2 MULTAN</t>
  </si>
  <si>
    <t>4 Faiz</t>
  </si>
  <si>
    <t>3 laat Chak 4 faiz</t>
  </si>
  <si>
    <t>3 Laat</t>
  </si>
  <si>
    <t>5 Faiz</t>
  </si>
  <si>
    <t>Samia Niazi</t>
  </si>
  <si>
    <t>10991</t>
  </si>
  <si>
    <t>GPS GHORAMAR</t>
  </si>
  <si>
    <t>ghora mar</t>
  </si>
  <si>
    <t>vpo ghora mar</t>
  </si>
  <si>
    <t>22117</t>
  </si>
  <si>
    <t>GHS PUBLIC BHAGOWAL KALAN</t>
  </si>
  <si>
    <t>Bhagowal Kalan</t>
  </si>
  <si>
    <t>54503</t>
  </si>
  <si>
    <t>GGPS HAJI PUR CHUTA BHOK</t>
  </si>
  <si>
    <t>Chuta Bhuk</t>
  </si>
  <si>
    <t>haji pur chuta bhuk bahawalnagar</t>
  </si>
  <si>
    <t>Haji Pur Chuta Bhuk</t>
  </si>
  <si>
    <t>Musa Bhuta</t>
  </si>
  <si>
    <t>2615</t>
  </si>
  <si>
    <t>10624</t>
  </si>
  <si>
    <t>GGES KOTAL QAZI</t>
  </si>
  <si>
    <t>LAYYAH-II - FEMALE</t>
  </si>
  <si>
    <t>Kothi Qureshi</t>
  </si>
  <si>
    <t>GGES Kotla Qazi Layyah</t>
  </si>
  <si>
    <t>Kotla Qazi</t>
  </si>
  <si>
    <t>Lohanch Nashaib</t>
  </si>
  <si>
    <t>Arifa Jabeen</t>
  </si>
  <si>
    <t>7076</t>
  </si>
  <si>
    <t>15228</t>
  </si>
  <si>
    <t>GGPS CHAK 211 RB KHURRIANWALA</t>
  </si>
  <si>
    <t>Majoran</t>
  </si>
  <si>
    <t>ggps 211 rb majoran</t>
  </si>
  <si>
    <t>211 Rb Majoran</t>
  </si>
  <si>
    <t>Kousar perveen</t>
  </si>
  <si>
    <t>908</t>
  </si>
  <si>
    <t>5330</t>
  </si>
  <si>
    <t>26950</t>
  </si>
  <si>
    <t>GPS QILA SAHIB SINGH</t>
  </si>
  <si>
    <t>KOT NAWAN - MALE</t>
  </si>
  <si>
    <t>Qila Sahib Singh Hafizabad</t>
  </si>
  <si>
    <t>Qila Sahib Singh alal Pur road Hafizabad</t>
  </si>
  <si>
    <t>Qila Sahib Singh</t>
  </si>
  <si>
    <t>48916</t>
  </si>
  <si>
    <t>GGHS CHAK NO.102 NB SARGODHA</t>
  </si>
  <si>
    <t>Chak 102 NB Sgd</t>
  </si>
  <si>
    <t>GOVT.GIRLS HIGH SCHOOL 102 NB SGD</t>
  </si>
  <si>
    <t>Chak 102 NB SGD</t>
  </si>
  <si>
    <t>97 NB Sgd</t>
  </si>
  <si>
    <t>Faiza Shahana Abbas</t>
  </si>
  <si>
    <t>10010</t>
  </si>
  <si>
    <t>9740</t>
  </si>
  <si>
    <t>GGES CHAK NO 441 TDA</t>
  </si>
  <si>
    <t>Chak No. 441/TDA Tehsil Choubara District Layyah</t>
  </si>
  <si>
    <t>Chak No 441/TDA</t>
  </si>
  <si>
    <t>Saharan 452/TDA</t>
  </si>
  <si>
    <t>Madiha Khalil</t>
  </si>
  <si>
    <t>5964</t>
  </si>
  <si>
    <t>11772</t>
  </si>
  <si>
    <t>35398</t>
  </si>
  <si>
    <t>GGPS 126 EB</t>
  </si>
  <si>
    <t>126/eb</t>
  </si>
  <si>
    <t>chak no 126/EB burewala</t>
  </si>
  <si>
    <t>128/eb</t>
  </si>
  <si>
    <t>Hafiza Javeria Muqaddas</t>
  </si>
  <si>
    <t>17818</t>
  </si>
  <si>
    <t>13728</t>
  </si>
  <si>
    <t>21464</t>
  </si>
  <si>
    <t>37762</t>
  </si>
  <si>
    <t>GHS KARTAR PUR</t>
  </si>
  <si>
    <t>Chakkartarpur</t>
  </si>
  <si>
    <t>chak kartarpur pakpattan</t>
  </si>
  <si>
    <t>Chak Kartarpur</t>
  </si>
  <si>
    <t>Tawana Klan</t>
  </si>
  <si>
    <t>HAFIZ KARAM ELAHI</t>
  </si>
  <si>
    <t>11522</t>
  </si>
  <si>
    <t>GMPS BASTI JHALARAN</t>
  </si>
  <si>
    <t>Kanwarpura</t>
  </si>
  <si>
    <t>jhalaran</t>
  </si>
  <si>
    <t>Jhalaran</t>
  </si>
  <si>
    <t>Mharwali</t>
  </si>
  <si>
    <t>Uzma Latif</t>
  </si>
  <si>
    <t>18198</t>
  </si>
  <si>
    <t>8819</t>
  </si>
  <si>
    <t>54536</t>
  </si>
  <si>
    <t>16067</t>
  </si>
  <si>
    <t>GGPS CHAK 92 GB CHIANA</t>
  </si>
  <si>
    <t>Cheena</t>
  </si>
  <si>
    <t>ggps92 gb cheena dijkot fsd</t>
  </si>
  <si>
    <t>92 Gb ii</t>
  </si>
  <si>
    <t>Chugal Pura</t>
  </si>
  <si>
    <t>Ambreen Ilyas</t>
  </si>
  <si>
    <t>4935</t>
  </si>
  <si>
    <t>41833</t>
  </si>
  <si>
    <t>GGES MARI MIAN SAHIB</t>
  </si>
  <si>
    <t>Mari Mian sahib</t>
  </si>
  <si>
    <t>GGCME School Mari mian sahib bwn MARI MIAN SAHIB</t>
  </si>
  <si>
    <t>23340</t>
  </si>
  <si>
    <t>42499</t>
  </si>
  <si>
    <t>50970</t>
  </si>
  <si>
    <t>GPS 67/4-R DHEROKAY</t>
  </si>
  <si>
    <t>Dherokey</t>
  </si>
  <si>
    <t>chack no 67/4r dk</t>
  </si>
  <si>
    <t>67/4r Dherokey</t>
  </si>
  <si>
    <t>66/4r</t>
  </si>
  <si>
    <t>9540</t>
  </si>
  <si>
    <t>15355</t>
  </si>
  <si>
    <t>50872</t>
  </si>
  <si>
    <t>GPS NOOR UN-NABI</t>
  </si>
  <si>
    <t>bilal colony</t>
  </si>
  <si>
    <t>bilal colony sahiwal</t>
  </si>
  <si>
    <t>Madina Colony</t>
  </si>
  <si>
    <t>MUHAMMAD JAVED IQBAL</t>
  </si>
  <si>
    <t>9150</t>
  </si>
  <si>
    <t>45807</t>
  </si>
  <si>
    <t>GPS TARRARI</t>
  </si>
  <si>
    <t>P O  khura Tehsil  Naushera district khushab</t>
  </si>
  <si>
    <t>6305</t>
  </si>
  <si>
    <t>from neighbours</t>
  </si>
  <si>
    <t>32157</t>
  </si>
  <si>
    <t>19530</t>
  </si>
  <si>
    <t>46173</t>
  </si>
  <si>
    <t>GGPS 594 GB</t>
  </si>
  <si>
    <t>Abbasi bhatyain</t>
  </si>
  <si>
    <t>chak no 594 gb  Tandlianwala</t>
  </si>
  <si>
    <t>594 gb</t>
  </si>
  <si>
    <t>599 gb</t>
  </si>
  <si>
    <t>Sadia Parveen</t>
  </si>
  <si>
    <t>5007</t>
  </si>
  <si>
    <t>7189</t>
  </si>
  <si>
    <t>49864</t>
  </si>
  <si>
    <t>GHS SANGORAKA SAHIWAL</t>
  </si>
  <si>
    <t>sangoraka</t>
  </si>
  <si>
    <t>Ghs sangoraka tehsil sahiwal district sargodha</t>
  </si>
  <si>
    <t>kundlathi ara</t>
  </si>
  <si>
    <t>zafar hayat</t>
  </si>
  <si>
    <t>21271</t>
  </si>
  <si>
    <t>GGPS BEGA KHURD</t>
  </si>
  <si>
    <t>Beegha Khurd</t>
  </si>
  <si>
    <t>Ladhy Wala Cheema</t>
  </si>
  <si>
    <t>Natasha Ambreen</t>
  </si>
  <si>
    <t>49768</t>
  </si>
  <si>
    <t>GES CHAK NO.64 SB</t>
  </si>
  <si>
    <t>Chak 64 Sb</t>
  </si>
  <si>
    <t>chalk no 64 sub</t>
  </si>
  <si>
    <t>64 Sb</t>
  </si>
  <si>
    <t>Chak 49 Sb</t>
  </si>
  <si>
    <t>IRFAN AHMED</t>
  </si>
  <si>
    <t>12660</t>
  </si>
  <si>
    <t>13931</t>
  </si>
  <si>
    <t>50758</t>
  </si>
  <si>
    <t>GES  66/4-R</t>
  </si>
  <si>
    <t>66/4-R</t>
  </si>
  <si>
    <t>Chak No 66/4R Sahiwal</t>
  </si>
  <si>
    <t>Muhammad Haseeb Ur Rehman</t>
  </si>
  <si>
    <t>6108</t>
  </si>
  <si>
    <t>23856</t>
  </si>
  <si>
    <t>777</t>
  </si>
  <si>
    <t>20771</t>
  </si>
  <si>
    <t>GGPS QILA BALWANT SINGH</t>
  </si>
  <si>
    <t>Qila balwant singh</t>
  </si>
  <si>
    <t>Qilabalwant singh near awan chowk noshera road gujranwala</t>
  </si>
  <si>
    <t>Kot shera</t>
  </si>
  <si>
    <t>Kalsum Fatima</t>
  </si>
  <si>
    <t>1605</t>
  </si>
  <si>
    <t>30321</t>
  </si>
  <si>
    <t>GPS ZUFAR-UL-ISLAM PUNJ PEER</t>
  </si>
  <si>
    <t>Punj Peer</t>
  </si>
  <si>
    <t>New pul punjpeer mugalpura Lahore</t>
  </si>
  <si>
    <t>Punjpeer</t>
  </si>
  <si>
    <t>Akhtar Bagum</t>
  </si>
  <si>
    <t>23492</t>
  </si>
  <si>
    <t>30630</t>
  </si>
  <si>
    <t>7439</t>
  </si>
  <si>
    <t>43007</t>
  </si>
  <si>
    <t>2511</t>
  </si>
  <si>
    <t>53679</t>
  </si>
  <si>
    <t>GPS CHAK 6/1-AL AKHTAR ABAD</t>
  </si>
  <si>
    <t>PULL JORIAN - MALE</t>
  </si>
  <si>
    <t>Chak No 6/1AL via Akhterabad Renalakhurd Okara</t>
  </si>
  <si>
    <t>Chak 6/1AL</t>
  </si>
  <si>
    <t>Mohammad Yaseen</t>
  </si>
  <si>
    <t>hand pump water pump</t>
  </si>
  <si>
    <t>2665</t>
  </si>
  <si>
    <t>29669</t>
  </si>
  <si>
    <t>6650</t>
  </si>
  <si>
    <t>GGPS MAKHDOOM FIDA HUSSAIN</t>
  </si>
  <si>
    <t>IQBAL NAGAR-FEMALE</t>
  </si>
  <si>
    <t>Basti Khokharan</t>
  </si>
  <si>
    <t>main Street basti makhdom fida Hussain near coca cola factory Ryk</t>
  </si>
  <si>
    <t>Chak 72/Np</t>
  </si>
  <si>
    <t>Ameen Garh</t>
  </si>
  <si>
    <t>Shamshad Akhter</t>
  </si>
  <si>
    <t>4082</t>
  </si>
  <si>
    <t>7262</t>
  </si>
  <si>
    <t>4870</t>
  </si>
  <si>
    <t>5649</t>
  </si>
  <si>
    <t>GGPS 67/A QADEEM</t>
  </si>
  <si>
    <t>67/A</t>
  </si>
  <si>
    <t>CHAK 67/A Qadeem Tehsil  Liaquat.</t>
  </si>
  <si>
    <t>CHAK 67/A Qadeem</t>
  </si>
  <si>
    <t>Iqbal Khatoon</t>
  </si>
  <si>
    <t>gallon water</t>
  </si>
  <si>
    <t>2437</t>
  </si>
  <si>
    <t>39375</t>
  </si>
  <si>
    <t>GGPS BASTI HAZOOR RENALA KHURD</t>
  </si>
  <si>
    <t>Basti Hazoor Saheb</t>
  </si>
  <si>
    <t>Munsipal Comeety</t>
  </si>
  <si>
    <t>Syeda Khalida Perveen</t>
  </si>
  <si>
    <t>4052</t>
  </si>
  <si>
    <t>32578</t>
  </si>
  <si>
    <t>29360</t>
  </si>
  <si>
    <t>3387</t>
  </si>
  <si>
    <t>GMPS BHATTA NO.4</t>
  </si>
  <si>
    <t>Zakhera Sama Sata</t>
  </si>
  <si>
    <t>government  primary school  ,bahatta no.4</t>
  </si>
  <si>
    <t>Bhata  No4</t>
  </si>
  <si>
    <t>Sajida Naseem</t>
  </si>
  <si>
    <t>36333</t>
  </si>
  <si>
    <t>GGHS CHAK NO.36 SB</t>
  </si>
  <si>
    <t>36 SB Sargodha</t>
  </si>
  <si>
    <t>chak no. 36 SB Sargodha</t>
  </si>
  <si>
    <t>36S SB Sargodha</t>
  </si>
  <si>
    <t>Chak no 36 SB</t>
  </si>
  <si>
    <t>Farzana Shafqt</t>
  </si>
  <si>
    <t>Hand pump, E Water cooler</t>
  </si>
  <si>
    <t>18229</t>
  </si>
  <si>
    <t>GGES JUNIOR MODEL SHORKOT CITY</t>
  </si>
  <si>
    <t>Shor Kot</t>
  </si>
  <si>
    <t>GGES junior model shor kot city</t>
  </si>
  <si>
    <t>MC Area</t>
  </si>
  <si>
    <t>Aisha Ameer</t>
  </si>
  <si>
    <t>20780</t>
  </si>
  <si>
    <t>25203</t>
  </si>
  <si>
    <t>GGPS BADI PUR</t>
  </si>
  <si>
    <t>Badipur</t>
  </si>
  <si>
    <t>village badipur sialkot</t>
  </si>
  <si>
    <t>Asmat Ara</t>
  </si>
  <si>
    <t>34696</t>
  </si>
  <si>
    <t>34412</t>
  </si>
  <si>
    <t>22866</t>
  </si>
  <si>
    <t>35634</t>
  </si>
  <si>
    <t>9615</t>
  </si>
  <si>
    <t>48208</t>
  </si>
  <si>
    <t>5905</t>
  </si>
  <si>
    <t>GGPS BASTI AKHTAR KHAN</t>
  </si>
  <si>
    <t>Zafar Abad</t>
  </si>
  <si>
    <t>p/o zafar abad city zafar abad tehsil liaquat pur district RYK</t>
  </si>
  <si>
    <t>Basti Akhtar Khan</t>
  </si>
  <si>
    <t>SHAHNAZ ZAHARA</t>
  </si>
  <si>
    <t>14900</t>
  </si>
  <si>
    <t>GGPS BASTI BANGAN</t>
  </si>
  <si>
    <t>Basti Bangan</t>
  </si>
  <si>
    <t>house # 10/b khursheed town Bhawalpur</t>
  </si>
  <si>
    <t>Bahawalpur City</t>
  </si>
  <si>
    <t>Asia Bibi</t>
  </si>
  <si>
    <t>45050</t>
  </si>
  <si>
    <t>GGPS CHAK NO 21 ML</t>
  </si>
  <si>
    <t>Rakh Ghulaman</t>
  </si>
  <si>
    <t>Chak No. 21 ML, Tehsil Kallur kot, district Bhakkar</t>
  </si>
  <si>
    <t>Chak No 21 ML</t>
  </si>
  <si>
    <t>Daily Naamdar</t>
  </si>
  <si>
    <t>Mujeeba Anam</t>
  </si>
  <si>
    <t>47727</t>
  </si>
  <si>
    <t>GGHS DABB</t>
  </si>
  <si>
    <t>near imambargah,p.o dabb,teh.piplan,distt mwi</t>
  </si>
  <si>
    <t>Samina Gul</t>
  </si>
  <si>
    <t>29720</t>
  </si>
  <si>
    <t>27739</t>
  </si>
  <si>
    <t>49680</t>
  </si>
  <si>
    <t>12057</t>
  </si>
  <si>
    <t>GGPS AHMAD WALA</t>
  </si>
  <si>
    <t>Tiba Mustaqi Darmiyanil Darmiyani</t>
  </si>
  <si>
    <t>Tiba mustaqil darmiyani chah Maso wala</t>
  </si>
  <si>
    <t>Maso Wala</t>
  </si>
  <si>
    <t>Tibha Mustaqil Darmiyani</t>
  </si>
  <si>
    <t>Rakshanda Aslam</t>
  </si>
  <si>
    <t>20519</t>
  </si>
  <si>
    <t>28200</t>
  </si>
  <si>
    <t>21597</t>
  </si>
  <si>
    <t>1505</t>
  </si>
  <si>
    <t>GGPS RANG PUR JATTAN</t>
  </si>
  <si>
    <t>KOTLI SAID AMIR - FEMALE</t>
  </si>
  <si>
    <t>Rang Pur Jattan</t>
  </si>
  <si>
    <t>rang pur jattan p/ o chaprar</t>
  </si>
  <si>
    <t>Ploura Kalan</t>
  </si>
  <si>
    <t>Amna Kalsoom</t>
  </si>
  <si>
    <t>18421</t>
  </si>
  <si>
    <t>50184</t>
  </si>
  <si>
    <t>GES  110/12-L</t>
  </si>
  <si>
    <t>110/12-L</t>
  </si>
  <si>
    <t>CHAK NO 110/12-L</t>
  </si>
  <si>
    <t>JAVED IQBAL</t>
  </si>
  <si>
    <t>Water from water filtration plant</t>
  </si>
  <si>
    <t>15287</t>
  </si>
  <si>
    <t>GHS CHAK 374 GB</t>
  </si>
  <si>
    <t>Arkana Waseeran</t>
  </si>
  <si>
    <t>CHAK NO.374 GB.ARKANA WASEERAN POSTOFFICE SAME TEHSIL JARANWALA  DISTRICT FAISALABAD</t>
  </si>
  <si>
    <t>CHAK NO.374 GB GB.ARKANA WASEERAN</t>
  </si>
  <si>
    <t>CHAK NO.357 GB.</t>
  </si>
  <si>
    <t>MUHAMMAD SIDDIQUE IQBAL</t>
  </si>
  <si>
    <t>12325</t>
  </si>
  <si>
    <t>11570</t>
  </si>
  <si>
    <t>24315</t>
  </si>
  <si>
    <t>GPS FAROOQ COLONY</t>
  </si>
  <si>
    <t>CANTT - MALE</t>
  </si>
  <si>
    <t>Farooq Colony</t>
  </si>
  <si>
    <t>GPS Farooq Colony Walton Road Cantt Lahore</t>
  </si>
  <si>
    <t>Model Colony No 1</t>
  </si>
  <si>
    <t>WCB</t>
  </si>
  <si>
    <t>Rashid Ahmad</t>
  </si>
  <si>
    <t>30392</t>
  </si>
  <si>
    <t>27156</t>
  </si>
  <si>
    <t>GMPS BHOON KHURD</t>
  </si>
  <si>
    <t>Bhoon Khurd</t>
  </si>
  <si>
    <t>village bhoon khurd post office karyala Hafiz abad</t>
  </si>
  <si>
    <t>firdaus kausar</t>
  </si>
  <si>
    <t>6440</t>
  </si>
  <si>
    <t>GGES CHAK NO.18/BC</t>
  </si>
  <si>
    <t>18 BC</t>
  </si>
  <si>
    <t>G.G.E/S chak no 18 B.C</t>
  </si>
  <si>
    <t>18 Bc</t>
  </si>
  <si>
    <t>24 Bc</t>
  </si>
  <si>
    <t>Samina Nazli</t>
  </si>
  <si>
    <t>5650</t>
  </si>
  <si>
    <t>GGPS CHAK 67/A JADEED</t>
  </si>
  <si>
    <t>Chak 67/A</t>
  </si>
  <si>
    <t>Chak 67/A Jadeed</t>
  </si>
  <si>
    <t>Chak  67/A Jadeed</t>
  </si>
  <si>
    <t>13642</t>
  </si>
  <si>
    <t>35929</t>
  </si>
  <si>
    <t>GGPS MARI MITRU</t>
  </si>
  <si>
    <t>Mari Mitru</t>
  </si>
  <si>
    <t>GGPS Mari mitru</t>
  </si>
  <si>
    <t>Lalipur</t>
  </si>
  <si>
    <t>Sameea Hameed</t>
  </si>
  <si>
    <t>GGHS BADLOT</t>
  </si>
  <si>
    <t>badlot</t>
  </si>
  <si>
    <t>Govt Girls High School Badlot Teh Dina Distt Jhelum</t>
  </si>
  <si>
    <t>Safia Sultana</t>
  </si>
  <si>
    <t>25735</t>
  </si>
  <si>
    <t>20948</t>
  </si>
  <si>
    <t>855</t>
  </si>
  <si>
    <t>10525</t>
  </si>
  <si>
    <t>GGHS ISLAMIA LAYYAH</t>
  </si>
  <si>
    <t>Layyah</t>
  </si>
  <si>
    <t>Near nadra office layyah</t>
  </si>
  <si>
    <t>Multan Road Layyah</t>
  </si>
  <si>
    <t>Layyah City</t>
  </si>
  <si>
    <t>nasreen akhtar</t>
  </si>
  <si>
    <t>22596</t>
  </si>
  <si>
    <t>27164</t>
  </si>
  <si>
    <t>GMPS MATTUM</t>
  </si>
  <si>
    <t>Mattam</t>
  </si>
  <si>
    <t>mattam</t>
  </si>
  <si>
    <t>Muhammad Rizwan Ishaq</t>
  </si>
  <si>
    <t>5605</t>
  </si>
  <si>
    <t>20195</t>
  </si>
  <si>
    <t>29320</t>
  </si>
  <si>
    <t>31569</t>
  </si>
  <si>
    <t>GGPS CHAK 69/A</t>
  </si>
  <si>
    <t>69/A</t>
  </si>
  <si>
    <t>chak 69/A</t>
  </si>
  <si>
    <t>Sadia Iqbal</t>
  </si>
  <si>
    <t>32087</t>
  </si>
  <si>
    <t>24784</t>
  </si>
  <si>
    <t>GGPS NAI ABADI NAJWAL</t>
  </si>
  <si>
    <t>Nai Abadi Najwal</t>
  </si>
  <si>
    <t>Jogo Chak</t>
  </si>
  <si>
    <t>6070</t>
  </si>
  <si>
    <t>8326</t>
  </si>
  <si>
    <t>20604</t>
  </si>
  <si>
    <t>7530</t>
  </si>
  <si>
    <t>20638</t>
  </si>
  <si>
    <t>GGPS RAJ KOT</t>
  </si>
  <si>
    <t>Rajkot</t>
  </si>
  <si>
    <t>main bazar rajkot gujranwala</t>
  </si>
  <si>
    <t>Muhammadabad</t>
  </si>
  <si>
    <t>Samina Sharif</t>
  </si>
  <si>
    <t>GPS PHULRA FORT ABBAS</t>
  </si>
  <si>
    <t>Basti Pholra</t>
  </si>
  <si>
    <t>Basti pholra fort abbas district bahawalnagar</t>
  </si>
  <si>
    <t>2890</t>
  </si>
  <si>
    <t>15193</t>
  </si>
  <si>
    <t>44453</t>
  </si>
  <si>
    <t>GPS CHAK NO. 57-58 ML</t>
  </si>
  <si>
    <t>Khan pur Shumali</t>
  </si>
  <si>
    <t>Chak No.57- 58ML Bhakkar</t>
  </si>
  <si>
    <t>57-58 ML</t>
  </si>
  <si>
    <t>205 TDA</t>
  </si>
  <si>
    <t>Mansoor Ahmad</t>
  </si>
  <si>
    <t>26941</t>
  </si>
  <si>
    <t>GGES WACHOKE KHURD</t>
  </si>
  <si>
    <t>Wachoke khurd</t>
  </si>
  <si>
    <t>p/o JURIAN village wachoke khurd</t>
  </si>
  <si>
    <t>Nasira Sultana</t>
  </si>
  <si>
    <t>23775</t>
  </si>
  <si>
    <t>GPS SIRAN WALI</t>
  </si>
  <si>
    <t>Siranwali</t>
  </si>
  <si>
    <t>village Siranwali, tehsil Daska,district sialkot</t>
  </si>
  <si>
    <t>muhammad akhtar</t>
  </si>
  <si>
    <t>26463</t>
  </si>
  <si>
    <t>20839</t>
  </si>
  <si>
    <t>GGPS AFZAL PURA DHULLAY</t>
  </si>
  <si>
    <t>Dhullay</t>
  </si>
  <si>
    <t>afzal pura</t>
  </si>
  <si>
    <t>Afzal Pura</t>
  </si>
  <si>
    <t>Attia Sabir</t>
  </si>
  <si>
    <t>46700</t>
  </si>
  <si>
    <t>11246</t>
  </si>
  <si>
    <t>GGPS SHARIF ARAIN</t>
  </si>
  <si>
    <t>Shareef Arain</t>
  </si>
  <si>
    <t>GGPS Shareef Arain</t>
  </si>
  <si>
    <t>Peer Jaggi</t>
  </si>
  <si>
    <t>Saba Naz</t>
  </si>
  <si>
    <t>51538</t>
  </si>
  <si>
    <t>GHS ISLAH-E-MOASHIRA SHAD BAGH LAHORE</t>
  </si>
  <si>
    <t>SHAD BAGH</t>
  </si>
  <si>
    <t>636 RAJPOOT PARK SHADBAGH LAHORE</t>
  </si>
  <si>
    <t>RAJPOOT PARK</t>
  </si>
  <si>
    <t>FAZAL PARK</t>
  </si>
  <si>
    <t>SULTAN AHMAD</t>
  </si>
  <si>
    <t>47250</t>
  </si>
  <si>
    <t>3726</t>
  </si>
  <si>
    <t>3086</t>
  </si>
  <si>
    <t>27131</t>
  </si>
  <si>
    <t>GGCMS JURIAN</t>
  </si>
  <si>
    <t>Jurian</t>
  </si>
  <si>
    <t>jurian</t>
  </si>
  <si>
    <t>Zahida Aziz</t>
  </si>
  <si>
    <t>51788</t>
  </si>
  <si>
    <t>GHS ARABIC MODEL KOT KHUDA BAKHSH</t>
  </si>
  <si>
    <t>Al Jamia</t>
  </si>
  <si>
    <t>ghs kot khuda bakhsh p/o Al jamia</t>
  </si>
  <si>
    <t>Qaboola</t>
  </si>
  <si>
    <t>42343</t>
  </si>
  <si>
    <t>GHSS PINDORI JABBAR</t>
  </si>
  <si>
    <t>BALYAM PINDORI</t>
  </si>
  <si>
    <t>GBHSS PINDORI JABBER TEH. GUJAR KHAN DISTT. RAWALPINDI.</t>
  </si>
  <si>
    <t>PINDORI JABBER</t>
  </si>
  <si>
    <t>ISLAMPURA</t>
  </si>
  <si>
    <t>TAHIR MEHMOOD</t>
  </si>
  <si>
    <t>1084</t>
  </si>
  <si>
    <t>13261</t>
  </si>
  <si>
    <t>GGPS BAIT SIAL</t>
  </si>
  <si>
    <t>bait sial</t>
  </si>
  <si>
    <t>damar wala shumali</t>
  </si>
  <si>
    <t>Iqra Qusain Batool</t>
  </si>
  <si>
    <t>38881</t>
  </si>
  <si>
    <t>GGPS FATU CHAK</t>
  </si>
  <si>
    <t>Fatuchak</t>
  </si>
  <si>
    <t>ggps fatuchak</t>
  </si>
  <si>
    <t>Kamra Kalan</t>
  </si>
  <si>
    <t>Munaza Bibi</t>
  </si>
  <si>
    <t>5959</t>
  </si>
  <si>
    <t>17840</t>
  </si>
  <si>
    <t>29169</t>
  </si>
  <si>
    <t>28650</t>
  </si>
  <si>
    <t>GGHS RASOOL PUR</t>
  </si>
  <si>
    <t>Rasool Pur Chak No 5</t>
  </si>
  <si>
    <t>RASOOL PUR CHAK NO 5</t>
  </si>
  <si>
    <t>JAGOO VALA</t>
  </si>
  <si>
    <t>arshad parveen</t>
  </si>
  <si>
    <t>31275</t>
  </si>
  <si>
    <t>49684</t>
  </si>
  <si>
    <t>GGES 569/GB</t>
  </si>
  <si>
    <t>Abdulahkhanwala</t>
  </si>
  <si>
    <t>chak no 569 gb</t>
  </si>
  <si>
    <t>Abdulla Khanwala</t>
  </si>
  <si>
    <t>Chak No 569 gb</t>
  </si>
  <si>
    <t>Anum Saleem</t>
  </si>
  <si>
    <t>18803</t>
  </si>
  <si>
    <t>49643</t>
  </si>
  <si>
    <t>48190</t>
  </si>
  <si>
    <t>GHS CHAK NO. 7 NB</t>
  </si>
  <si>
    <t>CHAK NO 7 NB</t>
  </si>
  <si>
    <t>CHAK NO 7 NB BHALWAL</t>
  </si>
  <si>
    <t>CHAK NO 6SB</t>
  </si>
  <si>
    <t>Manzar Bashir</t>
  </si>
  <si>
    <t>10643</t>
  </si>
  <si>
    <t>32418</t>
  </si>
  <si>
    <t>GGHS CHAK 714 GB</t>
  </si>
  <si>
    <t>chak no 714gb</t>
  </si>
  <si>
    <t>chak no 724 gb</t>
  </si>
  <si>
    <t>shazia gillani</t>
  </si>
  <si>
    <t>14758</t>
  </si>
  <si>
    <t>12485</t>
  </si>
  <si>
    <t>18633</t>
  </si>
  <si>
    <t>GPS CHAK 345 JB I</t>
  </si>
  <si>
    <t>chak 345 jb 1</t>
  </si>
  <si>
    <t>Amna Saeed</t>
  </si>
  <si>
    <t>51801</t>
  </si>
  <si>
    <t>GHS 52 EB</t>
  </si>
  <si>
    <t>52 EB</t>
  </si>
  <si>
    <t>52/EB Arifwala</t>
  </si>
  <si>
    <t>WAQAR ALI</t>
  </si>
  <si>
    <t>8114</t>
  </si>
  <si>
    <t>22719</t>
  </si>
  <si>
    <t>34256</t>
  </si>
  <si>
    <t>GGHS LAR MULTAN</t>
  </si>
  <si>
    <t>Lar</t>
  </si>
  <si>
    <t>govt girs high school lar multan</t>
  </si>
  <si>
    <t>Aisha Noreen</t>
  </si>
  <si>
    <t>31966</t>
  </si>
  <si>
    <t>49719</t>
  </si>
  <si>
    <t>GGES JHENDA NAU</t>
  </si>
  <si>
    <t>SHEIKHUPURA-VII - FEMALE</t>
  </si>
  <si>
    <t>Jheena Nau</t>
  </si>
  <si>
    <t>jheenda nau chak no 523</t>
  </si>
  <si>
    <t>Jheenda Nau</t>
  </si>
  <si>
    <t>Makki460</t>
  </si>
  <si>
    <t>Zakia Begum</t>
  </si>
  <si>
    <t>13403</t>
  </si>
  <si>
    <t>33795</t>
  </si>
  <si>
    <t>3795</t>
  </si>
  <si>
    <t>13267</t>
  </si>
  <si>
    <t>32373</t>
  </si>
  <si>
    <t>GGPS JAFFER WALA</t>
  </si>
  <si>
    <t>KALLAR WALI- FEMALE</t>
  </si>
  <si>
    <t>KALLER WALi</t>
  </si>
  <si>
    <t>Ggps jafarwala</t>
  </si>
  <si>
    <t>Dewray wala</t>
  </si>
  <si>
    <t>Binda Ishaq</t>
  </si>
  <si>
    <t>Naila Sadaf</t>
  </si>
  <si>
    <t>53400</t>
  </si>
  <si>
    <t>GGES 47 2L</t>
  </si>
  <si>
    <t>47/2l</t>
  </si>
  <si>
    <t>Nadia Saddique</t>
  </si>
  <si>
    <t>35461</t>
  </si>
  <si>
    <t>GGPS 33 KB (NEW)</t>
  </si>
  <si>
    <t>CHAK NO.33KBNEW</t>
  </si>
  <si>
    <t>GGPS 33KB NEW</t>
  </si>
  <si>
    <t>Noshera Jamlera</t>
  </si>
  <si>
    <t>Farzana Baqar</t>
  </si>
  <si>
    <t>8320</t>
  </si>
  <si>
    <t>8265</t>
  </si>
  <si>
    <t>41672</t>
  </si>
  <si>
    <t>GHS CHAK NO. 97/6-R</t>
  </si>
  <si>
    <t>97/6-R</t>
  </si>
  <si>
    <t>chak 97/6-R</t>
  </si>
  <si>
    <t>97/6-r</t>
  </si>
  <si>
    <t>94/6-R</t>
  </si>
  <si>
    <t>Ghulam Sarwar</t>
  </si>
  <si>
    <t>23092</t>
  </si>
  <si>
    <t>48848</t>
  </si>
  <si>
    <t>GHS CHAK NO.188 NB</t>
  </si>
  <si>
    <t>Chak No 188 NB</t>
  </si>
  <si>
    <t>chak no 188 nb sgd</t>
  </si>
  <si>
    <t>QAZI IFTIKHAR AHMAD</t>
  </si>
  <si>
    <t>22125</t>
  </si>
  <si>
    <t>34246</t>
  </si>
  <si>
    <t>54165</t>
  </si>
  <si>
    <t>GGPS MODEL FATEH PURI</t>
  </si>
  <si>
    <t>Esherky Fatehpuri</t>
  </si>
  <si>
    <t>village fatehpuri p/o Esherky</t>
  </si>
  <si>
    <t>Fatehpuri</t>
  </si>
  <si>
    <t>Esherky</t>
  </si>
  <si>
    <t>Sofia Liaqat</t>
  </si>
  <si>
    <t>24474</t>
  </si>
  <si>
    <t>41685</t>
  </si>
  <si>
    <t>GGHS BHALL</t>
  </si>
  <si>
    <t>Bhall</t>
  </si>
  <si>
    <t>Village &amp; P.O Bhall Rwp</t>
  </si>
  <si>
    <t>Sajida Liaquat</t>
  </si>
  <si>
    <t>1824</t>
  </si>
  <si>
    <t>33649</t>
  </si>
  <si>
    <t>GGHS KARIM TOWN NEAR CHOWK KUMHARAN WALA MULTAN</t>
  </si>
  <si>
    <t>Tarraf Mubarak Doem</t>
  </si>
  <si>
    <t>gghs kareem Town</t>
  </si>
  <si>
    <t>Kareem Town</t>
  </si>
  <si>
    <t>SHAZIA HAIDER</t>
  </si>
  <si>
    <t>1660</t>
  </si>
  <si>
    <t>36552</t>
  </si>
  <si>
    <t>GHS QATAL PUR, SARAI SIDHU</t>
  </si>
  <si>
    <t>QATAL PUR</t>
  </si>
  <si>
    <t>P/O QATALPUR TEH.KABIRWALA DISTT.KHANEWAL</t>
  </si>
  <si>
    <t>QATALPUR</t>
  </si>
  <si>
    <t>WAJID HUSSAIN</t>
  </si>
  <si>
    <t>GHS LIDHAR</t>
  </si>
  <si>
    <t>bedian road</t>
  </si>
  <si>
    <t>govt. high school lidhar, bedian road, lahore cantt</t>
  </si>
  <si>
    <t>lidhar</t>
  </si>
  <si>
    <t>Shahid Javed</t>
  </si>
  <si>
    <t>22325</t>
  </si>
  <si>
    <t>42450</t>
  </si>
  <si>
    <t>GGHS DEVI</t>
  </si>
  <si>
    <t>vpo devi</t>
  </si>
  <si>
    <t>Shahnaz Fatima Naqvi</t>
  </si>
  <si>
    <t>663</t>
  </si>
  <si>
    <t>2329</t>
  </si>
  <si>
    <t>12446</t>
  </si>
  <si>
    <t>GGPS CHAK 66 GB JARANWALA</t>
  </si>
  <si>
    <t>AWAGAT - FEMALE</t>
  </si>
  <si>
    <t>66-GB</t>
  </si>
  <si>
    <t>chak 66 GB</t>
  </si>
  <si>
    <t>Chak 66GB</t>
  </si>
  <si>
    <t>67/GB</t>
  </si>
  <si>
    <t>Tania Zubair</t>
  </si>
  <si>
    <t>24872</t>
  </si>
  <si>
    <t>18978</t>
  </si>
  <si>
    <t>13188</t>
  </si>
  <si>
    <t>GGPS BASTI MIRANI</t>
  </si>
  <si>
    <t>basti mirani</t>
  </si>
  <si>
    <t>Basti Mirani</t>
  </si>
  <si>
    <t>Arfana Naz</t>
  </si>
  <si>
    <t>24519</t>
  </si>
  <si>
    <t>50868</t>
  </si>
  <si>
    <t>30178</t>
  </si>
  <si>
    <t>GGHS SHALIMAR TOWN LAHORE</t>
  </si>
  <si>
    <t>govt girls high school shalimar town lhr</t>
  </si>
  <si>
    <t>Shalimar Town</t>
  </si>
  <si>
    <t>naseerabad</t>
  </si>
  <si>
    <t>SHAZIA NOREEN</t>
  </si>
  <si>
    <t>22950</t>
  </si>
  <si>
    <t>1106</t>
  </si>
  <si>
    <t>GES BASTI NURD</t>
  </si>
  <si>
    <t>Abbas Nagar</t>
  </si>
  <si>
    <t>Basti nurd</t>
  </si>
  <si>
    <t>Basti Nurd</t>
  </si>
  <si>
    <t>Abdul jabbar</t>
  </si>
  <si>
    <t>21673</t>
  </si>
  <si>
    <t>GMPS KOTLI ANANTA</t>
  </si>
  <si>
    <t>KALI SUBA - FEMALE</t>
  </si>
  <si>
    <t>Kotli Ananta</t>
  </si>
  <si>
    <t>p/o&amp; kotli ananta kamoki Gujranwala</t>
  </si>
  <si>
    <t>Kali Suba</t>
  </si>
  <si>
    <t>Asma Waheed</t>
  </si>
  <si>
    <t>1491</t>
  </si>
  <si>
    <t>23596</t>
  </si>
  <si>
    <t>GHS DASKA KALAN</t>
  </si>
  <si>
    <t>Daska Kalan</t>
  </si>
  <si>
    <t>MUNIR ULLAH KHAN</t>
  </si>
  <si>
    <t>897</t>
  </si>
  <si>
    <t>9282</t>
  </si>
  <si>
    <t>37936</t>
  </si>
  <si>
    <t>GHS DANWRAN</t>
  </si>
  <si>
    <t>DANWRAN</t>
  </si>
  <si>
    <t>GOVT. H/S DANWRAN (LODHRAN)</t>
  </si>
  <si>
    <t>ALI HASSAN SHAD</t>
  </si>
  <si>
    <t>10879</t>
  </si>
  <si>
    <t>36123</t>
  </si>
  <si>
    <t>54521</t>
  </si>
  <si>
    <t>GGES 192 EB</t>
  </si>
  <si>
    <t>MIAN PAKHI - FEMALE</t>
  </si>
  <si>
    <t>Chak No. 192/EB</t>
  </si>
  <si>
    <t>Chak No. 192/EB Vehari</t>
  </si>
  <si>
    <t>Chak No. 194 EB</t>
  </si>
  <si>
    <t>Balqees Akhter</t>
  </si>
  <si>
    <t>6563</t>
  </si>
  <si>
    <t>22919</t>
  </si>
  <si>
    <t>29930</t>
  </si>
  <si>
    <t>50728</t>
  </si>
  <si>
    <t>GGHS 64/5-L</t>
  </si>
  <si>
    <t>64/5L</t>
  </si>
  <si>
    <t>64/5_L</t>
  </si>
  <si>
    <t>65/5L</t>
  </si>
  <si>
    <t>Sajida Bhatti</t>
  </si>
  <si>
    <t>18703</t>
  </si>
  <si>
    <t>GGPS CHAK 570 GB LUNDIANWALA</t>
  </si>
  <si>
    <t>Kundian</t>
  </si>
  <si>
    <t>chak no 570 GB Kundian</t>
  </si>
  <si>
    <t>644GB</t>
  </si>
  <si>
    <t>Saira Bano</t>
  </si>
  <si>
    <t>31336</t>
  </si>
  <si>
    <t>26913</t>
  </si>
  <si>
    <t>GES CHAK KHARAL</t>
  </si>
  <si>
    <t>Chak Kharl</t>
  </si>
  <si>
    <t>Kalian Wala</t>
  </si>
  <si>
    <t>Asmat Ullah Bhatti</t>
  </si>
  <si>
    <t>5144</t>
  </si>
  <si>
    <t>40881</t>
  </si>
  <si>
    <t>GGHS CHAK AKKA</t>
  </si>
  <si>
    <t>Chakakka</t>
  </si>
  <si>
    <t>Gghs chakakka.village and po chakakka.tehsil dina.distt jhelum</t>
  </si>
  <si>
    <t>Madukalas</t>
  </si>
  <si>
    <t>Shazia Irum</t>
  </si>
  <si>
    <t>33729</t>
  </si>
  <si>
    <t>25274</t>
  </si>
  <si>
    <t>51889</t>
  </si>
  <si>
    <t>GGPS TIBBI ARAIAN</t>
  </si>
  <si>
    <t>KAPOOR WALI - FEMALE</t>
  </si>
  <si>
    <t>Tibbi Arian</t>
  </si>
  <si>
    <t>GGPS Tibi Arayan</t>
  </si>
  <si>
    <t>Tibi Arayan</t>
  </si>
  <si>
    <t>Kapoorwali</t>
  </si>
  <si>
    <t>Maryam Aziz</t>
  </si>
  <si>
    <t>dispenser</t>
  </si>
  <si>
    <t>8860</t>
  </si>
  <si>
    <t>8602</t>
  </si>
  <si>
    <t>16776</t>
  </si>
  <si>
    <t>GHS MC TANDLIANWALA</t>
  </si>
  <si>
    <t>GMC HIGH SCHOOL TANDLIANWALA</t>
  </si>
  <si>
    <t>Muncipal CamEety</t>
  </si>
  <si>
    <t>2889</t>
  </si>
  <si>
    <t>29959</t>
  </si>
  <si>
    <t>GHSS BHAMBA KALAN</t>
  </si>
  <si>
    <t>bhamba kalan</t>
  </si>
  <si>
    <t>Bhamba kalan Kot rahda kishen Kasur</t>
  </si>
  <si>
    <t>bhamba</t>
  </si>
  <si>
    <t>Nasir Aziz Bhatti</t>
  </si>
  <si>
    <t>4873</t>
  </si>
  <si>
    <t>21428</t>
  </si>
  <si>
    <t>GPS MAHEY CHATHA</t>
  </si>
  <si>
    <t>CHANDALA - MALE</t>
  </si>
  <si>
    <t>Mahay Chatta</t>
  </si>
  <si>
    <t>Village Mahay Chatha P/O Kamoke</t>
  </si>
  <si>
    <t>Mahay Chatha</t>
  </si>
  <si>
    <t>ALLAHABAD</t>
  </si>
  <si>
    <t>Khalid Mehmood Ghuman</t>
  </si>
  <si>
    <t>1347</t>
  </si>
  <si>
    <t>35547</t>
  </si>
  <si>
    <t>23003</t>
  </si>
  <si>
    <t>GPS SADKAL</t>
  </si>
  <si>
    <t>KHARIAN-III-MALE</t>
  </si>
  <si>
    <t>Sadkal</t>
  </si>
  <si>
    <t>Village Sadkal P/o Chak bakhtawar Teh Kharian Distt Gujrat</t>
  </si>
  <si>
    <t>Guliana</t>
  </si>
  <si>
    <t>19598</t>
  </si>
  <si>
    <t>45631</t>
  </si>
  <si>
    <t>46943</t>
  </si>
  <si>
    <t>16829</t>
  </si>
  <si>
    <t>32630</t>
  </si>
  <si>
    <t>GHSS BARA GHAR NANKANA SAHIB</t>
  </si>
  <si>
    <t>BARA GHAR</t>
  </si>
  <si>
    <t>G.H.S.S BARA GHAR TEH &amp; DISTT NANKANA SAHIB</t>
  </si>
  <si>
    <t>IMTIAZ AHMAD</t>
  </si>
  <si>
    <t>3847</t>
  </si>
  <si>
    <t>52218</t>
  </si>
  <si>
    <t>GHS HAVELI NO.1 RAILWAY ROAD HAVELI LAKHA</t>
  </si>
  <si>
    <t>Haveli</t>
  </si>
  <si>
    <t>Ralway Road</t>
  </si>
  <si>
    <t>rafiq ahmad wattoo</t>
  </si>
  <si>
    <t>81675</t>
  </si>
  <si>
    <t>40063</t>
  </si>
  <si>
    <t>GHS ORDINANCE PUBLIC KALA DEPOT</t>
  </si>
  <si>
    <t>Chak Jamal</t>
  </si>
  <si>
    <t>P.O. chak Jamal tehsil dina district jhelum</t>
  </si>
  <si>
    <t>53188</t>
  </si>
  <si>
    <t>GES CHAK 45/GD</t>
  </si>
  <si>
    <t>GES 45/G.D OKARA</t>
  </si>
  <si>
    <t>45/GD</t>
  </si>
  <si>
    <t>147832</t>
  </si>
  <si>
    <t>17187</t>
  </si>
  <si>
    <t>37884</t>
  </si>
  <si>
    <t>GMES 57/10-R, P/O VEHNIWAL, JAHANIAN</t>
  </si>
  <si>
    <t>57/10R</t>
  </si>
  <si>
    <t>chak no.57/10.R post office vehniwal</t>
  </si>
  <si>
    <t>Hadia Younas</t>
  </si>
  <si>
    <t>35408</t>
  </si>
  <si>
    <t>GGPS WARD NO.2 CHOWK AZAM</t>
  </si>
  <si>
    <t>Chowk Azam</t>
  </si>
  <si>
    <t>Near Janazah Gah Chowk Azam Layyah</t>
  </si>
  <si>
    <t>51320</t>
  </si>
  <si>
    <t>GGHS CHAK NO. 96 D</t>
  </si>
  <si>
    <t>CHAK NO 96/D</t>
  </si>
  <si>
    <t>IQBAL SATTAR</t>
  </si>
  <si>
    <t>8842</t>
  </si>
  <si>
    <t>37790</t>
  </si>
  <si>
    <t>48820</t>
  </si>
  <si>
    <t>4102</t>
  </si>
  <si>
    <t>46085</t>
  </si>
  <si>
    <t>23517</t>
  </si>
  <si>
    <t>GES MANGWAL</t>
  </si>
  <si>
    <t>KATHA SAGRAL (NORTH) (MALE)</t>
  </si>
  <si>
    <t>mangwal</t>
  </si>
  <si>
    <t>11872</t>
  </si>
  <si>
    <t>12394</t>
  </si>
  <si>
    <t>26894</t>
  </si>
  <si>
    <t>GHS WACHOKE KALAN</t>
  </si>
  <si>
    <t>Wachoke</t>
  </si>
  <si>
    <t>Govt. High School Wachoki Kalan, Tehsil &amp; Distt.Hafizabad</t>
  </si>
  <si>
    <t>Wachoke Kalan</t>
  </si>
  <si>
    <t>MUHAMMAD SHAHID JAVED</t>
  </si>
  <si>
    <t>14824</t>
  </si>
  <si>
    <t>35082</t>
  </si>
  <si>
    <t>GES CHAK NO.317/EB</t>
  </si>
  <si>
    <t>Dewan Sahib</t>
  </si>
  <si>
    <t>chak no.317/EB</t>
  </si>
  <si>
    <t>317/EB</t>
  </si>
  <si>
    <t>17563</t>
  </si>
  <si>
    <t>19931</t>
  </si>
  <si>
    <t>GGHS CHAK NO 125 JB</t>
  </si>
  <si>
    <t>Chak No  125 Jappay</t>
  </si>
  <si>
    <t>gghs 125 jb Jappay tehsil and district chiniot.</t>
  </si>
  <si>
    <t>125 Jappay</t>
  </si>
  <si>
    <t>125 Jb Jappay</t>
  </si>
  <si>
    <t>ZAHIDA SHABBIR</t>
  </si>
  <si>
    <t>GES CHAK 3 JB</t>
  </si>
  <si>
    <t>3 Jb</t>
  </si>
  <si>
    <t>chak no 3 jb fsd</t>
  </si>
  <si>
    <t>Chan 3 In Fsd</t>
  </si>
  <si>
    <t>Chak No 2 Jb</t>
  </si>
  <si>
    <t>Tahir Naveed Sajid</t>
  </si>
  <si>
    <t>5643</t>
  </si>
  <si>
    <t>50142</t>
  </si>
  <si>
    <t>GHS 32-35/14-L</t>
  </si>
  <si>
    <t>3235/14L</t>
  </si>
  <si>
    <t>chak 3235/14L , P.o 90/12L Tehsil cci Sahiwal</t>
  </si>
  <si>
    <t>Chak 31/14L</t>
  </si>
  <si>
    <t>13529</t>
  </si>
  <si>
    <t>48782</t>
  </si>
  <si>
    <t>GGHS CHAK NO.35 SB</t>
  </si>
  <si>
    <t>35sb</t>
  </si>
  <si>
    <t>gghs 35 sb chak # 35 sb sargodha</t>
  </si>
  <si>
    <t>35 SB</t>
  </si>
  <si>
    <t>28sb</t>
  </si>
  <si>
    <t>Qandeel Farooqi</t>
  </si>
  <si>
    <t>43896</t>
  </si>
  <si>
    <t>47081</t>
  </si>
  <si>
    <t>3355</t>
  </si>
  <si>
    <t>42369</t>
  </si>
  <si>
    <t>GHS SUKHO</t>
  </si>
  <si>
    <t>sukho</t>
  </si>
  <si>
    <t>vpo sukho</t>
  </si>
  <si>
    <t>31050</t>
  </si>
  <si>
    <t>18647</t>
  </si>
  <si>
    <t>GPS CHAK 350 JB LAHORIAN WALA</t>
  </si>
  <si>
    <t>350jb</t>
  </si>
  <si>
    <t>chk#350jb</t>
  </si>
  <si>
    <t>Chk#350jb</t>
  </si>
  <si>
    <t>Chk#349jb</t>
  </si>
  <si>
    <t>Iqbal Murtaza</t>
  </si>
  <si>
    <t>27289</t>
  </si>
  <si>
    <t>32688</t>
  </si>
  <si>
    <t>GGHS FATEH PUR</t>
  </si>
  <si>
    <t>Fatehpur</t>
  </si>
  <si>
    <t>govt. girls high school fatehpur tehsil and district gujrat</t>
  </si>
  <si>
    <t>fatehpur</t>
  </si>
  <si>
    <t>uzma shahid</t>
  </si>
  <si>
    <t>12096</t>
  </si>
  <si>
    <t>1711</t>
  </si>
  <si>
    <t>30159</t>
  </si>
  <si>
    <t>GGHS FEROZE PUR ROAD</t>
  </si>
  <si>
    <t>Mozang</t>
  </si>
  <si>
    <t>59 ferozepur Road Lahore</t>
  </si>
  <si>
    <t>Ferozepur Road</t>
  </si>
  <si>
    <t>Bahawalpur House</t>
  </si>
  <si>
    <t>Azra Amir</t>
  </si>
  <si>
    <t>5008</t>
  </si>
  <si>
    <t>5391</t>
  </si>
  <si>
    <t>504</t>
  </si>
  <si>
    <t>GMPS BURJ ARRIAN</t>
  </si>
  <si>
    <t>Buraj Arian</t>
  </si>
  <si>
    <t>buraj arian tehsil daska district sialkot</t>
  </si>
  <si>
    <t>Goltian Khurd</t>
  </si>
  <si>
    <t>Shagufta Tabassum</t>
  </si>
  <si>
    <t>15517</t>
  </si>
  <si>
    <t>23363</t>
  </si>
  <si>
    <t>GMPS SUKCHANA</t>
  </si>
  <si>
    <t>Sukhchena</t>
  </si>
  <si>
    <t>post office shahsermust sukhchena</t>
  </si>
  <si>
    <t>Qutla Qasim Khan</t>
  </si>
  <si>
    <t>Alice Victor</t>
  </si>
  <si>
    <t>19553</t>
  </si>
  <si>
    <t>3746</t>
  </si>
  <si>
    <t>16539</t>
  </si>
  <si>
    <t>GPS BOIAN WALA TANDLIANWALA</t>
  </si>
  <si>
    <t>SHERAZA-MALE</t>
  </si>
  <si>
    <t>Moza Boianwala, Tehsil Tandlianwala, District Faisalabad</t>
  </si>
  <si>
    <t>Boianwala</t>
  </si>
  <si>
    <t>17047</t>
  </si>
  <si>
    <t>15409</t>
  </si>
  <si>
    <t>GGHS CHAK 118 GB</t>
  </si>
  <si>
    <t>Chak No 118gb</t>
  </si>
  <si>
    <t>chak no 118 gb</t>
  </si>
  <si>
    <t>Chak no 118 Gb</t>
  </si>
  <si>
    <t>Chak No 115 Gb</t>
  </si>
  <si>
    <t>MUREED FATIMA</t>
  </si>
  <si>
    <t>96832</t>
  </si>
  <si>
    <t>18074</t>
  </si>
  <si>
    <t>13318</t>
  </si>
  <si>
    <t>GGES DAMMAR WALA SHUMALI NO. 2</t>
  </si>
  <si>
    <t>Dammar wala</t>
  </si>
  <si>
    <t>basti Islamabad</t>
  </si>
  <si>
    <t>Basti Islamabad</t>
  </si>
  <si>
    <t>Asia Sultana</t>
  </si>
  <si>
    <t>2095</t>
  </si>
  <si>
    <t>35607</t>
  </si>
  <si>
    <t>GPS TIBBA SULTAN PUR NO 1</t>
  </si>
  <si>
    <t>TIBBA WEST - MALE</t>
  </si>
  <si>
    <t>Tibba Sultan Pur</t>
  </si>
  <si>
    <t>govt. primary school Number 1 ward #2 tibba sultan pur</t>
  </si>
  <si>
    <t>Asim Javaid</t>
  </si>
  <si>
    <t>1337</t>
  </si>
  <si>
    <t>8037</t>
  </si>
  <si>
    <t>9652</t>
  </si>
  <si>
    <t>30981</t>
  </si>
  <si>
    <t>GGHS SHADA WAL MAJA</t>
  </si>
  <si>
    <t>GGHS shadiwal manhandled Johar  town lahore</t>
  </si>
  <si>
    <t>PIA Society</t>
  </si>
  <si>
    <t>shahida Rasheed</t>
  </si>
  <si>
    <t>1389</t>
  </si>
  <si>
    <t>41276</t>
  </si>
  <si>
    <t>GHSS ALLAH DITTA BARIAN</t>
  </si>
  <si>
    <t>barian muirree</t>
  </si>
  <si>
    <t>Massot</t>
  </si>
  <si>
    <t>rana saood yusuf</t>
  </si>
  <si>
    <t>33051</t>
  </si>
  <si>
    <t>49622</t>
  </si>
  <si>
    <t>1307</t>
  </si>
  <si>
    <t>31558</t>
  </si>
  <si>
    <t>GGHS CANAL PARK MURIDKE</t>
  </si>
  <si>
    <t>Muridke</t>
  </si>
  <si>
    <t>GGHS canal park bangla road muridke</t>
  </si>
  <si>
    <t>Canal Park</t>
  </si>
  <si>
    <t>Sobia Ashfaq</t>
  </si>
  <si>
    <t>22114</t>
  </si>
  <si>
    <t>GHS AWAN SHARIF</t>
  </si>
  <si>
    <t>GHS Awan Sharif</t>
  </si>
  <si>
    <t>Village and post office Awan Sharif, tehsil and distt.GUJRAT</t>
  </si>
  <si>
    <t>Awan Sharif</t>
  </si>
  <si>
    <t>Ajnala</t>
  </si>
  <si>
    <t>SHAFNAN NAZAR</t>
  </si>
  <si>
    <t>10078</t>
  </si>
  <si>
    <t>16669</t>
  </si>
  <si>
    <t>37218</t>
  </si>
  <si>
    <t>GGES JASWANT NAGAR, MALKA ABAD, KHANEWAL</t>
  </si>
  <si>
    <t>Kot Ala singh</t>
  </si>
  <si>
    <t>G G Elementary School Jaswant Nagar Malikabad kwl</t>
  </si>
  <si>
    <t>City kwl</t>
  </si>
  <si>
    <t>40100</t>
  </si>
  <si>
    <t>GGHS CHAK BEHRAM</t>
  </si>
  <si>
    <t>chak Behram</t>
  </si>
  <si>
    <t>vpo chak behram</t>
  </si>
  <si>
    <t>chak behram</t>
  </si>
  <si>
    <t>kala gujran</t>
  </si>
  <si>
    <t>Bismel Jamil</t>
  </si>
  <si>
    <t>72306</t>
  </si>
  <si>
    <t>12179</t>
  </si>
  <si>
    <t>32626</t>
  </si>
  <si>
    <t>33619</t>
  </si>
  <si>
    <t>2124</t>
  </si>
  <si>
    <t>24723</t>
  </si>
  <si>
    <t>GGHS CHRISTAN HAJI PURA</t>
  </si>
  <si>
    <t>daska road haji pura sialkot</t>
  </si>
  <si>
    <t>haji pura</t>
  </si>
  <si>
    <t>Ambreen Gul</t>
  </si>
  <si>
    <t>36848</t>
  </si>
  <si>
    <t>44294</t>
  </si>
  <si>
    <t>GMPS WARALA</t>
  </si>
  <si>
    <t>Warala</t>
  </si>
  <si>
    <t>post office karuli teh k.kahar distt chakwal</t>
  </si>
  <si>
    <t>Khair Pur</t>
  </si>
  <si>
    <t>Samina Akhtar Malik</t>
  </si>
  <si>
    <t>24045</t>
  </si>
  <si>
    <t>31967</t>
  </si>
  <si>
    <t>24061</t>
  </si>
  <si>
    <t>GGHS SHAHZADA</t>
  </si>
  <si>
    <t>v&amp;pobox shahzada</t>
  </si>
  <si>
    <t>Shahzada Pasrur</t>
  </si>
  <si>
    <t>YASMEEN KOUSAR</t>
  </si>
  <si>
    <t>38073</t>
  </si>
  <si>
    <t>42329</t>
  </si>
  <si>
    <t>GHS ISLAMIA GUJAR KHAN</t>
  </si>
  <si>
    <t>NEAR TTC GUJAR KHAN</t>
  </si>
  <si>
    <t>CITY GUJAR KHAN</t>
  </si>
  <si>
    <t>MANSOOR HUSSAIN</t>
  </si>
  <si>
    <t>126869</t>
  </si>
  <si>
    <t>48070</t>
  </si>
  <si>
    <t>GHSS SALAM</t>
  </si>
  <si>
    <t>SALAM</t>
  </si>
  <si>
    <t>GHSS. Salam tehsil bhalwal distt sargodha</t>
  </si>
  <si>
    <t>Salam</t>
  </si>
  <si>
    <t>Mahzar Iqbal</t>
  </si>
  <si>
    <t>2316</t>
  </si>
  <si>
    <t>45170</t>
  </si>
  <si>
    <t>GPS HASNAY WALA</t>
  </si>
  <si>
    <t>Hyderabad</t>
  </si>
  <si>
    <t>G.P.S.Hasnay wala</t>
  </si>
  <si>
    <t>Hasnay Wala</t>
  </si>
  <si>
    <t>Ghulam Hussain Siddique</t>
  </si>
  <si>
    <t>8512</t>
  </si>
  <si>
    <t>49760</t>
  </si>
  <si>
    <t>GGHS CHAK NO. 110/TDA</t>
  </si>
  <si>
    <t>AULAKH THAL KALAN</t>
  </si>
  <si>
    <t>GOVT. GIRLS HIGH SCHOOL CHAK NO. 110/TDA</t>
  </si>
  <si>
    <t>CHAK NO. 110/TDA</t>
  </si>
  <si>
    <t>110/TDA</t>
  </si>
  <si>
    <t>Rimsha Javed</t>
  </si>
  <si>
    <t>27559</t>
  </si>
  <si>
    <t>3327</t>
  </si>
  <si>
    <t>52185</t>
  </si>
  <si>
    <t>GGPS CHAK 341 JB THATHAR</t>
  </si>
  <si>
    <t>NIA LAHORE FEMALE</t>
  </si>
  <si>
    <t>Nia Lahore</t>
  </si>
  <si>
    <t>chak no.341jb thathar</t>
  </si>
  <si>
    <t>Chak No341jbNo341jb thathar</t>
  </si>
  <si>
    <t>Saba Manzoor</t>
  </si>
  <si>
    <t>50221</t>
  </si>
  <si>
    <t>GGHS 31/11-L</t>
  </si>
  <si>
    <t>Chak#31/11L</t>
  </si>
  <si>
    <t>chak#31/11_L</t>
  </si>
  <si>
    <t>Chak#45/12L</t>
  </si>
  <si>
    <t>44800</t>
  </si>
  <si>
    <t>21614</t>
  </si>
  <si>
    <t>GGPS BOLY BAJWA</t>
  </si>
  <si>
    <t>Bolay Bajwa</t>
  </si>
  <si>
    <t>bolay bajwa p/o kali suba khan teh kamoki disst Gujranwala</t>
  </si>
  <si>
    <t>Kali Suba Khan</t>
  </si>
  <si>
    <t>Tasneem  Fardous</t>
  </si>
  <si>
    <t>39798</t>
  </si>
  <si>
    <t>GGHS JAHAN ABAD</t>
  </si>
  <si>
    <t>POST OFFICE PIND MEHRI VILLAGE JAHANABAD TEHSIL HASSAN ABDAL  DISTRICT  ATTOCK</t>
  </si>
  <si>
    <t>JAHANABAD</t>
  </si>
  <si>
    <t>SIDDIQA PERVEEN</t>
  </si>
  <si>
    <t>25508</t>
  </si>
  <si>
    <t>25706</t>
  </si>
  <si>
    <t>22110</t>
  </si>
  <si>
    <t>GHS HAZARA MUGHLAN</t>
  </si>
  <si>
    <t>Hazara Mughlan</t>
  </si>
  <si>
    <t>Hazara Mughlan p.o karianwala Gujrat</t>
  </si>
  <si>
    <t>iftikhar ahmed</t>
  </si>
  <si>
    <t>38477</t>
  </si>
  <si>
    <t>GGHS MAKHDOOM AALI DUNYA PUR</t>
  </si>
  <si>
    <t>GGHS MAKHDOOM AALI TEHSIL DUNYAPUR DISTRICT LODHRAN</t>
  </si>
  <si>
    <t>chak.no.384/W.B</t>
  </si>
  <si>
    <t>Iffat Masood</t>
  </si>
  <si>
    <t>29033</t>
  </si>
  <si>
    <t>GHS MODEL KASUR</t>
  </si>
  <si>
    <t>City kasur</t>
  </si>
  <si>
    <t>M.A JINNAH ROAD KASUR</t>
  </si>
  <si>
    <t>CITY KASUR</t>
  </si>
  <si>
    <t>28800</t>
  </si>
  <si>
    <t>43479</t>
  </si>
  <si>
    <t>GGES CHAK JHARARY PO SAIGLABAD</t>
  </si>
  <si>
    <t>Chakjharray</t>
  </si>
  <si>
    <t>Khotian</t>
  </si>
  <si>
    <t>Shagufta Mahrani</t>
  </si>
  <si>
    <t>9686</t>
  </si>
  <si>
    <t>16224</t>
  </si>
  <si>
    <t>GGHS CHAK 111 JB FSD</t>
  </si>
  <si>
    <t>DHOLANWAL</t>
  </si>
  <si>
    <t>Govt Girls High School 111 JB Faisalabad</t>
  </si>
  <si>
    <t>Chak 111 JB FAisalabad</t>
  </si>
  <si>
    <t>CHAK NO 113 JB FSD</t>
  </si>
  <si>
    <t>Sumaira Zafar</t>
  </si>
  <si>
    <t>11888</t>
  </si>
  <si>
    <t>16694</t>
  </si>
  <si>
    <t>GGPS 396/GB III</t>
  </si>
  <si>
    <t>Shadow Key</t>
  </si>
  <si>
    <t>396/3gb</t>
  </si>
  <si>
    <t>396/90</t>
  </si>
  <si>
    <t>Bazgha Zahoor</t>
  </si>
  <si>
    <t>18895</t>
  </si>
  <si>
    <t>21341</t>
  </si>
  <si>
    <t>GHSS MANDIALA TEGHA GUJRANWALA</t>
  </si>
  <si>
    <t>Mandiala Tega Kamoke Gujranwala</t>
  </si>
  <si>
    <t>19647</t>
  </si>
  <si>
    <t>GES CHAK NO.195 TDA</t>
  </si>
  <si>
    <t>Dagger Shada</t>
  </si>
  <si>
    <t>shehan</t>
  </si>
  <si>
    <t>Shehan</t>
  </si>
  <si>
    <t>Dager Shada</t>
  </si>
  <si>
    <t>Allah Dittah</t>
  </si>
  <si>
    <t>18025</t>
  </si>
  <si>
    <t>GES MIRALI WALA</t>
  </si>
  <si>
    <t>KAKKI NOU - MALE</t>
  </si>
  <si>
    <t>KOTLA MUHAMMAD ZARIF KHAN</t>
  </si>
  <si>
    <t>GES MIRALI WALA NEAR DABKLAN ROAD 6 KM FROM TEHSIL CHOWK SHORKOT</t>
  </si>
  <si>
    <t>MOHRI WALA</t>
  </si>
  <si>
    <t>Qaisar Abbas</t>
  </si>
  <si>
    <t>43219</t>
  </si>
  <si>
    <t>16417</t>
  </si>
  <si>
    <t>GGES CHAK NO 47 RB</t>
  </si>
  <si>
    <t>47 RB</t>
  </si>
  <si>
    <t>Bal chak #47 RB Teh chak Jumrah Dist Faisalabad</t>
  </si>
  <si>
    <t>Bal Chak 47 RB</t>
  </si>
  <si>
    <t>Ghammi</t>
  </si>
  <si>
    <t>20444</t>
  </si>
  <si>
    <t>GGHS MISSION GUJRNAWALA</t>
  </si>
  <si>
    <t>Urdu Bazar Gujranwala</t>
  </si>
  <si>
    <t>lakar Wala pul</t>
  </si>
  <si>
    <t>uzma saleem</t>
  </si>
  <si>
    <t>53315</t>
  </si>
  <si>
    <t>GPS CHAK NO. 23-A/GD</t>
  </si>
  <si>
    <t>23A/GD</t>
  </si>
  <si>
    <t>23A/ G.D</t>
  </si>
  <si>
    <t>23A/ GD</t>
  </si>
  <si>
    <t>Young Pur</t>
  </si>
  <si>
    <t>2930</t>
  </si>
  <si>
    <t>23601</t>
  </si>
  <si>
    <t>GHSS ADAMKAY CHEEMA</t>
  </si>
  <si>
    <t>Adamke Cheema</t>
  </si>
  <si>
    <t>Verowala Road Adamke Cheema Tehsil Daska District Sialkot</t>
  </si>
  <si>
    <t>ASGHAR ALI</t>
  </si>
  <si>
    <t>filter</t>
  </si>
  <si>
    <t>42368</t>
  </si>
  <si>
    <t>GHS MANDRA</t>
  </si>
  <si>
    <t>MANDRA</t>
  </si>
  <si>
    <t>VPO MANDRA Tehsil Gujar Khan District RWP</t>
  </si>
  <si>
    <t>muhammad Hamid hashmi</t>
  </si>
  <si>
    <t>32879</t>
  </si>
  <si>
    <t>50235</t>
  </si>
  <si>
    <t>GGHS 6/11-L</t>
  </si>
  <si>
    <t>6/11L</t>
  </si>
  <si>
    <t>chak no 6/11-L</t>
  </si>
  <si>
    <t>Chak No 6/11L</t>
  </si>
  <si>
    <t>Ayesha Samreen</t>
  </si>
  <si>
    <t>14292</t>
  </si>
  <si>
    <t>38558</t>
  </si>
  <si>
    <t>GPS 367 WB South</t>
  </si>
  <si>
    <t>MAKHDOOMAALI - MALE</t>
  </si>
  <si>
    <t>367wb</t>
  </si>
  <si>
    <t>367wb Teh.Dunyapur</t>
  </si>
  <si>
    <t>Makhdoom aali</t>
  </si>
  <si>
    <t>1666</t>
  </si>
  <si>
    <t>21411</t>
  </si>
  <si>
    <t>GGHS HAMID PUR KALAN</t>
  </si>
  <si>
    <t>Hamid Pur Kalan</t>
  </si>
  <si>
    <t>hameed pur kalan</t>
  </si>
  <si>
    <t>50171</t>
  </si>
  <si>
    <t>36540</t>
  </si>
  <si>
    <t>18477</t>
  </si>
  <si>
    <t>16372</t>
  </si>
  <si>
    <t>GGPS CHAK NO 132 RB 2</t>
  </si>
  <si>
    <t>Chak No 132 RB</t>
  </si>
  <si>
    <t>Chak no.132 R.B 2</t>
  </si>
  <si>
    <t>Abadi Muhammad Khan</t>
  </si>
  <si>
    <t>Bahlol Pur</t>
  </si>
  <si>
    <t>Kainaat Arif</t>
  </si>
  <si>
    <t>28772</t>
  </si>
  <si>
    <t>34488</t>
  </si>
  <si>
    <t>8859</t>
  </si>
  <si>
    <t>37409</t>
  </si>
  <si>
    <t>GHS 59/15-L, MIAN CHANNU</t>
  </si>
  <si>
    <t>chak 59/15.l</t>
  </si>
  <si>
    <t>Chak 59/15.L mian channu</t>
  </si>
  <si>
    <t>Chak 59/15.L</t>
  </si>
  <si>
    <t>FIDA HUSSAIN</t>
  </si>
  <si>
    <t>GGHS CHAK 95/F S CHISHTIAN</t>
  </si>
  <si>
    <t>95/F</t>
  </si>
  <si>
    <t>GGHS 95/F(s)</t>
  </si>
  <si>
    <t>95/F(s)</t>
  </si>
  <si>
    <t>95A</t>
  </si>
  <si>
    <t>shakeela anwar</t>
  </si>
  <si>
    <t>GGPS ALAM SHAH TAJJA</t>
  </si>
  <si>
    <t>Alam Shah Taja</t>
  </si>
  <si>
    <t>Govt Girls primary school Alam shah taja</t>
  </si>
  <si>
    <t>Noor Anwar</t>
  </si>
  <si>
    <t>13093</t>
  </si>
  <si>
    <t>50641</t>
  </si>
  <si>
    <t>50236</t>
  </si>
  <si>
    <t>GGHSS 21/11-L</t>
  </si>
  <si>
    <t>21/11L</t>
  </si>
  <si>
    <t>21/11.L</t>
  </si>
  <si>
    <t>Abida Tahir Chaudhry</t>
  </si>
  <si>
    <t>47658</t>
  </si>
  <si>
    <t>35606</t>
  </si>
  <si>
    <t>GPS TIBBA SULTAN PUR NO. 2</t>
  </si>
  <si>
    <t>Ward no 5 Tibba sultan pur</t>
  </si>
  <si>
    <t>6928</t>
  </si>
  <si>
    <t>16397</t>
  </si>
  <si>
    <t>GGPS CHAK 162 RB</t>
  </si>
  <si>
    <t>162 Rb</t>
  </si>
  <si>
    <t>GGPS 162 RB</t>
  </si>
  <si>
    <t>SIKANDER PUR</t>
  </si>
  <si>
    <t>156 Dairh</t>
  </si>
  <si>
    <t>Abida Nasreen</t>
  </si>
  <si>
    <t>10742</t>
  </si>
  <si>
    <t>39429</t>
  </si>
  <si>
    <t>29178</t>
  </si>
  <si>
    <t>29037</t>
  </si>
  <si>
    <t>GHS JAURA KASUR P/O JAURA</t>
  </si>
  <si>
    <t>Jaura</t>
  </si>
  <si>
    <t>Village Jaura P/o Jaura</t>
  </si>
  <si>
    <t>Gohar hithar</t>
  </si>
  <si>
    <t>Muhammad khalid</t>
  </si>
  <si>
    <t>13725</t>
  </si>
  <si>
    <t>GHS CHAK NO. 140 MURAD</t>
  </si>
  <si>
    <t>140/M</t>
  </si>
  <si>
    <t>Chak no 140/M tehsil Chishtian bahawalnagar</t>
  </si>
  <si>
    <t>Chak No 140/M</t>
  </si>
  <si>
    <t>169/M</t>
  </si>
  <si>
    <t>Muhammad Imran Shahid</t>
  </si>
  <si>
    <t>11892</t>
  </si>
  <si>
    <t>13273</t>
  </si>
  <si>
    <t>44831</t>
  </si>
  <si>
    <t>25538</t>
  </si>
  <si>
    <t>25125</t>
  </si>
  <si>
    <t>14672</t>
  </si>
  <si>
    <t>GGHS MC NAZIM ABAD</t>
  </si>
  <si>
    <t>NAZIMABAD A BLOCK</t>
  </si>
  <si>
    <t>Fozia Anwar</t>
  </si>
  <si>
    <t>GHS SHEHAR FARID</t>
  </si>
  <si>
    <t>SHAHERFARID</t>
  </si>
  <si>
    <t>GHS SHAHERFARID, P.O SAME TEHSIL CHISHTIAN DISTT BAHAWALNAGAR</t>
  </si>
  <si>
    <t>hafiz muhammad akram</t>
  </si>
  <si>
    <t>20156</t>
  </si>
  <si>
    <t>14727</t>
  </si>
  <si>
    <t>GHS ISLAMI MADRISSA MUHAMMAD PURA FSD</t>
  </si>
  <si>
    <t>faisalabad</t>
  </si>
  <si>
    <t>muhammad pura (,gulshan colony)</t>
  </si>
  <si>
    <t>gulshan colony</t>
  </si>
  <si>
    <t>SARFRAZ AHMAD</t>
  </si>
  <si>
    <t>1327</t>
  </si>
  <si>
    <t>2529</t>
  </si>
  <si>
    <t>GGPS REST HOUSE  9 WB</t>
  </si>
  <si>
    <t>9 Wb</t>
  </si>
  <si>
    <t>Ggps rest house purana lari addah vehari</t>
  </si>
  <si>
    <t>9 Wb Purana Lari Addah</t>
  </si>
  <si>
    <t>Rashida Yousaf</t>
  </si>
  <si>
    <t>2460</t>
  </si>
  <si>
    <t>7982</t>
  </si>
  <si>
    <t>35011</t>
  </si>
  <si>
    <t>GGMPS HASSAN ABAD</t>
  </si>
  <si>
    <t>NUTKANI-FEMALE</t>
  </si>
  <si>
    <t>Nutkani</t>
  </si>
  <si>
    <t>village p /o nutkani tehsil taunsa district dera ghazi khan</t>
  </si>
  <si>
    <t>Hassan Abad</t>
  </si>
  <si>
    <t>Haleema Sadia</t>
  </si>
  <si>
    <t>32145</t>
  </si>
  <si>
    <t>GPS RORAN WALI</t>
  </si>
  <si>
    <t>Roranwali</t>
  </si>
  <si>
    <t>Roranwali p/o mananwala teh and distt skp</t>
  </si>
  <si>
    <t>Khalid Javed</t>
  </si>
  <si>
    <t>8580</t>
  </si>
  <si>
    <t>42277</t>
  </si>
  <si>
    <t>49697</t>
  </si>
  <si>
    <t>GGHS CHAK NO.125 NB</t>
  </si>
  <si>
    <t>125NB</t>
  </si>
  <si>
    <t>chak no 125NB sillanwali sargodha</t>
  </si>
  <si>
    <t>Chak no 129NB</t>
  </si>
  <si>
    <t>Shamshad Akhtar</t>
  </si>
  <si>
    <t>4521</t>
  </si>
  <si>
    <t>33371</t>
  </si>
  <si>
    <t>GHS NO. 1 SHAHKOT</t>
  </si>
  <si>
    <t>Govt. High School No. 1 Shahkot</t>
  </si>
  <si>
    <t>40399</t>
  </si>
  <si>
    <t>36325</t>
  </si>
  <si>
    <t>GGPS 559 EB</t>
  </si>
  <si>
    <t>559/EB</t>
  </si>
  <si>
    <t>1 WB</t>
  </si>
  <si>
    <t>Nadia Unmbreen</t>
  </si>
  <si>
    <t>12222</t>
  </si>
  <si>
    <t>32131</t>
  </si>
  <si>
    <t>GPS TIBBI SAHIB SINGH</t>
  </si>
  <si>
    <t>SHEIKHUPURA-XIII - MALE</t>
  </si>
  <si>
    <t>Tibbi Sahib Singh</t>
  </si>
  <si>
    <t>tibbi sahib singh</t>
  </si>
  <si>
    <t>Karpal Singh</t>
  </si>
  <si>
    <t>Munsaf Ali</t>
  </si>
  <si>
    <t>7805</t>
  </si>
  <si>
    <t>16754</t>
  </si>
  <si>
    <t>GGHS NO.2 TANDLIAN WALA</t>
  </si>
  <si>
    <t>SHAMASPURA</t>
  </si>
  <si>
    <t>MOHALLA  SHAMASPURA</t>
  </si>
  <si>
    <t>MUNCIPAL COMMITEE tANDLIANWALA</t>
  </si>
  <si>
    <t>Tehseena Naz Toor</t>
  </si>
  <si>
    <t>49788</t>
  </si>
  <si>
    <t>GPS CHAK NO.128 NB</t>
  </si>
  <si>
    <t>128 NB</t>
  </si>
  <si>
    <t>Chak 128 NB Tehsil Sillanwali District Sargodha</t>
  </si>
  <si>
    <t>Chak 128 NB</t>
  </si>
  <si>
    <t>Chak 129 NB</t>
  </si>
  <si>
    <t>Mumtaz Hussain</t>
  </si>
  <si>
    <t>6444</t>
  </si>
  <si>
    <t>33311</t>
  </si>
  <si>
    <t>54001</t>
  </si>
  <si>
    <t>GGPS MODEL WARA BEHLOLIAN</t>
  </si>
  <si>
    <t>Jodh singh</t>
  </si>
  <si>
    <t>wara behliolian P/o box kotwar tehsil&amp; district sheikhupura</t>
  </si>
  <si>
    <t>Wara Behlolian</t>
  </si>
  <si>
    <t>Jodg singh</t>
  </si>
  <si>
    <t>Iffat Shaheen</t>
  </si>
  <si>
    <t>31165</t>
  </si>
  <si>
    <t>GGHS SAMSANI KHOI</t>
  </si>
  <si>
    <t>Samsani Khohi Johar Town lahore</t>
  </si>
  <si>
    <t>Johar Town Lahore</t>
  </si>
  <si>
    <t>Samsani Khohi</t>
  </si>
  <si>
    <t>Shahida Khanum</t>
  </si>
  <si>
    <t>883</t>
  </si>
  <si>
    <t>26612</t>
  </si>
  <si>
    <t>GGMPS CHAK AMRU</t>
  </si>
  <si>
    <t>Chak Amru</t>
  </si>
  <si>
    <t>Village Chak Amru p/o Tarkhana Morida Tahsil SKG Dist.Narowal</t>
  </si>
  <si>
    <t>Asia Tufail</t>
  </si>
  <si>
    <t>32716</t>
  </si>
  <si>
    <t>6451</t>
  </si>
  <si>
    <t>GMPS CHAK 251/P</t>
  </si>
  <si>
    <t>251/p</t>
  </si>
  <si>
    <t>chak 251/p</t>
  </si>
  <si>
    <t>chak 93/p</t>
  </si>
  <si>
    <t>Rumassa Akram</t>
  </si>
  <si>
    <t>39240</t>
  </si>
  <si>
    <t>GHS PINDI GHEB NO.2</t>
  </si>
  <si>
    <t>Pindigheb</t>
  </si>
  <si>
    <t>Police station Rd Pindigheb</t>
  </si>
  <si>
    <t>Sharqi</t>
  </si>
  <si>
    <t>Muhammad Javed</t>
  </si>
  <si>
    <t>65008</t>
  </si>
  <si>
    <t>2846</t>
  </si>
  <si>
    <t>23459</t>
  </si>
  <si>
    <t>GGHS GHIAL ZAREEN</t>
  </si>
  <si>
    <t>ghial zaireen</t>
  </si>
  <si>
    <t>ghial zaireen p/o bulani teh sarai alamgir distt.gujrat</t>
  </si>
  <si>
    <t>pir khana</t>
  </si>
  <si>
    <t>shehnaz begum</t>
  </si>
  <si>
    <t>49803</t>
  </si>
  <si>
    <t>15501</t>
  </si>
  <si>
    <t>GPS CHAK 531 GB SAMUNDRI</t>
  </si>
  <si>
    <t>531 GB</t>
  </si>
  <si>
    <t>chak 531 GB Dhilwan</t>
  </si>
  <si>
    <t>41 Jagday</t>
  </si>
  <si>
    <t>Muhammad  Amjad</t>
  </si>
  <si>
    <t>40040</t>
  </si>
  <si>
    <t>32836</t>
  </si>
  <si>
    <t>GPS JHANGER HAKIM WALA</t>
  </si>
  <si>
    <t>Jhangir Hakim Wala</t>
  </si>
  <si>
    <t>jhangir hakim wala</t>
  </si>
  <si>
    <t>Sharein Jhangar</t>
  </si>
  <si>
    <t>15192</t>
  </si>
  <si>
    <t>91575</t>
  </si>
  <si>
    <t>33362</t>
  </si>
  <si>
    <t>GGHSS SHAHKOT NANKANA ROAD SHAHKOT</t>
  </si>
  <si>
    <t>Nankana Road Shahkot District Nankana Sahib</t>
  </si>
  <si>
    <t>Dr.Tasleem Tayyeba</t>
  </si>
  <si>
    <t>80360</t>
  </si>
  <si>
    <t>50759</t>
  </si>
  <si>
    <t>GES  67/4-R</t>
  </si>
  <si>
    <t>67/4-r</t>
  </si>
  <si>
    <t>chak no 67/4-R p.o 66/4.r teh&amp;distt sahiwal punjab</t>
  </si>
  <si>
    <t>66/4-r</t>
  </si>
  <si>
    <t>16948</t>
  </si>
  <si>
    <t>48265</t>
  </si>
  <si>
    <t>43391</t>
  </si>
  <si>
    <t>41630</t>
  </si>
  <si>
    <t>GHS TRAHIA</t>
  </si>
  <si>
    <t>TRAHIA</t>
  </si>
  <si>
    <t>GHS TRAHIA RAWALPINDI</t>
  </si>
  <si>
    <t>Qazi Azhar Mehmood</t>
  </si>
  <si>
    <t>boRE</t>
  </si>
  <si>
    <t>51140</t>
  </si>
  <si>
    <t>49530</t>
  </si>
  <si>
    <t>42054</t>
  </si>
  <si>
    <t>GGHSS USMAN KHATTAR</t>
  </si>
  <si>
    <t>USMAN KHATTAR</t>
  </si>
  <si>
    <t>GGHSS USMAN KHATTAR TAXILA,RAWALPINDI.</t>
  </si>
  <si>
    <t>USMAN KHATTAR .</t>
  </si>
  <si>
    <t>Noreen Rashid</t>
  </si>
  <si>
    <t>tube well connection</t>
  </si>
  <si>
    <t>30725</t>
  </si>
  <si>
    <t>18478</t>
  </si>
  <si>
    <t>19319</t>
  </si>
  <si>
    <t>GGCMES CHAK 332 GB</t>
  </si>
  <si>
    <t>FARID ABAD-FEMALE</t>
  </si>
  <si>
    <t>Hawas</t>
  </si>
  <si>
    <t>chak no. 332 gb</t>
  </si>
  <si>
    <t>Chak No 332 Gb</t>
  </si>
  <si>
    <t>Chak No 333 Gb</t>
  </si>
  <si>
    <t>Maida Latif</t>
  </si>
  <si>
    <t>17390</t>
  </si>
  <si>
    <t>4883</t>
  </si>
  <si>
    <t>21837</t>
  </si>
  <si>
    <t>GPS MELO VIRKAN</t>
  </si>
  <si>
    <t>KARYAL KALAN - MALE</t>
  </si>
  <si>
    <t>Melu Virkan</t>
  </si>
  <si>
    <t>Melu Virkan, Tehsil Nowshera Virkan, Dist. Gujranwala</t>
  </si>
  <si>
    <t>Melu VIRKAN</t>
  </si>
  <si>
    <t>Hardo Artali</t>
  </si>
  <si>
    <t>Muhammad Ilyas</t>
  </si>
  <si>
    <t>21373</t>
  </si>
  <si>
    <t>43650</t>
  </si>
  <si>
    <t>GHS TEHI</t>
  </si>
  <si>
    <t>TEHI</t>
  </si>
  <si>
    <t>PINDI ROAD VPO TEHI</t>
  </si>
  <si>
    <t>ABDUL MALIK</t>
  </si>
  <si>
    <t>612</t>
  </si>
  <si>
    <t>49505</t>
  </si>
  <si>
    <t>2405</t>
  </si>
  <si>
    <t>12381</t>
  </si>
  <si>
    <t>GGHS KHURSHEED ABAD</t>
  </si>
  <si>
    <t>KHURSHEED ABAD</t>
  </si>
  <si>
    <t>GGHS KHURSHEED ABAD MUZAFFAGARH</t>
  </si>
  <si>
    <t>Nasreen Gull</t>
  </si>
  <si>
    <t>21304</t>
  </si>
  <si>
    <t>5733</t>
  </si>
  <si>
    <t>48118</t>
  </si>
  <si>
    <t>GHS KALYAN PUR</t>
  </si>
  <si>
    <t>Kalyanpur</t>
  </si>
  <si>
    <t>kalyanpur tehsil bhera district sargodha</t>
  </si>
  <si>
    <t>Kalyanput</t>
  </si>
  <si>
    <t>Muhammad Naveed Iqbal Nayyer</t>
  </si>
  <si>
    <t>13610</t>
  </si>
  <si>
    <t>54156</t>
  </si>
  <si>
    <t>904</t>
  </si>
  <si>
    <t>17017</t>
  </si>
  <si>
    <t>5529</t>
  </si>
  <si>
    <t>GGPS DOODA KHAN ALLAH ABAD</t>
  </si>
  <si>
    <t>Got Mahi</t>
  </si>
  <si>
    <t>basti bhattian p,/o Allah abad</t>
  </si>
  <si>
    <t>Samina Naz</t>
  </si>
  <si>
    <t>30044</t>
  </si>
  <si>
    <t>38218</t>
  </si>
  <si>
    <t>GHS DHANOTE</t>
  </si>
  <si>
    <t>Dhanote</t>
  </si>
  <si>
    <t>Kehror Pacca Lodhran Road Dhanote</t>
  </si>
  <si>
    <t>Rafiq Ahmad Siddiqui</t>
  </si>
  <si>
    <t>17168</t>
  </si>
  <si>
    <t>32203</t>
  </si>
  <si>
    <t>GPS MUKTA</t>
  </si>
  <si>
    <t>Mukta</t>
  </si>
  <si>
    <t>village mukta p/o Mirza virkhan teh/distt Sheikhupura</t>
  </si>
  <si>
    <t>Mirza Virkan</t>
  </si>
  <si>
    <t>Farman ALI</t>
  </si>
  <si>
    <t>elecric pump</t>
  </si>
  <si>
    <t>46265</t>
  </si>
  <si>
    <t>34265</t>
  </si>
  <si>
    <t>53735</t>
  </si>
  <si>
    <t>GPS HAYAT PUR</t>
  </si>
  <si>
    <t>Hayat Pur</t>
  </si>
  <si>
    <t>GPS HAYAT PUR TEHSIL RENALA KHURD DISTRICT OKARA</t>
  </si>
  <si>
    <t>BAMA BALA</t>
  </si>
  <si>
    <t>Muhammad Altaf Hussain</t>
  </si>
  <si>
    <t>6510</t>
  </si>
  <si>
    <t>10260</t>
  </si>
  <si>
    <t>30111</t>
  </si>
  <si>
    <t>GHS KAMAHAN</t>
  </si>
  <si>
    <t>Village Kamahan, Lahore.</t>
  </si>
  <si>
    <t>ARSHAD ALI</t>
  </si>
  <si>
    <t>49873</t>
  </si>
  <si>
    <t>GGHS SIAL SHARIF</t>
  </si>
  <si>
    <t>Sial Shareef</t>
  </si>
  <si>
    <t>sial shareef</t>
  </si>
  <si>
    <t>Shazia Zafar</t>
  </si>
  <si>
    <t>40582</t>
  </si>
  <si>
    <t>GHS KAKRALA</t>
  </si>
  <si>
    <t>KAKRALA</t>
  </si>
  <si>
    <t>Village and post office KAKRALA</t>
  </si>
  <si>
    <t>Aqeel Ahmed</t>
  </si>
  <si>
    <t>41324</t>
  </si>
  <si>
    <t>48725</t>
  </si>
  <si>
    <t>37927</t>
  </si>
  <si>
    <t>GHS JALAL ABAD</t>
  </si>
  <si>
    <t>Jalalabad</t>
  </si>
  <si>
    <t>Mouza Jalal Abad</t>
  </si>
  <si>
    <t>Chak Himta</t>
  </si>
  <si>
    <t>village water supply</t>
  </si>
  <si>
    <t>45370</t>
  </si>
  <si>
    <t>35496</t>
  </si>
  <si>
    <t>17943</t>
  </si>
  <si>
    <t>GHS KHAKI LAKHI</t>
  </si>
  <si>
    <t>Khaki Lakhi</t>
  </si>
  <si>
    <t>mouza Khaki Lakhi p/o khaki lakhi teh. shorkot jhang</t>
  </si>
  <si>
    <t>khaki lakhi</t>
  </si>
  <si>
    <t>7001</t>
  </si>
  <si>
    <t>GPS GHOFOR ABAD NO 1</t>
  </si>
  <si>
    <t>arain colony</t>
  </si>
  <si>
    <t>F6</t>
  </si>
  <si>
    <t>Muhammad Muslim</t>
  </si>
  <si>
    <t>purchased water</t>
  </si>
  <si>
    <t>9048</t>
  </si>
  <si>
    <t>6078</t>
  </si>
  <si>
    <t>26775</t>
  </si>
  <si>
    <t>GGCMS SATHIALA</t>
  </si>
  <si>
    <t>JABAL-FEMALE</t>
  </si>
  <si>
    <t>Teh zafarwal dist narowal p/o sathiala</t>
  </si>
  <si>
    <t>Jabbal</t>
  </si>
  <si>
    <t>651</t>
  </si>
  <si>
    <t>135000</t>
  </si>
  <si>
    <t>24188</t>
  </si>
  <si>
    <t>GPS SOUKAN WIND</t>
  </si>
  <si>
    <t>Saukinwind Tehsil Pasrur district  Sialkot</t>
  </si>
  <si>
    <t>25171</t>
  </si>
  <si>
    <t>GGPS RANG PURA NO.2</t>
  </si>
  <si>
    <t>Rang Pura</t>
  </si>
  <si>
    <t>Govt Girls Primary School Rangpura No.2 Sialkot</t>
  </si>
  <si>
    <t>65347</t>
  </si>
  <si>
    <t>12126</t>
  </si>
  <si>
    <t>17253</t>
  </si>
  <si>
    <t>32656</t>
  </si>
  <si>
    <t>GGHS MC NANKANA SAHIB</t>
  </si>
  <si>
    <t>nankana sahib</t>
  </si>
  <si>
    <t>govt m.c. girls high school nankana sahib</t>
  </si>
  <si>
    <t>hospital road</t>
  </si>
  <si>
    <t>Nankana Sahib</t>
  </si>
  <si>
    <t>Nabila Bashir</t>
  </si>
  <si>
    <t>72080</t>
  </si>
  <si>
    <t>21750</t>
  </si>
  <si>
    <t>GHS CO-OPERATIVE BUDHA GORAYA</t>
  </si>
  <si>
    <t>Budha Goraya</t>
  </si>
  <si>
    <t>budha goraya tehsil nowshera virkan district gujranwala</t>
  </si>
  <si>
    <t>budha Goraya</t>
  </si>
  <si>
    <t>KHALID MASOOD CHISHTI</t>
  </si>
  <si>
    <t>692</t>
  </si>
  <si>
    <t>1195</t>
  </si>
  <si>
    <t>49993</t>
  </si>
  <si>
    <t>GGES SAHIBA BALOCHAN</t>
  </si>
  <si>
    <t>CHOHAL - FEMALE</t>
  </si>
  <si>
    <t>Sahiba  Balochan</t>
  </si>
  <si>
    <t>43942</t>
  </si>
  <si>
    <t>45548</t>
  </si>
  <si>
    <t>15702</t>
  </si>
  <si>
    <t>GHS CHAK 527 GB SAMUNDRI FSD</t>
  </si>
  <si>
    <t>Chak No.527 GB Sidham pura</t>
  </si>
  <si>
    <t>Chak no.527 GB Post Office Dijkot Tehsil Samundri District Faisalabad</t>
  </si>
  <si>
    <t>Chak no.527 GB</t>
  </si>
  <si>
    <t>Chak No.527 GB</t>
  </si>
  <si>
    <t>8914</t>
  </si>
  <si>
    <t>48074</t>
  </si>
  <si>
    <t>GHS MELO WAL</t>
  </si>
  <si>
    <t>melowal</t>
  </si>
  <si>
    <t>Fateh Gerh</t>
  </si>
  <si>
    <t>Fayyaz Ahmad Ranjha</t>
  </si>
  <si>
    <t>52775</t>
  </si>
  <si>
    <t>GGES KALASAN HAMEED</t>
  </si>
  <si>
    <t>Kalassen Hamid</t>
  </si>
  <si>
    <t>GGES Kalasan Hamid Distt, Okara</t>
  </si>
  <si>
    <t>Kalasan Hamid</t>
  </si>
  <si>
    <t>KALASAN HAMID</t>
  </si>
  <si>
    <t>Zaitoon Fatima</t>
  </si>
  <si>
    <t>33329</t>
  </si>
  <si>
    <t>GGPS MODEL CHAK 6 DERA HAJI MUHAMMAD DIN</t>
  </si>
  <si>
    <t>Chak6 Dera Haji Muhammad Din</t>
  </si>
  <si>
    <t>chak6 dera haji Muhammad din teh SFD dist SKP</t>
  </si>
  <si>
    <t>Rahman Abad</t>
  </si>
  <si>
    <t>Rukhsana kausar</t>
  </si>
  <si>
    <t>2679</t>
  </si>
  <si>
    <t>24498</t>
  </si>
  <si>
    <t>20877</t>
  </si>
  <si>
    <t>GHS NO.1 GHAKHAR</t>
  </si>
  <si>
    <t>Govt.higher secondary school No.1 Ghakhar G.T Road</t>
  </si>
  <si>
    <t>Ghakkhar</t>
  </si>
  <si>
    <t>Meuncipal Comiti</t>
  </si>
  <si>
    <t>76160</t>
  </si>
  <si>
    <t>32971</t>
  </si>
  <si>
    <t>34809</t>
  </si>
  <si>
    <t>12897</t>
  </si>
  <si>
    <t>GGPS NOORAY WALA</t>
  </si>
  <si>
    <t>Taraf Dhol</t>
  </si>
  <si>
    <t>basti Sandila mouza taraf Dholl p/o Khan garh</t>
  </si>
  <si>
    <t>Basti Sandila</t>
  </si>
  <si>
    <t>Umer Pur Janoobi</t>
  </si>
  <si>
    <t>Ishrat Parveen</t>
  </si>
  <si>
    <t>6881</t>
  </si>
  <si>
    <t>GHS GULSHAN USMAN</t>
  </si>
  <si>
    <t>Nooraywali</t>
  </si>
  <si>
    <t>GBHS LOWINCOME SCHEME GULSHAN USMAN RAHIM YAR KLHAN</t>
  </si>
  <si>
    <t>H</t>
  </si>
  <si>
    <t>shabbir hussain anjum</t>
  </si>
  <si>
    <t>9788</t>
  </si>
  <si>
    <t>1010</t>
  </si>
  <si>
    <t>1377</t>
  </si>
  <si>
    <t>37953</t>
  </si>
  <si>
    <t>GES CHAK WALA</t>
  </si>
  <si>
    <t>Rawani</t>
  </si>
  <si>
    <t>chak gujranwala UC Rawani p/o gailewal Teh&amp;Distt:Lodhran</t>
  </si>
  <si>
    <t>Chack Gujranwala</t>
  </si>
  <si>
    <t>4706</t>
  </si>
  <si>
    <t>38242</t>
  </si>
  <si>
    <t>32477</t>
  </si>
  <si>
    <t>GGHS KHARIAN WALA</t>
  </si>
  <si>
    <t>Kharianwala</t>
  </si>
  <si>
    <t>kharianwala, sheikhupura</t>
  </si>
  <si>
    <t>kharianwala</t>
  </si>
  <si>
    <t>Syeda Saima Bokhari</t>
  </si>
  <si>
    <t>26408</t>
  </si>
  <si>
    <t>15080</t>
  </si>
  <si>
    <t>GGPS ANWAR ABAD JARANWALA</t>
  </si>
  <si>
    <t>Faisal park</t>
  </si>
  <si>
    <t>City Jaranwala</t>
  </si>
  <si>
    <t>Tazzain Abbas</t>
  </si>
  <si>
    <t>78795</t>
  </si>
  <si>
    <t>GHS CHAK 521 GB</t>
  </si>
  <si>
    <t>521gb</t>
  </si>
  <si>
    <t>chack no 521 gb Toba Tek Singh</t>
  </si>
  <si>
    <t>521 GB</t>
  </si>
  <si>
    <t>Nanaksar</t>
  </si>
  <si>
    <t>Muhammad Talat Jamil</t>
  </si>
  <si>
    <t>5882</t>
  </si>
  <si>
    <t>11230</t>
  </si>
  <si>
    <t>50804</t>
  </si>
  <si>
    <t>GGHSS MIR DAD MUFAI</t>
  </si>
  <si>
    <t>MIRDAD MUAFI</t>
  </si>
  <si>
    <t>GGHSS MIRDAD MUAFI, SAHIWAL</t>
  </si>
  <si>
    <t>Mirdad Muafi</t>
  </si>
  <si>
    <t>Nasim Akhtar Bashir</t>
  </si>
  <si>
    <t>15589</t>
  </si>
  <si>
    <t>33230</t>
  </si>
  <si>
    <t>GPS GUJJAR PURA</t>
  </si>
  <si>
    <t>Gujjarpura</t>
  </si>
  <si>
    <t>gujjarpura</t>
  </si>
  <si>
    <t>Bahalike</t>
  </si>
  <si>
    <t>MAQBOOL AHMAD</t>
  </si>
  <si>
    <t>11430</t>
  </si>
  <si>
    <t>7636</t>
  </si>
  <si>
    <t>27877</t>
  </si>
  <si>
    <t>GHS LIAQAT MODEL SAHNA</t>
  </si>
  <si>
    <t>SAHNA</t>
  </si>
  <si>
    <t>SAHAN</t>
  </si>
  <si>
    <t>Arif Mahmood</t>
  </si>
  <si>
    <t>52411</t>
  </si>
  <si>
    <t>GPS SARAY AMIR SINGH</t>
  </si>
  <si>
    <t>Saray Amir Singh</t>
  </si>
  <si>
    <t>5986</t>
  </si>
  <si>
    <t>27390</t>
  </si>
  <si>
    <t>18100</t>
  </si>
  <si>
    <t>9290</t>
  </si>
  <si>
    <t>42898</t>
  </si>
  <si>
    <t>GGHS SIR SOBA SHAH</t>
  </si>
  <si>
    <t>Anchoha</t>
  </si>
  <si>
    <t>Gghs sar suba Shah Tehsil Kallar syedan  Dusty Rwp</t>
  </si>
  <si>
    <t>Sar Suba shah</t>
  </si>
  <si>
    <t>Manyanda</t>
  </si>
  <si>
    <t>Rehana Younis</t>
  </si>
  <si>
    <t>5677</t>
  </si>
  <si>
    <t>1331</t>
  </si>
  <si>
    <t>GPS CHAK NO 284 HR</t>
  </si>
  <si>
    <t>FTS-XI-MALE</t>
  </si>
  <si>
    <t>Fort Abbas</t>
  </si>
  <si>
    <t>Gps 284.H.R fort abbas bahawalnagar</t>
  </si>
  <si>
    <t>284 H R</t>
  </si>
  <si>
    <t>296 H R</t>
  </si>
  <si>
    <t>1805</t>
  </si>
  <si>
    <t>48546</t>
  </si>
  <si>
    <t>33782</t>
  </si>
  <si>
    <t>GGPS BASTI BAHAWALPUR</t>
  </si>
  <si>
    <t>Durana Langana</t>
  </si>
  <si>
    <t>ggps Basti bahawalpur</t>
  </si>
  <si>
    <t>Basti Bahawalpur</t>
  </si>
  <si>
    <t>Saba Shamim</t>
  </si>
  <si>
    <t>45413</t>
  </si>
  <si>
    <t>8710</t>
  </si>
  <si>
    <t>4426</t>
  </si>
  <si>
    <t>23814</t>
  </si>
  <si>
    <t>GMPS CM BURJ CHEEMA</t>
  </si>
  <si>
    <t>village Burj Cheema Tehsil Daska</t>
  </si>
  <si>
    <t>Goindkay</t>
  </si>
  <si>
    <t>Nighat Parveen</t>
  </si>
  <si>
    <t>45014</t>
  </si>
  <si>
    <t>GGPS ABASIAN WALA</t>
  </si>
  <si>
    <t>abbasian wala</t>
  </si>
  <si>
    <t>Abbasian Wala</t>
  </si>
  <si>
    <t>Niaz Bibi</t>
  </si>
  <si>
    <t>10909</t>
  </si>
  <si>
    <t>2407</t>
  </si>
  <si>
    <t>51398</t>
  </si>
  <si>
    <t>37730</t>
  </si>
  <si>
    <t>GHS 140/10-R, JAHANIAN</t>
  </si>
  <si>
    <t>Chak NO. 140/10R</t>
  </si>
  <si>
    <t>Waseem Akhtar</t>
  </si>
  <si>
    <t>GES MC MODEL CHISHTIAN</t>
  </si>
  <si>
    <t>Sugar mill road Chishtian</t>
  </si>
  <si>
    <t>Chishtian</t>
  </si>
  <si>
    <t>Muhammad Yaqoob Iqbal</t>
  </si>
  <si>
    <t>37447</t>
  </si>
  <si>
    <t>45184</t>
  </si>
  <si>
    <t>4366</t>
  </si>
  <si>
    <t>11777</t>
  </si>
  <si>
    <t>GPS CHAK NO. 629/TDA</t>
  </si>
  <si>
    <t>CHOWK SARWAR SHAHEED-II- MALE</t>
  </si>
  <si>
    <t>Chak No 629/tda</t>
  </si>
  <si>
    <t>chak no 629/tda tehsil kot addu</t>
  </si>
  <si>
    <t>Riazabad</t>
  </si>
  <si>
    <t>Muhammad Ibrahim Khan</t>
  </si>
  <si>
    <t>54535</t>
  </si>
  <si>
    <t>38578</t>
  </si>
  <si>
    <t>GGPS WARD NO 8</t>
  </si>
  <si>
    <t>FAZAL COLONY DUNYA PUR</t>
  </si>
  <si>
    <t>shahnaz Akhtar</t>
  </si>
  <si>
    <t>2663</t>
  </si>
  <si>
    <t>46669</t>
  </si>
  <si>
    <t>GGES TOLA BANGI KHEL</t>
  </si>
  <si>
    <t>TOLA BANGI KHEL-FEMALE</t>
  </si>
  <si>
    <t>Bangi Khel</t>
  </si>
  <si>
    <t>Village Tola Bangi Khel</t>
  </si>
  <si>
    <t>ZEENAT BEGUM</t>
  </si>
  <si>
    <t>48794</t>
  </si>
  <si>
    <t>13180</t>
  </si>
  <si>
    <t>GGPS BASTI KHERA</t>
  </si>
  <si>
    <t>Jhuggiwala</t>
  </si>
  <si>
    <t>GGPSBASTIKHERA</t>
  </si>
  <si>
    <t>Jinnah Colony</t>
  </si>
  <si>
    <t>Shehla Mulazim</t>
  </si>
  <si>
    <t>10317</t>
  </si>
  <si>
    <t>28468</t>
  </si>
  <si>
    <t>GG BBS HS CHAK MANO</t>
  </si>
  <si>
    <t>Mano chak</t>
  </si>
  <si>
    <t>village mano chak</t>
  </si>
  <si>
    <t>Mano Chak</t>
  </si>
  <si>
    <t>Uzma Sana</t>
  </si>
  <si>
    <t>37452</t>
  </si>
  <si>
    <t>GHS 134/16-L NEAR RAILWAY STATION, MIAN CHANNU</t>
  </si>
  <si>
    <t>Mohsinwal</t>
  </si>
  <si>
    <t>Govt.High School 134/16-L,Near RailWay Station, Mian Channu</t>
  </si>
  <si>
    <t>chak#134/16L</t>
  </si>
  <si>
    <t>M.Ajmal Khan</t>
  </si>
  <si>
    <t>51422</t>
  </si>
  <si>
    <t>53814</t>
  </si>
  <si>
    <t>GPS CHAK 623 GB TANDLIANWALA</t>
  </si>
  <si>
    <t>Chak No 623 G.B TEHSIL Tandlianwala .Faisalabad</t>
  </si>
  <si>
    <t>Chak No623 GB</t>
  </si>
  <si>
    <t>Raouf Iqbal</t>
  </si>
  <si>
    <t>1690</t>
  </si>
  <si>
    <t>41531</t>
  </si>
  <si>
    <t>GHS MC MOTI BAZAR RAWALPINDI</t>
  </si>
  <si>
    <t>Govt MC BHS Moti Bazar rawalpindi</t>
  </si>
  <si>
    <t>Moti Bazar</t>
  </si>
  <si>
    <t>Purana Killa</t>
  </si>
  <si>
    <t>Muhammad Amjad Waheed</t>
  </si>
  <si>
    <t>Near By Filterplant</t>
  </si>
  <si>
    <t>13319</t>
  </si>
  <si>
    <t>28596</t>
  </si>
  <si>
    <t>4666</t>
  </si>
  <si>
    <t>38930</t>
  </si>
  <si>
    <t>GPS DAURDAD</t>
  </si>
  <si>
    <t>Daurdad</t>
  </si>
  <si>
    <t>VPO Daurdad Tehsil &amp; District Attock</t>
  </si>
  <si>
    <t>Ijaz Ahmed Khan</t>
  </si>
  <si>
    <t>28442</t>
  </si>
  <si>
    <t>44361</t>
  </si>
  <si>
    <t>36919</t>
  </si>
  <si>
    <t>GGPS HATARAN, ABDUL HAKIM</t>
  </si>
  <si>
    <t>HAVELI KORANGA - FEMALE</t>
  </si>
  <si>
    <t>Hattaran</t>
  </si>
  <si>
    <t>chah keeker wala moza hattaran tehsil kbirwala dist khanewal</t>
  </si>
  <si>
    <t>Mehreen Fatima</t>
  </si>
  <si>
    <t>8816</t>
  </si>
  <si>
    <t>GHS CHAK 348 JB</t>
  </si>
  <si>
    <t>Maqbool Pur</t>
  </si>
  <si>
    <t>chak no 348jb gojra</t>
  </si>
  <si>
    <t>Cha348jb</t>
  </si>
  <si>
    <t>15196</t>
  </si>
  <si>
    <t>10877</t>
  </si>
  <si>
    <t>52350</t>
  </si>
  <si>
    <t>10540</t>
  </si>
  <si>
    <t>GHS CHAK NO.399 TDA</t>
  </si>
  <si>
    <t>393/tDA</t>
  </si>
  <si>
    <t>399/TDA</t>
  </si>
  <si>
    <t>393/TDA</t>
  </si>
  <si>
    <t>Muhammad younas raza</t>
  </si>
  <si>
    <t>47699</t>
  </si>
  <si>
    <t>GGHS MC MIANWALI</t>
  </si>
  <si>
    <t>mianwali</t>
  </si>
  <si>
    <t>govt.girls high school muslim bazar mianwali</t>
  </si>
  <si>
    <t>wattakhel</t>
  </si>
  <si>
    <t>27458</t>
  </si>
  <si>
    <t>GGPS CHAK NO 83 GB</t>
  </si>
  <si>
    <t>Malomnwa</t>
  </si>
  <si>
    <t>ggps83gb Malomnwa</t>
  </si>
  <si>
    <t>83gb</t>
  </si>
  <si>
    <t>Jagutpoor</t>
  </si>
  <si>
    <t>Nazia Shaheen</t>
  </si>
  <si>
    <t>49218</t>
  </si>
  <si>
    <t>17953</t>
  </si>
  <si>
    <t>GGHS HAVELI BAHADAR SHAH</t>
  </si>
  <si>
    <t>Haveli Bahadur Shah</t>
  </si>
  <si>
    <t>P/O Haveli Bahadur Shah</t>
  </si>
  <si>
    <t>Firdous Kausar</t>
  </si>
  <si>
    <t>37810</t>
  </si>
  <si>
    <t>GPS 98-A/10-R, JAHANIAN</t>
  </si>
  <si>
    <t>chak no. 98A/10-R</t>
  </si>
  <si>
    <t>98A/10-R</t>
  </si>
  <si>
    <t>Chak No 102/10-R</t>
  </si>
  <si>
    <t>Muhammad Shahid Raza</t>
  </si>
  <si>
    <t>26215</t>
  </si>
  <si>
    <t>15505</t>
  </si>
  <si>
    <t>30175</t>
  </si>
  <si>
    <t>2102</t>
  </si>
  <si>
    <t>27717</t>
  </si>
  <si>
    <t>2458</t>
  </si>
  <si>
    <t>GGES CHAK NO. 222 A TDA</t>
  </si>
  <si>
    <t>THAL KALAN - FEMALE</t>
  </si>
  <si>
    <t>Chak No. 222-A/TDA</t>
  </si>
  <si>
    <t>GGES Chak No. 222-A/TDA Tehsil Karor District Layyah</t>
  </si>
  <si>
    <t>Shoukat Abad</t>
  </si>
  <si>
    <t>Hanifa Sadiq</t>
  </si>
  <si>
    <t>7031</t>
  </si>
  <si>
    <t>25045</t>
  </si>
  <si>
    <t>42525</t>
  </si>
  <si>
    <t>6680</t>
  </si>
  <si>
    <t>13337</t>
  </si>
  <si>
    <t>GGPS DAWOOD WALA</t>
  </si>
  <si>
    <t>Ggps dawood wala mohallah korae jhuggiwala</t>
  </si>
  <si>
    <t>Samia  Bibi</t>
  </si>
  <si>
    <t>GHS CHAK NO 183 TDA</t>
  </si>
  <si>
    <t>Chak No 183-184 tDA</t>
  </si>
  <si>
    <t>Chak No 183 TDA tehsil &amp; District Bhakkar</t>
  </si>
  <si>
    <t>chak No 183 tda Bhakkar</t>
  </si>
  <si>
    <t>Chak No 183-184 TDA</t>
  </si>
  <si>
    <t>Dr Muhammad  Akram  Aziz</t>
  </si>
  <si>
    <t>1108</t>
  </si>
  <si>
    <t>GHS CHAK 240/HL</t>
  </si>
  <si>
    <t>GHS 240/HL Tehsil Fort Abbas Dist Bahawalnagar</t>
  </si>
  <si>
    <t>240/HL</t>
  </si>
  <si>
    <t>260/HR</t>
  </si>
  <si>
    <t>Mohammad Sohail Asghar</t>
  </si>
  <si>
    <t>20862</t>
  </si>
  <si>
    <t>10700</t>
  </si>
  <si>
    <t>GGHS 110/7-R</t>
  </si>
  <si>
    <t>110/7r</t>
  </si>
  <si>
    <t>chak no 110.7r tehsil chichawatni district sahiwal</t>
  </si>
  <si>
    <t>Chak No 110/7r</t>
  </si>
  <si>
    <t>Distgirabad 110/7r</t>
  </si>
  <si>
    <t>Saima kalsoom</t>
  </si>
  <si>
    <t>12462</t>
  </si>
  <si>
    <t>GGPS MUBARAK PUR</t>
  </si>
  <si>
    <t>Mubark Pur</t>
  </si>
  <si>
    <t>Mubark pur</t>
  </si>
  <si>
    <t>Soda Basti</t>
  </si>
  <si>
    <t>GMPS BABOORI</t>
  </si>
  <si>
    <t>Moza waghal GMPS Bobri</t>
  </si>
  <si>
    <t>Chajjana</t>
  </si>
  <si>
    <t>Nabeela bibi</t>
  </si>
  <si>
    <t>29622</t>
  </si>
  <si>
    <t>32643</t>
  </si>
  <si>
    <t>GHS SAINIBAR CHAK NO. 7GB</t>
  </si>
  <si>
    <t>Chak No.7</t>
  </si>
  <si>
    <t>Govt. High School Saini Bar Tehsil And District Nankana Sahib</t>
  </si>
  <si>
    <t>Chak No.7 Saini Bar</t>
  </si>
  <si>
    <t>Chak No.4 Bhawan Pura</t>
  </si>
  <si>
    <t>ASHFAQ KHALID</t>
  </si>
  <si>
    <t>45276</t>
  </si>
  <si>
    <t>27630</t>
  </si>
  <si>
    <t>GHS MONA DEPOT</t>
  </si>
  <si>
    <t>Mona Depot</t>
  </si>
  <si>
    <t>VPO R.D.MONA</t>
  </si>
  <si>
    <t>MONA DEPOT</t>
  </si>
  <si>
    <t>PIND MAKKO</t>
  </si>
  <si>
    <t>46067</t>
  </si>
  <si>
    <t>GHS MODEL NO. 4 JAUHARABAD</t>
  </si>
  <si>
    <t>block no.1 jauharabad</t>
  </si>
  <si>
    <t>MC Jauharabad</t>
  </si>
  <si>
    <t>Kashif Ijaz</t>
  </si>
  <si>
    <t>24752</t>
  </si>
  <si>
    <t>Hand Pump and Govt Water</t>
  </si>
  <si>
    <t>53529</t>
  </si>
  <si>
    <t>GGPS 29/2.L</t>
  </si>
  <si>
    <t>Ali Pura</t>
  </si>
  <si>
    <t>Chak number 29 2/L Okara</t>
  </si>
  <si>
    <t>29/2L</t>
  </si>
  <si>
    <t>31/2L</t>
  </si>
  <si>
    <t>3850</t>
  </si>
  <si>
    <t>37477</t>
  </si>
  <si>
    <t>GGHS 119/15-L, MIAN CHANNU</t>
  </si>
  <si>
    <t>chak No.119/15.l</t>
  </si>
  <si>
    <t>chak no.119/15.l mian channu khanewal</t>
  </si>
  <si>
    <t>chak no.119/15.l ugguana</t>
  </si>
  <si>
    <t>chak no.123/15.l</t>
  </si>
  <si>
    <t>sAIRA BANO</t>
  </si>
  <si>
    <t>44615</t>
  </si>
  <si>
    <t>887</t>
  </si>
  <si>
    <t>13819</t>
  </si>
  <si>
    <t>GGPS KOREY WALA NO. 2</t>
  </si>
  <si>
    <t>BASTI AHMDANI MOUZA SAHOO WALA</t>
  </si>
  <si>
    <t>BASTI AHMDANI</t>
  </si>
  <si>
    <t>Nawan BEG Raj</t>
  </si>
  <si>
    <t>Afsheen Naz</t>
  </si>
  <si>
    <t>47472</t>
  </si>
  <si>
    <t>37073</t>
  </si>
  <si>
    <t>GGHS NANAK PUR, KHANEWAL</t>
  </si>
  <si>
    <t>Nanakpur</t>
  </si>
  <si>
    <t>gghs nanakpur kwl</t>
  </si>
  <si>
    <t>Bherowak</t>
  </si>
  <si>
    <t>nasreen akhter</t>
  </si>
  <si>
    <t>28586</t>
  </si>
  <si>
    <t>37955</t>
  </si>
  <si>
    <t>21309</t>
  </si>
  <si>
    <t>18931</t>
  </si>
  <si>
    <t>GGHS CHAK 746 GB</t>
  </si>
  <si>
    <t>Chak 722</t>
  </si>
  <si>
    <t>Chak no 746 GB kamalia</t>
  </si>
  <si>
    <t>746 Gb</t>
  </si>
  <si>
    <t>722</t>
  </si>
  <si>
    <t>Kholla Latif</t>
  </si>
  <si>
    <t>24764</t>
  </si>
  <si>
    <t>33611</t>
  </si>
  <si>
    <t>GGHSS MOON LIGHT U-BLOCK NEW MULTAN</t>
  </si>
  <si>
    <t>U BLOCK NEW MULTAN</t>
  </si>
  <si>
    <t>GGHSS MOON LIGHT U- BLOCK NEW MULTAN</t>
  </si>
  <si>
    <t>New Multan</t>
  </si>
  <si>
    <t>KHALIDA ZAFFAR</t>
  </si>
  <si>
    <t>43516</t>
  </si>
  <si>
    <t>50720</t>
  </si>
  <si>
    <t>GGHS 90/9-L</t>
  </si>
  <si>
    <t>90/9l</t>
  </si>
  <si>
    <t>90/9l Swl</t>
  </si>
  <si>
    <t>88/9l Swl</t>
  </si>
  <si>
    <t>Zubaida Yaseen</t>
  </si>
  <si>
    <t>18203</t>
  </si>
  <si>
    <t>1405</t>
  </si>
  <si>
    <t>10734</t>
  </si>
  <si>
    <t>20211</t>
  </si>
  <si>
    <t>GES DARBAR MOHAMMAD SIDDIQUE</t>
  </si>
  <si>
    <t>lalian</t>
  </si>
  <si>
    <t>lalian teh.lalian dist.chiniot</t>
  </si>
  <si>
    <t>jabana</t>
  </si>
  <si>
    <t>7698</t>
  </si>
  <si>
    <t>47083</t>
  </si>
  <si>
    <t>GHS DHARNAKKA</t>
  </si>
  <si>
    <t>Dhibba Karial</t>
  </si>
  <si>
    <t>V.P.O DHURNAKA MARKAZ CHAKRALA TEHSIL AND DISTRICT MIANWALI</t>
  </si>
  <si>
    <t>Dhurnaka</t>
  </si>
  <si>
    <t>Muhammad Noman Khan</t>
  </si>
  <si>
    <t>48746</t>
  </si>
  <si>
    <t>GGES REHMAT JAN GULSHAN-E-ZAMAN TENCH BHATTA</t>
  </si>
  <si>
    <t>tench bhatta</t>
  </si>
  <si>
    <t>GGES rehmat jan gulshan meer zaman tench bhatta RWP</t>
  </si>
  <si>
    <t>Farhat Naheed</t>
  </si>
  <si>
    <t>17437</t>
  </si>
  <si>
    <t>27943</t>
  </si>
  <si>
    <t>GGHSS MIANWAL RANJHA</t>
  </si>
  <si>
    <t>Mianwal ranjha</t>
  </si>
  <si>
    <t>v.p.o.mianwal ranjha</t>
  </si>
  <si>
    <t>Saba Butt</t>
  </si>
  <si>
    <t>36040</t>
  </si>
  <si>
    <t>22855</t>
  </si>
  <si>
    <t>GGHS KHARIAN NO. 1</t>
  </si>
  <si>
    <t>Govt. Girls High School No. 1 KHARIAN. Distt Gujrat</t>
  </si>
  <si>
    <t>MUSARRAT JABEEN</t>
  </si>
  <si>
    <t>15661</t>
  </si>
  <si>
    <t>37083</t>
  </si>
  <si>
    <t>GES KAMBOH NAGAR, KHANEWAL</t>
  </si>
  <si>
    <t>168/10R</t>
  </si>
  <si>
    <t>jehania by pass GT Road 168/10R chowk kwl</t>
  </si>
  <si>
    <t>Muhammad Rizwan</t>
  </si>
  <si>
    <t>13333</t>
  </si>
  <si>
    <t>30313</t>
  </si>
  <si>
    <t>26323</t>
  </si>
  <si>
    <t>GPS JALIY FETIANA</t>
  </si>
  <si>
    <t>Jalli Fatiana</t>
  </si>
  <si>
    <t>Admeer ka thatha moza jalli fatiana tandlianwala fsd</t>
  </si>
  <si>
    <t>Admeer Ka Ththa</t>
  </si>
  <si>
    <t>ZAFAR IQBAL ASSI</t>
  </si>
  <si>
    <t>4451</t>
  </si>
  <si>
    <t>GGPS KHUDA BUKHSH SIAL</t>
  </si>
  <si>
    <t>Khuda Buksh Sial</t>
  </si>
  <si>
    <t>ggps khuda buksh sial</t>
  </si>
  <si>
    <t>Sayad Imam Shah</t>
  </si>
  <si>
    <t>Alia Pervaiz</t>
  </si>
  <si>
    <t>36730</t>
  </si>
  <si>
    <t>43138</t>
  </si>
  <si>
    <t>GES BHAGWAL</t>
  </si>
  <si>
    <t>BALKASSAR-MALE</t>
  </si>
  <si>
    <t>Bhagwal</t>
  </si>
  <si>
    <t>Karsal</t>
  </si>
  <si>
    <t>Faqeer Muhammad</t>
  </si>
  <si>
    <t>48475</t>
  </si>
  <si>
    <t>50412</t>
  </si>
  <si>
    <t>23372</t>
  </si>
  <si>
    <t>25309</t>
  </si>
  <si>
    <t>50907</t>
  </si>
  <si>
    <t>49790</t>
  </si>
  <si>
    <t>GPS CHAK NO.122 SB</t>
  </si>
  <si>
    <t>Chak 122 sb</t>
  </si>
  <si>
    <t>122sb</t>
  </si>
  <si>
    <t>Abid Rizwan Abid</t>
  </si>
  <si>
    <t>12213</t>
  </si>
  <si>
    <t>47084</t>
  </si>
  <si>
    <t>6978</t>
  </si>
  <si>
    <t>GGHS CHAND RAMI</t>
  </si>
  <si>
    <t>CHANDRAMI</t>
  </si>
  <si>
    <t>GOVT. GIRLS HIGH SCHOOL CHANDRAMI SADIQ ABAD DISTT. RAHIM YAR KHAN</t>
  </si>
  <si>
    <t>ADAM SAHABA</t>
  </si>
  <si>
    <t>Farhat sultana</t>
  </si>
  <si>
    <t>45645</t>
  </si>
  <si>
    <t>GPS ZUHRANIAN WALA</t>
  </si>
  <si>
    <t>Dagger Yar Shah Sharqi</t>
  </si>
  <si>
    <t>Zohranian Wala Haitoo-Khasoor Road</t>
  </si>
  <si>
    <t>Zohranian Wala</t>
  </si>
  <si>
    <t>Aamir Abbas Shah</t>
  </si>
  <si>
    <t>52103</t>
  </si>
  <si>
    <t>GMPS 60 EB</t>
  </si>
  <si>
    <t>Chak No 60/EB</t>
  </si>
  <si>
    <t>Chak no 60/EB P.O 58/EB Teh.Arifwala Distt. Pakpattan</t>
  </si>
  <si>
    <t>Chak No 66bEB</t>
  </si>
  <si>
    <t>Humaira zahoor</t>
  </si>
  <si>
    <t>7280</t>
  </si>
  <si>
    <t>5745</t>
  </si>
  <si>
    <t>19292</t>
  </si>
  <si>
    <t>GHS CHAK 293 GB</t>
  </si>
  <si>
    <t>chak No. 293 GB, Tehsil &amp; District Toba Tek Singh</t>
  </si>
  <si>
    <t>sheroon</t>
  </si>
  <si>
    <t>Chak No. 295 GB Bairian Wala</t>
  </si>
  <si>
    <t>muhammad Shahzad sadiq</t>
  </si>
  <si>
    <t>26223</t>
  </si>
  <si>
    <t>3574</t>
  </si>
  <si>
    <t>4502</t>
  </si>
  <si>
    <t>GPS BASTI BALOCH</t>
  </si>
  <si>
    <t>KHANPUR - MALE</t>
  </si>
  <si>
    <t>Mangraja</t>
  </si>
  <si>
    <t>Basti harnani balouch mouza mangraja p/o noorpur nouranga tehsil and district bahawalpur</t>
  </si>
  <si>
    <t>Basti Harnani Balouch</t>
  </si>
  <si>
    <t>Gothmehrab</t>
  </si>
  <si>
    <t>Muhammed Aamir Bashir</t>
  </si>
  <si>
    <t>4655</t>
  </si>
  <si>
    <t>40950</t>
  </si>
  <si>
    <t>GGPS DHERIAN</t>
  </si>
  <si>
    <t>Dherian</t>
  </si>
  <si>
    <t>village dherian P.O. dharyala via sanghoi tensil dina district jhelum</t>
  </si>
  <si>
    <t>Janjeel</t>
  </si>
  <si>
    <t>Sehrish Shafique</t>
  </si>
  <si>
    <t>4453</t>
  </si>
  <si>
    <t>15507</t>
  </si>
  <si>
    <t>30337</t>
  </si>
  <si>
    <t>30949</t>
  </si>
  <si>
    <t>GGHS SAEEDA ISLAMIA WASSAN PURA SCHEME NO 2. LHR CANTT.</t>
  </si>
  <si>
    <t>Wassanpura</t>
  </si>
  <si>
    <t>x block scheme no.2 lahore</t>
  </si>
  <si>
    <t>wassanpura</t>
  </si>
  <si>
    <t>hussain park</t>
  </si>
  <si>
    <t>mrs. rukhsana manzoor d/o sheikh muhammad khurshed</t>
  </si>
  <si>
    <t>11025</t>
  </si>
  <si>
    <t>52989</t>
  </si>
  <si>
    <t>18525</t>
  </si>
  <si>
    <t>GGHS CHAK 434 JB</t>
  </si>
  <si>
    <t>Chak 434 JB</t>
  </si>
  <si>
    <t>GGHS 434 JB Gojra</t>
  </si>
  <si>
    <t>Chak 438 JB</t>
  </si>
  <si>
    <t>Sara Mahrukh</t>
  </si>
  <si>
    <t>41926</t>
  </si>
  <si>
    <t>34320</t>
  </si>
  <si>
    <t>GGHS HERDEV</t>
  </si>
  <si>
    <t>Herdev</t>
  </si>
  <si>
    <t>Gghs herdev</t>
  </si>
  <si>
    <t>Misbah Khalid</t>
  </si>
  <si>
    <t>50803</t>
  </si>
  <si>
    <t>GGHS 100-A/6-R</t>
  </si>
  <si>
    <t>100-A/6-R sahiwal</t>
  </si>
  <si>
    <t>99-6/R</t>
  </si>
  <si>
    <t>Afeerah Muzamil</t>
  </si>
  <si>
    <t>10321</t>
  </si>
  <si>
    <t>GGES CHAK NO.234/TDA</t>
  </si>
  <si>
    <t>Moj Ghar</t>
  </si>
  <si>
    <t>GGES Chak No. 234/TDA Tehsil Karor District Layyah</t>
  </si>
  <si>
    <t>Chak No. 234/TDA</t>
  </si>
  <si>
    <t>Shokat Abad</t>
  </si>
  <si>
    <t>5442</t>
  </si>
  <si>
    <t>46423</t>
  </si>
  <si>
    <t>50920</t>
  </si>
  <si>
    <t>40704</t>
  </si>
  <si>
    <t>GGPS DAMMER WALA SHUMALI NO. 1</t>
  </si>
  <si>
    <t>Dammar Wala shumali</t>
  </si>
  <si>
    <t>Dammar  Wala Shumali p/o Dammar Wala Shumali Jatoi Mizaffar Garh</t>
  </si>
  <si>
    <t>Dammar Wala  Shumali</t>
  </si>
  <si>
    <t>Kashifa Gulzar</t>
  </si>
  <si>
    <t>23715</t>
  </si>
  <si>
    <t>22854</t>
  </si>
  <si>
    <t>GHS DINGA</t>
  </si>
  <si>
    <t>dinga</t>
  </si>
  <si>
    <t>Railway road Dinga</t>
  </si>
  <si>
    <t>Railway Road</t>
  </si>
  <si>
    <t>mc dinga</t>
  </si>
  <si>
    <t>MIAN MUHAMMAD ARIF</t>
  </si>
  <si>
    <t>1416</t>
  </si>
  <si>
    <t>GPS CHAK NO.625 TDA</t>
  </si>
  <si>
    <t>Chak No 625dtda</t>
  </si>
  <si>
    <t>Riaz Abad</t>
  </si>
  <si>
    <t>5452</t>
  </si>
  <si>
    <t>37312</t>
  </si>
  <si>
    <t>GGPS 41/10-R JADEED, KACHA KHUH</t>
  </si>
  <si>
    <t>CHOWK JAMAL-II - FEMALE</t>
  </si>
  <si>
    <t>Kacha Khu</t>
  </si>
  <si>
    <t>chak no 41/10 R thsile &amp; district kwl</t>
  </si>
  <si>
    <t>41/10R</t>
  </si>
  <si>
    <t>41/10</t>
  </si>
  <si>
    <t>Nazia Hafeez</t>
  </si>
  <si>
    <t>52196</t>
  </si>
  <si>
    <t>GHS MC WUKLA COLONY BAHAWALNAGAR</t>
  </si>
  <si>
    <t>AMAR SINGH</t>
  </si>
  <si>
    <t>GOVT. M C HIGH SCHOOL WUKLA COLONY BWN</t>
  </si>
  <si>
    <t>WUKLA COLONY</t>
  </si>
  <si>
    <t>AMEER KOT</t>
  </si>
  <si>
    <t>3456</t>
  </si>
  <si>
    <t>1286</t>
  </si>
  <si>
    <t>40031</t>
  </si>
  <si>
    <t>GPS CHAK NO.7 A-SB</t>
  </si>
  <si>
    <t>CHAK 4-SB - MALE</t>
  </si>
  <si>
    <t>7 A SB</t>
  </si>
  <si>
    <t>Govt primary school chak 7 a sb</t>
  </si>
  <si>
    <t>Chak 6 SB</t>
  </si>
  <si>
    <t>18240</t>
  </si>
  <si>
    <t>36436</t>
  </si>
  <si>
    <t>35758</t>
  </si>
  <si>
    <t>13695</t>
  </si>
  <si>
    <t>GGPS URJANI WALA</t>
  </si>
  <si>
    <t>Basti Rindaan</t>
  </si>
  <si>
    <t>chah urjani wala moza basti rindaan</t>
  </si>
  <si>
    <t>Saira Jabeen</t>
  </si>
  <si>
    <t>16429</t>
  </si>
  <si>
    <t>GGHS CHAK 132 RB SAHO WALA</t>
  </si>
  <si>
    <t>Sahowala</t>
  </si>
  <si>
    <t>Chak No 132 RB Sahowala Tehsil Chak Jhumra, Faisalabad</t>
  </si>
  <si>
    <t>Chak No 127/RB Behlol pur</t>
  </si>
  <si>
    <t>2692</t>
  </si>
  <si>
    <t>17720</t>
  </si>
  <si>
    <t>GGES CHAK NO 6/3L SHUMALI</t>
  </si>
  <si>
    <t>P.A.REHMAN - FEMALE</t>
  </si>
  <si>
    <t>esa wala</t>
  </si>
  <si>
    <t>GGES 6/3L</t>
  </si>
  <si>
    <t>6/3L</t>
  </si>
  <si>
    <t>kundal khokhra</t>
  </si>
  <si>
    <t>kaneez fatima</t>
  </si>
  <si>
    <t>39488</t>
  </si>
  <si>
    <t>GGHS PIND SULTANI</t>
  </si>
  <si>
    <t>PINDSULTANI</t>
  </si>
  <si>
    <t>Govt Girls High School Pindsultani Tehsil Jand,Attock.</t>
  </si>
  <si>
    <t>Pindsultani</t>
  </si>
  <si>
    <t>Kaneez Akhtar</t>
  </si>
  <si>
    <t>33615</t>
  </si>
  <si>
    <t>GGHS NUSRAT-UL-ISLAM MULTAN CANTT</t>
  </si>
  <si>
    <t>Jhakkar Pur</t>
  </si>
  <si>
    <t>GGHS NUSRAT UL ISLAM QUAID E AZAM ROAD NEAR BOMANJI CHOWL</t>
  </si>
  <si>
    <t>ISMAT AZEEM</t>
  </si>
  <si>
    <t>25900</t>
  </si>
  <si>
    <t>2143</t>
  </si>
  <si>
    <t>49641</t>
  </si>
  <si>
    <t>GHS CHAK NO.132 SB</t>
  </si>
  <si>
    <t>chak no 132 SB</t>
  </si>
  <si>
    <t>CHAK NO.132 SB TEHSIL SILLANWALI DISTRICT SARGODHA</t>
  </si>
  <si>
    <t>CHAK NO.132SB</t>
  </si>
  <si>
    <t>chak no.132 SB</t>
  </si>
  <si>
    <t>Allah Yar</t>
  </si>
  <si>
    <t>29004</t>
  </si>
  <si>
    <t>GES CHAK 337 JB SIKANDAR ABAD</t>
  </si>
  <si>
    <t>337jb</t>
  </si>
  <si>
    <t>chak no. 337jb Gojra</t>
  </si>
  <si>
    <t>8060</t>
  </si>
  <si>
    <t>10571</t>
  </si>
  <si>
    <t>GHS CHAK NO 138 TDA</t>
  </si>
  <si>
    <t>Chak No 138/TDA Layyah</t>
  </si>
  <si>
    <t>1588</t>
  </si>
  <si>
    <t>GHS CHAK 146/6R</t>
  </si>
  <si>
    <t>CHAK NO 146/6R HAROONABAD</t>
  </si>
  <si>
    <t>CHAK No. 146/6.R TEH. HAROONABAD</t>
  </si>
  <si>
    <t>CHAK NO 146/6R</t>
  </si>
  <si>
    <t>CHAK NO. 98/6.R</t>
  </si>
  <si>
    <t>MUHAMMAD ISHTIAQ AKHTAR</t>
  </si>
  <si>
    <t>1023</t>
  </si>
  <si>
    <t>GPS SAMANDRI WALA</t>
  </si>
  <si>
    <t>Pandhi Wala</t>
  </si>
  <si>
    <t>chah pandhi wala kot habat churhatta d.g khan</t>
  </si>
  <si>
    <t>Chah Pandhi Wala</t>
  </si>
  <si>
    <t>Kot Habat</t>
  </si>
  <si>
    <t>5688</t>
  </si>
  <si>
    <t>1173</t>
  </si>
  <si>
    <t>GGES CHAK NO 182/7-R</t>
  </si>
  <si>
    <t>FTS-IV-FEMALE</t>
  </si>
  <si>
    <t>182/7R</t>
  </si>
  <si>
    <t>govt girls elemantry  school 182/7R</t>
  </si>
  <si>
    <t>176/7R</t>
  </si>
  <si>
    <t>Amna Younas</t>
  </si>
  <si>
    <t>2552</t>
  </si>
  <si>
    <t>6401</t>
  </si>
  <si>
    <t>895</t>
  </si>
  <si>
    <t>7481</t>
  </si>
  <si>
    <t>GGES BASTI RANG PUR LARAN</t>
  </si>
  <si>
    <t>Rangpur</t>
  </si>
  <si>
    <t>GGES Rangpur basti laran</t>
  </si>
  <si>
    <t>Jamal Din Wali</t>
  </si>
  <si>
    <t>Bushra Siddique</t>
  </si>
  <si>
    <t>39800</t>
  </si>
  <si>
    <t>39322</t>
  </si>
  <si>
    <t>43571</t>
  </si>
  <si>
    <t>GGPS DHOK BAIR NO.2</t>
  </si>
  <si>
    <t>Dhoke Bair</t>
  </si>
  <si>
    <t>Village Dhoke Bair P/O Pinwal Tehsil &amp; District Chakwal.</t>
  </si>
  <si>
    <t>SUMAIRA ANJUM</t>
  </si>
  <si>
    <t>17780</t>
  </si>
  <si>
    <t>13800</t>
  </si>
  <si>
    <t>25382</t>
  </si>
  <si>
    <t>10982</t>
  </si>
  <si>
    <t>21407</t>
  </si>
  <si>
    <t>GGHS UGGO BHINDER</t>
  </si>
  <si>
    <t>Uggobhinder</t>
  </si>
  <si>
    <t>uggobhinderP/O Eminabad,Kamoki,Gujranwala</t>
  </si>
  <si>
    <t>KotliNawab</t>
  </si>
  <si>
    <t>Hina Ibrar</t>
  </si>
  <si>
    <t>2897</t>
  </si>
  <si>
    <t>4823</t>
  </si>
  <si>
    <t>25377</t>
  </si>
  <si>
    <t>GMES CHAK IKHTIAR</t>
  </si>
  <si>
    <t>Chak Ikhtiar</t>
  </si>
  <si>
    <t>chak ikhtiar</t>
  </si>
  <si>
    <t>Habib Pur</t>
  </si>
  <si>
    <t>Sumbal</t>
  </si>
  <si>
    <t>GGES KHOL MIRZEKA</t>
  </si>
  <si>
    <t>Mirzeka</t>
  </si>
  <si>
    <t>GGES Mirzeka</t>
  </si>
  <si>
    <t>Khola Mirzeka</t>
  </si>
  <si>
    <t>42986</t>
  </si>
  <si>
    <t>45463</t>
  </si>
  <si>
    <t>GES CHAK NO 13 TDA</t>
  </si>
  <si>
    <t>13 Tda</t>
  </si>
  <si>
    <t>Chak No 13 TDA Darya khan Bhakkar</t>
  </si>
  <si>
    <t>Chak No 13 Tda</t>
  </si>
  <si>
    <t>Daggar Qureshi</t>
  </si>
  <si>
    <t>Qazi Bilal Ahsan</t>
  </si>
  <si>
    <t>50682</t>
  </si>
  <si>
    <t>GHS 78/5-L</t>
  </si>
  <si>
    <t>SHAMASA  ABAD</t>
  </si>
  <si>
    <t>CHAK NO.78/5-l sAHIWAL</t>
  </si>
  <si>
    <t>CHAK NO.78/5-L sAHIWAL</t>
  </si>
  <si>
    <t>CHAK NO 78/5-L SAHIWAL</t>
  </si>
  <si>
    <t>ABDUL SALAM</t>
  </si>
  <si>
    <t>33214</t>
  </si>
  <si>
    <t>matic pump</t>
  </si>
  <si>
    <t>21173</t>
  </si>
  <si>
    <t>GMPS SADAN WALI</t>
  </si>
  <si>
    <t>Sadhanwali</t>
  </si>
  <si>
    <t>sadhanwali p/o Ali Pur Chatha Teh.wazirabad Dist.Gujranwala</t>
  </si>
  <si>
    <t>Sayed Nagar</t>
  </si>
  <si>
    <t>Wakila Hanif</t>
  </si>
  <si>
    <t>30163</t>
  </si>
  <si>
    <t>16749</t>
  </si>
  <si>
    <t>GGES 411 GB</t>
  </si>
  <si>
    <t>411 GB</t>
  </si>
  <si>
    <t>Gges 411\1 G.B</t>
  </si>
  <si>
    <t>411/1 GB</t>
  </si>
  <si>
    <t>Ammara Saeed</t>
  </si>
  <si>
    <t>34493</t>
  </si>
  <si>
    <t>54098</t>
  </si>
  <si>
    <t>GGPS ALLAH BAKHSH CHANDIO</t>
  </si>
  <si>
    <t>chah dolat wala dak khana khas kot tahir jampur</t>
  </si>
  <si>
    <t>DOLAT WALA</t>
  </si>
  <si>
    <t>Mehvish Saba</t>
  </si>
  <si>
    <t>11910</t>
  </si>
  <si>
    <t>GGPS NAWAN NOOR SHAH</t>
  </si>
  <si>
    <t>Thatha Gurmani Sharqi</t>
  </si>
  <si>
    <t>chah nawan noor shah po thatha gurmani sharqi</t>
  </si>
  <si>
    <t>38967</t>
  </si>
  <si>
    <t>GGHS MALAL</t>
  </si>
  <si>
    <t>malal</t>
  </si>
  <si>
    <t>govt  girls high school malal,Tehsil fatehjang,Disstrict attock</t>
  </si>
  <si>
    <t>nosheen nawazish</t>
  </si>
  <si>
    <t>4489</t>
  </si>
  <si>
    <t>20844</t>
  </si>
  <si>
    <t>9591</t>
  </si>
  <si>
    <t>GHS CHAK NO.403 TDA</t>
  </si>
  <si>
    <t>Chak No 403/tda</t>
  </si>
  <si>
    <t>Chak No. 403/tda tehsil Choubara District Layyah</t>
  </si>
  <si>
    <t>Chak NO 403/tda</t>
  </si>
  <si>
    <t>SARFARAZ AHMAD</t>
  </si>
  <si>
    <t>22967</t>
  </si>
  <si>
    <t>37403</t>
  </si>
  <si>
    <t>GHS 98/15-L, MIAN CHUNNU</t>
  </si>
  <si>
    <t>98/15L</t>
  </si>
  <si>
    <t>chak no 98/15-l</t>
  </si>
  <si>
    <t>98/15-l</t>
  </si>
  <si>
    <t>MUHAMMAD HASIL</t>
  </si>
  <si>
    <t>33689</t>
  </si>
  <si>
    <t>22510</t>
  </si>
  <si>
    <t>GGHS MANGOWAL SHARQI</t>
  </si>
  <si>
    <t>mangowal sharqi</t>
  </si>
  <si>
    <t>village mangowal sharqi p/o jalal pur jattan district gujrat</t>
  </si>
  <si>
    <t>bharaj</t>
  </si>
  <si>
    <t>Rabia Bibi</t>
  </si>
  <si>
    <t>13329</t>
  </si>
  <si>
    <t>23256</t>
  </si>
  <si>
    <t>24496</t>
  </si>
  <si>
    <t>28235</t>
  </si>
  <si>
    <t>GG BBS HS MADHRAY</t>
  </si>
  <si>
    <t>Madhray</t>
  </si>
  <si>
    <t>madhray</t>
  </si>
  <si>
    <t>Dholl Ranjha</t>
  </si>
  <si>
    <t>Naila Khalil</t>
  </si>
  <si>
    <t>42433</t>
  </si>
  <si>
    <t>5453</t>
  </si>
  <si>
    <t>37291</t>
  </si>
  <si>
    <t>GMPS 22/10-R, KACHA KHUH</t>
  </si>
  <si>
    <t>MAKHDOOM PUR-II - FEMALE</t>
  </si>
  <si>
    <t>KACHA KHUH</t>
  </si>
  <si>
    <t>CHAK NO.22/10-R, KACHA KHUH KHANEWAL</t>
  </si>
  <si>
    <t>22/10-R</t>
  </si>
  <si>
    <t>Asia Bano</t>
  </si>
  <si>
    <t>6538</t>
  </si>
  <si>
    <t>9097</t>
  </si>
  <si>
    <t>18585</t>
  </si>
  <si>
    <t>GPS CHAK 371 JB I WEST GANDA SINGH</t>
  </si>
  <si>
    <t>TARIQ ABAD MALE</t>
  </si>
  <si>
    <t>Ghandasingh</t>
  </si>
  <si>
    <t>chak371jb  ghandasingh</t>
  </si>
  <si>
    <t>371jb Ghanda Singh</t>
  </si>
  <si>
    <t>372jb Bojiyan Wali</t>
  </si>
  <si>
    <t>akhtar hussain</t>
  </si>
  <si>
    <t>52154</t>
  </si>
  <si>
    <t>35530</t>
  </si>
  <si>
    <t>GGHSS TIBBA SULTAN PUR</t>
  </si>
  <si>
    <t>Tibba</t>
  </si>
  <si>
    <t>GGHSS Tibba sultan pur</t>
  </si>
  <si>
    <t>ZUBAIDA KHANUM</t>
  </si>
  <si>
    <t>15633</t>
  </si>
  <si>
    <t>18291</t>
  </si>
  <si>
    <t>GMPS CHAK NO. 7/3-L</t>
  </si>
  <si>
    <t>Chak No 8/3L</t>
  </si>
  <si>
    <t>Chak No 8/3L p.o &amp; tehsil Ahmad pur sial</t>
  </si>
  <si>
    <t>Chak No 7/3L</t>
  </si>
  <si>
    <t>5573</t>
  </si>
  <si>
    <t>26926</t>
  </si>
  <si>
    <t>31353</t>
  </si>
  <si>
    <t>44824</t>
  </si>
  <si>
    <t>GGHS CHANNI GOTH</t>
  </si>
  <si>
    <t>Chani Goth</t>
  </si>
  <si>
    <t>ggh/s chani goth, mohallah aslam khan</t>
  </si>
  <si>
    <t>chani goth</t>
  </si>
  <si>
    <t>8447</t>
  </si>
  <si>
    <t>3496</t>
  </si>
  <si>
    <t>7493</t>
  </si>
  <si>
    <t>GGCMS CHAK NO.21/NP</t>
  </si>
  <si>
    <t>Basti Shadi</t>
  </si>
  <si>
    <t>chak no 21Anp</t>
  </si>
  <si>
    <t>21ANP</t>
  </si>
  <si>
    <t>Bhutta Wahan</t>
  </si>
  <si>
    <t>Humaira Maqbool</t>
  </si>
  <si>
    <t>8878</t>
  </si>
  <si>
    <t>49675</t>
  </si>
  <si>
    <t>GES CHAK NO.116 NB</t>
  </si>
  <si>
    <t>Chak No 116 NB</t>
  </si>
  <si>
    <t>116 NB</t>
  </si>
  <si>
    <t>Muhammad Javed Azam</t>
  </si>
  <si>
    <t>16419</t>
  </si>
  <si>
    <t>GGPS CHAK DARULIHSAN</t>
  </si>
  <si>
    <t>Darul ehsan</t>
  </si>
  <si>
    <t>ggps darul ehsan</t>
  </si>
  <si>
    <t>126 Paharang</t>
  </si>
  <si>
    <t>127rb</t>
  </si>
  <si>
    <t>AMRA NUZHAT</t>
  </si>
  <si>
    <t>40882</t>
  </si>
  <si>
    <t>GGHS CHAK DARYA</t>
  </si>
  <si>
    <t>GOVT GIRLS HIGH SCHOOL CHAK DARYA</t>
  </si>
  <si>
    <t>CHAK DARYA</t>
  </si>
  <si>
    <t>DHANYALA</t>
  </si>
  <si>
    <t>Gul Naz</t>
  </si>
  <si>
    <t>3306</t>
  </si>
  <si>
    <t>50454</t>
  </si>
  <si>
    <t>39188</t>
  </si>
  <si>
    <t>42857</t>
  </si>
  <si>
    <t>GHS ARAZI</t>
  </si>
  <si>
    <t>arazi khas p.o arazi teh kallar syedan distt rawalpindi</t>
  </si>
  <si>
    <t>Bashndoot</t>
  </si>
  <si>
    <t>29049</t>
  </si>
  <si>
    <t>GHSS SHEHAR SULTAN</t>
  </si>
  <si>
    <t>Muncipal Committee</t>
  </si>
  <si>
    <t>Jatoi Road Shaher Sultan</t>
  </si>
  <si>
    <t>Jatoi Road</t>
  </si>
  <si>
    <t>CHAUDRY MUHAMMAD WAKEEL</t>
  </si>
  <si>
    <t>23936</t>
  </si>
  <si>
    <t>GGHS KUNJAH</t>
  </si>
  <si>
    <t>KUNJAH</t>
  </si>
  <si>
    <t>MOHALLAH KATRA KUNJAH</t>
  </si>
  <si>
    <t>IJAZ TABASSUM</t>
  </si>
  <si>
    <t>GGES GUARDIAN ANGELS</t>
  </si>
  <si>
    <t>Waris Pura</t>
  </si>
  <si>
    <t>Govt Girls Elementary School Guardian Angel Waris Pura Faisalabad</t>
  </si>
  <si>
    <t>Barkat Pura</t>
  </si>
  <si>
    <t>Night Jahan</t>
  </si>
  <si>
    <t>12967</t>
  </si>
  <si>
    <t>19650</t>
  </si>
  <si>
    <t>18530</t>
  </si>
  <si>
    <t>GGHS CHAK 278 JB USMAN KOT</t>
  </si>
  <si>
    <t>chak no 278 jb Gojra T.T.singh</t>
  </si>
  <si>
    <t>Chak 278 Jb</t>
  </si>
  <si>
    <t>Chak No 278 Jb</t>
  </si>
  <si>
    <t>Kirn Neta</t>
  </si>
  <si>
    <t>7122</t>
  </si>
  <si>
    <t>52938</t>
  </si>
  <si>
    <t>453</t>
  </si>
  <si>
    <t>25187</t>
  </si>
  <si>
    <t>GMPS WALANAY</t>
  </si>
  <si>
    <t>Walanay</t>
  </si>
  <si>
    <t>Walanay P.O Khas Tehsil And District Sialkot</t>
  </si>
  <si>
    <t>4862</t>
  </si>
  <si>
    <t>39587</t>
  </si>
  <si>
    <t>34725</t>
  </si>
  <si>
    <t>21241</t>
  </si>
  <si>
    <t>34834</t>
  </si>
  <si>
    <t>4878</t>
  </si>
  <si>
    <t>12526</t>
  </si>
  <si>
    <t>8715</t>
  </si>
  <si>
    <t>38623</t>
  </si>
  <si>
    <t>GMPS CHAK 10/M</t>
  </si>
  <si>
    <t>CHAK NO 10/M</t>
  </si>
  <si>
    <t>CHAK NO 11/M</t>
  </si>
  <si>
    <t>Shabana Hanif</t>
  </si>
  <si>
    <t>48164</t>
  </si>
  <si>
    <t>35092</t>
  </si>
  <si>
    <t>GGHS JHAMRA</t>
  </si>
  <si>
    <t>moza jhamra p/o saim  Tehsil Tandlianwala District Faisalabad</t>
  </si>
  <si>
    <t>AYESHA ZIA</t>
  </si>
  <si>
    <t>17808</t>
  </si>
  <si>
    <t>GGPS CHAK NO 160 JB KODHAN</t>
  </si>
  <si>
    <t>Chak No160 Kodhan</t>
  </si>
  <si>
    <t>chak no 160,kodhan</t>
  </si>
  <si>
    <t>160 Kodhan</t>
  </si>
  <si>
    <t>159 sipra</t>
  </si>
  <si>
    <t>Ghulam Sakina</t>
  </si>
  <si>
    <t>51795</t>
  </si>
  <si>
    <t>GHS 153 EB</t>
  </si>
  <si>
    <t>153/eb</t>
  </si>
  <si>
    <t>ch no 153/eb arifwala</t>
  </si>
  <si>
    <t>ghs153/eb</t>
  </si>
  <si>
    <t>ch no 151/eb</t>
  </si>
  <si>
    <t>509</t>
  </si>
  <si>
    <t>38438</t>
  </si>
  <si>
    <t>GHSS JALLA ARIAN</t>
  </si>
  <si>
    <t>jallah arain</t>
  </si>
  <si>
    <t>jallah ararin</t>
  </si>
  <si>
    <t>M.SHAHBAZ TAHIR</t>
  </si>
  <si>
    <t>18499</t>
  </si>
  <si>
    <t>GHS PACCA ANNA</t>
  </si>
  <si>
    <t>PACCA ANNA</t>
  </si>
  <si>
    <t>GHS PACCA ANNA GOJR</t>
  </si>
  <si>
    <t>CHAK NO 93 JB</t>
  </si>
  <si>
    <t>MUHAMMAD SAEED AKHTAR</t>
  </si>
  <si>
    <t>14473</t>
  </si>
  <si>
    <t>GGPS GOJRA MORE</t>
  </si>
  <si>
    <t>Gojra Mor</t>
  </si>
  <si>
    <t>gojra mor jhang</t>
  </si>
  <si>
    <t>Naghma Saz</t>
  </si>
  <si>
    <t>7908</t>
  </si>
  <si>
    <t>7123</t>
  </si>
  <si>
    <t>15653</t>
  </si>
  <si>
    <t>GGHS CHAK NO 223 GB</t>
  </si>
  <si>
    <t>Chak 223gb</t>
  </si>
  <si>
    <t>chak no. 223gb samundri</t>
  </si>
  <si>
    <t>223gb</t>
  </si>
  <si>
    <t>Sobia  Nazli</t>
  </si>
  <si>
    <t>37025</t>
  </si>
  <si>
    <t>41564</t>
  </si>
  <si>
    <t>GGHS MODREN ASGHAR MAL RWP</t>
  </si>
  <si>
    <t>Government Modern Girls High School, Near Eid Gah Sharif, Asghar Mall, Road, Rawalpindi</t>
  </si>
  <si>
    <t>eid gah</t>
  </si>
  <si>
    <t>Shahida Kousar</t>
  </si>
  <si>
    <t>33215</t>
  </si>
  <si>
    <t>47321</t>
  </si>
  <si>
    <t>49699</t>
  </si>
  <si>
    <t>GHS DAMMER WALA SHUMALI</t>
  </si>
  <si>
    <t>Dammar Wala Shumali Jatoi M. Garh</t>
  </si>
  <si>
    <t>JAM ALLAH YAR</t>
  </si>
  <si>
    <t>11527</t>
  </si>
  <si>
    <t>GGHS MAHMOOD KOT CITY</t>
  </si>
  <si>
    <t>P/O  Mahmood kot city</t>
  </si>
  <si>
    <t>Mahmood Kot</t>
  </si>
  <si>
    <t>Mudassira Jabeen</t>
  </si>
  <si>
    <t>15256</t>
  </si>
  <si>
    <t>12605</t>
  </si>
  <si>
    <t>GGEMS CHAK 73 RB II KHURRIANWALA</t>
  </si>
  <si>
    <t>KHURRIANWALA - FEMALE</t>
  </si>
  <si>
    <t>CHAK NO 73 RB</t>
  </si>
  <si>
    <t>Chak no. 73 RB Karianwala Tehsil Jaranwala District Fsd</t>
  </si>
  <si>
    <t>Hundal Pur</t>
  </si>
  <si>
    <t>Chak No 76 RB</t>
  </si>
  <si>
    <t>Munira Yasmin</t>
  </si>
  <si>
    <t>38187</t>
  </si>
  <si>
    <t>17542</t>
  </si>
  <si>
    <t>36660</t>
  </si>
  <si>
    <t>GMES 14 GHAGH, ABDUL HAKIM</t>
  </si>
  <si>
    <t>KOT ISLAM - FEMALE</t>
  </si>
  <si>
    <t>14 Ghagh</t>
  </si>
  <si>
    <t>Got Model Elementary School 14 Ghagh Tehsil Kabirwala</t>
  </si>
  <si>
    <t>Chak No 14 Ghagh</t>
  </si>
  <si>
    <t>Haveli Koranga</t>
  </si>
  <si>
    <t>Sajida Gull</t>
  </si>
  <si>
    <t>27460</t>
  </si>
  <si>
    <t>13204</t>
  </si>
  <si>
    <t>GGPS WARIAN WALA JADID</t>
  </si>
  <si>
    <t>Warian Wala</t>
  </si>
  <si>
    <t>basti warian wala</t>
  </si>
  <si>
    <t>Mirhazar Khan</t>
  </si>
  <si>
    <t>Nasreen Kousar</t>
  </si>
  <si>
    <t>22134</t>
  </si>
  <si>
    <t>GHS SOOK KALAN</t>
  </si>
  <si>
    <t>Sook Kalan</t>
  </si>
  <si>
    <t>village and post office sook kalan tehsil and district gujrat</t>
  </si>
  <si>
    <t>MUHAMAMD ILYAS SHAH</t>
  </si>
  <si>
    <t>36665</t>
  </si>
  <si>
    <t>GGHS 9 GHAGH, ABDUL HAKIM</t>
  </si>
  <si>
    <t>Chak no 9 Ghagh adda 25 pull</t>
  </si>
  <si>
    <t>Mustabshira Choudhry</t>
  </si>
  <si>
    <t>25210</t>
  </si>
  <si>
    <t>GGHS NEW MODEL DEV SAMAJ ROAD</t>
  </si>
  <si>
    <t>SANT NAGAR</t>
  </si>
  <si>
    <t>GOVT. NEW MODEL G/H SCHOOL DEV SAMAJ ROAD LAHORE.</t>
  </si>
  <si>
    <t>JINNAH HALL</t>
  </si>
  <si>
    <t>Mahmooda Shaheen</t>
  </si>
  <si>
    <t>11700</t>
  </si>
  <si>
    <t>21087</t>
  </si>
  <si>
    <t>12444</t>
  </si>
  <si>
    <t>50444</t>
  </si>
  <si>
    <t>14623</t>
  </si>
  <si>
    <t>GGCMHS CHAK 119 JB</t>
  </si>
  <si>
    <t>Govt. Girls high school 119 jb SAMANA fsd</t>
  </si>
  <si>
    <t>119 Jb Samana</t>
  </si>
  <si>
    <t>AZRA KHANAM</t>
  </si>
  <si>
    <t>16229</t>
  </si>
  <si>
    <t>GGHS CHAK NO 2 JB FSD</t>
  </si>
  <si>
    <t>2 Jb</t>
  </si>
  <si>
    <t>chak no 2 jb</t>
  </si>
  <si>
    <t>shagufta aziz</t>
  </si>
  <si>
    <t>9207</t>
  </si>
  <si>
    <t>36604</t>
  </si>
  <si>
    <t>GHS HAVELI KORUNGA, ABDUL HAKIM</t>
  </si>
  <si>
    <t>haveli koranga tehsil kabirwala district khanewal</t>
  </si>
  <si>
    <t>Abdul Manan</t>
  </si>
  <si>
    <t>38358</t>
  </si>
  <si>
    <t>46639</t>
  </si>
  <si>
    <t>15416</t>
  </si>
  <si>
    <t>GGHSS CHAK 644 GB</t>
  </si>
  <si>
    <t>644 Gb</t>
  </si>
  <si>
    <t>chak 644 gb</t>
  </si>
  <si>
    <t>4047</t>
  </si>
  <si>
    <t>14559</t>
  </si>
  <si>
    <t>GGPS CHAK 221 RB KALASNA</t>
  </si>
  <si>
    <t>221RB</t>
  </si>
  <si>
    <t>Chak 221 RB Kalasna FSd</t>
  </si>
  <si>
    <t>Kalasna</t>
  </si>
  <si>
    <t>222 RB</t>
  </si>
  <si>
    <t>Nabeela Rasheed</t>
  </si>
  <si>
    <t>53336</t>
  </si>
  <si>
    <t>53190</t>
  </si>
  <si>
    <t>15310</t>
  </si>
  <si>
    <t>GGHS CHAK NO 22 GB</t>
  </si>
  <si>
    <t>Jrw</t>
  </si>
  <si>
    <t>22gb</t>
  </si>
  <si>
    <t>Jannat Ara</t>
  </si>
  <si>
    <t>38937</t>
  </si>
  <si>
    <t>GGPS QILA BHAEIAN</t>
  </si>
  <si>
    <t>Qila Bihian</t>
  </si>
  <si>
    <t>Village Qila Bihian Tehsil noshera virkan Distt Gujranwala</t>
  </si>
  <si>
    <t>Bhiri Kalan</t>
  </si>
  <si>
    <t>NOSHEEN KANWAL</t>
  </si>
  <si>
    <t>5840</t>
  </si>
  <si>
    <t>784</t>
  </si>
  <si>
    <t>33370</t>
  </si>
  <si>
    <t>GHS BHORU CHAK 18 RB</t>
  </si>
  <si>
    <t>Bhoru</t>
  </si>
  <si>
    <t>bhoru chak 18/RB, NNS</t>
  </si>
  <si>
    <t>zulfiqar ali</t>
  </si>
  <si>
    <t>24139</t>
  </si>
  <si>
    <t>GPS FEROZKAY NAGRA</t>
  </si>
  <si>
    <t>BADIANA - MALE</t>
  </si>
  <si>
    <t>Ferozkey Nagra</t>
  </si>
  <si>
    <t>ferozkey Nagra teh Pasrur Distt sialkot</t>
  </si>
  <si>
    <t>Adamkay Nagra</t>
  </si>
  <si>
    <t>18720</t>
  </si>
  <si>
    <t>18350</t>
  </si>
  <si>
    <t>27927</t>
  </si>
  <si>
    <t>GGHS MAKHNAN WALI</t>
  </si>
  <si>
    <t>Makhnanwali</t>
  </si>
  <si>
    <t>vpo Makhnanwali teh &amp; dist m.b.din</t>
  </si>
  <si>
    <t>Saba Nawaz</t>
  </si>
  <si>
    <t>23326</t>
  </si>
  <si>
    <t>GMPS JHANDY WALI</t>
  </si>
  <si>
    <t>Jhandywali</t>
  </si>
  <si>
    <t>Thikrian</t>
  </si>
  <si>
    <t>1865</t>
  </si>
  <si>
    <t>23398</t>
  </si>
  <si>
    <t>44019</t>
  </si>
  <si>
    <t>35164</t>
  </si>
  <si>
    <t>92272</t>
  </si>
  <si>
    <t>GGPS CHAK NO 204 HB</t>
  </si>
  <si>
    <t>204/hb</t>
  </si>
  <si>
    <t>GGPS204HB</t>
  </si>
  <si>
    <t>204hb</t>
  </si>
  <si>
    <t>204/9r</t>
  </si>
  <si>
    <t>SAIMA RAUF</t>
  </si>
  <si>
    <t>7970</t>
  </si>
  <si>
    <t>47043</t>
  </si>
  <si>
    <t>GGHS SHADIA</t>
  </si>
  <si>
    <t>Shadia</t>
  </si>
  <si>
    <t>Dhakuanwala Shadia Mianwali</t>
  </si>
  <si>
    <t>Kausar perveen</t>
  </si>
  <si>
    <t>32340</t>
  </si>
  <si>
    <t>34776</t>
  </si>
  <si>
    <t>GGHS JUGGO WALA JALALPUR PIRWALA</t>
  </si>
  <si>
    <t>juggowala</t>
  </si>
  <si>
    <t>P/O JUGGOWALA MOUZA JUGGOWALA VIA GIALAY WALA TEHSIL JALALPUR PIR WALA DISTT.MULTAN</t>
  </si>
  <si>
    <t>JUGGOWALA</t>
  </si>
  <si>
    <t>Nadia Shabbir</t>
  </si>
  <si>
    <t>49611</t>
  </si>
  <si>
    <t>36457</t>
  </si>
  <si>
    <t>GGPS LAL DEH</t>
  </si>
  <si>
    <t>Lal Deh</t>
  </si>
  <si>
    <t>LAL DEH po Luddan</t>
  </si>
  <si>
    <t>Kot Ghulam Qadir</t>
  </si>
  <si>
    <t>Sobia Sharif</t>
  </si>
  <si>
    <t>40983</t>
  </si>
  <si>
    <t>GHS BAND ALI PUR</t>
  </si>
  <si>
    <t>Band Ali Pur</t>
  </si>
  <si>
    <t>Basti and mouza Band Ali Pur Tehsil and District Lodhran</t>
  </si>
  <si>
    <t>Saadullah Pur</t>
  </si>
  <si>
    <t>16945</t>
  </si>
  <si>
    <t>15132</t>
  </si>
  <si>
    <t>GGPS CHAK 567 GB LUNDIANWALA JRN</t>
  </si>
  <si>
    <t>Pathan Chak</t>
  </si>
  <si>
    <t>chak no 567G B1</t>
  </si>
  <si>
    <t>567GB1</t>
  </si>
  <si>
    <t>566GB</t>
  </si>
  <si>
    <t>Saima Saif</t>
  </si>
  <si>
    <t>28636</t>
  </si>
  <si>
    <t>GGHS MEER MUHAMMAD</t>
  </si>
  <si>
    <t>Mir Muhammad</t>
  </si>
  <si>
    <t>Govt. Girls High School Mir Muhammad</t>
  </si>
  <si>
    <t>Mir Muammad</t>
  </si>
  <si>
    <t>abida akram</t>
  </si>
  <si>
    <t>36079</t>
  </si>
  <si>
    <t>19174</t>
  </si>
  <si>
    <t>GMPS TIBBI KATHIA</t>
  </si>
  <si>
    <t>Tibbi Nijabt Kathia</t>
  </si>
  <si>
    <t>tibbi nijabat kathia</t>
  </si>
  <si>
    <t>Tibbi  Nijabt Kathia</t>
  </si>
  <si>
    <t>722 Gb</t>
  </si>
  <si>
    <t>Noreen Nawaz</t>
  </si>
  <si>
    <t>1726</t>
  </si>
  <si>
    <t>23188</t>
  </si>
  <si>
    <t>9739</t>
  </si>
  <si>
    <t>GGCMS RAFIQ ABAD 366 TDA</t>
  </si>
  <si>
    <t>chak no 366 TDA choubara layyah</t>
  </si>
  <si>
    <t>Chak No 366 TDA</t>
  </si>
  <si>
    <t>Kouser Parveen</t>
  </si>
  <si>
    <t>7369</t>
  </si>
  <si>
    <t>31811</t>
  </si>
  <si>
    <t>41058</t>
  </si>
  <si>
    <t>GGHS BEOR</t>
  </si>
  <si>
    <t>VPO BEOR TEHSIL KAHUTA DISTT RWP</t>
  </si>
  <si>
    <t>nasim akhtar</t>
  </si>
  <si>
    <t>bore(not enough)</t>
  </si>
  <si>
    <t>8906</t>
  </si>
  <si>
    <t>31246</t>
  </si>
  <si>
    <t>GGHS CHUNA MANDI LAHORE</t>
  </si>
  <si>
    <t>Chuna Mandi</t>
  </si>
  <si>
    <t>chuna mandi lahore</t>
  </si>
  <si>
    <t>Shahiqila</t>
  </si>
  <si>
    <t>FAIZA ARSHAD</t>
  </si>
  <si>
    <t>92565</t>
  </si>
  <si>
    <t>31025</t>
  </si>
  <si>
    <t>4087</t>
  </si>
  <si>
    <t>45934</t>
  </si>
  <si>
    <t>GGPS DERA DARBAL KHALIQ ABAD</t>
  </si>
  <si>
    <t>KHUSHAB (FEMALE)</t>
  </si>
  <si>
    <t>Khliqabad</t>
  </si>
  <si>
    <t>dera Darbal khliqabad</t>
  </si>
  <si>
    <t>Dera Darbal</t>
  </si>
  <si>
    <t>Waheer</t>
  </si>
  <si>
    <t>Raveela Samin</t>
  </si>
  <si>
    <t>GMPS 33 2L</t>
  </si>
  <si>
    <t>33/2l</t>
  </si>
  <si>
    <t>Huma Nawab</t>
  </si>
  <si>
    <t>19663</t>
  </si>
  <si>
    <t>5570</t>
  </si>
  <si>
    <t>16673</t>
  </si>
  <si>
    <t>GGES CHAK 497/GB NAI ABADI MAMUN KANJAN</t>
  </si>
  <si>
    <t>GGES 497GB new abadi mamunkanjan</t>
  </si>
  <si>
    <t>Gulsheer 497</t>
  </si>
  <si>
    <t>Nida Haleem</t>
  </si>
  <si>
    <t>16852</t>
  </si>
  <si>
    <t>GHS ALI PUR</t>
  </si>
  <si>
    <t>Moza Ali Pur P/O Khas Ali Pur Tehsil &amp; Distt : Jhang</t>
  </si>
  <si>
    <t>Ali Pur</t>
  </si>
  <si>
    <t>Pubber Wala</t>
  </si>
  <si>
    <t>Afzal Hassan</t>
  </si>
  <si>
    <t>686070</t>
  </si>
  <si>
    <t>1207</t>
  </si>
  <si>
    <t>16294</t>
  </si>
  <si>
    <t>GHS SADDO WALA</t>
  </si>
  <si>
    <t>SADDOWALA</t>
  </si>
  <si>
    <t>SADDOWALA, NAROWAL</t>
  </si>
  <si>
    <t>muhammad Anwar Saeed</t>
  </si>
  <si>
    <t>33589</t>
  </si>
  <si>
    <t>GHS PIRAN GHAIB NEAR THERMAL POWER STATION</t>
  </si>
  <si>
    <t>Jahangir Abad</t>
  </si>
  <si>
    <t>govt. high school Piran Ghaib multan</t>
  </si>
  <si>
    <t>Piran Ghaib</t>
  </si>
  <si>
    <t>muhammad zafar</t>
  </si>
  <si>
    <t>43197</t>
  </si>
  <si>
    <t>16445</t>
  </si>
  <si>
    <t>GGES CHAK NO 44 JB PAKKADHLA</t>
  </si>
  <si>
    <t>Pakka  Dallah</t>
  </si>
  <si>
    <t>CHAK NO ,44. JB.  PAKKA.  DALLAH.  CKJ. FSD</t>
  </si>
  <si>
    <t>44 J B</t>
  </si>
  <si>
    <t>44  J B</t>
  </si>
  <si>
    <t>Saira Javed</t>
  </si>
  <si>
    <t>7340</t>
  </si>
  <si>
    <t>GHS I.T. SHAH GHAREEB</t>
  </si>
  <si>
    <t>Shah Gharib</t>
  </si>
  <si>
    <t>Ghona</t>
  </si>
  <si>
    <t>Muhammad Waqas Aslam</t>
  </si>
  <si>
    <t>49988</t>
  </si>
  <si>
    <t>39470</t>
  </si>
  <si>
    <t>GHSS KHUNDA</t>
  </si>
  <si>
    <t>KHUNDA</t>
  </si>
  <si>
    <t>VILLAGE KHUNDA TEHSIL JAND ATTOCK</t>
  </si>
  <si>
    <t>JAVED IQBAL KHAN</t>
  </si>
  <si>
    <t>321</t>
  </si>
  <si>
    <t>13238</t>
  </si>
  <si>
    <t>GGPS JOIYA WALA</t>
  </si>
  <si>
    <t>Rukan Wali</t>
  </si>
  <si>
    <t>basti darkhan wali katchi pakki</t>
  </si>
  <si>
    <t>Darkhan Wali</t>
  </si>
  <si>
    <t>Rukhsana Begum</t>
  </si>
  <si>
    <t>838</t>
  </si>
  <si>
    <t>GHS CANAL HAROON ABAD</t>
  </si>
  <si>
    <t>Govt.Canal High School Haroonabd</t>
  </si>
  <si>
    <t>MC HAROONABAD</t>
  </si>
  <si>
    <t>MANZOOR AHMAD</t>
  </si>
  <si>
    <t>25360</t>
  </si>
  <si>
    <t>GGHSS KULUWAL</t>
  </si>
  <si>
    <t>kulluwal</t>
  </si>
  <si>
    <t>Kulluwal</t>
  </si>
  <si>
    <t>filter/ motor</t>
  </si>
  <si>
    <t>9990</t>
  </si>
  <si>
    <t>GGHS CHAK NO 293 TDA</t>
  </si>
  <si>
    <t>Chak No 293/TDA</t>
  </si>
  <si>
    <t>gghsChak no 293/TDA</t>
  </si>
  <si>
    <t>chak no 293/TDA</t>
  </si>
  <si>
    <t>chak no 306/TDA</t>
  </si>
  <si>
    <t>Faiza Jabeen</t>
  </si>
  <si>
    <t>17416</t>
  </si>
  <si>
    <t>21125</t>
  </si>
  <si>
    <t>55488</t>
  </si>
  <si>
    <t>GHS ISLAMIA DHORIA</t>
  </si>
  <si>
    <t>Dhoria</t>
  </si>
  <si>
    <t>Govt.islamia high school dhoria gujrat tehsil kharian distt. gujrat</t>
  </si>
  <si>
    <t>MUHAMMAD  RAZZAQ</t>
  </si>
  <si>
    <t>smercipal pump</t>
  </si>
  <si>
    <t>599</t>
  </si>
  <si>
    <t>47934</t>
  </si>
  <si>
    <t>GGHS GANDRA KALAN</t>
  </si>
  <si>
    <t>Gandra Kalan</t>
  </si>
  <si>
    <t>Govt girls high school gandra kalan, teh and district gujrat</t>
  </si>
  <si>
    <t>Doga</t>
  </si>
  <si>
    <t>SHABANA ASHRAF</t>
  </si>
  <si>
    <t>36968</t>
  </si>
  <si>
    <t>GMPS CHOKI SIAL, NAWAN SHEHR</t>
  </si>
  <si>
    <t>Choki Sial</t>
  </si>
  <si>
    <t>GGM/P school choki sial</t>
  </si>
  <si>
    <t>Chah Ramzan Wala</t>
  </si>
  <si>
    <t>Chak Haider Abad</t>
  </si>
  <si>
    <t>Rukhsana Razaq</t>
  </si>
  <si>
    <t>24042</t>
  </si>
  <si>
    <t>38039</t>
  </si>
  <si>
    <t>GPS SHAH NAL</t>
  </si>
  <si>
    <t>Salsader</t>
  </si>
  <si>
    <t>p/o shahnal station  gps  shahnal lodhran</t>
  </si>
  <si>
    <t>Shahanl</t>
  </si>
  <si>
    <t>Muhammad Ali</t>
  </si>
  <si>
    <t>38744</t>
  </si>
  <si>
    <t>GGES 379/W.B</t>
  </si>
  <si>
    <t>379wb</t>
  </si>
  <si>
    <t>g g e/s Chuck no 379/wb</t>
  </si>
  <si>
    <t>Chuck No 379/Wb</t>
  </si>
  <si>
    <t>Chuck No 384/Wb</t>
  </si>
  <si>
    <t>Iffat Ashfaq</t>
  </si>
  <si>
    <t>7549</t>
  </si>
  <si>
    <t>23734</t>
  </si>
  <si>
    <t>GPS MUSAY WALA</t>
  </si>
  <si>
    <t>Mussaywala</t>
  </si>
  <si>
    <t>Bharokay kalan</t>
  </si>
  <si>
    <t>21660</t>
  </si>
  <si>
    <t>20675</t>
  </si>
  <si>
    <t>41104</t>
  </si>
  <si>
    <t>GPS LOONA</t>
  </si>
  <si>
    <t>Loona</t>
  </si>
  <si>
    <t>village  Loona</t>
  </si>
  <si>
    <t>18760</t>
  </si>
  <si>
    <t>988</t>
  </si>
  <si>
    <t>16810</t>
  </si>
  <si>
    <t>GGPS AHMED DA KHUH</t>
  </si>
  <si>
    <t>ahmad ka khuh</t>
  </si>
  <si>
    <t>Ahmad Ka Khuh</t>
  </si>
  <si>
    <t>GPS CHAK NO 14 TDA</t>
  </si>
  <si>
    <t>Duggar Quraishi</t>
  </si>
  <si>
    <t>GPS Chak No 14TDA  thesil Darya Khan distt Bhakkar</t>
  </si>
  <si>
    <t>Chak No 14TDA</t>
  </si>
  <si>
    <t>Ishtiaq Ahmad Asim</t>
  </si>
  <si>
    <t>34943</t>
  </si>
  <si>
    <t>GGES LAR JANOBI</t>
  </si>
  <si>
    <t>bait kaitch shumaili</t>
  </si>
  <si>
    <t>lar janubi bait kaitch</t>
  </si>
  <si>
    <t>lar janubi</t>
  </si>
  <si>
    <t>bait kaitch shumali</t>
  </si>
  <si>
    <t>ruqia shakoor</t>
  </si>
  <si>
    <t>36071</t>
  </si>
  <si>
    <t>11380</t>
  </si>
  <si>
    <t>30530</t>
  </si>
  <si>
    <t>25115</t>
  </si>
  <si>
    <t>GGHS KUNDAN PUR</t>
  </si>
  <si>
    <t>Dallowali</t>
  </si>
  <si>
    <t>GGHS kundan pur</t>
  </si>
  <si>
    <t>Kundan pur</t>
  </si>
  <si>
    <t>Aqsa Malik</t>
  </si>
  <si>
    <t>8595</t>
  </si>
  <si>
    <t>33476</t>
  </si>
  <si>
    <t>43074</t>
  </si>
  <si>
    <t>GHS MAINGAN CHAKWAL</t>
  </si>
  <si>
    <t>maingan</t>
  </si>
  <si>
    <t>SYED SHOHRAT HUSSAIN NAQVI</t>
  </si>
  <si>
    <t>53399</t>
  </si>
  <si>
    <t>GGPS SARAI KALASAN</t>
  </si>
  <si>
    <t>GGP/S Srai kalasan 29.30/2l okara</t>
  </si>
  <si>
    <t>Sray Kalasan</t>
  </si>
  <si>
    <t>31/2l</t>
  </si>
  <si>
    <t>Saher  Ishtiaq</t>
  </si>
  <si>
    <t>20429</t>
  </si>
  <si>
    <t>35560</t>
  </si>
  <si>
    <t>5631</t>
  </si>
  <si>
    <t>GMPS TAIL MADRSSA</t>
  </si>
  <si>
    <t>BWN.10-FEMALE</t>
  </si>
  <si>
    <t>tail madrassa</t>
  </si>
  <si>
    <t>Tail Madrassa</t>
  </si>
  <si>
    <t>Sadia Younus</t>
  </si>
  <si>
    <t>18502</t>
  </si>
  <si>
    <t>GHS CHAK 160 GB</t>
  </si>
  <si>
    <t>Chak No. 160 GB</t>
  </si>
  <si>
    <t>Chak No. 154 GB</t>
  </si>
  <si>
    <t>MUHAMMAD IRSHAD HUSSAIN</t>
  </si>
  <si>
    <t>20461</t>
  </si>
  <si>
    <t>1718</t>
  </si>
  <si>
    <t>35251</t>
  </si>
  <si>
    <t>GPS 371 EB</t>
  </si>
  <si>
    <t>371/eb</t>
  </si>
  <si>
    <t>chak no 371/eb</t>
  </si>
  <si>
    <t>Chak No 371/eb</t>
  </si>
  <si>
    <t>Shah Junaid</t>
  </si>
  <si>
    <t>Kazim Hussain</t>
  </si>
  <si>
    <t>1848</t>
  </si>
  <si>
    <t>22208</t>
  </si>
  <si>
    <t>30751</t>
  </si>
  <si>
    <t>49628</t>
  </si>
  <si>
    <t>27153</t>
  </si>
  <si>
    <t>GGHS BHOON KALAN</t>
  </si>
  <si>
    <t>Bhoon Kalan</t>
  </si>
  <si>
    <t>bhoon kalan</t>
  </si>
  <si>
    <t>nadia bukhari</t>
  </si>
  <si>
    <t>18997</t>
  </si>
  <si>
    <t>GGPS CHAK 566 GB LUNDIANWALA</t>
  </si>
  <si>
    <t>Namdar</t>
  </si>
  <si>
    <t>GGPS 566GB JARANWALA</t>
  </si>
  <si>
    <t>Chak No 566gb</t>
  </si>
  <si>
    <t>7479</t>
  </si>
  <si>
    <t>46017</t>
  </si>
  <si>
    <t>5304</t>
  </si>
  <si>
    <t>24221</t>
  </si>
  <si>
    <t>GPS DOLOWALI</t>
  </si>
  <si>
    <t>DHODA - MALE</t>
  </si>
  <si>
    <t>Dolowali</t>
  </si>
  <si>
    <t>dolowali</t>
  </si>
  <si>
    <t>Shahid Ali</t>
  </si>
  <si>
    <t>38794</t>
  </si>
  <si>
    <t>GGHS PAF BASE COLONY</t>
  </si>
  <si>
    <t>KAMRA KALAN</t>
  </si>
  <si>
    <t>GGHS BASE MINHAS KAMRA</t>
  </si>
  <si>
    <t>KAMRA CANTT</t>
  </si>
  <si>
    <t>SOBIA ALTAF</t>
  </si>
  <si>
    <t>3526</t>
  </si>
  <si>
    <t>45850</t>
  </si>
  <si>
    <t>GPS NO. 2 PADHRAR</t>
  </si>
  <si>
    <t>Paharanwali</t>
  </si>
  <si>
    <t>padhrar</t>
  </si>
  <si>
    <t>Padhrat</t>
  </si>
  <si>
    <t>Nasir Munir</t>
  </si>
  <si>
    <t>25977</t>
  </si>
  <si>
    <t>49095</t>
  </si>
  <si>
    <t>GPS CHAK NO.56 NB</t>
  </si>
  <si>
    <t>REMOUNT DEPOT - MALE</t>
  </si>
  <si>
    <t>56 NB</t>
  </si>
  <si>
    <t>chak N O 56 N B post office Dhrama Sargodha</t>
  </si>
  <si>
    <t>56 N B</t>
  </si>
  <si>
    <t>chak NO 55 N B</t>
  </si>
  <si>
    <t>2302</t>
  </si>
  <si>
    <t>7043</t>
  </si>
  <si>
    <t>23144</t>
  </si>
  <si>
    <t>35612</t>
  </si>
  <si>
    <t>GPS CHAK 146 WB</t>
  </si>
  <si>
    <t>GPS 146/WB</t>
  </si>
  <si>
    <t>CHAK NO 146/WB</t>
  </si>
  <si>
    <t>SEHAR</t>
  </si>
  <si>
    <t>Ghufar Ahmad</t>
  </si>
  <si>
    <t>11450</t>
  </si>
  <si>
    <t>10940</t>
  </si>
  <si>
    <t>35493</t>
  </si>
  <si>
    <t>GPS MAZHERIA DARUL ALOOM M.NAGER MULTAN ROAD</t>
  </si>
  <si>
    <t>BUREWALA EAST - MALE</t>
  </si>
  <si>
    <t>M  Nagar</t>
  </si>
  <si>
    <t>muhammad nagar burewala</t>
  </si>
  <si>
    <t>No 6</t>
  </si>
  <si>
    <t>Ward 8</t>
  </si>
  <si>
    <t>Missbah Perveen</t>
  </si>
  <si>
    <t>23874</t>
  </si>
  <si>
    <t>35809</t>
  </si>
  <si>
    <t>GGPS WARD NO 7 TIBBA SULTAN PUR</t>
  </si>
  <si>
    <t>TIBBA EAST - FEMALE</t>
  </si>
  <si>
    <t>ward No. 7 Tibba SULTAN pur</t>
  </si>
  <si>
    <t>Ward No 7</t>
  </si>
  <si>
    <t>robina shameem</t>
  </si>
  <si>
    <t>33026</t>
  </si>
  <si>
    <t>25347</t>
  </si>
  <si>
    <t>16071</t>
  </si>
  <si>
    <t>GES CHAK 289 RB</t>
  </si>
  <si>
    <t>Arori</t>
  </si>
  <si>
    <t>chak 289 r.b</t>
  </si>
  <si>
    <t>Chak 289 RB</t>
  </si>
  <si>
    <t>Mohammad Mushtaq Javaid</t>
  </si>
  <si>
    <t>4964</t>
  </si>
  <si>
    <t>2953</t>
  </si>
  <si>
    <t>35857</t>
  </si>
  <si>
    <t>GGPS 144 WB</t>
  </si>
  <si>
    <t>TIBBA NORTH - FEMALE</t>
  </si>
  <si>
    <t>144/wb</t>
  </si>
  <si>
    <t>144/w.b</t>
  </si>
  <si>
    <t>saher</t>
  </si>
  <si>
    <t>Saima iqbal</t>
  </si>
  <si>
    <t>9021</t>
  </si>
  <si>
    <t>52752</t>
  </si>
  <si>
    <t>GHSS FAROOQ ABAD</t>
  </si>
  <si>
    <t>near ptcl exchange</t>
  </si>
  <si>
    <t>moh. ptcl exchange</t>
  </si>
  <si>
    <t>hafiz  muhammad latif ur rehman</t>
  </si>
  <si>
    <t>35553</t>
  </si>
  <si>
    <t>GHS JUNI MAILSI</t>
  </si>
  <si>
    <t>Juni</t>
  </si>
  <si>
    <t>MULTAN ROAD MOZA JUNI MAILSI</t>
  </si>
  <si>
    <t>Muhammad Asif Khan</t>
  </si>
  <si>
    <t>14450</t>
  </si>
  <si>
    <t>3251</t>
  </si>
  <si>
    <t>31903</t>
  </si>
  <si>
    <t>GHS GHANG SHEIKHUPURA</t>
  </si>
  <si>
    <t>Ghang</t>
  </si>
  <si>
    <t>20649</t>
  </si>
  <si>
    <t>14637</t>
  </si>
  <si>
    <t>GGES NO.1 AYUB COLONY</t>
  </si>
  <si>
    <t>Ayub colony street # 4 jhang road fsd</t>
  </si>
  <si>
    <t>Ayub Colony Fsd</t>
  </si>
  <si>
    <t>Firdous Colony Fsd</t>
  </si>
  <si>
    <t>Amtul Mateen</t>
  </si>
  <si>
    <t>25100</t>
  </si>
  <si>
    <t>14764</t>
  </si>
  <si>
    <t>GGHS  SHEIKH COLONY, FAISALABAD</t>
  </si>
  <si>
    <t>GGHS 279/RB ABC ROAD FAISALABAD</t>
  </si>
  <si>
    <t>sheikh colony</t>
  </si>
  <si>
    <t>SHEIKH COLONY</t>
  </si>
  <si>
    <t>MUBBARRA MUBARIK</t>
  </si>
  <si>
    <t>939</t>
  </si>
  <si>
    <t>45769</t>
  </si>
  <si>
    <t>GPS BIAKH</t>
  </si>
  <si>
    <t>Biyakh</t>
  </si>
  <si>
    <t>Village  biakh  post office Kaliyal district khushab</t>
  </si>
  <si>
    <t>Rang Ellahi</t>
  </si>
  <si>
    <t>33623</t>
  </si>
  <si>
    <t>25005</t>
  </si>
  <si>
    <t>15561</t>
  </si>
  <si>
    <t>GGES CHAK 50 GB SAMUNDRI</t>
  </si>
  <si>
    <t>Eastro</t>
  </si>
  <si>
    <t>chak 50gb</t>
  </si>
  <si>
    <t>50gb</t>
  </si>
  <si>
    <t>228gb Naradada</t>
  </si>
  <si>
    <t>45856</t>
  </si>
  <si>
    <t>29590</t>
  </si>
  <si>
    <t>GGPS THEH PANWAN</t>
  </si>
  <si>
    <t>WADANA - FEMALE</t>
  </si>
  <si>
    <t>Theh Panwan</t>
  </si>
  <si>
    <t>theh panwan</t>
  </si>
  <si>
    <t>Ibraheem Abad</t>
  </si>
  <si>
    <t>Sana Ghulam Nabi</t>
  </si>
  <si>
    <t>21320</t>
  </si>
  <si>
    <t>19516</t>
  </si>
  <si>
    <t>34024</t>
  </si>
  <si>
    <t>GPS LAL WALA SHUJAHABAD</t>
  </si>
  <si>
    <t>GPS LAL  WALA</t>
  </si>
  <si>
    <t>Baghy  WALA Rasool Pur</t>
  </si>
  <si>
    <t>45767</t>
  </si>
  <si>
    <t>GPS NO. 2 ATHAL</t>
  </si>
  <si>
    <t>p.o khura distt khushab teh noshara</t>
  </si>
  <si>
    <t>Muhammad Ansar</t>
  </si>
  <si>
    <t>743</t>
  </si>
  <si>
    <t>22025</t>
  </si>
  <si>
    <t>14428</t>
  </si>
  <si>
    <t>GGES QILA DEWAN SINGH</t>
  </si>
  <si>
    <t>Qila Dewan Singh</t>
  </si>
  <si>
    <t>Qila Dewan Singh, Po:nokhar,Teh:noshera virkan, Dist:Gujranwala</t>
  </si>
  <si>
    <t>Udho Wali</t>
  </si>
  <si>
    <t>Rashida Riaz  -Riaz Ahmed</t>
  </si>
  <si>
    <t>36463</t>
  </si>
  <si>
    <t>36265</t>
  </si>
  <si>
    <t>25857</t>
  </si>
  <si>
    <t>GGHS BATHANWALA</t>
  </si>
  <si>
    <t>Bathanwala</t>
  </si>
  <si>
    <t>Nerjis Zaidi</t>
  </si>
  <si>
    <t>23616</t>
  </si>
  <si>
    <t>15494</t>
  </si>
  <si>
    <t>GPS CHAK 461 GB SAMUNDRI</t>
  </si>
  <si>
    <t>Chak 438 GB</t>
  </si>
  <si>
    <t>chak no 461 gb</t>
  </si>
  <si>
    <t>Chak No 461 GB</t>
  </si>
  <si>
    <t>Chak No 388gb</t>
  </si>
  <si>
    <t>14953</t>
  </si>
  <si>
    <t>32937</t>
  </si>
  <si>
    <t>33972</t>
  </si>
  <si>
    <t>GPS MARAH P/O AGHAR KHANI TEH. SHUJABAD</t>
  </si>
  <si>
    <t>Maraha</t>
  </si>
  <si>
    <t>moza marha tehsil shujabad p/o aghar khawani</t>
  </si>
  <si>
    <t>Baghrain</t>
  </si>
  <si>
    <t>10334</t>
  </si>
  <si>
    <t>GGPS CHAK NO 260 TDA</t>
  </si>
  <si>
    <t>Qaziabad</t>
  </si>
  <si>
    <t>chack no.260/tda</t>
  </si>
  <si>
    <t>260/tda</t>
  </si>
  <si>
    <t>110/tda</t>
  </si>
  <si>
    <t>Saira Kanwel</t>
  </si>
  <si>
    <t>1538</t>
  </si>
  <si>
    <t>17948</t>
  </si>
  <si>
    <t>50150</t>
  </si>
  <si>
    <t>21737</t>
  </si>
  <si>
    <t>GHS OULAKH BHAIKE</t>
  </si>
  <si>
    <t>aulakh bhaike</t>
  </si>
  <si>
    <t>tehsil nowshera virkan district gujranwala vpo aulakh bhaike</t>
  </si>
  <si>
    <t>argan</t>
  </si>
  <si>
    <t>mukhtar ahmed</t>
  </si>
  <si>
    <t>6955</t>
  </si>
  <si>
    <t>GGPS HAQ NAWAZ WALA, KABIRWALA</t>
  </si>
  <si>
    <t>post office sher garh</t>
  </si>
  <si>
    <t>Haqnawaz Wala</t>
  </si>
  <si>
    <t>Chaknorang Shah</t>
  </si>
  <si>
    <t>Hajra Begum</t>
  </si>
  <si>
    <t>38142</t>
  </si>
  <si>
    <t>GGHS MEHAR ABAD</t>
  </si>
  <si>
    <t>GOGRAN</t>
  </si>
  <si>
    <t>BASTI MEHAR ABAD</t>
  </si>
  <si>
    <t>MEHAR ABAD</t>
  </si>
  <si>
    <t>SAIMA FAHIM</t>
  </si>
  <si>
    <t>26764</t>
  </si>
  <si>
    <t>12868</t>
  </si>
  <si>
    <t>GGPS MACHI WALA</t>
  </si>
  <si>
    <t>Beli Janubi</t>
  </si>
  <si>
    <t>Ranjhen peer colony mouza beli janubi tehsil &amp; district Muzaffargarh</t>
  </si>
  <si>
    <t>Machiwala</t>
  </si>
  <si>
    <t>Thatha Qureshi</t>
  </si>
  <si>
    <t>6540</t>
  </si>
  <si>
    <t>GGES BASTI HAJI</t>
  </si>
  <si>
    <t>Jhurh Rathyb</t>
  </si>
  <si>
    <t>jarh ratheb basti haji tehsil jatoi  districts m Garh</t>
  </si>
  <si>
    <t>Busti Dhum Wala</t>
  </si>
  <si>
    <t>Manikpur</t>
  </si>
  <si>
    <t>Rumana Tahir</t>
  </si>
  <si>
    <t>12002</t>
  </si>
  <si>
    <t>2596</t>
  </si>
  <si>
    <t>GGPS CHAK NO 242 A TDA</t>
  </si>
  <si>
    <t>SHAUKAT ABAD - FEMALE</t>
  </si>
  <si>
    <t>chak no.242A.tda</t>
  </si>
  <si>
    <t>rurl fateh pur</t>
  </si>
  <si>
    <t>Samina Ramzan</t>
  </si>
  <si>
    <t>2883</t>
  </si>
  <si>
    <t>33969</t>
  </si>
  <si>
    <t>GPS SOMAN JADEED P/O AGAR KHANI MOZA SOMAN</t>
  </si>
  <si>
    <t>Basti Sandila Moza Soman</t>
  </si>
  <si>
    <t>Basti Sandila Soman</t>
  </si>
  <si>
    <t>Nadeem Farooq</t>
  </si>
  <si>
    <t>15064</t>
  </si>
  <si>
    <t>GGPS CHAK 355 GB I JARANWALA</t>
  </si>
  <si>
    <t>355/GB I</t>
  </si>
  <si>
    <t>GGPS CHAK 355GB I JARANWALA</t>
  </si>
  <si>
    <t>355GB</t>
  </si>
  <si>
    <t>353/GB</t>
  </si>
  <si>
    <t>Kanwal Aslam</t>
  </si>
  <si>
    <t>6957</t>
  </si>
  <si>
    <t>31935</t>
  </si>
  <si>
    <t>37237</t>
  </si>
  <si>
    <t>12850</t>
  </si>
  <si>
    <t>32303</t>
  </si>
  <si>
    <t>GGPS DERA NIGHA</t>
  </si>
  <si>
    <t>Farooq Abad Farooq Abad Gaon</t>
  </si>
  <si>
    <t>Farooqabad, village dera Nigha fslbd road</t>
  </si>
  <si>
    <t>Dera Nigha</t>
  </si>
  <si>
    <t>Farooqabad Gaon</t>
  </si>
  <si>
    <t>Shehar Bano  Mehmood</t>
  </si>
  <si>
    <t>28205</t>
  </si>
  <si>
    <t>GHS SAIDA SHARIF</t>
  </si>
  <si>
    <t>Saida</t>
  </si>
  <si>
    <t>vpo saida sharif</t>
  </si>
  <si>
    <t>saida sharif</t>
  </si>
  <si>
    <t>RIAZ AHMAD</t>
  </si>
  <si>
    <t>27107</t>
  </si>
  <si>
    <t>44650</t>
  </si>
  <si>
    <t>GGPS NOORANG WALA KHANSER</t>
  </si>
  <si>
    <t>KHANSAR GHARBI- FEMALE</t>
  </si>
  <si>
    <t>chah Norang Wala khansar</t>
  </si>
  <si>
    <t>Chah Norang Wala</t>
  </si>
  <si>
    <t>Shazia Akhter</t>
  </si>
  <si>
    <t>23187</t>
  </si>
  <si>
    <t>20923</t>
  </si>
  <si>
    <t>GHS DEHLA CHATHA</t>
  </si>
  <si>
    <t>Dehla Chatha</t>
  </si>
  <si>
    <t>Bhomah Batth</t>
  </si>
  <si>
    <t>Mohsan Tufail</t>
  </si>
  <si>
    <t>10257</t>
  </si>
  <si>
    <t>24678</t>
  </si>
  <si>
    <t>45208</t>
  </si>
  <si>
    <t>GPS LOT ALI WALI</t>
  </si>
  <si>
    <t>rakh mankera</t>
  </si>
  <si>
    <t>chak no 8 rakh mankera</t>
  </si>
  <si>
    <t>menkera</t>
  </si>
  <si>
    <t>Muhammad Ayub</t>
  </si>
  <si>
    <t>1853</t>
  </si>
  <si>
    <t>38166</t>
  </si>
  <si>
    <t>9305</t>
  </si>
  <si>
    <t>GGPS LAL WALI</t>
  </si>
  <si>
    <t>Bhutty  Wali</t>
  </si>
  <si>
    <t>ggps lal  wali</t>
  </si>
  <si>
    <t>Ial Wali</t>
  </si>
  <si>
    <t>Hina Amir</t>
  </si>
  <si>
    <t>38862</t>
  </si>
  <si>
    <t>25006</t>
  </si>
  <si>
    <t>GGHS GOPAL PUR</t>
  </si>
  <si>
    <t>Gopalpur</t>
  </si>
  <si>
    <t>GghsGopalpur</t>
  </si>
  <si>
    <t>Syendawali</t>
  </si>
  <si>
    <t>Rehana Kauusar</t>
  </si>
  <si>
    <t>54280</t>
  </si>
  <si>
    <t>594</t>
  </si>
  <si>
    <t>GGHS PHOFHANDI</t>
  </si>
  <si>
    <t>Phophandi</t>
  </si>
  <si>
    <t>village phophandi post office and tehsil kotli sattian district rawalpindi</t>
  </si>
  <si>
    <t>Kotli Sattian</t>
  </si>
  <si>
    <t>SAIQA BANO</t>
  </si>
  <si>
    <t>33388</t>
  </si>
  <si>
    <t>49565</t>
  </si>
  <si>
    <t>47710</t>
  </si>
  <si>
    <t>GGES SHAHZAD PUR</t>
  </si>
  <si>
    <t>WEGOWAL - FEMALE</t>
  </si>
  <si>
    <t>Shahzadpur</t>
  </si>
  <si>
    <t>shahzadpur tehsil shahpur district sargodha</t>
  </si>
  <si>
    <t>Saleemabad</t>
  </si>
  <si>
    <t>Anam Nosheen</t>
  </si>
  <si>
    <t>19044</t>
  </si>
  <si>
    <t>11807</t>
  </si>
  <si>
    <t>50669</t>
  </si>
  <si>
    <t>GHS 190/9-AL</t>
  </si>
  <si>
    <t>190/9-AL</t>
  </si>
  <si>
    <t>CHAK NO. 190/9-AL, SAHIWAL</t>
  </si>
  <si>
    <t>1/10-L</t>
  </si>
  <si>
    <t>ABDUL HAMEED</t>
  </si>
  <si>
    <t>33456</t>
  </si>
  <si>
    <t>1229</t>
  </si>
  <si>
    <t>40724</t>
  </si>
  <si>
    <t>GGPS GATTAR</t>
  </si>
  <si>
    <t>GATTAR-FEMALE</t>
  </si>
  <si>
    <t>Gattar</t>
  </si>
  <si>
    <t>GGPS Gattar</t>
  </si>
  <si>
    <t>connection from masjid</t>
  </si>
  <si>
    <t>14013</t>
  </si>
  <si>
    <t>7913</t>
  </si>
  <si>
    <t>20481</t>
  </si>
  <si>
    <t>GHS JALAL BALAGGAN</t>
  </si>
  <si>
    <t>jalal Balaggan</t>
  </si>
  <si>
    <t>Jalal Balaggan , Teh &amp; Distt Grw</t>
  </si>
  <si>
    <t>Jalal Balaggan</t>
  </si>
  <si>
    <t>Rana muhammad Anwar</t>
  </si>
  <si>
    <t>23999</t>
  </si>
  <si>
    <t>1214</t>
  </si>
  <si>
    <t>12698</t>
  </si>
  <si>
    <t>33686</t>
  </si>
  <si>
    <t>GGPS TIBBI LAL SHAH</t>
  </si>
  <si>
    <t>ISHAQ WALA- FEMALE</t>
  </si>
  <si>
    <t>Sher Shah</t>
  </si>
  <si>
    <t>tibi lal shah</t>
  </si>
  <si>
    <t>Tibi Lal Shah</t>
  </si>
  <si>
    <t>Syeda Seema Sajjad</t>
  </si>
  <si>
    <t>47023</t>
  </si>
  <si>
    <t>GHS HATHI KHANWALA</t>
  </si>
  <si>
    <t>Sultan Wala Sharqi</t>
  </si>
  <si>
    <t>Ghs hathi khan wala (Mianwali)</t>
  </si>
  <si>
    <t>Haihi Khan Wala</t>
  </si>
  <si>
    <t>Abba Khel</t>
  </si>
  <si>
    <t>30242</t>
  </si>
  <si>
    <t>GGHSS MINHALA KALAN</t>
  </si>
  <si>
    <t>govt girls higher secondary school minhala kalan</t>
  </si>
  <si>
    <t>Farkhanda Naheed</t>
  </si>
  <si>
    <t>664</t>
  </si>
  <si>
    <t>16683</t>
  </si>
  <si>
    <t>GGES CHAK 556 GB MAMUNKANJAN</t>
  </si>
  <si>
    <t>556GB</t>
  </si>
  <si>
    <t>chak no 556 GB</t>
  </si>
  <si>
    <t>Chak No 556Gb</t>
  </si>
  <si>
    <t>Chak No 558 GB</t>
  </si>
  <si>
    <t>Uzma Rani</t>
  </si>
  <si>
    <t>9224</t>
  </si>
  <si>
    <t>21931</t>
  </si>
  <si>
    <t>27497</t>
  </si>
  <si>
    <t>GMPS PAKKAY</t>
  </si>
  <si>
    <t>Pakkay</t>
  </si>
  <si>
    <t>pakkay</t>
  </si>
  <si>
    <t>Mustafabad</t>
  </si>
  <si>
    <t>Bushra Shaukat</t>
  </si>
  <si>
    <t>13256</t>
  </si>
  <si>
    <t>35831</t>
  </si>
  <si>
    <t>GGPS RABOOSAAL</t>
  </si>
  <si>
    <t>Rath Mummer</t>
  </si>
  <si>
    <t>rath mammber post office 110</t>
  </si>
  <si>
    <t>Zaher Abad Shahid</t>
  </si>
  <si>
    <t>39928</t>
  </si>
  <si>
    <t>4849</t>
  </si>
  <si>
    <t>21946</t>
  </si>
  <si>
    <t>GGES BHANGWAN</t>
  </si>
  <si>
    <t>RATALI VIRKAN  - FEMALE</t>
  </si>
  <si>
    <t>Bhungwan</t>
  </si>
  <si>
    <t>shamsa dhadha</t>
  </si>
  <si>
    <t>Raquia perveen</t>
  </si>
  <si>
    <t>952875</t>
  </si>
  <si>
    <t>53513</t>
  </si>
  <si>
    <t>GMPS CHAK NO. 11/1-R</t>
  </si>
  <si>
    <t>11/1R</t>
  </si>
  <si>
    <t>11/1R District Okara</t>
  </si>
  <si>
    <t>Rizwan Haider</t>
  </si>
  <si>
    <t>19790</t>
  </si>
  <si>
    <t>33326</t>
  </si>
  <si>
    <t>GGPS GHORAN WALA SAFDARABAD</t>
  </si>
  <si>
    <t>Grohanwala</t>
  </si>
  <si>
    <t>G.G.p/s Grohanwala Post office bahilke tehsil safdarabad district Sheikhupura</t>
  </si>
  <si>
    <t>Dehori</t>
  </si>
  <si>
    <t>samina haider</t>
  </si>
  <si>
    <t>33200</t>
  </si>
  <si>
    <t>26412</t>
  </si>
  <si>
    <t>GGPS KASANA BAHRWAL</t>
  </si>
  <si>
    <t>Kasana Bahirwal</t>
  </si>
  <si>
    <t>GGPS kasana bahriwal</t>
  </si>
  <si>
    <t>Norangaabad</t>
  </si>
  <si>
    <t>khansa Mukhtar</t>
  </si>
  <si>
    <t>54046</t>
  </si>
  <si>
    <t>GPS KHALLAR</t>
  </si>
  <si>
    <t>52 wb</t>
  </si>
  <si>
    <t>chak no 52 wb basti khallar</t>
  </si>
  <si>
    <t>7715</t>
  </si>
  <si>
    <t>34816</t>
  </si>
  <si>
    <t>29631</t>
  </si>
  <si>
    <t>GES TIBBI CHAK NO. 20</t>
  </si>
  <si>
    <t>TIBBI CHAK 20</t>
  </si>
  <si>
    <t>TIBBI CHAK 20 TEHSIL PATTOKI DISTRICT KASUR</t>
  </si>
  <si>
    <t>WAN RADHA RAM</t>
  </si>
  <si>
    <t>Muhammad Nawaz Anjum</t>
  </si>
  <si>
    <t>19998</t>
  </si>
  <si>
    <t>45720</t>
  </si>
  <si>
    <t>40600</t>
  </si>
  <si>
    <t>25650</t>
  </si>
  <si>
    <t>GGHS AIMA QAZIAN</t>
  </si>
  <si>
    <t>Aima Qazian</t>
  </si>
  <si>
    <t>Narowal</t>
  </si>
  <si>
    <t>Chanderke RAJPUTER</t>
  </si>
  <si>
    <t>Khalida Shameem</t>
  </si>
  <si>
    <t>23826</t>
  </si>
  <si>
    <t>3365</t>
  </si>
  <si>
    <t>4066</t>
  </si>
  <si>
    <t>13964</t>
  </si>
  <si>
    <t>GPS BASTI JATT WEST</t>
  </si>
  <si>
    <t>MURGHAI - MALE</t>
  </si>
  <si>
    <t>Kotla Ghulam  Murtaza Shah</t>
  </si>
  <si>
    <t>GPS BASTI JAT WEST</t>
  </si>
  <si>
    <t>Basti Bagh Ali</t>
  </si>
  <si>
    <t>Murghai</t>
  </si>
  <si>
    <t>Lal Hussain</t>
  </si>
  <si>
    <t>53619</t>
  </si>
  <si>
    <t>GES MITHA BHATTI</t>
  </si>
  <si>
    <t>Mitha Bhatti</t>
  </si>
  <si>
    <t>moza mitha Bhatti TEHSIL RENALA KHURD DISTRICT OKARA</t>
  </si>
  <si>
    <t>SARFRAZ NAWAZ</t>
  </si>
  <si>
    <t>46822</t>
  </si>
  <si>
    <t>39239</t>
  </si>
  <si>
    <t>GHS M.A. JINNAH</t>
  </si>
  <si>
    <t>MOHALLAH HARIWALA PINDIGHEB</t>
  </si>
  <si>
    <t>MC Pindigheb</t>
  </si>
  <si>
    <t>Safi Haider</t>
  </si>
  <si>
    <t>21863</t>
  </si>
  <si>
    <t>38051</t>
  </si>
  <si>
    <t>GES 17-18/MPR P/O 19/MPR LODHRAN</t>
  </si>
  <si>
    <t>17-18MPR</t>
  </si>
  <si>
    <t>Chak # 17-18MPR Tehsil &amp; District Lodhran</t>
  </si>
  <si>
    <t>17-18 MPR</t>
  </si>
  <si>
    <t>49 m</t>
  </si>
  <si>
    <t>29999</t>
  </si>
  <si>
    <t>40295</t>
  </si>
  <si>
    <t>GHS PIND DADAN KHAN</t>
  </si>
  <si>
    <t>Pind Dadan Khan</t>
  </si>
  <si>
    <t>pind dadan khan</t>
  </si>
  <si>
    <t>MC PDkhan</t>
  </si>
  <si>
    <t>MUHAMMAD AFSAR KHAN</t>
  </si>
  <si>
    <t>GGHS KANDHAN WALA</t>
  </si>
  <si>
    <t>kandhanwala</t>
  </si>
  <si>
    <t>Govt. Girls High School kandhanwala</t>
  </si>
  <si>
    <t>Kandhanwala</t>
  </si>
  <si>
    <t>SALMA SHAHEEN</t>
  </si>
  <si>
    <t>8406</t>
  </si>
  <si>
    <t>40581</t>
  </si>
  <si>
    <t>GHS GATTAR</t>
  </si>
  <si>
    <t>ghs gattar teh. sohawa,distt jhelum</t>
  </si>
  <si>
    <t>muhammad aslam</t>
  </si>
  <si>
    <t>water pum</t>
  </si>
  <si>
    <t>18974</t>
  </si>
  <si>
    <t>30185</t>
  </si>
  <si>
    <t>GGHS SAINT ANNIS SHAMANBAD</t>
  </si>
  <si>
    <t>Govt. saint Annis GHS Samanabad, Near 1st Round About Samanabad, Lahore.</t>
  </si>
  <si>
    <t>Maryyam Manzoor</t>
  </si>
  <si>
    <t>43456</t>
  </si>
  <si>
    <t>46661</t>
  </si>
  <si>
    <t>GES KHUDOZAI</t>
  </si>
  <si>
    <t>Khudozai</t>
  </si>
  <si>
    <t>khudozai p/o manda khel tehsil isa khail district mianwali</t>
  </si>
  <si>
    <t>Manda Khel</t>
  </si>
  <si>
    <t>MUHAMMAD ZAFAR IQBAL KHAN</t>
  </si>
  <si>
    <t>21258</t>
  </si>
  <si>
    <t>43930</t>
  </si>
  <si>
    <t>9538</t>
  </si>
  <si>
    <t>GGPS JALLU WALA</t>
  </si>
  <si>
    <t>CHURHATTA-FEMALE</t>
  </si>
  <si>
    <t>Chorhatta</t>
  </si>
  <si>
    <t>basti mitak wala nazd chowk churhata, dgkhan</t>
  </si>
  <si>
    <t>Mitak Wala</t>
  </si>
  <si>
    <t>Churhatta</t>
  </si>
  <si>
    <t>Sitwat Gull</t>
  </si>
  <si>
    <t>6668</t>
  </si>
  <si>
    <t>GPS MAZARI KHAN</t>
  </si>
  <si>
    <t>Khokhran</t>
  </si>
  <si>
    <t>basti Mazari khan</t>
  </si>
  <si>
    <t>Mazari</t>
  </si>
  <si>
    <t>Kotla Mahi</t>
  </si>
  <si>
    <t>MUHAMMAD DIN RAHI</t>
  </si>
  <si>
    <t>45408</t>
  </si>
  <si>
    <t>GGPS MOHALLAH SHALOLIAN WALA</t>
  </si>
  <si>
    <t>Mitha Tiwna</t>
  </si>
  <si>
    <t>moh  ShalolianWala mitha tiwana</t>
  </si>
  <si>
    <t>Farzana Iqbal</t>
  </si>
  <si>
    <t>36497</t>
  </si>
  <si>
    <t>20432</t>
  </si>
  <si>
    <t>GGHS F.D. ISLAMIA GUJRANWALA</t>
  </si>
  <si>
    <t>GGHS F D ISLAMIA, GRW</t>
  </si>
  <si>
    <t>Chowk niaee gali badron kalan</t>
  </si>
  <si>
    <t>Mubarak shah</t>
  </si>
  <si>
    <t>Mrs Shaheen Aziz</t>
  </si>
  <si>
    <t>16378</t>
  </si>
  <si>
    <t>GGES CHAK NO. 141 RB I</t>
  </si>
  <si>
    <t>CHAK # 141 RB I</t>
  </si>
  <si>
    <t>CHAK #141 RB I AQAL PEER</t>
  </si>
  <si>
    <t>AQAL PEER</t>
  </si>
  <si>
    <t>CHAK # 156 RB</t>
  </si>
  <si>
    <t>SEHRISH MANZOOR</t>
  </si>
  <si>
    <t>45738</t>
  </si>
  <si>
    <t>46100</t>
  </si>
  <si>
    <t>43400</t>
  </si>
  <si>
    <t>GMPS MOHRA QAZI</t>
  </si>
  <si>
    <t>Mohra qazi</t>
  </si>
  <si>
    <t>Mohra  qazi post  office karyala tehsil and district chakwal</t>
  </si>
  <si>
    <t>Rubina Yasmeen</t>
  </si>
  <si>
    <t>30435</t>
  </si>
  <si>
    <t>44319</t>
  </si>
  <si>
    <t>GHS BEHAL BHAKKAR</t>
  </si>
  <si>
    <t>BEHAL</t>
  </si>
  <si>
    <t>GHS BEHAL YOUSAF SHAH ROAD BEHAL</t>
  </si>
  <si>
    <t>Muhammad Ibrahim</t>
  </si>
  <si>
    <t>586</t>
  </si>
  <si>
    <t>33666</t>
  </si>
  <si>
    <t>GGES QAYYUM NAWAZ WALA OLD SHUJABAD ROAD</t>
  </si>
  <si>
    <t>Alamgir</t>
  </si>
  <si>
    <t>QAYYUM NAWAZ WALA OLD SHUJABAD ROAD</t>
  </si>
  <si>
    <t>Basti Alamgir</t>
  </si>
  <si>
    <t>Razia Sultan</t>
  </si>
  <si>
    <t>4674</t>
  </si>
  <si>
    <t>21380</t>
  </si>
  <si>
    <t>GHS KOT KHEWAN MALL</t>
  </si>
  <si>
    <t>Kot Khewan Mall</t>
  </si>
  <si>
    <t>kot khewan Mall PO mandiala tega kamoke GRW</t>
  </si>
  <si>
    <t>Muhammad Faizan Arshad</t>
  </si>
  <si>
    <t>7054</t>
  </si>
  <si>
    <t>48942</t>
  </si>
  <si>
    <t>GGHS DHAREMA</t>
  </si>
  <si>
    <t>gghs dharema,sargodha</t>
  </si>
  <si>
    <t>Bushra Ijaz</t>
  </si>
  <si>
    <t>33013</t>
  </si>
  <si>
    <t>GMPS KOT LEHNA DAS</t>
  </si>
  <si>
    <t>Kot Lehna Das</t>
  </si>
  <si>
    <t>kot lehna das</t>
  </si>
  <si>
    <t>Dhary Da Wara</t>
  </si>
  <si>
    <t>Nheed Kousar</t>
  </si>
  <si>
    <t>35114</t>
  </si>
  <si>
    <t>GGES 267 EB</t>
  </si>
  <si>
    <t>JAMLERA - FEMALE</t>
  </si>
  <si>
    <t>267/EB</t>
  </si>
  <si>
    <t>GGES 267/EB</t>
  </si>
  <si>
    <t>5215</t>
  </si>
  <si>
    <t>18776</t>
  </si>
  <si>
    <t>23829</t>
  </si>
  <si>
    <t>GGPS SAHIB REHAN</t>
  </si>
  <si>
    <t>Sahib Rehan</t>
  </si>
  <si>
    <t>Village Sahib Rehan Teh Daska p/o Sahib Rehan Dist Sialkot</t>
  </si>
  <si>
    <t>MEHNAZ</t>
  </si>
  <si>
    <t>35705</t>
  </si>
  <si>
    <t>GGHS DAFTOOH</t>
  </si>
  <si>
    <t>Daftooh</t>
  </si>
  <si>
    <t>govt girls high school daftooh district kasur</t>
  </si>
  <si>
    <t>Shamim Akhter HM</t>
  </si>
  <si>
    <t>48014</t>
  </si>
  <si>
    <t>37102</t>
  </si>
  <si>
    <t>GGES ENGLISH MODEL KHANEWAL</t>
  </si>
  <si>
    <t>khanewal kohna</t>
  </si>
  <si>
    <t>ghafoor khan road daha chok khanewal</t>
  </si>
  <si>
    <t>khanewal 1</t>
  </si>
  <si>
    <t>sahara kausar</t>
  </si>
  <si>
    <t>46894</t>
  </si>
  <si>
    <t>16837</t>
  </si>
  <si>
    <t>GHS HUSSAINIA, JHANG</t>
  </si>
  <si>
    <t>CIVIL LINES</t>
  </si>
  <si>
    <t>ZAFAR AHMAD</t>
  </si>
  <si>
    <t>14662</t>
  </si>
  <si>
    <t>GES MC EID BAGH RAB SHAH CHOWK GHULAM MUHAMMAD ABAD</t>
  </si>
  <si>
    <t>GM Abad</t>
  </si>
  <si>
    <t>RUBSHAH CHOWK D-BLOCK G.M ABAD</t>
  </si>
  <si>
    <t>GM ABAD</t>
  </si>
  <si>
    <t>D-block GM ABAD</t>
  </si>
  <si>
    <t>Amjad javed</t>
  </si>
  <si>
    <t>15930</t>
  </si>
  <si>
    <t>17995</t>
  </si>
  <si>
    <t>10685</t>
  </si>
  <si>
    <t>43419</t>
  </si>
  <si>
    <t>GGMES NOORWAL</t>
  </si>
  <si>
    <t>Noorwal</t>
  </si>
  <si>
    <t>vill Noorwal p.o Pinwal teh &amp; distt Chakwal</t>
  </si>
  <si>
    <t>Mudassara Yasmeen</t>
  </si>
  <si>
    <t>9747</t>
  </si>
  <si>
    <t>20307</t>
  </si>
  <si>
    <t>GHSS MADRESSA</t>
  </si>
  <si>
    <t>Nanak chand</t>
  </si>
  <si>
    <t>chak madrissa p/o same bahawalngar</t>
  </si>
  <si>
    <t>chak madrissa</t>
  </si>
  <si>
    <t>Kat Ganga Sing</t>
  </si>
  <si>
    <t>muhammad shabbir tariq</t>
  </si>
  <si>
    <t>13563</t>
  </si>
  <si>
    <t>GMPS SAIR BABRAN WALI</t>
  </si>
  <si>
    <t>Basti Gaddan</t>
  </si>
  <si>
    <t>GGMPS Sair babran wali,Jampur</t>
  </si>
  <si>
    <t>Sair Babran Wali</t>
  </si>
  <si>
    <t>Nawan Baig Raj</t>
  </si>
  <si>
    <t>Romana Naz</t>
  </si>
  <si>
    <t>36549</t>
  </si>
  <si>
    <t>GHS PIPLE MIRALI, SARAI SIDHU</t>
  </si>
  <si>
    <t>Pipal Mirali</t>
  </si>
  <si>
    <t>Basti Pipal Mirali, Mouza Pipal Mirali P/O Sarai Sidhu.</t>
  </si>
  <si>
    <t>Kund Sargana</t>
  </si>
  <si>
    <t>Sagheer Ahmad</t>
  </si>
  <si>
    <t>41681</t>
  </si>
  <si>
    <t>GGHS RANIAL</t>
  </si>
  <si>
    <t>Village RANIAL tehsil and district RWP</t>
  </si>
  <si>
    <t>NAZLI SARWAR</t>
  </si>
  <si>
    <t>32493</t>
  </si>
  <si>
    <t>711</t>
  </si>
  <si>
    <t>45925</t>
  </si>
  <si>
    <t>GGPS SHEIKHU</t>
  </si>
  <si>
    <t>Sheikhu</t>
  </si>
  <si>
    <t>23891</t>
  </si>
  <si>
    <t>52239</t>
  </si>
  <si>
    <t>GHS 52/D JAHANGIR ABAD</t>
  </si>
  <si>
    <t>52d</t>
  </si>
  <si>
    <t>52d jahagirabad</t>
  </si>
  <si>
    <t>Pipli Pahar</t>
  </si>
  <si>
    <t>Ghulam Nabi Sajid</t>
  </si>
  <si>
    <t>51777</t>
  </si>
  <si>
    <t>GHS ARIFWALA N BLOCK</t>
  </si>
  <si>
    <t>arifwala</t>
  </si>
  <si>
    <t>GHS N,Block Arifwala District Pakpattan</t>
  </si>
  <si>
    <t>N Block Arifwala</t>
  </si>
  <si>
    <t>urban II</t>
  </si>
  <si>
    <t>40560</t>
  </si>
  <si>
    <t>50608</t>
  </si>
  <si>
    <t>GGPS 61/12-L</t>
  </si>
  <si>
    <t>61/12-L</t>
  </si>
  <si>
    <t>62/12-L</t>
  </si>
  <si>
    <t>Munazza Altaf</t>
  </si>
  <si>
    <t>1263</t>
  </si>
  <si>
    <t>10270</t>
  </si>
  <si>
    <t>52875</t>
  </si>
  <si>
    <t>35361</t>
  </si>
  <si>
    <t>GGPS 413 EB</t>
  </si>
  <si>
    <t>413 eb</t>
  </si>
  <si>
    <t>chak no. 413/eb</t>
  </si>
  <si>
    <t>413 EB</t>
  </si>
  <si>
    <t>403 EB</t>
  </si>
  <si>
    <t>Irshad Akhter</t>
  </si>
  <si>
    <t>24242</t>
  </si>
  <si>
    <t>53118</t>
  </si>
  <si>
    <t>13721</t>
  </si>
  <si>
    <t>GGES MUD JAM DUR MUHAMMAD</t>
  </si>
  <si>
    <t>Kot Tahir</t>
  </si>
  <si>
    <t>basti jewan wali</t>
  </si>
  <si>
    <t>Basti Jewan Wali</t>
  </si>
  <si>
    <t>Shehzadi Sidra</t>
  </si>
  <si>
    <t>43387</t>
  </si>
  <si>
    <t>GGPS HAJI BOOTA</t>
  </si>
  <si>
    <t>mohallah dhoke feroz painwal chakwal</t>
  </si>
  <si>
    <t>Dhoke Froze</t>
  </si>
  <si>
    <t>Rahela Nargis</t>
  </si>
  <si>
    <t>4934</t>
  </si>
  <si>
    <t>50437</t>
  </si>
  <si>
    <t>43570</t>
  </si>
  <si>
    <t>15688</t>
  </si>
  <si>
    <t>GGES 473/GB</t>
  </si>
  <si>
    <t>Bamban</t>
  </si>
  <si>
    <t>chak no 473 gb bamban</t>
  </si>
  <si>
    <t>473gb Bamban</t>
  </si>
  <si>
    <t>479gb</t>
  </si>
  <si>
    <t>Iram Saba</t>
  </si>
  <si>
    <t>47032</t>
  </si>
  <si>
    <t>22144</t>
  </si>
  <si>
    <t>GGHS IKHLAS GARH</t>
  </si>
  <si>
    <t>Akhlas Garh</t>
  </si>
  <si>
    <t>GGHS AKHLAS GARH</t>
  </si>
  <si>
    <t>AKHLAS GARH</t>
  </si>
  <si>
    <t>Nazia Shahzadi</t>
  </si>
  <si>
    <t>48863</t>
  </si>
  <si>
    <t>GGHS CHAK NO.112 SB</t>
  </si>
  <si>
    <t>112 Sb</t>
  </si>
  <si>
    <t>chak no 112sb Sargodha</t>
  </si>
  <si>
    <t>Chak 112sb</t>
  </si>
  <si>
    <t>Chak No 113 SB</t>
  </si>
  <si>
    <t>Samreen Iqbal</t>
  </si>
  <si>
    <t>6893</t>
  </si>
  <si>
    <t>47580</t>
  </si>
  <si>
    <t>14567</t>
  </si>
  <si>
    <t>GGPS KORIAN FAISALABAD</t>
  </si>
  <si>
    <t>223 RB Korian</t>
  </si>
  <si>
    <t>GGPS korian Faisalabad</t>
  </si>
  <si>
    <t>Ali Pur Korian</t>
  </si>
  <si>
    <t>Shakila Hashmi</t>
  </si>
  <si>
    <t>13422</t>
  </si>
  <si>
    <t>GPS QADOO WALA</t>
  </si>
  <si>
    <t>Kotla Dewan</t>
  </si>
  <si>
    <t>gps qadoowala moza kotla dewan jampur</t>
  </si>
  <si>
    <t>Qadoo Wala</t>
  </si>
  <si>
    <t>ghulam  yasin</t>
  </si>
  <si>
    <t>29031</t>
  </si>
  <si>
    <t>GHS ISLAMIA KASUR</t>
  </si>
  <si>
    <t>Kasur City</t>
  </si>
  <si>
    <t>Government Islamia High School Kasur, Baldia Chowk Kasur</t>
  </si>
  <si>
    <t>Dr.Fareed Ahmad</t>
  </si>
  <si>
    <t>GHS CDG WASAN PURA SCHEME NO. 2</t>
  </si>
  <si>
    <t>bela basti ram</t>
  </si>
  <si>
    <t>CDG BOYS H/S NEW WASSANPURA SCHEM#2 LAHORE</t>
  </si>
  <si>
    <t>HUSSAIN PARK</t>
  </si>
  <si>
    <t>MUJAHID ALI KOKAB</t>
  </si>
  <si>
    <t>50157</t>
  </si>
  <si>
    <t>GGHS 53/12-L</t>
  </si>
  <si>
    <t>Chak No. 53/12-l</t>
  </si>
  <si>
    <t>GGHS 53/12-L Chichawatni distt. Swl.</t>
  </si>
  <si>
    <t>53/12-L</t>
  </si>
  <si>
    <t>54/12-l</t>
  </si>
  <si>
    <t>10745</t>
  </si>
  <si>
    <t>36558</t>
  </si>
  <si>
    <t>GHS KUKKAR HATTA, NAWAN SHEHR</t>
  </si>
  <si>
    <t>KUKKAR HATTA</t>
  </si>
  <si>
    <t>IBRAHIM PUR</t>
  </si>
  <si>
    <t>Farhat Abbas</t>
  </si>
  <si>
    <t>47328</t>
  </si>
  <si>
    <t>12989</t>
  </si>
  <si>
    <t>GGHS CHAK NO 267 JB</t>
  </si>
  <si>
    <t>Chak No 267</t>
  </si>
  <si>
    <t>GGHS chk no 267 JB jhang</t>
  </si>
  <si>
    <t>Chk No 267 Chondra</t>
  </si>
  <si>
    <t>Chk No 265</t>
  </si>
  <si>
    <t>Sumia Bibi</t>
  </si>
  <si>
    <t>18370</t>
  </si>
  <si>
    <t>49063</t>
  </si>
  <si>
    <t>GES CHAK NO.49 NB</t>
  </si>
  <si>
    <t>Chak No 49 NB</t>
  </si>
  <si>
    <t>chak No.49 NB sargodha</t>
  </si>
  <si>
    <t>Syed Azwar Abbas</t>
  </si>
  <si>
    <t>23309</t>
  </si>
  <si>
    <t>30946</t>
  </si>
  <si>
    <t>GGHS NAPIER ROAD</t>
  </si>
  <si>
    <t>GGHS NAPIER ROAD LAHORE</t>
  </si>
  <si>
    <t>Napier Road</t>
  </si>
  <si>
    <t>Ruby Jamshaid</t>
  </si>
  <si>
    <t>4699</t>
  </si>
  <si>
    <t>22167</t>
  </si>
  <si>
    <t>GGHS TANDA</t>
  </si>
  <si>
    <t>TANDA</t>
  </si>
  <si>
    <t>GOVT.GIRLS HIGH SCHOOL TANDA TEH.AND DISTT.GUJRAT</t>
  </si>
  <si>
    <t>YASMIN TAHIRA</t>
  </si>
  <si>
    <t>48669</t>
  </si>
  <si>
    <t>GMPS SHEIKHAN WALA</t>
  </si>
  <si>
    <t>Chak Mubarak</t>
  </si>
  <si>
    <t>gmps sheikhanwala</t>
  </si>
  <si>
    <t>Gmps sheikhanwala</t>
  </si>
  <si>
    <t>Sana Iqbal</t>
  </si>
  <si>
    <t>15488</t>
  </si>
  <si>
    <t>15052</t>
  </si>
  <si>
    <t>39379</t>
  </si>
  <si>
    <t>GGHS AHMEDAL NO.2</t>
  </si>
  <si>
    <t>Ahmedal</t>
  </si>
  <si>
    <t>GGHS Ahmedal Pindi Gheb Attock</t>
  </si>
  <si>
    <t>Umber Nauroze</t>
  </si>
  <si>
    <t>42601</t>
  </si>
  <si>
    <t>48433</t>
  </si>
  <si>
    <t>GMPS DIN PUR</t>
  </si>
  <si>
    <t>GMPS Deen Pur Tehsile:Bhera</t>
  </si>
  <si>
    <t>Deen Pur</t>
  </si>
  <si>
    <t>Muhammad Younas Azhar</t>
  </si>
  <si>
    <t>2860</t>
  </si>
  <si>
    <t>37912</t>
  </si>
  <si>
    <t>16482</t>
  </si>
  <si>
    <t>7155</t>
  </si>
  <si>
    <t>30947</t>
  </si>
  <si>
    <t>GGHS NEW FATIMA JINNAH MISRISHAH LAHORE</t>
  </si>
  <si>
    <t>Misri Shah</t>
  </si>
  <si>
    <t>misri shah lahore</t>
  </si>
  <si>
    <t>Manzoor Abad</t>
  </si>
  <si>
    <t>waheeda shahnaz</t>
  </si>
  <si>
    <t>25645</t>
  </si>
  <si>
    <t>GGHS BOBAK MARALI</t>
  </si>
  <si>
    <t>bubak</t>
  </si>
  <si>
    <t>p/o bubak marali teh &amp; distt narowal</t>
  </si>
  <si>
    <t>bubak marali</t>
  </si>
  <si>
    <t>Erum Liaqat</t>
  </si>
  <si>
    <t>51363</t>
  </si>
  <si>
    <t>GGHS CHAK NO.39 SP</t>
  </si>
  <si>
    <t>39sp</t>
  </si>
  <si>
    <t>Peer Ghini</t>
  </si>
  <si>
    <t>Asma naz</t>
  </si>
  <si>
    <t>9313</t>
  </si>
  <si>
    <t>36053</t>
  </si>
  <si>
    <t>39300</t>
  </si>
  <si>
    <t>GHS NOWSHERA</t>
  </si>
  <si>
    <t>VPO Nowshera</t>
  </si>
  <si>
    <t>Abdul Raheem</t>
  </si>
  <si>
    <t>39317</t>
  </si>
  <si>
    <t>GPS DHOK INAYAT</t>
  </si>
  <si>
    <t>Dhoke Inayat</t>
  </si>
  <si>
    <t>GPS Dhoke Inayat Teh Pindi Gheb District Attock</t>
  </si>
  <si>
    <t>Qasim Shah</t>
  </si>
  <si>
    <t>51512</t>
  </si>
  <si>
    <t>39437</t>
  </si>
  <si>
    <t>GPS DHOK DHARAL</t>
  </si>
  <si>
    <t>Tanween</t>
  </si>
  <si>
    <t>dk dharal</t>
  </si>
  <si>
    <t>MUHAMMAD ARIF</t>
  </si>
  <si>
    <t>47688</t>
  </si>
  <si>
    <t>46407</t>
  </si>
  <si>
    <t>GGHS NOOR PUR THAL</t>
  </si>
  <si>
    <t>Noorpur Thal</t>
  </si>
  <si>
    <t>Govt Girls High school Noorpur thal</t>
  </si>
  <si>
    <t>FARZANA HABIB</t>
  </si>
  <si>
    <t>24220</t>
  </si>
  <si>
    <t>1314</t>
  </si>
  <si>
    <t>51760</t>
  </si>
  <si>
    <t>GGES CHAK NO. 78/D</t>
  </si>
  <si>
    <t>MALKA HANS  3 - FEMALE</t>
  </si>
  <si>
    <t>Chak No 78/D</t>
  </si>
  <si>
    <t>GGES 78/D Pakpattan</t>
  </si>
  <si>
    <t>78/D</t>
  </si>
  <si>
    <t>85/D</t>
  </si>
  <si>
    <t>Samina Saqib</t>
  </si>
  <si>
    <t>4496</t>
  </si>
  <si>
    <t>41894</t>
  </si>
  <si>
    <t>26553</t>
  </si>
  <si>
    <t>GGES SARJAL</t>
  </si>
  <si>
    <t>village sarjal p/o fata tor teh zafarwal dist narowal</t>
  </si>
  <si>
    <t>Shazia Shoukat</t>
  </si>
  <si>
    <t>11981</t>
  </si>
  <si>
    <t>26636</t>
  </si>
  <si>
    <t>GGPS MAAN</t>
  </si>
  <si>
    <t>village maan post office ahmed abad tehsil and disst narowal</t>
  </si>
  <si>
    <t>Lalah</t>
  </si>
  <si>
    <t>Samra Shehzadi</t>
  </si>
  <si>
    <t>5438</t>
  </si>
  <si>
    <t>30052</t>
  </si>
  <si>
    <t>GHS SURAKKI</t>
  </si>
  <si>
    <t>Surraki</t>
  </si>
  <si>
    <t>Govt. High School Surraki Teh. Nowshera Distt. Khushab</t>
  </si>
  <si>
    <t>Kufri</t>
  </si>
  <si>
    <t>Waqar Ahmed</t>
  </si>
  <si>
    <t>20635</t>
  </si>
  <si>
    <t>4711</t>
  </si>
  <si>
    <t>31181</t>
  </si>
  <si>
    <t>GGES BHUTTO COLONY</t>
  </si>
  <si>
    <t>match factory no2 near railway line bhutto colony shahdara</t>
  </si>
  <si>
    <t>Qaisar Town</t>
  </si>
  <si>
    <t>sitara zafar CH.</t>
  </si>
  <si>
    <t>28219</t>
  </si>
  <si>
    <t>25663</t>
  </si>
  <si>
    <t>GGES DHARAG MIANA</t>
  </si>
  <si>
    <t>Village dharag miana tehsil &amp; district narowal</t>
  </si>
  <si>
    <t>Ayesha Zafar</t>
  </si>
  <si>
    <t>6764</t>
  </si>
  <si>
    <t>6426</t>
  </si>
  <si>
    <t>45792</t>
  </si>
  <si>
    <t>GPS KHURA</t>
  </si>
  <si>
    <t>post office khura tehsil naushera district khushab.</t>
  </si>
  <si>
    <t>Waqar Ahmad</t>
  </si>
  <si>
    <t>2091</t>
  </si>
  <si>
    <t>26787</t>
  </si>
  <si>
    <t>GPS PINDI PURBIAN</t>
  </si>
  <si>
    <t>Pindi Purbian</t>
  </si>
  <si>
    <t>village Pindi purbian p o Dara Pur Tehsil Zafarwal District narowal</t>
  </si>
  <si>
    <t>GGPS NUTKANI NO.3</t>
  </si>
  <si>
    <t>nutkani</t>
  </si>
  <si>
    <t>Nusrat Waseem</t>
  </si>
  <si>
    <t>32161</t>
  </si>
  <si>
    <t>GPS QADAR ABAD</t>
  </si>
  <si>
    <t>Mananwala</t>
  </si>
  <si>
    <t>muhallah Qadir abad mananwala</t>
  </si>
  <si>
    <t>MC Mananwala</t>
  </si>
  <si>
    <t>Sadiq Ali</t>
  </si>
  <si>
    <t>5798</t>
  </si>
  <si>
    <t>29560</t>
  </si>
  <si>
    <t>24994</t>
  </si>
  <si>
    <t>49982</t>
  </si>
  <si>
    <t>GGHS NAWAN LOK SAHIWAL</t>
  </si>
  <si>
    <t>Govt girls high school nawan lok sahiwal sargodha</t>
  </si>
  <si>
    <t>Rani Farzana</t>
  </si>
  <si>
    <t>25770</t>
  </si>
  <si>
    <t>GGPS RATTIAN KHURD</t>
  </si>
  <si>
    <t>Rattian</t>
  </si>
  <si>
    <t>GGPS rattian khurd</t>
  </si>
  <si>
    <t>Rattian Khurd</t>
  </si>
  <si>
    <t>Sadowla Uncha</t>
  </si>
  <si>
    <t>24804</t>
  </si>
  <si>
    <t>GMHS GUJRAN WALI</t>
  </si>
  <si>
    <t>Gujranwali</t>
  </si>
  <si>
    <t>gujranwali</t>
  </si>
  <si>
    <t>Hundal</t>
  </si>
  <si>
    <t>ASSIA KAUSER</t>
  </si>
  <si>
    <t>17783</t>
  </si>
  <si>
    <t>GGHS CHAK 330 GB</t>
  </si>
  <si>
    <t>Chak 330 GB</t>
  </si>
  <si>
    <t>Chak no 330 GB</t>
  </si>
  <si>
    <t>Chak No 330 GBkotily KOTLI</t>
  </si>
  <si>
    <t>nazia nargis</t>
  </si>
  <si>
    <t>27413</t>
  </si>
  <si>
    <t>Water supply</t>
  </si>
  <si>
    <t>41194</t>
  </si>
  <si>
    <t>GES SUNDER LAHORE</t>
  </si>
  <si>
    <t>SUNDER</t>
  </si>
  <si>
    <t>sunder village Multan road Lahore</t>
  </si>
  <si>
    <t>Sunder</t>
  </si>
  <si>
    <t>Shamkey Bhattian</t>
  </si>
  <si>
    <t>Azam Ali Naz</t>
  </si>
  <si>
    <t>15075</t>
  </si>
  <si>
    <t>3177</t>
  </si>
  <si>
    <t>40297</t>
  </si>
  <si>
    <t>GHS KANDWAL</t>
  </si>
  <si>
    <t>kandwal</t>
  </si>
  <si>
    <t>VPO Kandwal Tehsil P.D Khan Distt Jhelm</t>
  </si>
  <si>
    <t>Kandwal</t>
  </si>
  <si>
    <t>Talat Mehmood</t>
  </si>
  <si>
    <t>13278</t>
  </si>
  <si>
    <t>26305</t>
  </si>
  <si>
    <t>GGPS NANGLE MINHASAN</t>
  </si>
  <si>
    <t>Nangal Minhadan</t>
  </si>
  <si>
    <t>vil,Nangal minhasan p/o Baramanga teh shakargarh</t>
  </si>
  <si>
    <t>Nangal Minhasan</t>
  </si>
  <si>
    <t>Atia rasool</t>
  </si>
  <si>
    <t>33268</t>
  </si>
  <si>
    <t>28248</t>
  </si>
  <si>
    <t>GGHS NARANG</t>
  </si>
  <si>
    <t>V/P NARANG TEHSIL PHALIA DISTT. M.B.DIN</t>
  </si>
  <si>
    <t>Bakhtawar Rani</t>
  </si>
  <si>
    <t>GPS JHALLAR SAWAN WAHGA</t>
  </si>
  <si>
    <t>Jhallar Sawan Wahgha</t>
  </si>
  <si>
    <t>Jhallar Sawan wahgha district. Skp</t>
  </si>
  <si>
    <t>4506</t>
  </si>
  <si>
    <t>GPS SHADI TANDLIANWALA</t>
  </si>
  <si>
    <t>Moza Shadi Sadat</t>
  </si>
  <si>
    <t>Mauza shadi Sadaat tehsil Tandlianwala District Faisalabad</t>
  </si>
  <si>
    <t>Shadi</t>
  </si>
  <si>
    <t>ZAMAN ALI</t>
  </si>
  <si>
    <t>27600</t>
  </si>
  <si>
    <t>26498</t>
  </si>
  <si>
    <t>44953</t>
  </si>
  <si>
    <t>1403</t>
  </si>
  <si>
    <t>29703</t>
  </si>
  <si>
    <t>GES MC NO. 1 NEW MANDI PATTOKI</t>
  </si>
  <si>
    <t>allama iqbal road patto ki</t>
  </si>
  <si>
    <t>Muhammad Ghafoor Ahmad Zahid</t>
  </si>
  <si>
    <t>19230</t>
  </si>
  <si>
    <t>GHS CHAK 188 GB</t>
  </si>
  <si>
    <t>188Kalan</t>
  </si>
  <si>
    <t>Chak No.188 GB T.T.Singh</t>
  </si>
  <si>
    <t>Chak No.188 GB</t>
  </si>
  <si>
    <t>M SAFDAR NAZEER</t>
  </si>
  <si>
    <t>36721</t>
  </si>
  <si>
    <t>2032</t>
  </si>
  <si>
    <t>9339</t>
  </si>
  <si>
    <t>GGPS NUTKANI NO.2</t>
  </si>
  <si>
    <t>Rasheeda Parveen</t>
  </si>
  <si>
    <t>26782</t>
  </si>
  <si>
    <t>GHS LOHARA</t>
  </si>
  <si>
    <t>Lohara</t>
  </si>
  <si>
    <t>Village &amp; post office Lohara Tehsil Zafarwal Dist Narowal</t>
  </si>
  <si>
    <t>52511</t>
  </si>
  <si>
    <t>18882</t>
  </si>
  <si>
    <t>GGHS CHAK 763 GB</t>
  </si>
  <si>
    <t>Govt girls high school 763 gb</t>
  </si>
  <si>
    <t>Chak No 763 GB</t>
  </si>
  <si>
    <t>Sandhilianwali</t>
  </si>
  <si>
    <t>Rubina fozia</t>
  </si>
  <si>
    <t>7334</t>
  </si>
  <si>
    <t>GGPS 192/P</t>
  </si>
  <si>
    <t>Chak no.192/P</t>
  </si>
  <si>
    <t>Chak No192/P</t>
  </si>
  <si>
    <t>Chak No173/P</t>
  </si>
  <si>
    <t>Sabiha Amjad</t>
  </si>
  <si>
    <t>28194</t>
  </si>
  <si>
    <t>GHS ISLAMIA PHALIA</t>
  </si>
  <si>
    <t>phalia</t>
  </si>
  <si>
    <t>aziz abad colony phalia</t>
  </si>
  <si>
    <t>Municipal Committee Phalia</t>
  </si>
  <si>
    <t>MUHAMMAD ASGHAR</t>
  </si>
  <si>
    <t>7952</t>
  </si>
  <si>
    <t>23546</t>
  </si>
  <si>
    <t>31150</t>
  </si>
  <si>
    <t>2621</t>
  </si>
  <si>
    <t>13986</t>
  </si>
  <si>
    <t>GPS BAROS ABAD</t>
  </si>
  <si>
    <t>Baros abad</t>
  </si>
  <si>
    <t>baros abad Wang</t>
  </si>
  <si>
    <t>Wang</t>
  </si>
  <si>
    <t>40487</t>
  </si>
  <si>
    <t>53959</t>
  </si>
  <si>
    <t>GGPS 555 GB II</t>
  </si>
  <si>
    <t>Hayat K Kathiye</t>
  </si>
  <si>
    <t>chak #555/2 G.B Mamunkanjan</t>
  </si>
  <si>
    <t>Swaray Wala 555/2GB</t>
  </si>
  <si>
    <t>Uzma Ghouri</t>
  </si>
  <si>
    <t>2244</t>
  </si>
  <si>
    <t>9244</t>
  </si>
  <si>
    <t>9178</t>
  </si>
  <si>
    <t>19727</t>
  </si>
  <si>
    <t>34516</t>
  </si>
  <si>
    <t>GGPS TARAY PUR P/O CHAH KIRPAY WALA MULTAN SADDAR MULTAN</t>
  </si>
  <si>
    <t>Miani Rawa</t>
  </si>
  <si>
    <t>miani rawa chah kirpywala</t>
  </si>
  <si>
    <t>Kirpy Wala</t>
  </si>
  <si>
    <t>Kot Rabnawaz</t>
  </si>
  <si>
    <t>Shabana Atta</t>
  </si>
  <si>
    <t>20265</t>
  </si>
  <si>
    <t>GGPS MOUZA KUL</t>
  </si>
  <si>
    <t>Kull</t>
  </si>
  <si>
    <t>Moza Kull Tehsil Lalian District Chiniot</t>
  </si>
  <si>
    <t>Moza Kull</t>
  </si>
  <si>
    <t>Hajra Noor</t>
  </si>
  <si>
    <t>1134</t>
  </si>
  <si>
    <t>7341</t>
  </si>
  <si>
    <t>5740</t>
  </si>
  <si>
    <t>29418</t>
  </si>
  <si>
    <t>GGPS BASTI JAMAL DIN</t>
  </si>
  <si>
    <t>Basti Jamal Din</t>
  </si>
  <si>
    <t>Orara</t>
  </si>
  <si>
    <t>Munaza Nasreen</t>
  </si>
  <si>
    <t>29612</t>
  </si>
  <si>
    <t>GHS JAMIA HAMIDIA SARAI MUGHAL</t>
  </si>
  <si>
    <t>Sarai Mughal</t>
  </si>
  <si>
    <t>sarai Mughal</t>
  </si>
  <si>
    <t>Sarai Noshehra</t>
  </si>
  <si>
    <t>abdul Majeed</t>
  </si>
  <si>
    <t>247500</t>
  </si>
  <si>
    <t>14697</t>
  </si>
  <si>
    <t>2237</t>
  </si>
  <si>
    <t>15743</t>
  </si>
  <si>
    <t>GGHS NO. 1 SAMUNDRI</t>
  </si>
  <si>
    <t>samundri</t>
  </si>
  <si>
    <t>circular road samundri</t>
  </si>
  <si>
    <t>533</t>
  </si>
  <si>
    <t>30528</t>
  </si>
  <si>
    <t>16561</t>
  </si>
  <si>
    <t>GPS SHERAZA FATEH SHAH TANDLIANWLA</t>
  </si>
  <si>
    <t>Govt Primary School Sheraza Fateh Shah</t>
  </si>
  <si>
    <t>5904</t>
  </si>
  <si>
    <t>22450</t>
  </si>
  <si>
    <t>33240</t>
  </si>
  <si>
    <t>GPS RASOOL NAGAR KHANQAH DOGRAN</t>
  </si>
  <si>
    <t>mohallah rasool Nagar Khanqah Dogran</t>
  </si>
  <si>
    <t>Mc Khanqah Dogran</t>
  </si>
  <si>
    <t>MUHAMMAD KHALID</t>
  </si>
  <si>
    <t>23465</t>
  </si>
  <si>
    <t>GGHS QASBA KARYALI</t>
  </si>
  <si>
    <t>Qasba karyali</t>
  </si>
  <si>
    <t>Vpo qasba karyali tehsil sarai alamgirdist gujrat</t>
  </si>
  <si>
    <t>9911</t>
  </si>
  <si>
    <t>47760</t>
  </si>
  <si>
    <t>GGHS ALLU WALI</t>
  </si>
  <si>
    <t>Alluwali</t>
  </si>
  <si>
    <t>Govt.Girls.High.School Alluwali,Teh.Piplan District. Mianwali</t>
  </si>
  <si>
    <t>sobia yasmin</t>
  </si>
  <si>
    <t>26740</t>
  </si>
  <si>
    <t>GGCMES SANGIAL</t>
  </si>
  <si>
    <t>Sangial</t>
  </si>
  <si>
    <t>p/o sangial.teh.zafarwal.District Narowal</t>
  </si>
  <si>
    <t>Mehlowala</t>
  </si>
  <si>
    <t>Sobia Saleem</t>
  </si>
  <si>
    <t>17792</t>
  </si>
  <si>
    <t>38606</t>
  </si>
  <si>
    <t>18106</t>
  </si>
  <si>
    <t>GGPS JOGIAN WALA</t>
  </si>
  <si>
    <t>mohallah qurishan wala</t>
  </si>
  <si>
    <t>mohallah qurishan</t>
  </si>
  <si>
    <t>urban area</t>
  </si>
  <si>
    <t>Salma Khanam</t>
  </si>
  <si>
    <t>32798</t>
  </si>
  <si>
    <t>34207</t>
  </si>
  <si>
    <t>GPS ALLOKE THAKARKE</t>
  </si>
  <si>
    <t>MANDI FAIZABAD - MALE</t>
  </si>
  <si>
    <t>Harray</t>
  </si>
  <si>
    <t>Harray p/o Mandi Faizabad Tehsil and District Nankana Sahib</t>
  </si>
  <si>
    <t>Ganaishpur</t>
  </si>
  <si>
    <t>7669</t>
  </si>
  <si>
    <t>21098</t>
  </si>
  <si>
    <t>14961</t>
  </si>
  <si>
    <t>28162</t>
  </si>
  <si>
    <t>7499</t>
  </si>
  <si>
    <t>48142</t>
  </si>
  <si>
    <t>28142</t>
  </si>
  <si>
    <t>4821</t>
  </si>
  <si>
    <t>GGPS SIRAY</t>
  </si>
  <si>
    <t>DHENSAR PAIEN - FEMALE</t>
  </si>
  <si>
    <t>Siray</t>
  </si>
  <si>
    <t>g.g p.s siray tehsil kamoki district gujranwala</t>
  </si>
  <si>
    <t>Dhensar Paien</t>
  </si>
  <si>
    <t>Abida abid</t>
  </si>
  <si>
    <t>9796</t>
  </si>
  <si>
    <t>9550</t>
  </si>
  <si>
    <t>53140</t>
  </si>
  <si>
    <t>GGES 45/2-L</t>
  </si>
  <si>
    <t>45/2l</t>
  </si>
  <si>
    <t>45/2l Okara</t>
  </si>
  <si>
    <t>44/2l</t>
  </si>
  <si>
    <t>Sumaira Munir</t>
  </si>
  <si>
    <t>27971</t>
  </si>
  <si>
    <t>38389</t>
  </si>
  <si>
    <t>25059</t>
  </si>
  <si>
    <t>41371</t>
  </si>
  <si>
    <t>44335</t>
  </si>
  <si>
    <t>GPS AROTRIMNA</t>
  </si>
  <si>
    <t>TRET - MALE</t>
  </si>
  <si>
    <t>Manga</t>
  </si>
  <si>
    <t>govt Boys Primary School Aro Trimna</t>
  </si>
  <si>
    <t>Manga Arotrimna</t>
  </si>
  <si>
    <t>Tret</t>
  </si>
  <si>
    <t>Tariq Mehmood  Abbasi</t>
  </si>
  <si>
    <t>46705</t>
  </si>
  <si>
    <t>28197</t>
  </si>
  <si>
    <t>43533</t>
  </si>
  <si>
    <t>23330</t>
  </si>
  <si>
    <t>GGCMS SHAH JAHANIAN</t>
  </si>
  <si>
    <t>Shshahjahanian</t>
  </si>
  <si>
    <t>shahjahanian p/O lalsmusa Tehsil Kharian district gujrat</t>
  </si>
  <si>
    <t>Shahjahanian</t>
  </si>
  <si>
    <t>Atifa Bano</t>
  </si>
  <si>
    <t>6971</t>
  </si>
  <si>
    <t>38100</t>
  </si>
  <si>
    <t>28055</t>
  </si>
  <si>
    <t>29892</t>
  </si>
  <si>
    <t>GGHS SARAI MUGHAL</t>
  </si>
  <si>
    <t>sarai mughal</t>
  </si>
  <si>
    <t>nahid akhter</t>
  </si>
  <si>
    <t>26136</t>
  </si>
  <si>
    <t>45151</t>
  </si>
  <si>
    <t>GHS KOROO</t>
  </si>
  <si>
    <t>GOHARWALA</t>
  </si>
  <si>
    <t>GHS KOROO P/O BUMB TEH. MNK DIST BHAKKAR</t>
  </si>
  <si>
    <t>KOROO</t>
  </si>
  <si>
    <t>Zulqarnain</t>
  </si>
  <si>
    <t>8006</t>
  </si>
  <si>
    <t>6982</t>
  </si>
  <si>
    <t>GGHS CHAK 173/P</t>
  </si>
  <si>
    <t>173p</t>
  </si>
  <si>
    <t>chak 173p sadiqabad</t>
  </si>
  <si>
    <t>chak 173p</t>
  </si>
  <si>
    <t>muneeb farooq</t>
  </si>
  <si>
    <t>12585</t>
  </si>
  <si>
    <t>21172</t>
  </si>
  <si>
    <t>GMPS DOLU WALA</t>
  </si>
  <si>
    <t>street no 4 mohallah Islamabad</t>
  </si>
  <si>
    <t>Ali Pur Chatah</t>
  </si>
  <si>
    <t>Shahida Prveen</t>
  </si>
  <si>
    <t>13025</t>
  </si>
  <si>
    <t>2129</t>
  </si>
  <si>
    <t>22129</t>
  </si>
  <si>
    <t>11738</t>
  </si>
  <si>
    <t>GPS JHOKE KALASRA</t>
  </si>
  <si>
    <t>P/O Ehsan Pur Tehsel Kot Addu District Muzaffar Garh</t>
  </si>
  <si>
    <t>MUHAMMAD TANVEER HUSSAIN SHAH</t>
  </si>
  <si>
    <t>1827</t>
  </si>
  <si>
    <t>39177</t>
  </si>
  <si>
    <t>3290</t>
  </si>
  <si>
    <t>54621</t>
  </si>
  <si>
    <t>GPS MC NO.2 SHARIF PURA</t>
  </si>
  <si>
    <t>CITY HAFIZABAD - MALE</t>
  </si>
  <si>
    <t>Hfd</t>
  </si>
  <si>
    <t>Moh. Sher pura hfd</t>
  </si>
  <si>
    <t>City Hfdwno</t>
  </si>
  <si>
    <t>Sajid Saleem</t>
  </si>
  <si>
    <t>44255</t>
  </si>
  <si>
    <t>40054</t>
  </si>
  <si>
    <t>GHS KALA GUJRAN NO. 1</t>
  </si>
  <si>
    <t>GHS NO1 KALA GUJRAN</t>
  </si>
  <si>
    <t>9692</t>
  </si>
  <si>
    <t>3269</t>
  </si>
  <si>
    <t>19518</t>
  </si>
  <si>
    <t>GGES CHAK 323 GB</t>
  </si>
  <si>
    <t>chak no 323GB Tehsil pirmahal Distric T.T.Singh</t>
  </si>
  <si>
    <t>Chak No323 GB</t>
  </si>
  <si>
    <t>Chak No330GB</t>
  </si>
  <si>
    <t>Aansa Inam</t>
  </si>
  <si>
    <t>54870</t>
  </si>
  <si>
    <t>47384</t>
  </si>
  <si>
    <t>GGES MADAD KHEL</t>
  </si>
  <si>
    <t>ABBA KHEL NO.1-FEMALE</t>
  </si>
  <si>
    <t>Lalu Khel</t>
  </si>
  <si>
    <t>Village Madad Khel, Mianwali</t>
  </si>
  <si>
    <t>Madad khel</t>
  </si>
  <si>
    <t>Yaru Khel</t>
  </si>
  <si>
    <t>14088</t>
  </si>
  <si>
    <t>25946</t>
  </si>
  <si>
    <t>GGHS BUDHA DHOLA</t>
  </si>
  <si>
    <t>Budha Dhola</t>
  </si>
  <si>
    <t>govt n girls high school budha dhola</t>
  </si>
  <si>
    <t>Nidoky</t>
  </si>
  <si>
    <t>ammara shoukat</t>
  </si>
  <si>
    <t>6544</t>
  </si>
  <si>
    <t>GGPS BASTI RUKANI</t>
  </si>
  <si>
    <t>Sir Bhori</t>
  </si>
  <si>
    <t>GGPS Basti Rukani markaz Aman garh moza sir bhori Rahim Yar Khan</t>
  </si>
  <si>
    <t>Basti Rukani</t>
  </si>
  <si>
    <t>Amaan Garh</t>
  </si>
  <si>
    <t>Arifa Sultana</t>
  </si>
  <si>
    <t>27570</t>
  </si>
  <si>
    <t>28188</t>
  </si>
  <si>
    <t>GHSS QADIRABAD</t>
  </si>
  <si>
    <t>qadir abad</t>
  </si>
  <si>
    <t>saida road ghss qadir abad</t>
  </si>
  <si>
    <t>qadirabad</t>
  </si>
  <si>
    <t>SALIK MAHFOOZ</t>
  </si>
  <si>
    <t>10744</t>
  </si>
  <si>
    <t>46603</t>
  </si>
  <si>
    <t>GHS BITTA</t>
  </si>
  <si>
    <t>BITTA</t>
  </si>
  <si>
    <t>VPO BITTA DISTRICT KHUSHAB</t>
  </si>
  <si>
    <t>OKHLI MOHLA MOHLA</t>
  </si>
  <si>
    <t>MASROOR AHMAD</t>
  </si>
  <si>
    <t>39891</t>
  </si>
  <si>
    <t>GGHS HASSAN ABDAL</t>
  </si>
  <si>
    <t>Hassan Abdal</t>
  </si>
  <si>
    <t>hazara road hassan abdal</t>
  </si>
  <si>
    <t>Hassanabdal</t>
  </si>
  <si>
    <t>Sajida Munir</t>
  </si>
  <si>
    <t>12715</t>
  </si>
  <si>
    <t>35065</t>
  </si>
  <si>
    <t>37332</t>
  </si>
  <si>
    <t>GPS 42/10-R, KHANEWAL</t>
  </si>
  <si>
    <t>4210r J C</t>
  </si>
  <si>
    <t>chak no.42\10r j c khanewal</t>
  </si>
  <si>
    <t>4210r</t>
  </si>
  <si>
    <t>41/10r</t>
  </si>
  <si>
    <t>Muhammad Tariq</t>
  </si>
  <si>
    <t>12374</t>
  </si>
  <si>
    <t>41607</t>
  </si>
  <si>
    <t>GGHSS PARIAL</t>
  </si>
  <si>
    <t>PARIAL</t>
  </si>
  <si>
    <t>vill&amp;p/o parial Teh &amp; Distt Rwp</t>
  </si>
  <si>
    <t>OBAIDA RIZVI</t>
  </si>
  <si>
    <t>44849</t>
  </si>
  <si>
    <t>GHS SHAHEEDAN</t>
  </si>
  <si>
    <t>JANDANWALA</t>
  </si>
  <si>
    <t>P/O SHAHEEDAN</t>
  </si>
  <si>
    <t>SHAHEEDAN</t>
  </si>
  <si>
    <t>ALI KHEL</t>
  </si>
  <si>
    <t>Abdul Waheed Khan</t>
  </si>
  <si>
    <t>12194</t>
  </si>
  <si>
    <t>38231</t>
  </si>
  <si>
    <t>27672</t>
  </si>
  <si>
    <t>GGES CHOWKI MASTI KHAN</t>
  </si>
  <si>
    <t>ALIPURKANJU - FEMALE</t>
  </si>
  <si>
    <t>Choki Masti Khan</t>
  </si>
  <si>
    <t>choki masti khan</t>
  </si>
  <si>
    <t>Sobia Altaf</t>
  </si>
  <si>
    <t>10935</t>
  </si>
  <si>
    <t>45098</t>
  </si>
  <si>
    <t>36644</t>
  </si>
  <si>
    <t>GGES KOT GOHAR MUHAMMAD, SARAI SIDHU</t>
  </si>
  <si>
    <t>Kot Gohar</t>
  </si>
  <si>
    <t>kot ghar Mohammad sarai sidhu road choparhatta</t>
  </si>
  <si>
    <t>Chah Chiragh Deen</t>
  </si>
  <si>
    <t>Kot Gohar Mohammad</t>
  </si>
  <si>
    <t>Khurram Khadim RANA</t>
  </si>
  <si>
    <t>30560</t>
  </si>
  <si>
    <t>22588</t>
  </si>
  <si>
    <t>52596</t>
  </si>
  <si>
    <t>GPS KACHA PAKA</t>
  </si>
  <si>
    <t>KACHA PAKKA</t>
  </si>
  <si>
    <t>Govt.Primary Shool Kacha Pakka</t>
  </si>
  <si>
    <t>Shair Kot</t>
  </si>
  <si>
    <t>Chipli Pur</t>
  </si>
  <si>
    <t>1654</t>
  </si>
  <si>
    <t>22979</t>
  </si>
  <si>
    <t>36440</t>
  </si>
  <si>
    <t>GGPS 475 EB</t>
  </si>
  <si>
    <t>475eb</t>
  </si>
  <si>
    <t>chak no 475 eb</t>
  </si>
  <si>
    <t>Chalk No 537eb</t>
  </si>
  <si>
    <t>Amtul Naseem</t>
  </si>
  <si>
    <t>22490</t>
  </si>
  <si>
    <t>35734</t>
  </si>
  <si>
    <t>GPS GARAH MORE</t>
  </si>
  <si>
    <t>Garha more</t>
  </si>
  <si>
    <t>garha more</t>
  </si>
  <si>
    <t>GGHS MIANA CHAK</t>
  </si>
  <si>
    <t>GGHS miana chak via Lalamusa</t>
  </si>
  <si>
    <t>Safia Naz</t>
  </si>
  <si>
    <t>9092</t>
  </si>
  <si>
    <t>GGPS MURAD PUR SANGI</t>
  </si>
  <si>
    <t>iqbal Nagar</t>
  </si>
  <si>
    <t>Basti malok walo jdw</t>
  </si>
  <si>
    <t>Kot Ghulam Meran Shah</t>
  </si>
  <si>
    <t>Samreen Akhter</t>
  </si>
  <si>
    <t>19050</t>
  </si>
  <si>
    <t>GMPS NACHING</t>
  </si>
  <si>
    <t>BAIT KAITCH</t>
  </si>
  <si>
    <t>BAIT KAITCH BASTI NACHING TEHSIL JALAL PUR</t>
  </si>
  <si>
    <t>NACHING</t>
  </si>
  <si>
    <t>BAIT KAITCH Janubi</t>
  </si>
  <si>
    <t>Asia Manzoor</t>
  </si>
  <si>
    <t>2310</t>
  </si>
  <si>
    <t>26558</t>
  </si>
  <si>
    <t>GGES DHOLAN</t>
  </si>
  <si>
    <t>FAROZE PUR-FEMALE</t>
  </si>
  <si>
    <t>Dholan</t>
  </si>
  <si>
    <t>dholan</t>
  </si>
  <si>
    <t>Jasti Wala Uncha</t>
  </si>
  <si>
    <t>Shamsa Azeem</t>
  </si>
  <si>
    <t>GGHS CHAK 688/28 GB</t>
  </si>
  <si>
    <t>688/28 gb</t>
  </si>
  <si>
    <t>chak no. 688/28 g.b</t>
  </si>
  <si>
    <t>chak no 688/28</t>
  </si>
  <si>
    <t>khursheed abad</t>
  </si>
  <si>
    <t>Ayesha Rashid</t>
  </si>
  <si>
    <t>13818</t>
  </si>
  <si>
    <t>18157</t>
  </si>
  <si>
    <t>GMPS TIBBI WALA</t>
  </si>
  <si>
    <t>Patten road basti khoker abad shorkot city</t>
  </si>
  <si>
    <t>Basti Khoker Abad</t>
  </si>
  <si>
    <t>Humaira Banu</t>
  </si>
  <si>
    <t>15833</t>
  </si>
  <si>
    <t>48919</t>
  </si>
  <si>
    <t>GGHS CHAK NO.104 SB</t>
  </si>
  <si>
    <t>Chak 104 Sb</t>
  </si>
  <si>
    <t>chak 104 sb</t>
  </si>
  <si>
    <t>Chak 109 Sb</t>
  </si>
  <si>
    <t>16564</t>
  </si>
  <si>
    <t>GPS THATTA FATIANA TANDLIANWALA</t>
  </si>
  <si>
    <t>Ahata Mahar Waryam</t>
  </si>
  <si>
    <t>thatha  fatiana  ahata mahar waryam moza Garh fateh shah</t>
  </si>
  <si>
    <t>thatha Fatiana</t>
  </si>
  <si>
    <t>Shan Ali</t>
  </si>
  <si>
    <t>8140</t>
  </si>
  <si>
    <t>7652</t>
  </si>
  <si>
    <t>20391</t>
  </si>
  <si>
    <t>GHS M.A. ISLAMIA</t>
  </si>
  <si>
    <t>Qabrastan Wala Gala, NIan Chowk, Gujranwala</t>
  </si>
  <si>
    <t>Mubarik Shah</t>
  </si>
  <si>
    <t>Muhammad Afzal Hanjra</t>
  </si>
  <si>
    <t>37746</t>
  </si>
  <si>
    <t>GES 106/10-R, JAHANIAN</t>
  </si>
  <si>
    <t>106 10R</t>
  </si>
  <si>
    <t>Asad Ali Hashmi</t>
  </si>
  <si>
    <t>14284</t>
  </si>
  <si>
    <t>42896</t>
  </si>
  <si>
    <t>GGHS NOTHIA</t>
  </si>
  <si>
    <t>Nothia</t>
  </si>
  <si>
    <t>Government Girls High School Nothia tehsil kallar syedan Distt. Rawalpindi</t>
  </si>
  <si>
    <t>Maria Zahid</t>
  </si>
  <si>
    <t>5544</t>
  </si>
  <si>
    <t>7478</t>
  </si>
  <si>
    <t>28289</t>
  </si>
  <si>
    <t>43184</t>
  </si>
  <si>
    <t>GGES MARI</t>
  </si>
  <si>
    <t>BALKASSAR-FEMALE</t>
  </si>
  <si>
    <t>MARI</t>
  </si>
  <si>
    <t>VPO MARI,TEH&amp;DISTT CHAKWAL</t>
  </si>
  <si>
    <t>BHIKARI KALAN</t>
  </si>
  <si>
    <t>Sadia Bilqis</t>
  </si>
  <si>
    <t>8467</t>
  </si>
  <si>
    <t>50933</t>
  </si>
  <si>
    <t>5047</t>
  </si>
  <si>
    <t>24703</t>
  </si>
  <si>
    <t>GHS KHAROTA SYEDAN</t>
  </si>
  <si>
    <t>KHAROTA SYEDAN</t>
  </si>
  <si>
    <t>GOVT. BOYS HIGH SCHOOL JINNAH ROAD KHAROTA SYEDAN, SIALKOT</t>
  </si>
  <si>
    <t>Amir Shabbir</t>
  </si>
  <si>
    <t>21496</t>
  </si>
  <si>
    <t>1190</t>
  </si>
  <si>
    <t>46394</t>
  </si>
  <si>
    <t>GHS JAMALI</t>
  </si>
  <si>
    <t>JAMALI BALOCHAN</t>
  </si>
  <si>
    <t>VPO JAMALI BALOCHAN TEH. NOORPUR DISTT. KHUSHAB</t>
  </si>
  <si>
    <t>WAJAHAT ASKRI KHAN</t>
  </si>
  <si>
    <t>1822</t>
  </si>
  <si>
    <t>39901</t>
  </si>
  <si>
    <t>GHS KHAGWANI</t>
  </si>
  <si>
    <t>KHAGWANI</t>
  </si>
  <si>
    <t>VILLAGE KHAGWANI POST OFFICE NARTOPA TEHSIL HAZRO DISTRICT ATTOCK</t>
  </si>
  <si>
    <t>Abdul Baqi</t>
  </si>
  <si>
    <t>1141</t>
  </si>
  <si>
    <t>7343</t>
  </si>
  <si>
    <t>GMPS 179/P</t>
  </si>
  <si>
    <t>Wahi pir bux</t>
  </si>
  <si>
    <t>chak no 179p,sadiq abad,Rahim yar Khan Pakistan</t>
  </si>
  <si>
    <t>Chak No 179/p</t>
  </si>
  <si>
    <t>Chak No 173p</t>
  </si>
  <si>
    <t>Azra Rafiq</t>
  </si>
  <si>
    <t>19184</t>
  </si>
  <si>
    <t>GGHSS CHAK NO.185/7-R</t>
  </si>
  <si>
    <t>185/7R</t>
  </si>
  <si>
    <t>GGHSS185/7R KHICHIWALA</t>
  </si>
  <si>
    <t>Chak No 185/7r</t>
  </si>
  <si>
    <t>11519</t>
  </si>
  <si>
    <t>1811</t>
  </si>
  <si>
    <t>50237</t>
  </si>
  <si>
    <t>GGHS 178/9-L</t>
  </si>
  <si>
    <t>gghs 178/9l</t>
  </si>
  <si>
    <t>178/9L</t>
  </si>
  <si>
    <t>180/9L</t>
  </si>
  <si>
    <t>Zarqa Zakaullah</t>
  </si>
  <si>
    <t>4678</t>
  </si>
  <si>
    <t>49511</t>
  </si>
  <si>
    <t>42900</t>
  </si>
  <si>
    <t>18834</t>
  </si>
  <si>
    <t>GHS CHAK 761 GB</t>
  </si>
  <si>
    <t>chak no 761 g.b</t>
  </si>
  <si>
    <t>Chak No 761 G.B</t>
  </si>
  <si>
    <t>Shah pur</t>
  </si>
  <si>
    <t>10674</t>
  </si>
  <si>
    <t>26545</t>
  </si>
  <si>
    <t>21284</t>
  </si>
  <si>
    <t>GGPS BARA PIND</t>
  </si>
  <si>
    <t>Bara Pind</t>
  </si>
  <si>
    <t>GGPS,Bara Pind,p/o Jamky Chattha, Teh Wazirabad, Distt Grw</t>
  </si>
  <si>
    <t>14431</t>
  </si>
  <si>
    <t>15972</t>
  </si>
  <si>
    <t>GGPS CHAK 65 JB N</t>
  </si>
  <si>
    <t>65 North</t>
  </si>
  <si>
    <t>chak 65 j.b north</t>
  </si>
  <si>
    <t>Chak 65 Jb North</t>
  </si>
  <si>
    <t>Robina Jamil</t>
  </si>
  <si>
    <t>20085</t>
  </si>
  <si>
    <t>31060</t>
  </si>
  <si>
    <t>32549</t>
  </si>
  <si>
    <t>91936</t>
  </si>
  <si>
    <t>35561</t>
  </si>
  <si>
    <t>GGHS KARAM PUR</t>
  </si>
  <si>
    <t>karam pur</t>
  </si>
  <si>
    <t>new basti p.O Karam Pur Tehsil Mailsi District Vehari</t>
  </si>
  <si>
    <t>Karam pur</t>
  </si>
  <si>
    <t>Taqdees Akhlaq</t>
  </si>
  <si>
    <t>19637</t>
  </si>
  <si>
    <t>14779</t>
  </si>
  <si>
    <t>GGHS MC PEOPLES COLONY FAISALABAD</t>
  </si>
  <si>
    <t>Peoples Colony No. 1</t>
  </si>
  <si>
    <t>Govt. MC Girls High School  Peoples Colony No. 1 FSD</t>
  </si>
  <si>
    <t>MUSARRAT SHARIF</t>
  </si>
  <si>
    <t>37826</t>
  </si>
  <si>
    <t>4619</t>
  </si>
  <si>
    <t>54137</t>
  </si>
  <si>
    <t>GPS QADIR PUR RAN NO. 1 MULTAN</t>
  </si>
  <si>
    <t>Qadir pur ran</t>
  </si>
  <si>
    <t>Saleem Akhtar Fani</t>
  </si>
  <si>
    <t>23528</t>
  </si>
  <si>
    <t>29139</t>
  </si>
  <si>
    <t>GGHS PIAL KALAN</t>
  </si>
  <si>
    <t>Pial kalan post office usman t&amp;d kasur</t>
  </si>
  <si>
    <t>Anjum Firdous</t>
  </si>
  <si>
    <t>40050</t>
  </si>
  <si>
    <t>37481</t>
  </si>
  <si>
    <t>GGES 111/15-L, MIAN CHANNU</t>
  </si>
  <si>
    <t>111/15-L</t>
  </si>
  <si>
    <t>gges 111/15-l, mian channu</t>
  </si>
  <si>
    <t>Shagufta Jabeen</t>
  </si>
  <si>
    <t>4150</t>
  </si>
  <si>
    <t>35987</t>
  </si>
  <si>
    <t>4554</t>
  </si>
  <si>
    <t>16977</t>
  </si>
  <si>
    <t>18475</t>
  </si>
  <si>
    <t>GGES CHAK NO 460 WEST</t>
  </si>
  <si>
    <t>BASTI GHAZI SHAH-FEMALE</t>
  </si>
  <si>
    <t>Chak460</t>
  </si>
  <si>
    <t>chak 460 pathan wala</t>
  </si>
  <si>
    <t>Chak 460pathan Wa</t>
  </si>
  <si>
    <t>Basti Ghazi Shah</t>
  </si>
  <si>
    <t>Razia Nayyer</t>
  </si>
  <si>
    <t>341691</t>
  </si>
  <si>
    <t>50793</t>
  </si>
  <si>
    <t>14534</t>
  </si>
  <si>
    <t>13520</t>
  </si>
  <si>
    <t>3044</t>
  </si>
  <si>
    <t>25829</t>
  </si>
  <si>
    <t>35074</t>
  </si>
  <si>
    <t>GGCMS CHANDER KAY RAJPUTAN</t>
  </si>
  <si>
    <t>TALWANDI KAHLWAN - FEMALE</t>
  </si>
  <si>
    <t>Chanderkay Rajputan</t>
  </si>
  <si>
    <t>GGCMS Chanderkay Rajputan</t>
  </si>
  <si>
    <t>GGCMS chanderkay rajputan</t>
  </si>
  <si>
    <t>Shahzadi Misbah</t>
  </si>
  <si>
    <t>14853</t>
  </si>
  <si>
    <t>47755</t>
  </si>
  <si>
    <t>GGHS LIAQAT ABAD</t>
  </si>
  <si>
    <t>Koh e noor</t>
  </si>
  <si>
    <t>GGHS Liaqat abad near tehsil office piplan</t>
  </si>
  <si>
    <t>Piplan</t>
  </si>
  <si>
    <t>Marya Rais</t>
  </si>
  <si>
    <t>46389</t>
  </si>
  <si>
    <t>GHS ADHI SARGAL</t>
  </si>
  <si>
    <t>Ghs Adhi sargal tehsil noorpur district khushab</t>
  </si>
  <si>
    <t>Sher Bahadur</t>
  </si>
  <si>
    <t>48783</t>
  </si>
  <si>
    <t>GGHS CHAK NO.90 SB</t>
  </si>
  <si>
    <t>Chak No 90 SB</t>
  </si>
  <si>
    <t>gghs chak No.  90 SB Sargodha</t>
  </si>
  <si>
    <t>Chak No 36 SB</t>
  </si>
  <si>
    <t>Komal Shahzadi</t>
  </si>
  <si>
    <t>51244</t>
  </si>
  <si>
    <t>7116</t>
  </si>
  <si>
    <t>GPS CHAK NO 177 P</t>
  </si>
  <si>
    <t>Chak no 177p</t>
  </si>
  <si>
    <t>chak no 177p</t>
  </si>
  <si>
    <t>Muhammad Arif Rahi</t>
  </si>
  <si>
    <t>5793</t>
  </si>
  <si>
    <t>31886</t>
  </si>
  <si>
    <t>GHS KOT SONDAH</t>
  </si>
  <si>
    <t>KOT SONDHA</t>
  </si>
  <si>
    <t>VILLAGE KOT SONDHA P/O SAME TEHSIL AND DISTRICT SHEIKHUPURA</t>
  </si>
  <si>
    <t>31209</t>
  </si>
  <si>
    <t>46612</t>
  </si>
  <si>
    <t>GGHSS QUAID ABAD</t>
  </si>
  <si>
    <t>GGHSS QUAIDABAD DISTRICT KHUSHAB</t>
  </si>
  <si>
    <t>MC QUAIDABAD</t>
  </si>
  <si>
    <t>Dr Syeda Rashida Perveen</t>
  </si>
  <si>
    <t>plant</t>
  </si>
  <si>
    <t>16462</t>
  </si>
  <si>
    <t>GGHS CHAK 135 RB CHAK JHUMRA FSD</t>
  </si>
  <si>
    <t>KANAN SIAN</t>
  </si>
  <si>
    <t>CHAK NO 135 RB</t>
  </si>
  <si>
    <t>135RB</t>
  </si>
  <si>
    <t>136RB</t>
  </si>
  <si>
    <t>Ayesha khadijah</t>
  </si>
  <si>
    <t>26643</t>
  </si>
  <si>
    <t>GGMPS BEJA PUR</t>
  </si>
  <si>
    <t>UNCHA KALAN-FEMALE</t>
  </si>
  <si>
    <t>Bejapur</t>
  </si>
  <si>
    <t>Govt girls model primary school bejapur</t>
  </si>
  <si>
    <t>Uncha Kalan</t>
  </si>
  <si>
    <t>9720</t>
  </si>
  <si>
    <t>18890</t>
  </si>
  <si>
    <t>3134</t>
  </si>
  <si>
    <t>4482</t>
  </si>
  <si>
    <t>GHS KOTLA PATHAN</t>
  </si>
  <si>
    <t>Kotla Pathan</t>
  </si>
  <si>
    <t>Kotla Pathan Khanpur</t>
  </si>
  <si>
    <t>mushtaq Ahmad</t>
  </si>
  <si>
    <t>39016</t>
  </si>
  <si>
    <t>GPS QUTBAL</t>
  </si>
  <si>
    <t>QUTBAL - MALE</t>
  </si>
  <si>
    <t>qutbal</t>
  </si>
  <si>
    <t>17522</t>
  </si>
  <si>
    <t>35126</t>
  </si>
  <si>
    <t>GGES 365 EB</t>
  </si>
  <si>
    <t>365eb</t>
  </si>
  <si>
    <t>govt middle school 365 eb</t>
  </si>
  <si>
    <t>Chak No 365eb</t>
  </si>
  <si>
    <t>Robina Chaudhary</t>
  </si>
  <si>
    <t>41460</t>
  </si>
  <si>
    <t>31334</t>
  </si>
  <si>
    <t>6036</t>
  </si>
  <si>
    <t>15897</t>
  </si>
  <si>
    <t>GPS CHAK 258 RB dj kot</t>
  </si>
  <si>
    <t>Chak no 258 RB Pharalla</t>
  </si>
  <si>
    <t>Chak No 258 RB Pharalla</t>
  </si>
  <si>
    <t>Mujahid Hussain</t>
  </si>
  <si>
    <t>30668</t>
  </si>
  <si>
    <t>GMPS BASTI AFGHAN (April-2016)</t>
  </si>
  <si>
    <t>Hazrat Peer Abdul Rehman</t>
  </si>
  <si>
    <t>Chak Hadari Adda Hazrat peer Abdul Rehman</t>
  </si>
  <si>
    <t>Peer Abdul Rehman</t>
  </si>
  <si>
    <t>Salma  Kanwal</t>
  </si>
  <si>
    <t>8024</t>
  </si>
  <si>
    <t>30074</t>
  </si>
  <si>
    <t>23919</t>
  </si>
  <si>
    <t>GGHS LEHR SULTAN PUR</t>
  </si>
  <si>
    <t>Lehr Sultan pur</t>
  </si>
  <si>
    <t>lehr sultanpur tehsil choa saiden shah</t>
  </si>
  <si>
    <t>17901</t>
  </si>
  <si>
    <t>5753</t>
  </si>
  <si>
    <t>GGPS CHAK NO 107/6-R</t>
  </si>
  <si>
    <t>HND-16-FEMALE</t>
  </si>
  <si>
    <t>Mk</t>
  </si>
  <si>
    <t>GGPS 107/6r mk tehsil hnd district  bahawalnagar</t>
  </si>
  <si>
    <t>107/6r</t>
  </si>
  <si>
    <t>Sana Mansoor</t>
  </si>
  <si>
    <t>6149</t>
  </si>
  <si>
    <t>GGHS 109/ 12-L</t>
  </si>
  <si>
    <t>109/12L</t>
  </si>
  <si>
    <t>chak no 109/12-l cci</t>
  </si>
  <si>
    <t>109/12-l</t>
  </si>
  <si>
    <t>Samina Kausar</t>
  </si>
  <si>
    <t>31881</t>
  </si>
  <si>
    <t>40567</t>
  </si>
  <si>
    <t>GGHS PHULRAY SYEDAN</t>
  </si>
  <si>
    <t>Phulray Syedan</t>
  </si>
  <si>
    <t>GGHS Phulray Syedan</t>
  </si>
  <si>
    <t>Farida Bagum</t>
  </si>
  <si>
    <t>37053</t>
  </si>
  <si>
    <t>GHS 45/10-R, KHANEWAL</t>
  </si>
  <si>
    <t>45/10-R</t>
  </si>
  <si>
    <t>CHAK NO 45/10-R, PO 58/10-R, KHANEWAL</t>
  </si>
  <si>
    <t>CHAK 45/10-R</t>
  </si>
  <si>
    <t>MUHAMMAD ASHRAF</t>
  </si>
  <si>
    <t>38901</t>
  </si>
  <si>
    <t>GGES JASSIAN</t>
  </si>
  <si>
    <t>Jassian</t>
  </si>
  <si>
    <t>Govt Girls Elementary school  Jassian</t>
  </si>
  <si>
    <t>Sheenbagh</t>
  </si>
  <si>
    <t>Samina Baby</t>
  </si>
  <si>
    <t>7143</t>
  </si>
  <si>
    <t>48896</t>
  </si>
  <si>
    <t>38490</t>
  </si>
  <si>
    <t>GGHS CDG ALLAMA IQBAL ROAD GHARI SHAHU</t>
  </si>
  <si>
    <t>Garhi Shahu</t>
  </si>
  <si>
    <t>CDG GHS Allama Iqbal Road Garhi Shahu</t>
  </si>
  <si>
    <t>Rubina Hassan Butt</t>
  </si>
  <si>
    <t>37616</t>
  </si>
  <si>
    <t>GGPS 125/15-L BAGH WALA, MIAN CHANNU</t>
  </si>
  <si>
    <t>125/15-L</t>
  </si>
  <si>
    <t>G.G.P.S 125/15-L baghwala</t>
  </si>
  <si>
    <t>131/15-L</t>
  </si>
  <si>
    <t>Samina Mehmood</t>
  </si>
  <si>
    <t>8738</t>
  </si>
  <si>
    <t>49974</t>
  </si>
  <si>
    <t>16079</t>
  </si>
  <si>
    <t>15147</t>
  </si>
  <si>
    <t>GGES CHAK 642 GB LUNDIANWALA</t>
  </si>
  <si>
    <t>Mana Tibba</t>
  </si>
  <si>
    <t>642gb1</t>
  </si>
  <si>
    <t>Chak no 642gb1</t>
  </si>
  <si>
    <t>10576</t>
  </si>
  <si>
    <t>GHS CHAK 196/HB</t>
  </si>
  <si>
    <t>chak 196 /HB</t>
  </si>
  <si>
    <t>chak 196 / HB</t>
  </si>
  <si>
    <t>chak 204</t>
  </si>
  <si>
    <t>Muhammad Farooq</t>
  </si>
  <si>
    <t>17195</t>
  </si>
  <si>
    <t>44480</t>
  </si>
  <si>
    <t>7757</t>
  </si>
  <si>
    <t>GGHS SAMINA</t>
  </si>
  <si>
    <t>Samina Sharqi</t>
  </si>
  <si>
    <t>gghs samina</t>
  </si>
  <si>
    <t>samina</t>
  </si>
  <si>
    <t>noor jahan naz</t>
  </si>
  <si>
    <t>GGPS CHAK 54/1 TUKRA</t>
  </si>
  <si>
    <t>54/1 tukra</t>
  </si>
  <si>
    <t>chak 54/1 tukra</t>
  </si>
  <si>
    <t>54/1 tukrq</t>
  </si>
  <si>
    <t>Bairoon E Kamalia</t>
  </si>
  <si>
    <t>halima asif</t>
  </si>
  <si>
    <t>6612</t>
  </si>
  <si>
    <t>20218</t>
  </si>
  <si>
    <t>13154</t>
  </si>
  <si>
    <t>GPS DAMMAR WALA JADEED</t>
  </si>
  <si>
    <t>Makwal</t>
  </si>
  <si>
    <t>basti kulasra</t>
  </si>
  <si>
    <t>39483</t>
  </si>
  <si>
    <t>GHS CHHAB</t>
  </si>
  <si>
    <t>vpo chhab, tehsil jand district Attock</t>
  </si>
  <si>
    <t>Manzoor Ahmad</t>
  </si>
  <si>
    <t>12638</t>
  </si>
  <si>
    <t>45040</t>
  </si>
  <si>
    <t>GGPS HAQ NAWAZ WALA</t>
  </si>
  <si>
    <t>Ghulaman</t>
  </si>
  <si>
    <t>p/o Rodi kallur kot bhakkar</t>
  </si>
  <si>
    <t>Haq Nawaz Wala</t>
  </si>
  <si>
    <t>Ghulaman No 1</t>
  </si>
  <si>
    <t>Samina Begum</t>
  </si>
  <si>
    <t>30609</t>
  </si>
  <si>
    <t>17882</t>
  </si>
  <si>
    <t>40859</t>
  </si>
  <si>
    <t>GGHS ROHTAS</t>
  </si>
  <si>
    <t>Rohtas</t>
  </si>
  <si>
    <t>Gghs Rohtas</t>
  </si>
  <si>
    <t>45968</t>
  </si>
  <si>
    <t>46942</t>
  </si>
  <si>
    <t>23112</t>
  </si>
  <si>
    <t>5309</t>
  </si>
  <si>
    <t>26541</t>
  </si>
  <si>
    <t>GES BHATTIAN DEWAN</t>
  </si>
  <si>
    <t>Bhattian Dewan</t>
  </si>
  <si>
    <t>Bhattian dewan tehsil zafarwal dist narowal</t>
  </si>
  <si>
    <t>Shabbir Ahmed</t>
  </si>
  <si>
    <t>3014</t>
  </si>
  <si>
    <t>6231</t>
  </si>
  <si>
    <t>47404</t>
  </si>
  <si>
    <t>50486</t>
  </si>
  <si>
    <t>19681</t>
  </si>
  <si>
    <t>GGPS 258 GB AZAFI ABADI</t>
  </si>
  <si>
    <t>SONAHRI BANGLA FEMALE</t>
  </si>
  <si>
    <t>258GBAzafiAbadi</t>
  </si>
  <si>
    <t>GGP/S 258GBAzafiAbadi Toba Tek Singh</t>
  </si>
  <si>
    <t>ChakNo258GBAzafi Abadi</t>
  </si>
  <si>
    <t>256GB Phaloor</t>
  </si>
  <si>
    <t>Humera Iftikhar</t>
  </si>
  <si>
    <t>33140</t>
  </si>
  <si>
    <t>28870</t>
  </si>
  <si>
    <t>33234</t>
  </si>
  <si>
    <t>GPS GAROHAN WALA</t>
  </si>
  <si>
    <t>bahalike</t>
  </si>
  <si>
    <t>Grohanwalla</t>
  </si>
  <si>
    <t>Dheuri</t>
  </si>
  <si>
    <t>Tariq Hussain</t>
  </si>
  <si>
    <t>18606</t>
  </si>
  <si>
    <t>9084</t>
  </si>
  <si>
    <t>15738</t>
  </si>
  <si>
    <t>GGHSS CHAK NO 210 GB</t>
  </si>
  <si>
    <t>CHAK NO 210 GB TEH: SAMUNDRI, DIST: FAISALABAD</t>
  </si>
  <si>
    <t>CHAK NO 210 GB</t>
  </si>
  <si>
    <t>CHAK NO 211 GB</t>
  </si>
  <si>
    <t>SHAZIA BANO</t>
  </si>
  <si>
    <t>WATER WID FILTER</t>
  </si>
  <si>
    <t>44999</t>
  </si>
  <si>
    <t>31114</t>
  </si>
  <si>
    <t>40412</t>
  </si>
  <si>
    <t>2135</t>
  </si>
  <si>
    <t>17956</t>
  </si>
  <si>
    <t>GGHS CHAK NO 490 JB</t>
  </si>
  <si>
    <t>Chak no 490 jb Tehsil Shorkot District Jhang</t>
  </si>
  <si>
    <t>Chak No 490 JB</t>
  </si>
  <si>
    <t>Batianwala Chak No 493 JB</t>
  </si>
  <si>
    <t>syeda tatheer zahra</t>
  </si>
  <si>
    <t>8640</t>
  </si>
  <si>
    <t>38600</t>
  </si>
  <si>
    <t>51919</t>
  </si>
  <si>
    <t>4424</t>
  </si>
  <si>
    <t>GGPS AMMER PUR SARBANA</t>
  </si>
  <si>
    <t>LANGAR SARAI-FEMALE</t>
  </si>
  <si>
    <t>Chak Frazi</t>
  </si>
  <si>
    <t>GGPS ameer pur surbana</t>
  </si>
  <si>
    <t>Ameer Pur Surbana</t>
  </si>
  <si>
    <t>Iram khan</t>
  </si>
  <si>
    <t>2712</t>
  </si>
  <si>
    <t>5068</t>
  </si>
  <si>
    <t>GGPS NOON BHAI KHAN</t>
  </si>
  <si>
    <t>Noon Bhai Khan</t>
  </si>
  <si>
    <t>Village noon Bhai khan</t>
  </si>
  <si>
    <t>Thats Karim Daad</t>
  </si>
  <si>
    <t>Uzma Rehmat</t>
  </si>
  <si>
    <t>26169</t>
  </si>
  <si>
    <t>GPS BARA MANGA</t>
  </si>
  <si>
    <t>baramanga</t>
  </si>
  <si>
    <t>Muhammad Azam Khan</t>
  </si>
  <si>
    <t>GHS KOT LADHA</t>
  </si>
  <si>
    <t>KOT Ladha</t>
  </si>
  <si>
    <t>VPO KOT LADHA tehsil Nowshera Virkan District Gujranwala</t>
  </si>
  <si>
    <t>SYED SAJID HASSAN SHAH</t>
  </si>
  <si>
    <t>8555</t>
  </si>
  <si>
    <t>41092</t>
  </si>
  <si>
    <t>16706</t>
  </si>
  <si>
    <t>GGPS 452/GB</t>
  </si>
  <si>
    <t>Rehmy Shah</t>
  </si>
  <si>
    <t>chak no 452 gb</t>
  </si>
  <si>
    <t>45533</t>
  </si>
  <si>
    <t>45330</t>
  </si>
  <si>
    <t>31582</t>
  </si>
  <si>
    <t>20251</t>
  </si>
  <si>
    <t>GGPS MUHAMMAD WALA</t>
  </si>
  <si>
    <t>Vijhalkey</t>
  </si>
  <si>
    <t>Muhammad wala moza Vijhalkey Tehsil Lalian District Chiniot</t>
  </si>
  <si>
    <t>Fozia  Nawaz</t>
  </si>
  <si>
    <t>24317</t>
  </si>
  <si>
    <t>10012</t>
  </si>
  <si>
    <t>GPS NARI SHUMALI</t>
  </si>
  <si>
    <t>NARI SHUMALI MALE</t>
  </si>
  <si>
    <t>Nari shumali</t>
  </si>
  <si>
    <t>36513</t>
  </si>
  <si>
    <t>GGPS 62 KB</t>
  </si>
  <si>
    <t>62kb</t>
  </si>
  <si>
    <t>62kb p/o luddon</t>
  </si>
  <si>
    <t>Akbarshah</t>
  </si>
  <si>
    <t>Rukhsana  bibi</t>
  </si>
  <si>
    <t>3241</t>
  </si>
  <si>
    <t>16550</t>
  </si>
  <si>
    <t>20689</t>
  </si>
  <si>
    <t>GMPS AKBRIAN</t>
  </si>
  <si>
    <t>Akbrian</t>
  </si>
  <si>
    <t>GMPS Akbrian</t>
  </si>
  <si>
    <t>Rukhsana Rafique</t>
  </si>
  <si>
    <t>16330</t>
  </si>
  <si>
    <t>6662</t>
  </si>
  <si>
    <t>35207</t>
  </si>
  <si>
    <t>35622</t>
  </si>
  <si>
    <t>GPS 158/WB</t>
  </si>
  <si>
    <t>Sahib Ali</t>
  </si>
  <si>
    <t>Chak no 158 WB,Post office tiba sultan pur tehsil mailsi district Veharii</t>
  </si>
  <si>
    <t>158 WB</t>
  </si>
  <si>
    <t>Mohammad Akbar Sabir</t>
  </si>
  <si>
    <t>12097</t>
  </si>
  <si>
    <t>22639</t>
  </si>
  <si>
    <t>34456</t>
  </si>
  <si>
    <t>GPS HAMIDPUR KHASS</t>
  </si>
  <si>
    <t>Hamid Pur Knora</t>
  </si>
  <si>
    <t>Basti hamid put khas</t>
  </si>
  <si>
    <t>Hamid Pur</t>
  </si>
  <si>
    <t>M Iqbal Arshid</t>
  </si>
  <si>
    <t>5540</t>
  </si>
  <si>
    <t>41786</t>
  </si>
  <si>
    <t>GES DHOK CHOHDRIAN</t>
  </si>
  <si>
    <t>Kotha Kalan</t>
  </si>
  <si>
    <t>GBES dhoke choudhrian chaklala scheme 3 near car chowk rwp</t>
  </si>
  <si>
    <t>Ishfaq Ahmed</t>
  </si>
  <si>
    <t>32838</t>
  </si>
  <si>
    <t>GPS NONARI</t>
  </si>
  <si>
    <t>Nonari, Teh. &amp; Distt. Nankana_sahib</t>
  </si>
  <si>
    <t>Sharien Jhangar</t>
  </si>
  <si>
    <t>Noor Hassan</t>
  </si>
  <si>
    <t>6768</t>
  </si>
  <si>
    <t>28840</t>
  </si>
  <si>
    <t>27379</t>
  </si>
  <si>
    <t>GGPS MAQSOODA BHATTIAN</t>
  </si>
  <si>
    <t>Maqsooda Bhatian</t>
  </si>
  <si>
    <t>GGPSmaqsooda bhattian</t>
  </si>
  <si>
    <t>Maqsooda Bhattian</t>
  </si>
  <si>
    <t>Asma</t>
  </si>
  <si>
    <t>GGHS AMEER PUR SADAT</t>
  </si>
  <si>
    <t>Ameer Pur Sadat</t>
  </si>
  <si>
    <t>ameer Pur sadat</t>
  </si>
  <si>
    <t>Ameer Pur sadat</t>
  </si>
  <si>
    <t>UMMARA YSAMIN</t>
  </si>
  <si>
    <t>7876</t>
  </si>
  <si>
    <t>41093</t>
  </si>
  <si>
    <t>GPS KAHUTA-B</t>
  </si>
  <si>
    <t>mohalla ara tehsil kahuta distt rawalpindi</t>
  </si>
  <si>
    <t>Urban Janobi</t>
  </si>
  <si>
    <t>zakia latif</t>
  </si>
  <si>
    <t>1798</t>
  </si>
  <si>
    <t>39364</t>
  </si>
  <si>
    <t>GGES DHABOOLA</t>
  </si>
  <si>
    <t>MALHOWALI - FEMALE</t>
  </si>
  <si>
    <t>Dhaboola</t>
  </si>
  <si>
    <t>GGES dhaboola</t>
  </si>
  <si>
    <t>Rehana Shafi</t>
  </si>
  <si>
    <t>50673</t>
  </si>
  <si>
    <t>GHS KOT DEVAMAL</t>
  </si>
  <si>
    <t>Kotdevamal</t>
  </si>
  <si>
    <t>Ghs kotdevamal</t>
  </si>
  <si>
    <t>Aurang abad</t>
  </si>
  <si>
    <t>Zaighum Ali Shah</t>
  </si>
  <si>
    <t>25591</t>
  </si>
  <si>
    <t>40927</t>
  </si>
  <si>
    <t>19310</t>
  </si>
  <si>
    <t>GPS DINA NO. 4 DOMELI MOHALLHA</t>
  </si>
  <si>
    <t>SOHAN-MALE</t>
  </si>
  <si>
    <t>domeli muhallah</t>
  </si>
  <si>
    <t>domeli muhallah dina</t>
  </si>
  <si>
    <t>dina</t>
  </si>
  <si>
    <t>khalique Ahmed Saddique</t>
  </si>
  <si>
    <t>36164</t>
  </si>
  <si>
    <t>13254</t>
  </si>
  <si>
    <t>GGPS KALLAR WALI NO. 3</t>
  </si>
  <si>
    <t>Kallar wali</t>
  </si>
  <si>
    <t>ggps kallar wali no 3 Teh jatoi, dis muzafargarh</t>
  </si>
  <si>
    <t>Sair Wala</t>
  </si>
  <si>
    <t>Uzma Arshad</t>
  </si>
  <si>
    <t>15129</t>
  </si>
  <si>
    <t>GGPS CHAK 565 GB LUNDIANWALA</t>
  </si>
  <si>
    <t>Chak No 565 Gb West</t>
  </si>
  <si>
    <t>Chak No 565 Gb West jaranwala faisalabad</t>
  </si>
  <si>
    <t>Chak No 566 Namdar</t>
  </si>
  <si>
    <t>Farah Rao</t>
  </si>
  <si>
    <t>28369</t>
  </si>
  <si>
    <t>24040</t>
  </si>
  <si>
    <t>3860</t>
  </si>
  <si>
    <t>31467</t>
  </si>
  <si>
    <t>48601</t>
  </si>
  <si>
    <t>GGPS LUBBAN WALA</t>
  </si>
  <si>
    <t>FEROZWALA-IV - FEMALE</t>
  </si>
  <si>
    <t>Lubanwala</t>
  </si>
  <si>
    <t>Lubanwala Kala Khati Road Lubanwala</t>
  </si>
  <si>
    <t>Fozia Amin</t>
  </si>
  <si>
    <t>11580</t>
  </si>
  <si>
    <t>11587</t>
  </si>
  <si>
    <t>38774</t>
  </si>
  <si>
    <t>GGHS AMF KAMRA CANTT</t>
  </si>
  <si>
    <t>Kamra Cantt</t>
  </si>
  <si>
    <t>government girls high school AMF KAMRA</t>
  </si>
  <si>
    <t>AMF COLONY</t>
  </si>
  <si>
    <t>Samina Yasmeen</t>
  </si>
  <si>
    <t>26946</t>
  </si>
  <si>
    <t>40212</t>
  </si>
  <si>
    <t>GGES BAIG PUR</t>
  </si>
  <si>
    <t>Baig Pur</t>
  </si>
  <si>
    <t>village baig pur</t>
  </si>
  <si>
    <t>Gharmala</t>
  </si>
  <si>
    <t>16350</t>
  </si>
  <si>
    <t>GGES CHAK NO.413 TDA</t>
  </si>
  <si>
    <t>Chak no 413/TDA Tehsil Choubara District Layyah</t>
  </si>
  <si>
    <t>Chak No 413/TDA</t>
  </si>
  <si>
    <t>Saharan 452 TDA</t>
  </si>
  <si>
    <t>Samina  Yasmeen</t>
  </si>
  <si>
    <t>11383</t>
  </si>
  <si>
    <t>31473</t>
  </si>
  <si>
    <t>39562</t>
  </si>
  <si>
    <t>26111</t>
  </si>
  <si>
    <t>GPS JHANGI</t>
  </si>
  <si>
    <t>Jhangi</t>
  </si>
  <si>
    <t>village jhangi</t>
  </si>
  <si>
    <t>Basrajala</t>
  </si>
  <si>
    <t>Sobia Basheer</t>
  </si>
  <si>
    <t>40285</t>
  </si>
  <si>
    <t>2751</t>
  </si>
  <si>
    <t>49327</t>
  </si>
  <si>
    <t>46996</t>
  </si>
  <si>
    <t>GGPS CHAK NO.1 REMOUNT DEPOT</t>
  </si>
  <si>
    <t>Sawar Mande Rd Sgd</t>
  </si>
  <si>
    <t>chak no 1 rd sgd</t>
  </si>
  <si>
    <t>Chak No 1 Rd</t>
  </si>
  <si>
    <t>6/7 Rd</t>
  </si>
  <si>
    <t>Sagufta Khanam</t>
  </si>
  <si>
    <t>44535</t>
  </si>
  <si>
    <t>5065</t>
  </si>
  <si>
    <t>GHSS QADIR PUR</t>
  </si>
  <si>
    <t>Qadir Pur</t>
  </si>
  <si>
    <t>Qadir Pur P/O fateh pur kamal tehsil khan pur</t>
  </si>
  <si>
    <t>FIDA HUSSAIN SAEEDI</t>
  </si>
  <si>
    <t>15582</t>
  </si>
  <si>
    <t>GGPS CHAK 372 GB SAMUNDRI</t>
  </si>
  <si>
    <t>372 Nwa Chak</t>
  </si>
  <si>
    <t>chak number 372gb post office 136gb Tehsil samundri district fsd</t>
  </si>
  <si>
    <t>372gb</t>
  </si>
  <si>
    <t>Adrees Kousar</t>
  </si>
  <si>
    <t>14173</t>
  </si>
  <si>
    <t>20238</t>
  </si>
  <si>
    <t>GPS JHANGAR GLOTRAN</t>
  </si>
  <si>
    <t>jhangar Glotran</t>
  </si>
  <si>
    <t>jhangar glotran chiniot</t>
  </si>
  <si>
    <t>Jhangar Glotran</t>
  </si>
  <si>
    <t>Irsa Sheikh</t>
  </si>
  <si>
    <t>10987</t>
  </si>
  <si>
    <t>18257</t>
  </si>
  <si>
    <t>46651</t>
  </si>
  <si>
    <t>GHS JALAL PUR</t>
  </si>
  <si>
    <t>Jalal Pur</t>
  </si>
  <si>
    <t>P/O Kala Bagh Tehsil Isa Khel District Mianwali</t>
  </si>
  <si>
    <t>Jalal pur</t>
  </si>
  <si>
    <t>ARIF HUSSAIN</t>
  </si>
  <si>
    <t>32652</t>
  </si>
  <si>
    <t>9997</t>
  </si>
  <si>
    <t>GGES CHAK NO. 306/TDA</t>
  </si>
  <si>
    <t>306tda</t>
  </si>
  <si>
    <t>chak no 306 tda teh karor district layyah</t>
  </si>
  <si>
    <t>Noshehra Thank Callan</t>
  </si>
  <si>
    <t>kalsoom Akhtar</t>
  </si>
  <si>
    <t>19057</t>
  </si>
  <si>
    <t>20397</t>
  </si>
  <si>
    <t>19892</t>
  </si>
  <si>
    <t>GPS KANGRAN WALA</t>
  </si>
  <si>
    <t>Kurdk Muhammadi</t>
  </si>
  <si>
    <t>baghwala  near jamiabad</t>
  </si>
  <si>
    <t>Baghwala</t>
  </si>
  <si>
    <t>Kurak Muhammadi</t>
  </si>
  <si>
    <t>Asad Mustafa</t>
  </si>
  <si>
    <t>2787</t>
  </si>
  <si>
    <t>GHS KHICHI WALA CHAK 170/7-R</t>
  </si>
  <si>
    <t>Chak 170/7R</t>
  </si>
  <si>
    <t>Chak no 170/7R , Tehsil Fortabbas, District Bahawalnagar</t>
  </si>
  <si>
    <t>Chak No 170/7R</t>
  </si>
  <si>
    <t>Chak 167/7R</t>
  </si>
  <si>
    <t>5575</t>
  </si>
  <si>
    <t>21323</t>
  </si>
  <si>
    <t>13842</t>
  </si>
  <si>
    <t>GGHSS MITHAN KOT</t>
  </si>
  <si>
    <t>Kot Mithan</t>
  </si>
  <si>
    <t>Kashmir Colony Kot Mithan Tehsil &amp; Distt Rajanpur</t>
  </si>
  <si>
    <t>mubeen akhtar</t>
  </si>
  <si>
    <t>23071</t>
  </si>
  <si>
    <t>GGES CHAK 496 GB MAMUNKANJNA</t>
  </si>
  <si>
    <t>496gb</t>
  </si>
  <si>
    <t>GGES496gb</t>
  </si>
  <si>
    <t>Madiha Sabir</t>
  </si>
  <si>
    <t>23597</t>
  </si>
  <si>
    <t>50112</t>
  </si>
  <si>
    <t>GHS CHICHAWATANI VILLAGE</t>
  </si>
  <si>
    <t>OLD CHICHAWATNI</t>
  </si>
  <si>
    <t>GHS CCI VILLAGE</t>
  </si>
  <si>
    <t>VILLAGE</t>
  </si>
  <si>
    <t>CHAK NO 112/7-R</t>
  </si>
  <si>
    <t>zafar hussain</t>
  </si>
  <si>
    <t>4693</t>
  </si>
  <si>
    <t>47010</t>
  </si>
  <si>
    <t>7843</t>
  </si>
  <si>
    <t>24453</t>
  </si>
  <si>
    <t>50839</t>
  </si>
  <si>
    <t>GGPS MERO PADIAR</t>
  </si>
  <si>
    <t>Mero Padhiar</t>
  </si>
  <si>
    <t>govt.girls primary school Mero Padhyar district Sialkot tensil pasrur</t>
  </si>
  <si>
    <t>Mero Padhyar</t>
  </si>
  <si>
    <t>13320</t>
  </si>
  <si>
    <t>20667</t>
  </si>
  <si>
    <t>GGES PANDOO PUR</t>
  </si>
  <si>
    <t>Pandu Pur</t>
  </si>
  <si>
    <t>pandopur p/o jhangi gujranwala</t>
  </si>
  <si>
    <t>Pando Pur</t>
  </si>
  <si>
    <t>Zunera  Bano</t>
  </si>
  <si>
    <t>6340</t>
  </si>
  <si>
    <t>12380</t>
  </si>
  <si>
    <t>GPS HAYAT MOCHI WALA</t>
  </si>
  <si>
    <t>jandanwala</t>
  </si>
  <si>
    <t>MC Jandanwala</t>
  </si>
  <si>
    <t>Muhammad Yameen</t>
  </si>
  <si>
    <t>GMPS DULLAHA AKOKA</t>
  </si>
  <si>
    <t>FEMALE-19</t>
  </si>
  <si>
    <t>Dullah Akoka</t>
  </si>
  <si>
    <t>Basti Dullah Akoka Mehta Jhedu Tehsil Chishtian District Bhawalnagar</t>
  </si>
  <si>
    <t>Mehta Jhedu</t>
  </si>
  <si>
    <t>Sumera Ashraf</t>
  </si>
  <si>
    <t>4263</t>
  </si>
  <si>
    <t>13245</t>
  </si>
  <si>
    <t>GGPS SHEIKH ALI</t>
  </si>
  <si>
    <t>HAMZAY WALI- FEMALE</t>
  </si>
  <si>
    <t>Sheikh Ali</t>
  </si>
  <si>
    <t>sadaat colony near boys high school ali pur</t>
  </si>
  <si>
    <t>Shehr Sultan</t>
  </si>
  <si>
    <t>Zakiya Shaheen</t>
  </si>
  <si>
    <t>3563</t>
  </si>
  <si>
    <t>54768</t>
  </si>
  <si>
    <t>GGPS Chakri Sial</t>
  </si>
  <si>
    <t>KPT CITY - FEMALE</t>
  </si>
  <si>
    <t>Jindo Shah</t>
  </si>
  <si>
    <t>ggps chakri sial khairpur tamewali district bahawalpur</t>
  </si>
  <si>
    <t>Chakri Sial</t>
  </si>
  <si>
    <t>Israni</t>
  </si>
  <si>
    <t>Anam Yasmin</t>
  </si>
  <si>
    <t>33898</t>
  </si>
  <si>
    <t>37121</t>
  </si>
  <si>
    <t>GGES 2/9-R, RATH WALA, KACHA KHUH</t>
  </si>
  <si>
    <t>Rath Wala</t>
  </si>
  <si>
    <t>GGES 2/9R Rath wala khanewal</t>
  </si>
  <si>
    <t>2/9R</t>
  </si>
  <si>
    <t>4/8AR</t>
  </si>
  <si>
    <t>Anila Qayyum</t>
  </si>
  <si>
    <t>29978</t>
  </si>
  <si>
    <t>GGHSS CHAK NO.132/6-R</t>
  </si>
  <si>
    <t>132/6-r</t>
  </si>
  <si>
    <t>chak no 132/6-r P/O Same Tehsil haroonabad District BWN</t>
  </si>
  <si>
    <t>Chak No 132/6-r</t>
  </si>
  <si>
    <t>ATIQA YASMIN</t>
  </si>
  <si>
    <t>36527</t>
  </si>
  <si>
    <t>1461</t>
  </si>
  <si>
    <t>29599</t>
  </si>
  <si>
    <t>GGPS WADARA P/O MUSTAFA ABAD</t>
  </si>
  <si>
    <t>Wadara</t>
  </si>
  <si>
    <t>wadara</t>
  </si>
  <si>
    <t>Lakhnaki</t>
  </si>
  <si>
    <t>Farkhanda Parveen</t>
  </si>
  <si>
    <t>20826</t>
  </si>
  <si>
    <t>GGES MC NO.3 GUJRANWALA</t>
  </si>
  <si>
    <t>MoH Faisalabad ST 6 GRW</t>
  </si>
  <si>
    <t>Mohalla Faislabad</t>
  </si>
  <si>
    <t>GRW City 2</t>
  </si>
  <si>
    <t>21812</t>
  </si>
  <si>
    <t>GGHS MAJJU CHAK</t>
  </si>
  <si>
    <t>Majju Chak</t>
  </si>
  <si>
    <t>GGHS Majju Chak</t>
  </si>
  <si>
    <t>Sabiha Firdous</t>
  </si>
  <si>
    <t>26093</t>
  </si>
  <si>
    <t>20919</t>
  </si>
  <si>
    <t>GHS DILAWAR CHEEMA</t>
  </si>
  <si>
    <t>DILAWARCHEEMA</t>
  </si>
  <si>
    <t>PO DILAWAR CHEEMA, wazirabad, gujranwala.</t>
  </si>
  <si>
    <t>DILAWAR CHEEMA</t>
  </si>
  <si>
    <t>47551</t>
  </si>
  <si>
    <t>5300</t>
  </si>
  <si>
    <t>53857</t>
  </si>
  <si>
    <t>GPS KOTLI NERGAT</t>
  </si>
  <si>
    <t>CHANGI - MALE</t>
  </si>
  <si>
    <t>Kotli Nargat</t>
  </si>
  <si>
    <t>Kotli nargat p. O golian Tehsil Daska Distt silakot</t>
  </si>
  <si>
    <t>Jharnwala</t>
  </si>
  <si>
    <t>3824</t>
  </si>
  <si>
    <t>36218</t>
  </si>
  <si>
    <t>36452</t>
  </si>
  <si>
    <t>48057</t>
  </si>
  <si>
    <t>GHS CHAK NO.10 ML</t>
  </si>
  <si>
    <t>Chak No. 10 ML</t>
  </si>
  <si>
    <t>Zafar Ahmad</t>
  </si>
  <si>
    <t>11264</t>
  </si>
  <si>
    <t>20244</t>
  </si>
  <si>
    <t>GGPS KHARAL</t>
  </si>
  <si>
    <t>Vijhalka</t>
  </si>
  <si>
    <t>Mamola mouza vijhalka</t>
  </si>
  <si>
    <t>Mamola</t>
  </si>
  <si>
    <t>Peerpunja</t>
  </si>
  <si>
    <t>Tehreem Atta</t>
  </si>
  <si>
    <t>20760</t>
  </si>
  <si>
    <t>9547</t>
  </si>
  <si>
    <t>GHSS TIBBI QAISRANI</t>
  </si>
  <si>
    <t>Tibbi Qaisrani</t>
  </si>
  <si>
    <t>GOVT.BOYS HIGHER SECONDARY SCHOOL TIBBI QAISRANI P/O TIBBI QAISRANI TEHSIL TAUNSA SHARIF DISTRICT DERA GHAZI KHAN</t>
  </si>
  <si>
    <t>abdul aziz</t>
  </si>
  <si>
    <t>29652</t>
  </si>
  <si>
    <t>10149</t>
  </si>
  <si>
    <t>17935</t>
  </si>
  <si>
    <t>GHS DAB KALAN</t>
  </si>
  <si>
    <t>DAB KALAN</t>
  </si>
  <si>
    <t>GHS DAB KALAN TESHIL SHORKOT DISTRICT JHANG</t>
  </si>
  <si>
    <t>RAB NAWAZ</t>
  </si>
  <si>
    <t>12348</t>
  </si>
  <si>
    <t>43422</t>
  </si>
  <si>
    <t>GGCMS THOA BAHADAR</t>
  </si>
  <si>
    <t>Thoha Bahadar</t>
  </si>
  <si>
    <t>Vpo thoha bahadar tehsil and district Chakwal</t>
  </si>
  <si>
    <t>Ghulam Raffia</t>
  </si>
  <si>
    <t>17097</t>
  </si>
  <si>
    <t>34231</t>
  </si>
  <si>
    <t>GHS JHOKE LASHKAR PUR MULTAN</t>
  </si>
  <si>
    <t>jhoke lashkarpur</t>
  </si>
  <si>
    <t>p.o khas jhoke lashkarpur tehsil multan cantt and district multan .</t>
  </si>
  <si>
    <t>jhokelashkarpur</t>
  </si>
  <si>
    <t>muhammad irfan shah</t>
  </si>
  <si>
    <t>41955</t>
  </si>
  <si>
    <t>GGHS MAIRA KALAN (CONTROLED BY CANTONMENT BOARD)</t>
  </si>
  <si>
    <t>Maira Kalan</t>
  </si>
  <si>
    <t>GGHS maira kalan</t>
  </si>
  <si>
    <t>15363</t>
  </si>
  <si>
    <t>GHS CHAK NO 105 GB FSD</t>
  </si>
  <si>
    <t>Bangay</t>
  </si>
  <si>
    <t>ckak mo 105 gb</t>
  </si>
  <si>
    <t>MUHAMMAD Wala</t>
  </si>
  <si>
    <t>Hafeez Ullah Hafeez</t>
  </si>
  <si>
    <t>8456</t>
  </si>
  <si>
    <t>21365</t>
  </si>
  <si>
    <t>GGHS MC KAMOKE</t>
  </si>
  <si>
    <t>GGHS.MC.kamoke</t>
  </si>
  <si>
    <t>Municipal Comitee Kamoke</t>
  </si>
  <si>
    <t>anees bano</t>
  </si>
  <si>
    <t>28417</t>
  </si>
  <si>
    <t>2070</t>
  </si>
  <si>
    <t>22245</t>
  </si>
  <si>
    <t>GGHS MACHIANA</t>
  </si>
  <si>
    <t>G G H/S Machhiana</t>
  </si>
  <si>
    <t>nighat parveen</t>
  </si>
  <si>
    <t>30582</t>
  </si>
  <si>
    <t>GGHS JUNIOR MODEL SAMANABAD (Dungi Ground)</t>
  </si>
  <si>
    <t>Govt Junior Model Girls High School Samanabad</t>
  </si>
  <si>
    <t>Dungi Ground</t>
  </si>
  <si>
    <t>Naheed Masood</t>
  </si>
  <si>
    <t>36081</t>
  </si>
  <si>
    <t>50264</t>
  </si>
  <si>
    <t>GGHS 103/12-L</t>
  </si>
  <si>
    <t>103/12-L</t>
  </si>
  <si>
    <t>chak no. 103/12-L chichawatni</t>
  </si>
  <si>
    <t>101/12-L</t>
  </si>
  <si>
    <t>Kousar Naheed</t>
  </si>
  <si>
    <t>16801</t>
  </si>
  <si>
    <t>12035</t>
  </si>
  <si>
    <t>49535</t>
  </si>
  <si>
    <t>50885</t>
  </si>
  <si>
    <t>11569</t>
  </si>
  <si>
    <t>GGES DAYA CHOKHA</t>
  </si>
  <si>
    <t>Daya Chokha</t>
  </si>
  <si>
    <t>Basti Daya chokha</t>
  </si>
  <si>
    <t>MUSSARRAT NAZIR</t>
  </si>
  <si>
    <t>2086</t>
  </si>
  <si>
    <t>35890</t>
  </si>
  <si>
    <t>GGPS 125/WB SOUTH</t>
  </si>
  <si>
    <t>MITRU - FEMALE</t>
  </si>
  <si>
    <t>125/wb</t>
  </si>
  <si>
    <t>chak no.125/wb</t>
  </si>
  <si>
    <t>sandhal</t>
  </si>
  <si>
    <t>Sughra Nasir</t>
  </si>
  <si>
    <t>30429</t>
  </si>
  <si>
    <t>17180</t>
  </si>
  <si>
    <t>54086</t>
  </si>
  <si>
    <t>GGPS AMIN ABAD</t>
  </si>
  <si>
    <t>Gogran</t>
  </si>
  <si>
    <t>amin abad moza  gogran tehsil and district  lodhran</t>
  </si>
  <si>
    <t>Amin Abad</t>
  </si>
  <si>
    <t>1625</t>
  </si>
  <si>
    <t>41732</t>
  </si>
  <si>
    <t>16245</t>
  </si>
  <si>
    <t>GGHS 68 JB</t>
  </si>
  <si>
    <t>68jb</t>
  </si>
  <si>
    <t>chak no 68 /jb FSD</t>
  </si>
  <si>
    <t>70 Jb Fsd</t>
  </si>
  <si>
    <t>hasnain yasmeen</t>
  </si>
  <si>
    <t>611</t>
  </si>
  <si>
    <t>2381</t>
  </si>
  <si>
    <t>51798</t>
  </si>
  <si>
    <t>GHS 163/EB</t>
  </si>
  <si>
    <t>Muhammad Nagar Muhammad Nagar</t>
  </si>
  <si>
    <t>Chak No. 163/EB, Muhammad Nagar Tehsil Arifwala District Pakpattan</t>
  </si>
  <si>
    <t>163/EB</t>
  </si>
  <si>
    <t>MUHAMMAD ABDUR REHMAN KHAN</t>
  </si>
  <si>
    <t>8442</t>
  </si>
  <si>
    <t>37470</t>
  </si>
  <si>
    <t>GGES 124/15-L, MIAN CHANNU</t>
  </si>
  <si>
    <t>124/15L</t>
  </si>
  <si>
    <t>GGES 124/15L</t>
  </si>
  <si>
    <t>Nasim Javed</t>
  </si>
  <si>
    <t>18900</t>
  </si>
  <si>
    <t>38089</t>
  </si>
  <si>
    <t>GGES CHAK GODHA</t>
  </si>
  <si>
    <t>gges chak godha amray wala po gogran tehsil &amp; district lodhran</t>
  </si>
  <si>
    <t>Chak Godha</t>
  </si>
  <si>
    <t>5886</t>
  </si>
  <si>
    <t>41668</t>
  </si>
  <si>
    <t>44969</t>
  </si>
  <si>
    <t>GGES DADHOCHA</t>
  </si>
  <si>
    <t>LODHRAN-FEMALE</t>
  </si>
  <si>
    <t>Dadhocha</t>
  </si>
  <si>
    <t>Govt Girls Elementary school DADHOCHA Teh &amp; Distt Rawalpindi via Sihala</t>
  </si>
  <si>
    <t>Mughal</t>
  </si>
  <si>
    <t>Zamida Kousar</t>
  </si>
  <si>
    <t>4937</t>
  </si>
  <si>
    <t>33472</t>
  </si>
  <si>
    <t>32328</t>
  </si>
  <si>
    <t>35717</t>
  </si>
  <si>
    <t>11827</t>
  </si>
  <si>
    <t>GGPS KOHAWAR</t>
  </si>
  <si>
    <t>basti Kohawar tehsil kot addu district Muzafar garh</t>
  </si>
  <si>
    <t>Basti Kohawar</t>
  </si>
  <si>
    <t>Taskeen Rubab</t>
  </si>
  <si>
    <t>24650</t>
  </si>
  <si>
    <t>26480</t>
  </si>
  <si>
    <t>22014</t>
  </si>
  <si>
    <t>GGPS CHAK BEHLOL</t>
  </si>
  <si>
    <t>Chack Behlol</t>
  </si>
  <si>
    <t>chack behlol P/O Bhiri Khurd Tehsil Noshera Virkan District Gujranwala</t>
  </si>
  <si>
    <t>10584</t>
  </si>
  <si>
    <t>GES 41/12-L</t>
  </si>
  <si>
    <t>41 / 12 L</t>
  </si>
  <si>
    <t>chak # 41 / 12 l</t>
  </si>
  <si>
    <t>Chak # 41 / 12 L</t>
  </si>
  <si>
    <t>Chak # 10 / 11 L</t>
  </si>
  <si>
    <t>Muhammad Aslam Anjum</t>
  </si>
  <si>
    <t>8297</t>
  </si>
  <si>
    <t>52067</t>
  </si>
  <si>
    <t>1164</t>
  </si>
  <si>
    <t>35659</t>
  </si>
  <si>
    <t>GPS 114 WB</t>
  </si>
  <si>
    <t>114wb</t>
  </si>
  <si>
    <t>124wb</t>
  </si>
  <si>
    <t>25146</t>
  </si>
  <si>
    <t>19978</t>
  </si>
  <si>
    <t>21382</t>
  </si>
  <si>
    <t>GHS TAMBOLI</t>
  </si>
  <si>
    <t>tamboli</t>
  </si>
  <si>
    <t>government high school tamboli tehsil kamoke district gujranwala</t>
  </si>
  <si>
    <t>gunnour</t>
  </si>
  <si>
    <t>farooq ahmad aajiz</t>
  </si>
  <si>
    <t>15504</t>
  </si>
  <si>
    <t>707</t>
  </si>
  <si>
    <t>2045</t>
  </si>
  <si>
    <t>43381</t>
  </si>
  <si>
    <t>GGPS MOHALLA JAFAR ABAD</t>
  </si>
  <si>
    <t>Jaffarabad</t>
  </si>
  <si>
    <t>GGPS MOHALLA JAFAR ABAD chakwal</t>
  </si>
  <si>
    <t>Gulshan Akhter</t>
  </si>
  <si>
    <t>3883</t>
  </si>
  <si>
    <t>24853</t>
  </si>
  <si>
    <t>20970</t>
  </si>
  <si>
    <t>3092</t>
  </si>
  <si>
    <t>38149</t>
  </si>
  <si>
    <t>GMPS SANTAY WALA</t>
  </si>
  <si>
    <t>Doran Wala</t>
  </si>
  <si>
    <t>Basti santy wala mouza doran wala tehsil zilla Lodhran</t>
  </si>
  <si>
    <t>Basti Santy Wala</t>
  </si>
  <si>
    <t>30245</t>
  </si>
  <si>
    <t>GGES SADDI PARK MOZANG</t>
  </si>
  <si>
    <t>Govt Girls Middle School Saddi park mouzang Lahore</t>
  </si>
  <si>
    <t>Kot Abdullah Shah</t>
  </si>
  <si>
    <t>Ganga Ram</t>
  </si>
  <si>
    <t>Hina Nazir</t>
  </si>
  <si>
    <t>10575</t>
  </si>
  <si>
    <t>48763</t>
  </si>
  <si>
    <t>GHS HYDERABAD TOWN</t>
  </si>
  <si>
    <t>70nb</t>
  </si>
  <si>
    <t>Haiderabad town sgd</t>
  </si>
  <si>
    <t>70NB</t>
  </si>
  <si>
    <t>37465</t>
  </si>
  <si>
    <t>GGES MC RAILWAY COLONY, MIAN CHANNU</t>
  </si>
  <si>
    <t>M0hallah Eid Gah</t>
  </si>
  <si>
    <t>Got Mc middle railway colony mian channu</t>
  </si>
  <si>
    <t>Mc Mian Channu</t>
  </si>
  <si>
    <t>Naheed younas</t>
  </si>
  <si>
    <t>26706</t>
  </si>
  <si>
    <t>16390</t>
  </si>
  <si>
    <t>GGPS CHAK NO 154 RB</t>
  </si>
  <si>
    <t>154RB</t>
  </si>
  <si>
    <t>GGPS 154 RB</t>
  </si>
  <si>
    <t>154RB Bighyrra</t>
  </si>
  <si>
    <t>Subia Nawaz</t>
  </si>
  <si>
    <t>6767</t>
  </si>
  <si>
    <t>4608</t>
  </si>
  <si>
    <t>4373</t>
  </si>
  <si>
    <t>11616</t>
  </si>
  <si>
    <t>GPS BASTI ZOUR</t>
  </si>
  <si>
    <t>GHAZI GHAT-II- MALE</t>
  </si>
  <si>
    <t>Zour</t>
  </si>
  <si>
    <t>mouza and Basti zour p/o qasba Gujarat kot addu m.garh</t>
  </si>
  <si>
    <t>Downa</t>
  </si>
  <si>
    <t>43256</t>
  </si>
  <si>
    <t>GES DHOK RAJIAN</t>
  </si>
  <si>
    <t>Dhok Rajian</t>
  </si>
  <si>
    <t>p o dhok rajian teh and dist chakwal</t>
  </si>
  <si>
    <t>5870</t>
  </si>
  <si>
    <t>supply by OGDCL</t>
  </si>
  <si>
    <t>20118</t>
  </si>
  <si>
    <t>31005</t>
  </si>
  <si>
    <t>14427</t>
  </si>
  <si>
    <t>41552</t>
  </si>
  <si>
    <t>GHS DHAMIAL</t>
  </si>
  <si>
    <t>DHAMIAL</t>
  </si>
  <si>
    <t>DHAMIAL P.O DHAMIAL CAMP DHAMIAL ROAD RAWALPINDI</t>
  </si>
  <si>
    <t>MUHAMMAD AKSAR</t>
  </si>
  <si>
    <t>GGHS MADHRIAN WALA KALAR</t>
  </si>
  <si>
    <t>Madherianwala Kalar</t>
  </si>
  <si>
    <t>madherianwala kalar tehsil kamoke distt gujranwala</t>
  </si>
  <si>
    <t>Dhenser Paeen</t>
  </si>
  <si>
    <t>qurra tul  aien</t>
  </si>
  <si>
    <t>16846</t>
  </si>
  <si>
    <t>GPS 373 EB</t>
  </si>
  <si>
    <t>373/eb</t>
  </si>
  <si>
    <t>373/es</t>
  </si>
  <si>
    <t>SHEIK FAZIL</t>
  </si>
  <si>
    <t>49388</t>
  </si>
  <si>
    <t>50279</t>
  </si>
  <si>
    <t>GGHS 82/12-L</t>
  </si>
  <si>
    <t>82/12-l</t>
  </si>
  <si>
    <t>GGHS 82/12-l chichawatni</t>
  </si>
  <si>
    <t>31/14-l</t>
  </si>
  <si>
    <t>Naila Mushtaq</t>
  </si>
  <si>
    <t>11939</t>
  </si>
  <si>
    <t>GGPS ALI WALA</t>
  </si>
  <si>
    <t>Pati Khar</t>
  </si>
  <si>
    <t>Khere Wala Bangla</t>
  </si>
  <si>
    <t>Rozina Bashir</t>
  </si>
  <si>
    <t>21536</t>
  </si>
  <si>
    <t>GMPS DEWANAN (EMINABAD)</t>
  </si>
  <si>
    <t>Ggpsno1DewananEminabad</t>
  </si>
  <si>
    <t>Eminabad Town</t>
  </si>
  <si>
    <t>parveen akhtar</t>
  </si>
  <si>
    <t>41950</t>
  </si>
  <si>
    <t>25590</t>
  </si>
  <si>
    <t>1424</t>
  </si>
  <si>
    <t>37603</t>
  </si>
  <si>
    <t>GGhS 127/15-L GILLIAN WALA, MIAN CHANNU</t>
  </si>
  <si>
    <t>127/15-l gILLAN WALA</t>
  </si>
  <si>
    <t>127/15-L GILLAN WALA</t>
  </si>
  <si>
    <t>127 B/15-L</t>
  </si>
  <si>
    <t>Khawila Rasheed</t>
  </si>
  <si>
    <t>GPS SIDHA</t>
  </si>
  <si>
    <t>chah maswan wala mouza Sidha post office gilewal tehsil and district Lodhran</t>
  </si>
  <si>
    <t>Muhammad Siddique Akbar</t>
  </si>
  <si>
    <t>50163</t>
  </si>
  <si>
    <t>GGHS 89/12-L</t>
  </si>
  <si>
    <t>89/12L</t>
  </si>
  <si>
    <t>99/12L</t>
  </si>
  <si>
    <t>Syeda Asma Jaffary</t>
  </si>
  <si>
    <t>6570</t>
  </si>
  <si>
    <t>42861</t>
  </si>
  <si>
    <t>GGES FAROOQ ABAD</t>
  </si>
  <si>
    <t>Govt Girls Elementary school Farooq abad</t>
  </si>
  <si>
    <t>17186</t>
  </si>
  <si>
    <t>37929</t>
  </si>
  <si>
    <t>GHS CHAK HIMTA</t>
  </si>
  <si>
    <t>GHS Chak Himta near Adda Shahnal Multan Road District Lodhran</t>
  </si>
  <si>
    <t>Mashkoor Ahmad</t>
  </si>
  <si>
    <t>12915</t>
  </si>
  <si>
    <t>51397</t>
  </si>
  <si>
    <t>15329</t>
  </si>
  <si>
    <t>GGHS CHAK 433 GB JHOKE DITTA</t>
  </si>
  <si>
    <t>433 gb</t>
  </si>
  <si>
    <t>433 Gb</t>
  </si>
  <si>
    <t>434 Gb</t>
  </si>
  <si>
    <t>Saba Naheed</t>
  </si>
  <si>
    <t>30986</t>
  </si>
  <si>
    <t>GGHS KHARAK MULTAN ROAD</t>
  </si>
  <si>
    <t>GOVT GIRLS HIGH SCHOOL, KHARAK, RASOOL PARK, SABZAZAR, LAHORE</t>
  </si>
  <si>
    <t>KHARAK</t>
  </si>
  <si>
    <t>SABZAZAR</t>
  </si>
  <si>
    <t>samia nisar</t>
  </si>
  <si>
    <t>35413</t>
  </si>
  <si>
    <t>GMPS CHAK NO. 175 EB</t>
  </si>
  <si>
    <t>chak no 175 E.B tehsil Burewala District Vehari</t>
  </si>
  <si>
    <t>Jaweria Shaheen</t>
  </si>
  <si>
    <t>20046</t>
  </si>
  <si>
    <t>38179</t>
  </si>
  <si>
    <t>GGPS JABLLAY WALA</t>
  </si>
  <si>
    <t>mjaldi wala</t>
  </si>
  <si>
    <t>Basti kasai wala Moza Mujaldi wala district Lodhran</t>
  </si>
  <si>
    <t>basti kasai wala</t>
  </si>
  <si>
    <t>Danwaran</t>
  </si>
  <si>
    <t>37598</t>
  </si>
  <si>
    <t>GMPS 131/15-L, P/O 132/16-L, MIAN CHANNU</t>
  </si>
  <si>
    <t>Lakkanwala</t>
  </si>
  <si>
    <t>131/15L Mian Channu</t>
  </si>
  <si>
    <t>Shaista Anwar</t>
  </si>
  <si>
    <t>14617</t>
  </si>
  <si>
    <t>50161</t>
  </si>
  <si>
    <t>GGHS 9/14-L</t>
  </si>
  <si>
    <t>9/14l</t>
  </si>
  <si>
    <t>gghs 9/14_l</t>
  </si>
  <si>
    <t>6/14l</t>
  </si>
  <si>
    <t>Kahkshan Naz</t>
  </si>
  <si>
    <t>47175</t>
  </si>
  <si>
    <t>37938</t>
  </si>
  <si>
    <t>GHS RAWANI</t>
  </si>
  <si>
    <t>ghsrawani moza rawani lodhran</t>
  </si>
  <si>
    <t>Hafiz Muhammad Naeem</t>
  </si>
  <si>
    <t>29940</t>
  </si>
  <si>
    <t>45081</t>
  </si>
  <si>
    <t>GPS MC NO.5 MEHAR ABAD ROAD MIAN CHANNU</t>
  </si>
  <si>
    <t>MIAN CHANNU-I - MALE</t>
  </si>
  <si>
    <t>Kachi Abadi</t>
  </si>
  <si>
    <t>mehar abad road mian channu</t>
  </si>
  <si>
    <t>M. Kamran Salamat</t>
  </si>
  <si>
    <t>8648</t>
  </si>
  <si>
    <t>25473</t>
  </si>
  <si>
    <t>39760</t>
  </si>
  <si>
    <t>31188</t>
  </si>
  <si>
    <t>GGPS MUSTFA ABAD SHAHDRA</t>
  </si>
  <si>
    <t>G G P/ SCHOOL MUSTAFABAD SHAHDRA</t>
  </si>
  <si>
    <t>MUHALLA MUSTAFABAD</t>
  </si>
  <si>
    <t>RAVI TOWN</t>
  </si>
  <si>
    <t>6006</t>
  </si>
  <si>
    <t>29552</t>
  </si>
  <si>
    <t>2524</t>
  </si>
  <si>
    <t>35524</t>
  </si>
  <si>
    <t>41505</t>
  </si>
  <si>
    <t>GGHSS NO.1 BAGH SARDARAN RAWALPINDI CITY</t>
  </si>
  <si>
    <t>bagh sardaran Rawalpindi</t>
  </si>
  <si>
    <t>Dhoke Dolal</t>
  </si>
  <si>
    <t>Shazia Tahir</t>
  </si>
  <si>
    <t>48622</t>
  </si>
  <si>
    <t>9085</t>
  </si>
  <si>
    <t>9070</t>
  </si>
  <si>
    <t>7957</t>
  </si>
  <si>
    <t>22155</t>
  </si>
  <si>
    <t>GGHS BHAGOWAL KALAN</t>
  </si>
  <si>
    <t>BHAGOWAL KALAN</t>
  </si>
  <si>
    <t>MISS MUSSRAT PERVEEN</t>
  </si>
  <si>
    <t>39476</t>
  </si>
  <si>
    <t>14568</t>
  </si>
  <si>
    <t>GGPS MURABBA NO. 52 ST. NO 21</t>
  </si>
  <si>
    <t>st#21, sq#52, muzaffar colony,fsd</t>
  </si>
  <si>
    <t>Muzaffar Colony</t>
  </si>
  <si>
    <t>5411</t>
  </si>
  <si>
    <t>53291</t>
  </si>
  <si>
    <t>37974</t>
  </si>
  <si>
    <t>GGHS RAWANI</t>
  </si>
  <si>
    <t>basti rawani post office rawani teh district lodhran</t>
  </si>
  <si>
    <t>Quratulaen siddiqui</t>
  </si>
  <si>
    <t>18866</t>
  </si>
  <si>
    <t>37429</t>
  </si>
  <si>
    <t>GGHS 116/15-L, MIAN CHANNU</t>
  </si>
  <si>
    <t>116/15l</t>
  </si>
  <si>
    <t>116/15lmianchannu</t>
  </si>
  <si>
    <t>110/15l</t>
  </si>
  <si>
    <t>MUZZMEL KAUSAR</t>
  </si>
  <si>
    <t>18921</t>
  </si>
  <si>
    <t>51378</t>
  </si>
  <si>
    <t>93136</t>
  </si>
  <si>
    <t>22103</t>
  </si>
  <si>
    <t>GHS ISLAMIA CHOPALA</t>
  </si>
  <si>
    <t>Chopala</t>
  </si>
  <si>
    <t>district and tehsil gujrat village and post office Gujrat</t>
  </si>
  <si>
    <t>Mushtaq Hussain</t>
  </si>
  <si>
    <t>31310</t>
  </si>
  <si>
    <t>GHS CDG QILA LACHMAN SINGH</t>
  </si>
  <si>
    <t>Qila Lachlan Singh</t>
  </si>
  <si>
    <t>CDG BOYS HIGH SCHOOL QILA LACHMAN SINGH RAVI ROAD LHR</t>
  </si>
  <si>
    <t>QILA LACHMAN SINGH</t>
  </si>
  <si>
    <t>TARIQ AHMED</t>
  </si>
  <si>
    <t>25750</t>
  </si>
  <si>
    <t>688</t>
  </si>
  <si>
    <t>14819</t>
  </si>
  <si>
    <t>GPS CHAK 121 GB JARANWALA FSD</t>
  </si>
  <si>
    <t>Chak N0 121 GB</t>
  </si>
  <si>
    <t>chak # 121GB</t>
  </si>
  <si>
    <t>Suraj Kund</t>
  </si>
  <si>
    <t>Abdul  Sattar</t>
  </si>
  <si>
    <t>kane</t>
  </si>
  <si>
    <t>28704</t>
  </si>
  <si>
    <t>877</t>
  </si>
  <si>
    <t>34718</t>
  </si>
  <si>
    <t>10773</t>
  </si>
  <si>
    <t>GPS BAIT THORI</t>
  </si>
  <si>
    <t>LAYYAH-II - MALE</t>
  </si>
  <si>
    <t>Mirani Kacha</t>
  </si>
  <si>
    <t>bait thori</t>
  </si>
  <si>
    <t>Merani Katcha</t>
  </si>
  <si>
    <t>Muhammad Bilal Ahmad</t>
  </si>
  <si>
    <t>36910</t>
  </si>
  <si>
    <t>GGPS DADUANA, SARAI SIDHU</t>
  </si>
  <si>
    <t>Daduana</t>
  </si>
  <si>
    <t>mouza daduana basti daduana sarai sidhu</t>
  </si>
  <si>
    <t>Mouza Daduana</t>
  </si>
  <si>
    <t>Rizwana Naureen</t>
  </si>
  <si>
    <t>18680</t>
  </si>
  <si>
    <t>5925</t>
  </si>
  <si>
    <t>GGPS GHULAM SARWAR TARHALI</t>
  </si>
  <si>
    <t>Rais Pathan</t>
  </si>
  <si>
    <t>ggps ghulam server terhali allahabad  teh lqp dist ryk</t>
  </si>
  <si>
    <t>Basti Terhali</t>
  </si>
  <si>
    <t>Rehana Iqbal</t>
  </si>
  <si>
    <t>27899</t>
  </si>
  <si>
    <t>GGHS DHOK NAWAN LOK</t>
  </si>
  <si>
    <t>Dhok Nawanlok</t>
  </si>
  <si>
    <t>vpo dhoknawanlok teh.distt.m.b.din.</t>
  </si>
  <si>
    <t>Dhok Kasib</t>
  </si>
  <si>
    <t>Azmat Bibi</t>
  </si>
  <si>
    <t>8088</t>
  </si>
  <si>
    <t>34985</t>
  </si>
  <si>
    <t>30695</t>
  </si>
  <si>
    <t>GMPS SHAH PUR LAMMA</t>
  </si>
  <si>
    <t>Shah  pur  laman</t>
  </si>
  <si>
    <t>Basti  shah  pur  laman</t>
  </si>
  <si>
    <t>shah  pur  laman</t>
  </si>
  <si>
    <t>Ghazi  pur</t>
  </si>
  <si>
    <t>Qurban    Ali</t>
  </si>
  <si>
    <t>44334</t>
  </si>
  <si>
    <t>29613</t>
  </si>
  <si>
    <t>26746</t>
  </si>
  <si>
    <t>GGPS DONGRY KALAN</t>
  </si>
  <si>
    <t>Dongry Kalan</t>
  </si>
  <si>
    <t>village dongry kalan p/o pindi poorbian</t>
  </si>
  <si>
    <t>Bushra Bugum</t>
  </si>
  <si>
    <t>5909</t>
  </si>
  <si>
    <t>47014</t>
  </si>
  <si>
    <t>GHS PAF COLONY MIANWALI</t>
  </si>
  <si>
    <t>pafcolonymianwali</t>
  </si>
  <si>
    <t>Pafcolonymianwali</t>
  </si>
  <si>
    <t>Muncpalcommittemi</t>
  </si>
  <si>
    <t>Khurshid Iqbal Khan</t>
  </si>
  <si>
    <t>1176</t>
  </si>
  <si>
    <t>43567</t>
  </si>
  <si>
    <t>8826</t>
  </si>
  <si>
    <t>GES KATH GARH</t>
  </si>
  <si>
    <t>TIBBA IMAM MALE</t>
  </si>
  <si>
    <t>Kath Gahr</t>
  </si>
  <si>
    <t>Kath gahr p/o nutkani tehsil taunsa Sharif district DG Khan</t>
  </si>
  <si>
    <t>Muhammad Hasnain</t>
  </si>
  <si>
    <t>6022</t>
  </si>
  <si>
    <t>GES CHAK 52/P</t>
  </si>
  <si>
    <t>Chak No 52/P</t>
  </si>
  <si>
    <t>Chak No. 52/P Rahim Yar Khan</t>
  </si>
  <si>
    <t>Chak No 51/P</t>
  </si>
  <si>
    <t>13606</t>
  </si>
  <si>
    <t>26745</t>
  </si>
  <si>
    <t>GGPS SAHLOWALY</t>
  </si>
  <si>
    <t>Sehlowali</t>
  </si>
  <si>
    <t>Sehlowali P/O Dudhu Chak Tehsil Zafarwal District Narowal.</t>
  </si>
  <si>
    <t>Samina Anwar</t>
  </si>
  <si>
    <t>33194</t>
  </si>
  <si>
    <t>GES SHEROKE</t>
  </si>
  <si>
    <t>Sheroke</t>
  </si>
  <si>
    <t>Govt. elementary school sheroke</t>
  </si>
  <si>
    <t>Deurhi</t>
  </si>
  <si>
    <t>7660</t>
  </si>
  <si>
    <t>17709</t>
  </si>
  <si>
    <t>4560</t>
  </si>
  <si>
    <t>36525</t>
  </si>
  <si>
    <t>GGES SHARQI COLONY VEHARI</t>
  </si>
  <si>
    <t>Bhattah Ikram</t>
  </si>
  <si>
    <t>sharqicolony vehari</t>
  </si>
  <si>
    <t>Khalida Kanwal</t>
  </si>
  <si>
    <t>7124</t>
  </si>
  <si>
    <t>26945</t>
  </si>
  <si>
    <t>25320</t>
  </si>
  <si>
    <t>23558</t>
  </si>
  <si>
    <t>23035</t>
  </si>
  <si>
    <t>38731</t>
  </si>
  <si>
    <t>GGPS 374/W.B GARBI</t>
  </si>
  <si>
    <t>374/WB Ghrbi</t>
  </si>
  <si>
    <t>Govt. Girls primary school 374/W. B</t>
  </si>
  <si>
    <t>374 /W B</t>
  </si>
  <si>
    <t>386/WB</t>
  </si>
  <si>
    <t>Surriya Shaheen</t>
  </si>
  <si>
    <t>basti malok water supply</t>
  </si>
  <si>
    <t>43870</t>
  </si>
  <si>
    <t>20392</t>
  </si>
  <si>
    <t>GHS F.D. MODEL GUJRANWALA</t>
  </si>
  <si>
    <t>Fattomand</t>
  </si>
  <si>
    <t>kacha fattomand road imran colony Gujranwala</t>
  </si>
  <si>
    <t>Imran Colony fattomand</t>
  </si>
  <si>
    <t>MUHAMMAD ASHFAQ</t>
  </si>
  <si>
    <t>2115</t>
  </si>
  <si>
    <t>733</t>
  </si>
  <si>
    <t>GGPS NOOR PUR</t>
  </si>
  <si>
    <t>Govt girls p/s noor pur lhr cantt</t>
  </si>
  <si>
    <t>Ghawind</t>
  </si>
  <si>
    <t>Firdous Kosar</t>
  </si>
  <si>
    <t>30927</t>
  </si>
  <si>
    <t>44891</t>
  </si>
  <si>
    <t>39148</t>
  </si>
  <si>
    <t>GGHS RATWAL</t>
  </si>
  <si>
    <t>RATWAL</t>
  </si>
  <si>
    <t>village &amp; post office ratwal tehsil fateh jang distt attock</t>
  </si>
  <si>
    <t>GALI JAGEER</t>
  </si>
  <si>
    <t>Ambreen Saleem</t>
  </si>
  <si>
    <t>16920</t>
  </si>
  <si>
    <t>26725</t>
  </si>
  <si>
    <t>16799</t>
  </si>
  <si>
    <t>GHS PINDI SHEIKH MUSA TANDLIANWALA</t>
  </si>
  <si>
    <t>Pindi Sheikh Musa</t>
  </si>
  <si>
    <t>pindi sheikh musa tehsil tandlianwala distt.faisalabad</t>
  </si>
  <si>
    <t>Zulqarnain Kamran Rizvi</t>
  </si>
  <si>
    <t>14267</t>
  </si>
  <si>
    <t>from village filter</t>
  </si>
  <si>
    <t>11345</t>
  </si>
  <si>
    <t>47731</t>
  </si>
  <si>
    <t>38801</t>
  </si>
  <si>
    <t>GGHS SHAKAR DARA</t>
  </si>
  <si>
    <t>shakardara</t>
  </si>
  <si>
    <t>Govt Girls High School Shakardara Attock</t>
  </si>
  <si>
    <t>sarwala</t>
  </si>
  <si>
    <t>Sajida Kalsoom</t>
  </si>
  <si>
    <t>electric water pump</t>
  </si>
  <si>
    <t>26747</t>
  </si>
  <si>
    <t>GGPS BIHNAL</t>
  </si>
  <si>
    <t>vill:Banhal p/o dhuduchak tehsil zafrwal district narrowal</t>
  </si>
  <si>
    <t>Banhal</t>
  </si>
  <si>
    <t>Kousar Afshan</t>
  </si>
  <si>
    <t>6597</t>
  </si>
  <si>
    <t>28067</t>
  </si>
  <si>
    <t>GGHS MOJIANWALA</t>
  </si>
  <si>
    <t>mojianwala</t>
  </si>
  <si>
    <t>Govt. Girls high school mojianwala, kharian road,  mandi bahauddin</t>
  </si>
  <si>
    <t>Moazma Zawar</t>
  </si>
  <si>
    <t>33158</t>
  </si>
  <si>
    <t>village Banian Po Bara Ghar Teh&amp;Distt Nankana Sahib</t>
  </si>
  <si>
    <t>Machora</t>
  </si>
  <si>
    <t>HUMAIRA NAAZ</t>
  </si>
  <si>
    <t>GGPS MODEL DERA LAKHOKE</t>
  </si>
  <si>
    <t>LAKHOKI</t>
  </si>
  <si>
    <t>GGMPS dera lakhoke</t>
  </si>
  <si>
    <t>Dera Lakhoki</t>
  </si>
  <si>
    <t>Dearhi</t>
  </si>
  <si>
    <t>Shakeela Aslam</t>
  </si>
  <si>
    <t>39146</t>
  </si>
  <si>
    <t>29146</t>
  </si>
  <si>
    <t>GGPS RAHIM TOWN</t>
  </si>
  <si>
    <t>Rahim Town</t>
  </si>
  <si>
    <t>Rahim town street no 7</t>
  </si>
  <si>
    <t>Rahim town</t>
  </si>
  <si>
    <t>Jamil Park</t>
  </si>
  <si>
    <t>Shufqat Parveen</t>
  </si>
  <si>
    <t>8637</t>
  </si>
  <si>
    <t>GPS CITY NO. 14</t>
  </si>
  <si>
    <t>Dera Ghrbi</t>
  </si>
  <si>
    <t>Block Churratha Near Khosa Park DG Khan</t>
  </si>
  <si>
    <t>Urban Dera</t>
  </si>
  <si>
    <t>Peer Qatal</t>
  </si>
  <si>
    <t>Jaffar Hussain Shahzad</t>
  </si>
  <si>
    <t>22150</t>
  </si>
  <si>
    <t>GGHS HAJI WALA</t>
  </si>
  <si>
    <t>Village &amp; P/O Hajiwala Teh &amp; Distt Gujrat</t>
  </si>
  <si>
    <t>23658</t>
  </si>
  <si>
    <t>GGHS AKBAR</t>
  </si>
  <si>
    <t>akbar</t>
  </si>
  <si>
    <t>Govt.Girls High School Eminabad Road Akbar Chowk Post Office Talhara Tehsil Daska</t>
  </si>
  <si>
    <t>Shahida Nasreen</t>
  </si>
  <si>
    <t>8750</t>
  </si>
  <si>
    <t>5994</t>
  </si>
  <si>
    <t>16005</t>
  </si>
  <si>
    <t>GGES CHAK 29 JB NORTH</t>
  </si>
  <si>
    <t>29 Jb North</t>
  </si>
  <si>
    <t>29 jb north</t>
  </si>
  <si>
    <t>50127</t>
  </si>
  <si>
    <t>GHS 121/7ER</t>
  </si>
  <si>
    <t>chack 121/7ER</t>
  </si>
  <si>
    <t>Chack 121/7ER</t>
  </si>
  <si>
    <t>chack 119/7DR</t>
  </si>
  <si>
    <t>ZIA UL AHMAD</t>
  </si>
  <si>
    <t>GHS GOBIND GARH 12 RB</t>
  </si>
  <si>
    <t>gobind Garh</t>
  </si>
  <si>
    <t>Village Gobind Garh, Chak No. 12/R.B</t>
  </si>
  <si>
    <t>Gobind Garh</t>
  </si>
  <si>
    <t>Ratti Tibbi</t>
  </si>
  <si>
    <t>Arfan Ashar</t>
  </si>
  <si>
    <t>38555</t>
  </si>
  <si>
    <t>GPS SHER WALA</t>
  </si>
  <si>
    <t>1-4/M.P.R</t>
  </si>
  <si>
    <t>BASTI SHER WALA CHAK NO. 1-4/M.P.R.</t>
  </si>
  <si>
    <t>SHER WALA</t>
  </si>
  <si>
    <t>366/WB</t>
  </si>
  <si>
    <t>MUHAMMAD BILAL</t>
  </si>
  <si>
    <t>GPS CHAK 416 GB TANDLIANWALA</t>
  </si>
  <si>
    <t>Jhok Ameera</t>
  </si>
  <si>
    <t>chak no 416 gb</t>
  </si>
  <si>
    <t>416 Gb</t>
  </si>
  <si>
    <t>Muhammad Tariq Salim</t>
  </si>
  <si>
    <t>24309</t>
  </si>
  <si>
    <t>2989</t>
  </si>
  <si>
    <t>12011</t>
  </si>
  <si>
    <t>GGPS LOHAR WALA</t>
  </si>
  <si>
    <t>DAREGH</t>
  </si>
  <si>
    <t>Basti Lohar wala</t>
  </si>
  <si>
    <t>MOUZA DAREGH</t>
  </si>
  <si>
    <t>DREGH</t>
  </si>
  <si>
    <t>Nasreen Kausar</t>
  </si>
  <si>
    <t>891</t>
  </si>
  <si>
    <t>20338</t>
  </si>
  <si>
    <t>36453</t>
  </si>
  <si>
    <t>35240</t>
  </si>
  <si>
    <t>GPS 179 EB</t>
  </si>
  <si>
    <t>Chak No. 179/EB, Teh. Burewala, Distt. Veahari</t>
  </si>
  <si>
    <t>173/EB</t>
  </si>
  <si>
    <t>Yasir Nadeem</t>
  </si>
  <si>
    <t>14058</t>
  </si>
  <si>
    <t>9076</t>
  </si>
  <si>
    <t>6080</t>
  </si>
  <si>
    <t>37419</t>
  </si>
  <si>
    <t>GHS 2/8-R MIRZA PUR</t>
  </si>
  <si>
    <t>GHS 2/8-R Mirzapur Mian Channu</t>
  </si>
  <si>
    <t>2/8-R Mirzapur</t>
  </si>
  <si>
    <t>20/8-BR</t>
  </si>
  <si>
    <t>43997</t>
  </si>
  <si>
    <t>14621</t>
  </si>
  <si>
    <t>GGPS MC RAB SHAH CHOWK GHULAM MUHAMMAD ABAD</t>
  </si>
  <si>
    <t>Rab Shah Chowk</t>
  </si>
  <si>
    <t>G.M.c girls primary school #4 Rab shah chowk G.M abad</t>
  </si>
  <si>
    <t>Gm Abad</t>
  </si>
  <si>
    <t>Surryia Nargis</t>
  </si>
  <si>
    <t>3867</t>
  </si>
  <si>
    <t>44994</t>
  </si>
  <si>
    <t>33776</t>
  </si>
  <si>
    <t>GGES WAINS WALA</t>
  </si>
  <si>
    <t>bosanroad</t>
  </si>
  <si>
    <t>UsmanAbad</t>
  </si>
  <si>
    <t>UzmaNaheed</t>
  </si>
  <si>
    <t>27234</t>
  </si>
  <si>
    <t>38485</t>
  </si>
  <si>
    <t>GGHS MUSTAFA (SAW) CAMPUS CHAK NO. 356/WB</t>
  </si>
  <si>
    <t>356/WB</t>
  </si>
  <si>
    <t>chak no 356/WB</t>
  </si>
  <si>
    <t>360/WB</t>
  </si>
  <si>
    <t>53159</t>
  </si>
  <si>
    <t>16484</t>
  </si>
  <si>
    <t>GPS CHAK 411 GB II TANDLIANWALA</t>
  </si>
  <si>
    <t>KOHlA</t>
  </si>
  <si>
    <t>CHAk#411GBII</t>
  </si>
  <si>
    <t>411GBII</t>
  </si>
  <si>
    <t>411GBI Mujhana</t>
  </si>
  <si>
    <t>87120</t>
  </si>
  <si>
    <t>29683</t>
  </si>
  <si>
    <t>23896</t>
  </si>
  <si>
    <t>50234</t>
  </si>
  <si>
    <t>GGHS 15/11-L</t>
  </si>
  <si>
    <t>Chack no 15 11L</t>
  </si>
  <si>
    <t>chack no 15 11L</t>
  </si>
  <si>
    <t>Chack No 15 11L</t>
  </si>
  <si>
    <t>Chack No 44 12L</t>
  </si>
  <si>
    <t>Sajida  Perveen</t>
  </si>
  <si>
    <t>54805</t>
  </si>
  <si>
    <t>16161</t>
  </si>
  <si>
    <t>GGES CHAK 252 RB KING KALAN</t>
  </si>
  <si>
    <t>Chan No 252 Rb Fsd</t>
  </si>
  <si>
    <t>Chao no252 rb</t>
  </si>
  <si>
    <t>252 Rb</t>
  </si>
  <si>
    <t>Jahangir Kalan</t>
  </si>
  <si>
    <t>16410</t>
  </si>
  <si>
    <t>1009</t>
  </si>
  <si>
    <t>30193</t>
  </si>
  <si>
    <t>GGHS CHARRAR</t>
  </si>
  <si>
    <t>CHARRAR</t>
  </si>
  <si>
    <t>GOVT GIRLS HIGH SCHOOL CHARRAR LHR CANTT</t>
  </si>
  <si>
    <t>walton Cantonment</t>
  </si>
  <si>
    <t>IFFAT PARVEEN</t>
  </si>
  <si>
    <t>23630</t>
  </si>
  <si>
    <t>GGHS BHAGAT PUR</t>
  </si>
  <si>
    <t>Bhagat Pur</t>
  </si>
  <si>
    <t>govt.girls high school bhagat pur daska, sialkot</t>
  </si>
  <si>
    <t>Samina Sarwar</t>
  </si>
  <si>
    <t>38431</t>
  </si>
  <si>
    <t>GHSS JHANDEER WAH</t>
  </si>
  <si>
    <t>JHANDIRWAH</t>
  </si>
  <si>
    <t>JHANDIRWAH P/O SAME</t>
  </si>
  <si>
    <t>Mumtaz Hussain Shah</t>
  </si>
  <si>
    <t>40645</t>
  </si>
  <si>
    <t>36156</t>
  </si>
  <si>
    <t>GGES CHAK NO 11 WB</t>
  </si>
  <si>
    <t>Chak No 11 wb</t>
  </si>
  <si>
    <t>Muslim Town Vehari</t>
  </si>
  <si>
    <t>11 WB</t>
  </si>
  <si>
    <t>9-11 WB</t>
  </si>
  <si>
    <t>26158</t>
  </si>
  <si>
    <t>16796</t>
  </si>
  <si>
    <t>GHS JHAMRA TANDLIANWALA FSD</t>
  </si>
  <si>
    <t>Mouza Jhamra tehsil Tandlianwala district Faisalabad</t>
  </si>
  <si>
    <t>Aurangzeb Faridi</t>
  </si>
  <si>
    <t>1745</t>
  </si>
  <si>
    <t>35244</t>
  </si>
  <si>
    <t>GPS 169 EB</t>
  </si>
  <si>
    <t>169/EB</t>
  </si>
  <si>
    <t>chak  no. 169/E.B post office 171/EB Teh. Burewala Disst. Vehari</t>
  </si>
  <si>
    <t>365/EB</t>
  </si>
  <si>
    <t>Muhammad nasir</t>
  </si>
  <si>
    <t>4354</t>
  </si>
  <si>
    <t>52288</t>
  </si>
  <si>
    <t>54926</t>
  </si>
  <si>
    <t>GGHS CHAK 435 GB</t>
  </si>
  <si>
    <t>gghs 435 gb lasharian</t>
  </si>
  <si>
    <t>434 gb</t>
  </si>
  <si>
    <t>Faeza Fatima</t>
  </si>
  <si>
    <t>135559</t>
  </si>
  <si>
    <t>4681</t>
  </si>
  <si>
    <t>50168</t>
  </si>
  <si>
    <t>GES 108/12-L</t>
  </si>
  <si>
    <t>108/12L</t>
  </si>
  <si>
    <t>Chak No.  108/12-L cci</t>
  </si>
  <si>
    <t>Chak No 108/12-L</t>
  </si>
  <si>
    <t>Chak No 109/12-L</t>
  </si>
  <si>
    <t>ZESHAN HAIDER</t>
  </si>
  <si>
    <t>8109</t>
  </si>
  <si>
    <t>36273</t>
  </si>
  <si>
    <t>28164</t>
  </si>
  <si>
    <t>51824</t>
  </si>
  <si>
    <t>14605</t>
  </si>
  <si>
    <t>GGPS MC GULSHEN COLONY</t>
  </si>
  <si>
    <t>M.C.G.P school gulshan colony near taj dare madina mosque fsd</t>
  </si>
  <si>
    <t>Gulshan  Colony</t>
  </si>
  <si>
    <t>22548</t>
  </si>
  <si>
    <t>41562</t>
  </si>
  <si>
    <t>GGCMES CHAK 26 JB SOUTH</t>
  </si>
  <si>
    <t>26 JB South</t>
  </si>
  <si>
    <t>chak no. 26 jb south</t>
  </si>
  <si>
    <t>26 Jb South</t>
  </si>
  <si>
    <t>Chak No 27jb</t>
  </si>
  <si>
    <t>kishwer parveen</t>
  </si>
  <si>
    <t>36176</t>
  </si>
  <si>
    <t>7992</t>
  </si>
  <si>
    <t>16495</t>
  </si>
  <si>
    <t>GPS NO 8 TANDLIANWALA</t>
  </si>
  <si>
    <t>Mohalla Mubarik pura Tandlianwala</t>
  </si>
  <si>
    <t>Mohalla Mubarik pura street no 10 Tandlianwala</t>
  </si>
  <si>
    <t>City Tandlianwala</t>
  </si>
  <si>
    <t>2431</t>
  </si>
  <si>
    <t>52497</t>
  </si>
  <si>
    <t>GES BUNGA SALEH</t>
  </si>
  <si>
    <t>CHURASTA MIAN KHAN - MALE</t>
  </si>
  <si>
    <t>Bonga Saleh</t>
  </si>
  <si>
    <t>G ovt elementary school bonga saleh depalpur okara,</t>
  </si>
  <si>
    <t>4059</t>
  </si>
  <si>
    <t>21482</t>
  </si>
  <si>
    <t>43481</t>
  </si>
  <si>
    <t>GGPS DHOK MIAN MEHR PO CHAK BAQIR SHAH</t>
  </si>
  <si>
    <t>Dhoke mian mehr</t>
  </si>
  <si>
    <t>ggps dhoke mian mehr po chak baqir shah</t>
  </si>
  <si>
    <t>Dhoke Mian Mehr</t>
  </si>
  <si>
    <t>Shabnam Khalid</t>
  </si>
  <si>
    <t>6937</t>
  </si>
  <si>
    <t>1559</t>
  </si>
  <si>
    <t>25670</t>
  </si>
  <si>
    <t>GPS ISLAMIA COMMITTEE NAROWAL</t>
  </si>
  <si>
    <t>NAROWAL - MALE</t>
  </si>
  <si>
    <t>govt islamia primary committee school narowal</t>
  </si>
  <si>
    <t>MC#2</t>
  </si>
  <si>
    <t>Amir Shahzad</t>
  </si>
  <si>
    <t>47656</t>
  </si>
  <si>
    <t>44803</t>
  </si>
  <si>
    <t>53398</t>
  </si>
  <si>
    <t>GGPS 49-A/2.L</t>
  </si>
  <si>
    <t>49A/2L</t>
  </si>
  <si>
    <t>GGps 49A/2L okara</t>
  </si>
  <si>
    <t>52/2L</t>
  </si>
  <si>
    <t>Rizwana</t>
  </si>
  <si>
    <t>21618</t>
  </si>
  <si>
    <t>GMPS TOUNG UCHA</t>
  </si>
  <si>
    <t>Tong oncha</t>
  </si>
  <si>
    <t>tong oncha</t>
  </si>
  <si>
    <t>Tong Oncha</t>
  </si>
  <si>
    <t>Kishwer Naheed</t>
  </si>
  <si>
    <t>46920</t>
  </si>
  <si>
    <t>37240</t>
  </si>
  <si>
    <t>GGHS 70/10-R ARIANAGAR, KHANEWAL (UPGRADE AS HIGH)</t>
  </si>
  <si>
    <t>Arianagar</t>
  </si>
  <si>
    <t>gghs 70/10 R arianagar,khanewal</t>
  </si>
  <si>
    <t>70/10 R</t>
  </si>
  <si>
    <t>Javeria Rafique</t>
  </si>
  <si>
    <t>14156</t>
  </si>
  <si>
    <t>11763</t>
  </si>
  <si>
    <t>22921</t>
  </si>
  <si>
    <t>GGHS M.B.LALAMUSA</t>
  </si>
  <si>
    <t>LALAMUSA</t>
  </si>
  <si>
    <t>NEAR MEAT MARKET, LALAMUSA</t>
  </si>
  <si>
    <t>35986</t>
  </si>
  <si>
    <t>GPS DIN NAGAR SARGANA</t>
  </si>
  <si>
    <t>Mouza Sargana</t>
  </si>
  <si>
    <t>Basti Din Nagar Mouza Sargana. P/O Sargana.</t>
  </si>
  <si>
    <t>Basti Din Nagar</t>
  </si>
  <si>
    <t>GGPS BASTI JATTAN R.Y.KHAN</t>
  </si>
  <si>
    <t>SAR Bohri</t>
  </si>
  <si>
    <t>GGPS basti jattan</t>
  </si>
  <si>
    <t>Basti Jattan</t>
  </si>
  <si>
    <t>shazia shameem</t>
  </si>
  <si>
    <t>6660</t>
  </si>
  <si>
    <t>1410</t>
  </si>
  <si>
    <t>GGHS CHANGA BANGIAL</t>
  </si>
  <si>
    <t>Change Bangial</t>
  </si>
  <si>
    <t>GGHS Changa Bangial Gujar Khan Rawalpindi</t>
  </si>
  <si>
    <t>Changa Bangial</t>
  </si>
  <si>
    <t>Changs Bangial</t>
  </si>
  <si>
    <t>SAIMA ADALAT</t>
  </si>
  <si>
    <t>119790</t>
  </si>
  <si>
    <t>boring and motor</t>
  </si>
  <si>
    <t>21965</t>
  </si>
  <si>
    <t>39697</t>
  </si>
  <si>
    <t>GGHS BHANDAR KARAM SHER</t>
  </si>
  <si>
    <t>Bhandar Karm Sher</t>
  </si>
  <si>
    <t>po jand v b k sher teh jand distt attock</t>
  </si>
  <si>
    <t>Bhandar Karam Sher</t>
  </si>
  <si>
    <t>Nimra Arshad</t>
  </si>
  <si>
    <t>watersupply and pump</t>
  </si>
  <si>
    <t>GPS MUSSAKANJO</t>
  </si>
  <si>
    <t>Mussa Kanju</t>
  </si>
  <si>
    <t>dera raja sultan Mussa Kanju</t>
  </si>
  <si>
    <t>muhammad iqbal</t>
  </si>
  <si>
    <t>GGHS SHAGEER SHAHEED PARK</t>
  </si>
  <si>
    <t>Nowshehra Road</t>
  </si>
  <si>
    <t>nowshera road gujranwala</t>
  </si>
  <si>
    <t>data ganj bakhsh</t>
  </si>
  <si>
    <t>Faiza</t>
  </si>
  <si>
    <t>4174</t>
  </si>
  <si>
    <t>46595</t>
  </si>
  <si>
    <t>GGES CHOHA SHARIF</t>
  </si>
  <si>
    <t>QUAIDABAD NORTH (FEMALE)</t>
  </si>
  <si>
    <t>choha</t>
  </si>
  <si>
    <t>Tayyaba Saeed</t>
  </si>
  <si>
    <t>51838</t>
  </si>
  <si>
    <t>2671</t>
  </si>
  <si>
    <t>16893</t>
  </si>
  <si>
    <t>GES 18-HAZARI</t>
  </si>
  <si>
    <t>18-HAZARI - MALE</t>
  </si>
  <si>
    <t>Town 18 Hazari</t>
  </si>
  <si>
    <t>28297</t>
  </si>
  <si>
    <t>8699</t>
  </si>
  <si>
    <t>GHS KOT NAWAB AKBAR KHAN</t>
  </si>
  <si>
    <t>Kulay Wala</t>
  </si>
  <si>
    <t>village kulay wala post office Atheel pur kasur</t>
  </si>
  <si>
    <t>Cheraywan</t>
  </si>
  <si>
    <t>Tahir Idrees</t>
  </si>
  <si>
    <t>39911</t>
  </si>
  <si>
    <t>GGHSS SHADI KHAN</t>
  </si>
  <si>
    <t>SHADI KHAN</t>
  </si>
  <si>
    <t>V&amp;PO SHADI KHAN TEHSIL HAZRO DISTRICT ATTOCK</t>
  </si>
  <si>
    <t>FORMULI</t>
  </si>
  <si>
    <t>adam gulla</t>
  </si>
  <si>
    <t>27917</t>
  </si>
  <si>
    <t>GHS CHAK NO. 2 JANUBI</t>
  </si>
  <si>
    <t>CHAK NO. 02 JUNUBI</t>
  </si>
  <si>
    <t>CHAK NO. 02 JUNUBI, MANDI BAHAUD DIN</t>
  </si>
  <si>
    <t>CHAK Basawa</t>
  </si>
  <si>
    <t>MUHAMMAD IRFAN</t>
  </si>
  <si>
    <t>38219</t>
  </si>
  <si>
    <t>GGHSS DHANOTE</t>
  </si>
  <si>
    <t>DHANOTE</t>
  </si>
  <si>
    <t>GGHSS DHANOTE TEHSIL KEHROR PACCA DISTRICT LODHRAN</t>
  </si>
  <si>
    <t>NASIRA NAHID</t>
  </si>
  <si>
    <t>25091</t>
  </si>
  <si>
    <t>GGCMS DHOOL</t>
  </si>
  <si>
    <t>Dhool</t>
  </si>
  <si>
    <t>Govt. Girls Community Model primary School Dhool Post office jhung more Tehsil and District Sialkot</t>
  </si>
  <si>
    <t>Palora Kalan</t>
  </si>
  <si>
    <t>Nusrat Jamila</t>
  </si>
  <si>
    <t>1528</t>
  </si>
  <si>
    <t>20612</t>
  </si>
  <si>
    <t>GES KAMO MALHI</t>
  </si>
  <si>
    <t>Kamo Malhi</t>
  </si>
  <si>
    <t>kamo Malhi</t>
  </si>
  <si>
    <t>18296</t>
  </si>
  <si>
    <t>19075</t>
  </si>
  <si>
    <t>44897</t>
  </si>
  <si>
    <t>GGHS CHAK NO. 40 ML</t>
  </si>
  <si>
    <t>GGHS chak no.40ml</t>
  </si>
  <si>
    <t>40ml</t>
  </si>
  <si>
    <t>Surrya Kausar</t>
  </si>
  <si>
    <t>26355</t>
  </si>
  <si>
    <t>GGHS MODEL FATEH PUR</t>
  </si>
  <si>
    <t>GGMHS FATEH PUR WARD NO 3</t>
  </si>
  <si>
    <t>WARD NO 3</t>
  </si>
  <si>
    <t>FATEH PUR</t>
  </si>
  <si>
    <t>SHAHINA AZIZ</t>
  </si>
  <si>
    <t>22239</t>
  </si>
  <si>
    <t>844</t>
  </si>
  <si>
    <t>21819</t>
  </si>
  <si>
    <t>GGHS BADDOKE SEIKHHWAN</t>
  </si>
  <si>
    <t>baddoke saikhuwan</t>
  </si>
  <si>
    <t>GGHS BADDOKE SAIKHUWAN, Teh. Noshera Virkan GUJRANWALA.</t>
  </si>
  <si>
    <t>udhuwali</t>
  </si>
  <si>
    <t>KANWAL SHAHZADI</t>
  </si>
  <si>
    <t>32255</t>
  </si>
  <si>
    <t>21755</t>
  </si>
  <si>
    <t>33317</t>
  </si>
  <si>
    <t>GGPS MOH IMAM BARA</t>
  </si>
  <si>
    <t>Khangah Dogran</t>
  </si>
  <si>
    <t>moh  imam bargah khangah dogran District SKP</t>
  </si>
  <si>
    <t>Town Kamaty</t>
  </si>
  <si>
    <t>28492</t>
  </si>
  <si>
    <t>43276</t>
  </si>
  <si>
    <t>GPS KOTLAY</t>
  </si>
  <si>
    <t>DHUMMAN-MALE</t>
  </si>
  <si>
    <t>Kotlay</t>
  </si>
  <si>
    <t>village kotlay p/o padshahan district and tehsil chakwal</t>
  </si>
  <si>
    <t>Jand Khanzada</t>
  </si>
  <si>
    <t>Aftab Javed</t>
  </si>
  <si>
    <t>8503</t>
  </si>
  <si>
    <t>7020</t>
  </si>
  <si>
    <t>30425</t>
  </si>
  <si>
    <t>30421</t>
  </si>
  <si>
    <t>GGHS CHAK NO. 130 M</t>
  </si>
  <si>
    <t>Chak No 130/M</t>
  </si>
  <si>
    <t>Chak No.130/m  P.O  Same Tehsil Chishtian District Bahawalnagar</t>
  </si>
  <si>
    <t>Chak No 134/M</t>
  </si>
  <si>
    <t>Naveeda Kousar</t>
  </si>
  <si>
    <t>9733</t>
  </si>
  <si>
    <t>46690</t>
  </si>
  <si>
    <t>15679</t>
  </si>
  <si>
    <t>GGHS CHAK NO. 213/GB</t>
  </si>
  <si>
    <t>213 GB</t>
  </si>
  <si>
    <t>CHAK NO 213 GB TEH SAMUNDRI DIST FAISALABAD O</t>
  </si>
  <si>
    <t>211 GB</t>
  </si>
  <si>
    <t>RIFAT SALEEM</t>
  </si>
  <si>
    <t>16861</t>
  </si>
  <si>
    <t>45155</t>
  </si>
  <si>
    <t>GHS SHER GARH</t>
  </si>
  <si>
    <t>Bhidwal Wala</t>
  </si>
  <si>
    <t>Sher garh teh Mankera District Bhakkar</t>
  </si>
  <si>
    <t>Haji Ghulam Ahmad</t>
  </si>
  <si>
    <t>42306</t>
  </si>
  <si>
    <t>16680</t>
  </si>
  <si>
    <t>37967</t>
  </si>
  <si>
    <t>GGHS 49/M</t>
  </si>
  <si>
    <t>chak 49M district and division lodhran</t>
  </si>
  <si>
    <t>Hafiza Aniqa Arshad</t>
  </si>
  <si>
    <t>private water supply</t>
  </si>
  <si>
    <t>48486</t>
  </si>
  <si>
    <t>GGPS BUTTA KOT, KABIRWALA</t>
  </si>
  <si>
    <t>Kopreywala</t>
  </si>
  <si>
    <t>koprey Wala buttakot</t>
  </si>
  <si>
    <t>Buttakot</t>
  </si>
  <si>
    <t>Shahla Nargis</t>
  </si>
  <si>
    <t>5797</t>
  </si>
  <si>
    <t>49907</t>
  </si>
  <si>
    <t>44110</t>
  </si>
  <si>
    <t>GHS NAHAR WALI</t>
  </si>
  <si>
    <t>GHS Nahar Wali P.O Nahar Wali Via Samma Satta Bahawalpur Sadar</t>
  </si>
  <si>
    <t>Syed Habib Ullah Shah</t>
  </si>
  <si>
    <t>51202</t>
  </si>
  <si>
    <t>44700</t>
  </si>
  <si>
    <t>15378</t>
  </si>
  <si>
    <t>GHS 61/RB</t>
  </si>
  <si>
    <t>chak no 61rb</t>
  </si>
  <si>
    <t>govt. high school 61RB  faisalabad.</t>
  </si>
  <si>
    <t>Chak No 61rb</t>
  </si>
  <si>
    <t>MUHAMMAD KHAN</t>
  </si>
  <si>
    <t>27718</t>
  </si>
  <si>
    <t>29319</t>
  </si>
  <si>
    <t>20990</t>
  </si>
  <si>
    <t>GPS RAJO WAL NOU</t>
  </si>
  <si>
    <t>Rajo Wal Nou</t>
  </si>
  <si>
    <t>GPS Rajo Wal Nou markaz Usman Wala kasur</t>
  </si>
  <si>
    <t>6655</t>
  </si>
  <si>
    <t>26259</t>
  </si>
  <si>
    <t>27755</t>
  </si>
  <si>
    <t>27662</t>
  </si>
  <si>
    <t>22112</t>
  </si>
  <si>
    <t>GHS MALIK PUR MIRZA</t>
  </si>
  <si>
    <t>MALIK PUR Mirza</t>
  </si>
  <si>
    <t>VILL MALIK PUR Mirza P.O KOWANKH Teh &amp; Distt Gujrat</t>
  </si>
  <si>
    <t>Malik Pur Mirza</t>
  </si>
  <si>
    <t>Santal</t>
  </si>
  <si>
    <t>11768</t>
  </si>
  <si>
    <t>37802</t>
  </si>
  <si>
    <t>GPS 102/10-R, JAHANIAN</t>
  </si>
  <si>
    <t>Govt p/s 102/10.r teh JAHANIAN distt khanewal</t>
  </si>
  <si>
    <t>102/10R</t>
  </si>
  <si>
    <t>36450</t>
  </si>
  <si>
    <t>41604</t>
  </si>
  <si>
    <t>47040</t>
  </si>
  <si>
    <t>GGHS SHAHBAZ SHARIF</t>
  </si>
  <si>
    <t>Kohatiyan</t>
  </si>
  <si>
    <t>Qureshiyan</t>
  </si>
  <si>
    <t>45427</t>
  </si>
  <si>
    <t>16665</t>
  </si>
  <si>
    <t>GGES 604 GB</t>
  </si>
  <si>
    <t>kalyaran</t>
  </si>
  <si>
    <t>Chak no 604 GB</t>
  </si>
  <si>
    <t>Chak No 603 GB</t>
  </si>
  <si>
    <t>Samina Aslam</t>
  </si>
  <si>
    <t>43467</t>
  </si>
  <si>
    <t>37392</t>
  </si>
  <si>
    <t>GGCMS 168/10-R</t>
  </si>
  <si>
    <t>168/10 R</t>
  </si>
  <si>
    <t>Government girls community model primary school 168/10 R kwl</t>
  </si>
  <si>
    <t>88/10 R</t>
  </si>
  <si>
    <t>Ujala Khizer</t>
  </si>
  <si>
    <t>43094</t>
  </si>
  <si>
    <t>GHS MUNDAY</t>
  </si>
  <si>
    <t>MUNDAY</t>
  </si>
  <si>
    <t>VPO MUNDAY</t>
  </si>
  <si>
    <t>BEGAAL</t>
  </si>
  <si>
    <t>3310</t>
  </si>
  <si>
    <t>15374</t>
  </si>
  <si>
    <t>GHS 100/RB</t>
  </si>
  <si>
    <t>Chak NO 100 RB</t>
  </si>
  <si>
    <t>CHAK NO 100 RB</t>
  </si>
  <si>
    <t>CHAK NO 103 RB</t>
  </si>
  <si>
    <t>MUHAMMAD DILSHAD MAJEED</t>
  </si>
  <si>
    <t>GGES CHAK 92 GB TANDA</t>
  </si>
  <si>
    <t>Tanda</t>
  </si>
  <si>
    <t>92 GB Tanda FSD</t>
  </si>
  <si>
    <t>92 GB Tanda</t>
  </si>
  <si>
    <t>Sumble Shakeel</t>
  </si>
  <si>
    <t>27077</t>
  </si>
  <si>
    <t>16853</t>
  </si>
  <si>
    <t>GHS CHUND BHARWANA</t>
  </si>
  <si>
    <t>Chund Bharwana</t>
  </si>
  <si>
    <t>Chund Bharwana, Jhang</t>
  </si>
  <si>
    <t>7711</t>
  </si>
  <si>
    <t>13194</t>
  </si>
  <si>
    <t>GGHS JHUGGI WALA</t>
  </si>
  <si>
    <t>Kotla Band Ali</t>
  </si>
  <si>
    <t>GGHS jhuggiwala</t>
  </si>
  <si>
    <t>Jhuggiwala R</t>
  </si>
  <si>
    <t>Meer Wala</t>
  </si>
  <si>
    <t>tahira parveen</t>
  </si>
  <si>
    <t>34647</t>
  </si>
  <si>
    <t>GGES CHAK NO 56/F</t>
  </si>
  <si>
    <t>56/F</t>
  </si>
  <si>
    <t>Chak 56/F Bakshan Khan Chishtian</t>
  </si>
  <si>
    <t>54/F</t>
  </si>
  <si>
    <t>Amina Kausar</t>
  </si>
  <si>
    <t>4704</t>
  </si>
  <si>
    <t>14115</t>
  </si>
  <si>
    <t>18260</t>
  </si>
  <si>
    <t>42325</t>
  </si>
  <si>
    <t>33663</t>
  </si>
  <si>
    <t>GGHS MUHALLAH DOGRAN QASIMPUR COLONY MULTAN</t>
  </si>
  <si>
    <t>Taraf Dairah</t>
  </si>
  <si>
    <t>Mohallah Dogran,Qasimpur Colony,P/O Mumtazabad,Multan.</t>
  </si>
  <si>
    <t>Mohallah Dogran</t>
  </si>
  <si>
    <t>Qasim pur Colony</t>
  </si>
  <si>
    <t>Shumaila Imran</t>
  </si>
  <si>
    <t>28285</t>
  </si>
  <si>
    <t>698</t>
  </si>
  <si>
    <t>20454</t>
  </si>
  <si>
    <t>GGHS PIPNAKHA</t>
  </si>
  <si>
    <t>Pipnakha</t>
  </si>
  <si>
    <t>village pipnakha gujranwala</t>
  </si>
  <si>
    <t>Rizwana Sarwar</t>
  </si>
  <si>
    <t>32045</t>
  </si>
  <si>
    <t>10585</t>
  </si>
  <si>
    <t>10559</t>
  </si>
  <si>
    <t>GHS CHANDRAIN</t>
  </si>
  <si>
    <t>Basti Chandrain Chak 160 B/ TDA  P/O jaman shah</t>
  </si>
  <si>
    <t>Basti Chandrain</t>
  </si>
  <si>
    <t>Rahim Bakhsh</t>
  </si>
  <si>
    <t>19687</t>
  </si>
  <si>
    <t>19958</t>
  </si>
  <si>
    <t>28246</t>
  </si>
  <si>
    <t>GG BBS HS CHARAN WALA</t>
  </si>
  <si>
    <t>CHARANWALA</t>
  </si>
  <si>
    <t>VPO CHARANWALA</t>
  </si>
  <si>
    <t>SANDHAWALA</t>
  </si>
  <si>
    <t>SAEEDA IRSHAD</t>
  </si>
  <si>
    <t>34837</t>
  </si>
  <si>
    <t>37402</t>
  </si>
  <si>
    <t>GHS 119/15-L, MIAN CHANNU</t>
  </si>
  <si>
    <t>chak no 119/15.L</t>
  </si>
  <si>
    <t>chak no119/15.L</t>
  </si>
  <si>
    <t>chak no 123/15.L</t>
  </si>
  <si>
    <t>SHER MUHAMMAD KALIM</t>
  </si>
  <si>
    <t>41553</t>
  </si>
  <si>
    <t>40245</t>
  </si>
  <si>
    <t>GGES CHAK MEHMEDA</t>
  </si>
  <si>
    <t>Chak Mehmanda</t>
  </si>
  <si>
    <t>VPO Chak Mehmanda Jhelum</t>
  </si>
  <si>
    <t>Adeela Jabeen</t>
  </si>
  <si>
    <t>25950</t>
  </si>
  <si>
    <t>47200</t>
  </si>
  <si>
    <t>4251</t>
  </si>
  <si>
    <t>GGHS CHAK NO. 123 MURAD</t>
  </si>
  <si>
    <t>Chak 123/M</t>
  </si>
  <si>
    <t>CHAK NO. 123/M P.O CHAK NO.124/M TEHSIL CHISHTIAN DISTT.BWN</t>
  </si>
  <si>
    <t>CHAK NO. 123/M</t>
  </si>
  <si>
    <t>CHAK NO.118/M</t>
  </si>
  <si>
    <t>Saima Tufail</t>
  </si>
  <si>
    <t>42090</t>
  </si>
  <si>
    <t>GGHS MC TELI MOHALLAH</t>
  </si>
  <si>
    <t>GGHS MC Telli mohalla rawalpindi</t>
  </si>
  <si>
    <t>Waris khan</t>
  </si>
  <si>
    <t>Nasira Iqbal</t>
  </si>
  <si>
    <t>GES KHABAKY</t>
  </si>
  <si>
    <t>Khabbakey</t>
  </si>
  <si>
    <t>vpo khabbakey</t>
  </si>
  <si>
    <t>Nasir Ahmad</t>
  </si>
  <si>
    <t>44860</t>
  </si>
  <si>
    <t>24305</t>
  </si>
  <si>
    <t>5165</t>
  </si>
  <si>
    <t>48931</t>
  </si>
  <si>
    <t>GGHS BLOCK-W NEW SATTELITE TOWN SARGODHA</t>
  </si>
  <si>
    <t>Nst</t>
  </si>
  <si>
    <t>BLOCK W NEW SATELLITE TOWN SARGODHA</t>
  </si>
  <si>
    <t>46 NB</t>
  </si>
  <si>
    <t>1487</t>
  </si>
  <si>
    <t>20446</t>
  </si>
  <si>
    <t>GGHS BHATTI BHANGO</t>
  </si>
  <si>
    <t>Bhatti Bhango</t>
  </si>
  <si>
    <t>Bhatti bhango</t>
  </si>
  <si>
    <t>Azubah Wilbur john</t>
  </si>
  <si>
    <t>21810</t>
  </si>
  <si>
    <t>22157</t>
  </si>
  <si>
    <t>GGHS JALAL PUR JATTAN</t>
  </si>
  <si>
    <t>GGHS JALAL PUR JATTAN,GUJRAT.</t>
  </si>
  <si>
    <t>JALAL PUR JATTAN</t>
  </si>
  <si>
    <t>Momi Gul</t>
  </si>
  <si>
    <t>deep well bore</t>
  </si>
  <si>
    <t>7292</t>
  </si>
  <si>
    <t>4717</t>
  </si>
  <si>
    <t>GGES CHAK NO.120/TDA OLD</t>
  </si>
  <si>
    <t>TAIL INDUS FEMALE</t>
  </si>
  <si>
    <t>Noshara Thal Jhand</t>
  </si>
  <si>
    <t>chak No. 120/TDA old</t>
  </si>
  <si>
    <t>120/tda Old</t>
  </si>
  <si>
    <t>Tail Indus</t>
  </si>
  <si>
    <t>Rukhsana Yaseen</t>
  </si>
  <si>
    <t>18758</t>
  </si>
  <si>
    <t>29540</t>
  </si>
  <si>
    <t>16091</t>
  </si>
  <si>
    <t>GES CHAK 260 RB</t>
  </si>
  <si>
    <t>260RB</t>
  </si>
  <si>
    <t>CHAK NO 260 RB</t>
  </si>
  <si>
    <t>WAHEELA</t>
  </si>
  <si>
    <t>WAHEELA KALAN</t>
  </si>
  <si>
    <t>Pervaiz Iqbal Saleemi</t>
  </si>
  <si>
    <t>7466</t>
  </si>
  <si>
    <t>9361</t>
  </si>
  <si>
    <t>GGHS 73 RB TIBBI</t>
  </si>
  <si>
    <t>73 Rb</t>
  </si>
  <si>
    <t>GGHS 73 rb tibbi</t>
  </si>
  <si>
    <t>Chak No 76 Rb</t>
  </si>
  <si>
    <t>Kubra  Bibi</t>
  </si>
  <si>
    <t>44467</t>
  </si>
  <si>
    <t>chak no 5rmk</t>
  </si>
  <si>
    <t>Saeed Abad</t>
  </si>
  <si>
    <t>Muhammad Khalil Ahmad</t>
  </si>
  <si>
    <t>15746</t>
  </si>
  <si>
    <t>29127</t>
  </si>
  <si>
    <t>GGHS SARHALI KALAN</t>
  </si>
  <si>
    <t>srhali kalan</t>
  </si>
  <si>
    <t>village sarhali kalan mustafa bad kasur</t>
  </si>
  <si>
    <t>sarhali kalan</t>
  </si>
  <si>
    <t>abida naheed</t>
  </si>
  <si>
    <t>52284</t>
  </si>
  <si>
    <t>16907</t>
  </si>
  <si>
    <t>GES SHEHNI WALA</t>
  </si>
  <si>
    <t>GES SHEHNI WALA JHANG CITY</t>
  </si>
  <si>
    <t>SHEHNI WALA</t>
  </si>
  <si>
    <t>MADAN SHAH</t>
  </si>
  <si>
    <t>MUHAMMAD NADEEM SAJID</t>
  </si>
  <si>
    <t>11253</t>
  </si>
  <si>
    <t>31219</t>
  </si>
  <si>
    <t>GMMS MASJID UMER KHATAB FAZAL COLONY</t>
  </si>
  <si>
    <t>Masjid Umar  Khatab, Fazal colony Bund Road Lahore</t>
  </si>
  <si>
    <t>Fazal Colony</t>
  </si>
  <si>
    <t>GHS SEHMAL</t>
  </si>
  <si>
    <t>Dulloo Nashaib</t>
  </si>
  <si>
    <t>Moza Dulloo Nashaib PO Layyah Tehsil &amp; Distrect Layyh</t>
  </si>
  <si>
    <t>ghullam abbas</t>
  </si>
  <si>
    <t>10971</t>
  </si>
  <si>
    <t>47534</t>
  </si>
  <si>
    <t>33652</t>
  </si>
  <si>
    <t>GGHS SHARIF PURA MULTAN</t>
  </si>
  <si>
    <t>Juma Khalisa</t>
  </si>
  <si>
    <t>Bewa colony Multan</t>
  </si>
  <si>
    <t>Sharif Pura</t>
  </si>
  <si>
    <t>Anila Masood</t>
  </si>
  <si>
    <t>14348</t>
  </si>
  <si>
    <t>1063</t>
  </si>
  <si>
    <t>39423</t>
  </si>
  <si>
    <t>48928</t>
  </si>
  <si>
    <t>GGHS JUNIOR MODEL SATTELITE TOWN SARGODHA</t>
  </si>
  <si>
    <t>D Block Satellite Town</t>
  </si>
  <si>
    <t>Govt junior model satellite town sargodha</t>
  </si>
  <si>
    <t>rubina Kalsoom</t>
  </si>
  <si>
    <t>44330</t>
  </si>
  <si>
    <t>GHS JAFAR WALA</t>
  </si>
  <si>
    <t>Chah jafar wala p.o khansar Bhakkar</t>
  </si>
  <si>
    <t>16380</t>
  </si>
  <si>
    <t>29834</t>
  </si>
  <si>
    <t>14730</t>
  </si>
  <si>
    <t>GHSS LAB SAMANABAD (ATTACH WITH GCET)</t>
  </si>
  <si>
    <t>G Lab HSS Samanabad Fsd</t>
  </si>
  <si>
    <t>MUHAMMAD AKRAM</t>
  </si>
  <si>
    <t>26676</t>
  </si>
  <si>
    <t>GGHS HANJAR WAL</t>
  </si>
  <si>
    <t>Hanjarwal</t>
  </si>
  <si>
    <t>GOVT GIRLS HIGH SCHOOL HANJARWAL MULTAN ROAD LAHORE</t>
  </si>
  <si>
    <t>HANJARWAL</t>
  </si>
  <si>
    <t>Mahmooda nasreen</t>
  </si>
  <si>
    <t>GGPS CHAK NO. 252 III</t>
  </si>
  <si>
    <t>Jaroly</t>
  </si>
  <si>
    <t>chak jaroley 252 jhang</t>
  </si>
  <si>
    <t>jaroly</t>
  </si>
  <si>
    <t>nangy amrany</t>
  </si>
  <si>
    <t>Shehnaz BiBi</t>
  </si>
  <si>
    <t>5283</t>
  </si>
  <si>
    <t>10242</t>
  </si>
  <si>
    <t>48930</t>
  </si>
  <si>
    <t>GGHS MC ZAFAR COLONY SARGODHA</t>
  </si>
  <si>
    <t>Zafar Colony Sgd</t>
  </si>
  <si>
    <t>zafar colony sargodha</t>
  </si>
  <si>
    <t>Rehman pura</t>
  </si>
  <si>
    <t>Bushra Nasir</t>
  </si>
  <si>
    <t>7627</t>
  </si>
  <si>
    <t>All</t>
  </si>
  <si>
    <t>29064</t>
  </si>
  <si>
    <t>GGHSS MUSTAFA ABAD</t>
  </si>
  <si>
    <t>Mustafaabad</t>
  </si>
  <si>
    <t>mustafaabad</t>
  </si>
  <si>
    <t>Rubina Amin</t>
  </si>
  <si>
    <t>2190</t>
  </si>
  <si>
    <t>16228</t>
  </si>
  <si>
    <t>GGHS CHAK 199 RB FSD</t>
  </si>
  <si>
    <t>CHAK NO. 199 RB  GATWALA</t>
  </si>
  <si>
    <t>CHAK NO. 199 RB GATWALA</t>
  </si>
  <si>
    <t>ZAHIDA HANIF</t>
  </si>
  <si>
    <t>11167</t>
  </si>
  <si>
    <t>29354</t>
  </si>
  <si>
    <t>15954</t>
  </si>
  <si>
    <t>GGCMS CHAK 37 JB</t>
  </si>
  <si>
    <t>Gardana</t>
  </si>
  <si>
    <t>Chak 37 jb</t>
  </si>
  <si>
    <t>37 Jb</t>
  </si>
  <si>
    <t>Dabora</t>
  </si>
  <si>
    <t>Asima Shakoor</t>
  </si>
  <si>
    <t>28832</t>
  </si>
  <si>
    <t>21454</t>
  </si>
  <si>
    <t>GGHSS CHAK 115 JB FSD</t>
  </si>
  <si>
    <t>115 JB</t>
  </si>
  <si>
    <t>CHAK NO 115 JB FASALABAD</t>
  </si>
  <si>
    <t>115 JB DIALGHAR</t>
  </si>
  <si>
    <t>Sarwat Naseem</t>
  </si>
  <si>
    <t>14592</t>
  </si>
  <si>
    <t>GGPS MC 219 RB SHER SINGH WALA</t>
  </si>
  <si>
    <t>219rb</t>
  </si>
  <si>
    <t>219rb shersingh wala</t>
  </si>
  <si>
    <t>shersingh wala</t>
  </si>
  <si>
    <t>8069</t>
  </si>
  <si>
    <t>48871</t>
  </si>
  <si>
    <t>GGHS CHAK NO.108 SB</t>
  </si>
  <si>
    <t>Chak No 108 Sb</t>
  </si>
  <si>
    <t>chak no 108 sb</t>
  </si>
  <si>
    <t>Chak No 109 Sb</t>
  </si>
  <si>
    <t>11552</t>
  </si>
  <si>
    <t>28809</t>
  </si>
  <si>
    <t>14632</t>
  </si>
  <si>
    <t>GGES MC CANAL COLONY FSD</t>
  </si>
  <si>
    <t>GOVT.MCGES Canal Colony FSD</t>
  </si>
  <si>
    <t>Canal Colony</t>
  </si>
  <si>
    <t>Railway Colony</t>
  </si>
  <si>
    <t>Shahnaz Begum</t>
  </si>
  <si>
    <t>water dispenser</t>
  </si>
  <si>
    <t>52290</t>
  </si>
  <si>
    <t>17682</t>
  </si>
  <si>
    <t>GGPS HAIDER WALA</t>
  </si>
  <si>
    <t>KOT SHAKIR - FEMALE</t>
  </si>
  <si>
    <t>po kot shakir tehsil 18 hazari disst jhang</t>
  </si>
  <si>
    <t>Sahghar</t>
  </si>
  <si>
    <t>Kalsoom Bibi</t>
  </si>
  <si>
    <t>24120</t>
  </si>
  <si>
    <t>22606</t>
  </si>
  <si>
    <t>GGPS (MODEL) BHINDA DAKHLI</t>
  </si>
  <si>
    <t>Bhinda Dakhli</t>
  </si>
  <si>
    <t>ggps bhinda dakhli, jhok jhawar,bwp</t>
  </si>
  <si>
    <t>Jhok Jhawar</t>
  </si>
  <si>
    <t>Khano Wali</t>
  </si>
  <si>
    <t>Safia Yasmin</t>
  </si>
  <si>
    <t>43673</t>
  </si>
  <si>
    <t>GHS SINGWALA</t>
  </si>
  <si>
    <t>Singwala</t>
  </si>
  <si>
    <t>GHS Singwala VPO SANGWALA TEH. TALAGANG</t>
  </si>
  <si>
    <t>BUDHIAL</t>
  </si>
  <si>
    <t>Abdul Naseer</t>
  </si>
  <si>
    <t>GHSS MODEL (ATTACH WITH GCET) BAGHDAD ROAD BAHAWALPUR</t>
  </si>
  <si>
    <t>Hamatian</t>
  </si>
  <si>
    <t>Govt.Higher secondary school attached QAED male baghdad road Bahawalpur</t>
  </si>
  <si>
    <t>zafar iqbal</t>
  </si>
  <si>
    <t>45036</t>
  </si>
  <si>
    <t>51328</t>
  </si>
  <si>
    <t>GHS MC MOHALLAH BABA FARID</t>
  </si>
  <si>
    <t>Pakpattan</t>
  </si>
  <si>
    <t>mohallah baba fareed</t>
  </si>
  <si>
    <t>USMAN GHANI</t>
  </si>
  <si>
    <t>1017</t>
  </si>
  <si>
    <t>6252</t>
  </si>
  <si>
    <t>43915</t>
  </si>
  <si>
    <t>GGPS Dhok BHIRRA</t>
  </si>
  <si>
    <t>Dhulli</t>
  </si>
  <si>
    <t>Dhk bhirra</t>
  </si>
  <si>
    <t>Dhk Bhirra</t>
  </si>
  <si>
    <t>Bidhar Wanhar</t>
  </si>
  <si>
    <t>Surriyayasmin</t>
  </si>
  <si>
    <t>19409</t>
  </si>
  <si>
    <t>GGPS MAKHAN PUR</t>
  </si>
  <si>
    <t>Makhan Pur</t>
  </si>
  <si>
    <t>Makhan pur</t>
  </si>
  <si>
    <t>Norangabad</t>
  </si>
  <si>
    <t>Aneela Javed</t>
  </si>
  <si>
    <t>7027</t>
  </si>
  <si>
    <t>16537</t>
  </si>
  <si>
    <t>GPS AHATA HAMION TANDLIANWALA</t>
  </si>
  <si>
    <t>GPS Ahata Hamion Tandlianwala Faisalabad</t>
  </si>
  <si>
    <t>Ahata Hamion</t>
  </si>
  <si>
    <t>Mohsin Ali</t>
  </si>
  <si>
    <t>50683</t>
  </si>
  <si>
    <t>GHS 75/5-R</t>
  </si>
  <si>
    <t>75/5R</t>
  </si>
  <si>
    <t>chak no. 75/5-R Sahiwal</t>
  </si>
  <si>
    <t>62/4R</t>
  </si>
  <si>
    <t>HAFIZ FAROOQ ALAM</t>
  </si>
  <si>
    <t>40256</t>
  </si>
  <si>
    <t>14446</t>
  </si>
  <si>
    <t>GGCMES SHOUKAT ABAD</t>
  </si>
  <si>
    <t>ROJHAN</t>
  </si>
  <si>
    <t>UMER KOT - FEMALE</t>
  </si>
  <si>
    <t>Umer Kot</t>
  </si>
  <si>
    <t>government girls elementary school shokat abad</t>
  </si>
  <si>
    <t>Basti Malana</t>
  </si>
  <si>
    <t>Nusrat Jehan</t>
  </si>
  <si>
    <t>42032</t>
  </si>
  <si>
    <t>GHS HIT TAXILA</t>
  </si>
  <si>
    <t>TAXILA CANTT</t>
  </si>
  <si>
    <t>GHS HIT TAXILA CANTT</t>
  </si>
  <si>
    <t>Syed Ijaz Kaleem Ullah Shah Kazmi</t>
  </si>
  <si>
    <t>1706</t>
  </si>
  <si>
    <t>43721</t>
  </si>
  <si>
    <t>GGHS AKWAL</t>
  </si>
  <si>
    <t>AKWAL</t>
  </si>
  <si>
    <t>vPO AKWAL</t>
  </si>
  <si>
    <t>12835</t>
  </si>
  <si>
    <t>735</t>
  </si>
  <si>
    <t>2041</t>
  </si>
  <si>
    <t>GGCMS TONDI</t>
  </si>
  <si>
    <t>GGCMPS Tondi.</t>
  </si>
  <si>
    <t>45768</t>
  </si>
  <si>
    <t>GMPS BHABHKA</t>
  </si>
  <si>
    <t>UCHHALI (FEMALE)</t>
  </si>
  <si>
    <t>Angha</t>
  </si>
  <si>
    <t>GMPSBhankha</t>
  </si>
  <si>
    <t>Itbar Khan</t>
  </si>
  <si>
    <t>from nearby mosque</t>
  </si>
  <si>
    <t>6267</t>
  </si>
  <si>
    <t>30519</t>
  </si>
  <si>
    <t>24252</t>
  </si>
  <si>
    <t>41407</t>
  </si>
  <si>
    <t>5528</t>
  </si>
  <si>
    <t>49756</t>
  </si>
  <si>
    <t>GPS CHAK NO.118 SB</t>
  </si>
  <si>
    <t>118 sb</t>
  </si>
  <si>
    <t>chak no 118 sb</t>
  </si>
  <si>
    <t>shaheenabad</t>
  </si>
  <si>
    <t>Ahmad farooq</t>
  </si>
  <si>
    <t>outr source</t>
  </si>
  <si>
    <t>5329</t>
  </si>
  <si>
    <t>27353</t>
  </si>
  <si>
    <t>GPS BAGH KOHNA</t>
  </si>
  <si>
    <t>THATTA JHAID AMEER WALA - MALE</t>
  </si>
  <si>
    <t>Bagh Kohna</t>
  </si>
  <si>
    <t>Bagh kohna Teh  Pindi Bhattian Dist.Hafizabad</t>
  </si>
  <si>
    <t>Munzoor Ahmed</t>
  </si>
  <si>
    <t>1472</t>
  </si>
  <si>
    <t>43814</t>
  </si>
  <si>
    <t>GPS DHOK PETTAL</t>
  </si>
  <si>
    <t>Pettal</t>
  </si>
  <si>
    <t>dhok pettal jhatla</t>
  </si>
  <si>
    <t>Pirh Fatehal</t>
  </si>
  <si>
    <t>Imran Saleem</t>
  </si>
  <si>
    <t>7620</t>
  </si>
  <si>
    <t>41857</t>
  </si>
  <si>
    <t>19477</t>
  </si>
  <si>
    <t>GPS CHAK 264 GB ABADI SAYDAN</t>
  </si>
  <si>
    <t>Chak # 264 GB</t>
  </si>
  <si>
    <t>chak # 264 G.B</t>
  </si>
  <si>
    <t>Chak # 264gb</t>
  </si>
  <si>
    <t>262Gb</t>
  </si>
  <si>
    <t>Muhammad Hasham Khan Akbar</t>
  </si>
  <si>
    <t>15411</t>
  </si>
  <si>
    <t>33755</t>
  </si>
  <si>
    <t>18094</t>
  </si>
  <si>
    <t>21318</t>
  </si>
  <si>
    <t>GPS MC NO.1 WAZIRABAD</t>
  </si>
  <si>
    <t>wazirabad</t>
  </si>
  <si>
    <t>main bazaar wzd near sk ghs wzd</t>
  </si>
  <si>
    <t>wzd</t>
  </si>
  <si>
    <t>Muhammad Bashir Butt</t>
  </si>
  <si>
    <t>14470</t>
  </si>
  <si>
    <t>50960</t>
  </si>
  <si>
    <t>36291</t>
  </si>
  <si>
    <t>GPS JABBAL</t>
  </si>
  <si>
    <t>jabbal po khas tehsil zafarwal district narowal</t>
  </si>
  <si>
    <t>Rashid Tanveer</t>
  </si>
  <si>
    <t>11193</t>
  </si>
  <si>
    <t>20421</t>
  </si>
  <si>
    <t>GHS BOTALA JHANDA SINGH</t>
  </si>
  <si>
    <t>BOTALA JHANDA SINGH</t>
  </si>
  <si>
    <t>VILLAGE AND PO BOX BOTALA JHANDA SINGH GUJRANWALA</t>
  </si>
  <si>
    <t>M. Rafique  Anjum</t>
  </si>
  <si>
    <t>4635</t>
  </si>
  <si>
    <t>17971</t>
  </si>
  <si>
    <t>GES CHAK 485 JB</t>
  </si>
  <si>
    <t>Chak No 485 Teh: Shorkot Distt: Jhang</t>
  </si>
  <si>
    <t>Chak No 485</t>
  </si>
  <si>
    <t>Chiyan Wala</t>
  </si>
  <si>
    <t>17373</t>
  </si>
  <si>
    <t>49786</t>
  </si>
  <si>
    <t>37077</t>
  </si>
  <si>
    <t>51310</t>
  </si>
  <si>
    <t>GHS URBAN AREA ISLAM COLONY</t>
  </si>
  <si>
    <t>Islam Colony pakpattan</t>
  </si>
  <si>
    <t>Tariq Anjam Chaudhary</t>
  </si>
  <si>
    <t>49393</t>
  </si>
  <si>
    <t>4596</t>
  </si>
  <si>
    <t>33206</t>
  </si>
  <si>
    <t>GGES BHALIKE GAON</t>
  </si>
  <si>
    <t>Bahalike Gaon</t>
  </si>
  <si>
    <t>Bahalike gaon</t>
  </si>
  <si>
    <t>Bahalike Station</t>
  </si>
  <si>
    <t>Nabila Rehman</t>
  </si>
  <si>
    <t>38761</t>
  </si>
  <si>
    <t>45940</t>
  </si>
  <si>
    <t>26563</t>
  </si>
  <si>
    <t>GGES BARWAL</t>
  </si>
  <si>
    <t>Barwal</t>
  </si>
  <si>
    <t>GGES barwal p/o rambri</t>
  </si>
  <si>
    <t>Rambri</t>
  </si>
  <si>
    <t>GHS PHUGLA</t>
  </si>
  <si>
    <t>Phugla Shumali</t>
  </si>
  <si>
    <t>GHS/Phugla, Tehsil Taunsa Sharif, District Dera Ghazi Khan</t>
  </si>
  <si>
    <t>Phugla</t>
  </si>
  <si>
    <t>Birot</t>
  </si>
  <si>
    <t>16554</t>
  </si>
  <si>
    <t>GPS CHAK 622 GB TANDLIANWALA</t>
  </si>
  <si>
    <t>sherza</t>
  </si>
  <si>
    <t>chak no 622 gb, Tehsil Tandlianwala, District Faisalabad</t>
  </si>
  <si>
    <t>622 gB</t>
  </si>
  <si>
    <t>GHULAM YASEEN</t>
  </si>
  <si>
    <t>1639</t>
  </si>
  <si>
    <t>39879</t>
  </si>
  <si>
    <t>38240</t>
  </si>
  <si>
    <t>43784</t>
  </si>
  <si>
    <t>GPS DHOK BABRAL NO. 2</t>
  </si>
  <si>
    <t>Aziz Khan</t>
  </si>
  <si>
    <t>12207</t>
  </si>
  <si>
    <t>9295</t>
  </si>
  <si>
    <t>36312</t>
  </si>
  <si>
    <t>GGPS MARKET COMMITTEE</t>
  </si>
  <si>
    <t>Ggps market committ vehar</t>
  </si>
  <si>
    <t>43 Wb Vehari</t>
  </si>
  <si>
    <t>Najma Shaheen</t>
  </si>
  <si>
    <t>19918</t>
  </si>
  <si>
    <t>16150</t>
  </si>
  <si>
    <t>41364</t>
  </si>
  <si>
    <t>GES LOC KOT</t>
  </si>
  <si>
    <t>Lakot</t>
  </si>
  <si>
    <t>lakot Teh Murree Dist Rawalpindi</t>
  </si>
  <si>
    <t>Numbal</t>
  </si>
  <si>
    <t>Sharafat Mehmood</t>
  </si>
  <si>
    <t>48800</t>
  </si>
  <si>
    <t>24470</t>
  </si>
  <si>
    <t>GMPS MUZAFFAR</t>
  </si>
  <si>
    <t>Muzaffar</t>
  </si>
  <si>
    <t>village muzaffar p o kalaswala tehsil pasrur district sialkot</t>
  </si>
  <si>
    <t>Rabia Aslam</t>
  </si>
  <si>
    <t>2054</t>
  </si>
  <si>
    <t>46397</t>
  </si>
  <si>
    <t>GHS KATIMAR</t>
  </si>
  <si>
    <t>Nawan saggu</t>
  </si>
  <si>
    <t>VPO KATIMAR</t>
  </si>
  <si>
    <t>jharkil</t>
  </si>
  <si>
    <t>Muhammad Azeem</t>
  </si>
  <si>
    <t>8440</t>
  </si>
  <si>
    <t>30174</t>
  </si>
  <si>
    <t>GGHSS COMPREHENSIVE WAHDAT ROAD</t>
  </si>
  <si>
    <t>wahdat road</t>
  </si>
  <si>
    <t>wahdat road lahore</t>
  </si>
  <si>
    <t>muslum town</t>
  </si>
  <si>
    <t>mrs. zainab shaheen  ummat rasool</t>
  </si>
  <si>
    <t>77618</t>
  </si>
  <si>
    <t>tube well</t>
  </si>
  <si>
    <t>10825</t>
  </si>
  <si>
    <t>46124</t>
  </si>
  <si>
    <t>GGHS RODA</t>
  </si>
  <si>
    <t>Roda</t>
  </si>
  <si>
    <t>P.o Roda</t>
  </si>
  <si>
    <t>Aasia Nasir</t>
  </si>
  <si>
    <t>439</t>
  </si>
  <si>
    <t>52275</t>
  </si>
  <si>
    <t>GES MUSTAFABAD</t>
  </si>
  <si>
    <t>Mustafa Abad P/O Sher Ghar Okara</t>
  </si>
  <si>
    <t>5451</t>
  </si>
  <si>
    <t>9026</t>
  </si>
  <si>
    <t>48936</t>
  </si>
  <si>
    <t>33345</t>
  </si>
  <si>
    <t>GGPS MODEL TIBBI BAGHO</t>
  </si>
  <si>
    <t>Tibbi Bhago</t>
  </si>
  <si>
    <t>p/o shukhaki Teh.safdar abad.Disst.sheikupura</t>
  </si>
  <si>
    <t>23930</t>
  </si>
  <si>
    <t>22899</t>
  </si>
  <si>
    <t>24894</t>
  </si>
  <si>
    <t>20626</t>
  </si>
  <si>
    <t>GGES THERI SANSI</t>
  </si>
  <si>
    <t>Theri Sansi No 2</t>
  </si>
  <si>
    <t>theri sansi no 2 near super asia</t>
  </si>
  <si>
    <t>Kashmir Colony</t>
  </si>
  <si>
    <t>Shazia Choudhary</t>
  </si>
  <si>
    <t>5436</t>
  </si>
  <si>
    <t>14046</t>
  </si>
  <si>
    <t>12058</t>
  </si>
  <si>
    <t>18090</t>
  </si>
  <si>
    <t>13129</t>
  </si>
  <si>
    <t>51791</t>
  </si>
  <si>
    <t>GHS NOORA RATH</t>
  </si>
  <si>
    <t>Chak Noora Rath P/O same Tehsil Arifwala District Pakpattan</t>
  </si>
  <si>
    <t>33461</t>
  </si>
  <si>
    <t>21385</t>
  </si>
  <si>
    <t>GES UGGO BHINDER</t>
  </si>
  <si>
    <t>Uggo Bhinder</t>
  </si>
  <si>
    <t>uggo bhinder</t>
  </si>
  <si>
    <t>Muhammad Tufail Gill</t>
  </si>
  <si>
    <t>5188</t>
  </si>
  <si>
    <t>50051</t>
  </si>
  <si>
    <t>2695</t>
  </si>
  <si>
    <t>16903</t>
  </si>
  <si>
    <t>GES CHAK NO 442 JB</t>
  </si>
  <si>
    <t>RORAN WALI - MALE</t>
  </si>
  <si>
    <t>Chak no 442 JB Tehsil &amp; Dist Jhang</t>
  </si>
  <si>
    <t>Chak No 442 Jb</t>
  </si>
  <si>
    <t>Chak No 463 JB</t>
  </si>
  <si>
    <t>Irshad Hussain</t>
  </si>
  <si>
    <t>32441</t>
  </si>
  <si>
    <t>22827</t>
  </si>
  <si>
    <t>36387</t>
  </si>
  <si>
    <t>GGCMS CHAK NO. 43 WB</t>
  </si>
  <si>
    <t>SEED FORM</t>
  </si>
  <si>
    <t>GGCMS CHAKNO. 43wb</t>
  </si>
  <si>
    <t>43 WB</t>
  </si>
  <si>
    <t>Hanifa Yasmeen</t>
  </si>
  <si>
    <t>8925</t>
  </si>
  <si>
    <t>21418</t>
  </si>
  <si>
    <t>45824</t>
  </si>
  <si>
    <t>45438</t>
  </si>
  <si>
    <t>GPS DARYA KHAN JANOOBI</t>
  </si>
  <si>
    <t>Darya Khan</t>
  </si>
  <si>
    <t>Mohalla Meharabad Darya Khan Bhakkar</t>
  </si>
  <si>
    <t>Mehar Abad</t>
  </si>
  <si>
    <t>MC DARYA Khan</t>
  </si>
  <si>
    <t>Muhammad Sardar Azam</t>
  </si>
  <si>
    <t>7061</t>
  </si>
  <si>
    <t>GPS JAFAR KOT</t>
  </si>
  <si>
    <t>SAMDANI-MALE</t>
  </si>
  <si>
    <t>Jaffar Pur</t>
  </si>
  <si>
    <t>Basti Jafar pur 156-p road Sadiq Abad.</t>
  </si>
  <si>
    <t>Basti Jafar Pur</t>
  </si>
  <si>
    <t>Goth Jango</t>
  </si>
  <si>
    <t>53561</t>
  </si>
  <si>
    <t>GES MC GHAFOOR COLONY OKARA</t>
  </si>
  <si>
    <t>street no. 3 ghafoor colony okara</t>
  </si>
  <si>
    <t>Bashir Ahmad Anjum</t>
  </si>
  <si>
    <t>43858</t>
  </si>
  <si>
    <t>50627</t>
  </si>
  <si>
    <t>GMPS CHAK NO. 229/EB</t>
  </si>
  <si>
    <t>229 Eb</t>
  </si>
  <si>
    <t>chak no 229 eb</t>
  </si>
  <si>
    <t>229eb</t>
  </si>
  <si>
    <t>Chak 223</t>
  </si>
  <si>
    <t>Ghausia Naz</t>
  </si>
  <si>
    <t>2674</t>
  </si>
  <si>
    <t>17358</t>
  </si>
  <si>
    <t>GGPS PAHAR PUR</t>
  </si>
  <si>
    <t>RODU SULTAN - FEMALE</t>
  </si>
  <si>
    <t>Pahar Pur</t>
  </si>
  <si>
    <t>mouza pahar pur</t>
  </si>
  <si>
    <t>Kot Murad</t>
  </si>
  <si>
    <t>Nergis Batool</t>
  </si>
  <si>
    <t>GGPS MOTA SINGH</t>
  </si>
  <si>
    <t>CANTT - FEMALE</t>
  </si>
  <si>
    <t>Mota Singh</t>
  </si>
  <si>
    <t>Mota Singh wala</t>
  </si>
  <si>
    <t>Lidhar</t>
  </si>
  <si>
    <t>Yasmeen Tahira</t>
  </si>
  <si>
    <t>18800</t>
  </si>
  <si>
    <t>3702</t>
  </si>
  <si>
    <t>34783</t>
  </si>
  <si>
    <t>GES DEPAL TEH JALALPUR PIR WALA MUZA DEPAL</t>
  </si>
  <si>
    <t>DEPAL - MALE</t>
  </si>
  <si>
    <t>Depal</t>
  </si>
  <si>
    <t>mouza depal post office Bahadar pur Tehsil jalalpur pirwala</t>
  </si>
  <si>
    <t>Nazir Ahmad Qureshi</t>
  </si>
  <si>
    <t>31581</t>
  </si>
  <si>
    <t>35647</t>
  </si>
  <si>
    <t>GPS 138 WB</t>
  </si>
  <si>
    <t>138/wb</t>
  </si>
  <si>
    <t>chalk no 138/ wb</t>
  </si>
  <si>
    <t>Seher</t>
  </si>
  <si>
    <t>Muhammad Aslam Hayat</t>
  </si>
  <si>
    <t>215104</t>
  </si>
  <si>
    <t>50895</t>
  </si>
  <si>
    <t>5671</t>
  </si>
  <si>
    <t>GGPS CHAK 36/A</t>
  </si>
  <si>
    <t>CHAK 36/A</t>
  </si>
  <si>
    <t>CHAK 36/A P/O FEROZA TEHSIL LIAQUAT PUR    DISTRICT  RAHIM YAR KHAN</t>
  </si>
  <si>
    <t>Chak 36/A</t>
  </si>
  <si>
    <t>ZAHIDA  BI BI</t>
  </si>
  <si>
    <t>49134</t>
  </si>
  <si>
    <t>GPS CHAK NO.2 REMOUNT DEPOT</t>
  </si>
  <si>
    <t>remount depot</t>
  </si>
  <si>
    <t>govt primary school chak no 2 remount depot sargodha</t>
  </si>
  <si>
    <t>chak no 2</t>
  </si>
  <si>
    <t>Hafiza Urooj Fatima</t>
  </si>
  <si>
    <t>11617</t>
  </si>
  <si>
    <t>GPS ARI KORA SHAH</t>
  </si>
  <si>
    <t>Panwsr Janobi</t>
  </si>
  <si>
    <t>Basti Ari Koray Shah Moza Pawar Jaanobi</t>
  </si>
  <si>
    <t>Arii Koray Shah</t>
  </si>
  <si>
    <t>4364</t>
  </si>
  <si>
    <t>53688</t>
  </si>
  <si>
    <t>30215</t>
  </si>
  <si>
    <t>45101</t>
  </si>
  <si>
    <t>GPS MOHALAH HAJI NIAZ MUHAMMAD</t>
  </si>
  <si>
    <t>moh islam pura p/o jandanwala teh kalur kot dis bhakkar</t>
  </si>
  <si>
    <t>Anisurehman</t>
  </si>
  <si>
    <t>54414</t>
  </si>
  <si>
    <t>13066</t>
  </si>
  <si>
    <t>GHS JAHAN PUR</t>
  </si>
  <si>
    <t>Moza jahanpur tehsil jatoi district muzaffar garh</t>
  </si>
  <si>
    <t>Sabaywala</t>
  </si>
  <si>
    <t>BAQIR HUSSAIN</t>
  </si>
  <si>
    <t>7422</t>
  </si>
  <si>
    <t>10641</t>
  </si>
  <si>
    <t>GPS CHAK NO 437 TDA</t>
  </si>
  <si>
    <t>chak no 437 TDA teh &amp; dist layyah</t>
  </si>
  <si>
    <t>Chak No  437/ TDA</t>
  </si>
  <si>
    <t>7349</t>
  </si>
  <si>
    <t>10860</t>
  </si>
  <si>
    <t>40324</t>
  </si>
  <si>
    <t>26751</t>
  </si>
  <si>
    <t>GGMPS CHAKRI</t>
  </si>
  <si>
    <t>Chakri</t>
  </si>
  <si>
    <t>Village Chakri tehsil zafrowal</t>
  </si>
  <si>
    <t>Muhammed  Hussain Kanwal</t>
  </si>
  <si>
    <t>22850</t>
  </si>
  <si>
    <t>45238</t>
  </si>
  <si>
    <t>GES MANKERA</t>
  </si>
  <si>
    <t>mankera city</t>
  </si>
  <si>
    <t>andron qila mankera</t>
  </si>
  <si>
    <t>Mankera City</t>
  </si>
  <si>
    <t>mc mankera</t>
  </si>
  <si>
    <t>8996</t>
  </si>
  <si>
    <t>24059</t>
  </si>
  <si>
    <t>43655</t>
  </si>
  <si>
    <t>GGPS MUD DARBARI</t>
  </si>
  <si>
    <t>MUSLIM ABAD-FEMALE</t>
  </si>
  <si>
    <t>Noory Walli</t>
  </si>
  <si>
    <t>ggps muddarbari</t>
  </si>
  <si>
    <t>Mud Darbari</t>
  </si>
  <si>
    <t>Noor E Wali</t>
  </si>
  <si>
    <t>Tasleem Nawaz</t>
  </si>
  <si>
    <t>tabs</t>
  </si>
  <si>
    <t>50779</t>
  </si>
  <si>
    <t>GGHS 88/6-R WEST</t>
  </si>
  <si>
    <t>886/R W Sahiwal</t>
  </si>
  <si>
    <t>GGHS 88/6-R (west) Sahiwal</t>
  </si>
  <si>
    <t>88/6R West Sahiwal</t>
  </si>
  <si>
    <t>87/6-R</t>
  </si>
  <si>
    <t>Samina Tahir</t>
  </si>
  <si>
    <t>155455</t>
  </si>
  <si>
    <t>16657</t>
  </si>
  <si>
    <t>16679</t>
  </si>
  <si>
    <t>GGES CHAK 511 GB MAMUNKANJAN</t>
  </si>
  <si>
    <t>511gb</t>
  </si>
  <si>
    <t>gges511gb teh tandlianwala dist faisalabad</t>
  </si>
  <si>
    <t>511 Gb</t>
  </si>
  <si>
    <t>514gb</t>
  </si>
  <si>
    <t>Najma Kousar</t>
  </si>
  <si>
    <t>39592</t>
  </si>
  <si>
    <t>GHS BARWALA</t>
  </si>
  <si>
    <t>barwala</t>
  </si>
  <si>
    <t>vpo barwala jand attock</t>
  </si>
  <si>
    <t>tarap</t>
  </si>
  <si>
    <t>Danish Niaz Malik</t>
  </si>
  <si>
    <t>2526</t>
  </si>
  <si>
    <t>GHS KOT KHALIFA</t>
  </si>
  <si>
    <t>kot khalifa</t>
  </si>
  <si>
    <t>govt. h/s kot khalifa tehsil ahmad pur east,bwp</t>
  </si>
  <si>
    <t>MUHAMMAD NAWAZ</t>
  </si>
  <si>
    <t>14560</t>
  </si>
  <si>
    <t>GGPS CHAK NO 221 RB PIND PURANA</t>
  </si>
  <si>
    <t>221/RB,Pind Purana</t>
  </si>
  <si>
    <t>Pind Purana</t>
  </si>
  <si>
    <t>222/RBSitara Colony</t>
  </si>
  <si>
    <t>Nazish</t>
  </si>
  <si>
    <t>5196</t>
  </si>
  <si>
    <t>44236</t>
  </si>
  <si>
    <t>39040</t>
  </si>
  <si>
    <t>24513</t>
  </si>
  <si>
    <t>GPS TAWAKLI SAFADAR ABAD</t>
  </si>
  <si>
    <t>Sadat Colony</t>
  </si>
  <si>
    <t>Mc sagdarabad</t>
  </si>
  <si>
    <t>MUhammad Asghar</t>
  </si>
  <si>
    <t>9964</t>
  </si>
  <si>
    <t>GHS ASIF ABAD</t>
  </si>
  <si>
    <t>Chak No116/Tda</t>
  </si>
  <si>
    <t>chak no.116/TDA tehsil karor Lal esan district layyah</t>
  </si>
  <si>
    <t>Basti Allah Yar</t>
  </si>
  <si>
    <t>Syed Ahmer Mehboob</t>
  </si>
  <si>
    <t>GGHS CHAK NO.6/BC</t>
  </si>
  <si>
    <t>govt girls high school chak no 6/bc bwp sadar</t>
  </si>
  <si>
    <t>Chak No 6/bc</t>
  </si>
  <si>
    <t>Chak No 4/bc</t>
  </si>
  <si>
    <t>Kahkashan Nawaz</t>
  </si>
  <si>
    <t>37994</t>
  </si>
  <si>
    <t>GPS CHAK NO. 51-D</t>
  </si>
  <si>
    <t>51/D</t>
  </si>
  <si>
    <t>chak no 51 D Union council no 74 pipli pahar tehsil depalpur district okara</t>
  </si>
  <si>
    <t>Chak No 51 D</t>
  </si>
  <si>
    <t>Ahsan Iqbal</t>
  </si>
  <si>
    <t>9702</t>
  </si>
  <si>
    <t>2484</t>
  </si>
  <si>
    <t>10135</t>
  </si>
  <si>
    <t>8451</t>
  </si>
  <si>
    <t>50116</t>
  </si>
  <si>
    <t>GGPS CHAK NO. 439/TDA</t>
  </si>
  <si>
    <t>CHAK NO 439 TDA TEHSIL CHOUBARA DISTRICT LAYYAH</t>
  </si>
  <si>
    <t>CHAK NO 439 TDA</t>
  </si>
  <si>
    <t>SAHRAN 452 TDA</t>
  </si>
  <si>
    <t>Arim Hafeez</t>
  </si>
  <si>
    <t>4733</t>
  </si>
  <si>
    <t>47732</t>
  </si>
  <si>
    <t>46102</t>
  </si>
  <si>
    <t>GGHS CHAK NO 45 MB</t>
  </si>
  <si>
    <t>45MB</t>
  </si>
  <si>
    <t>Chak No 50MB</t>
  </si>
  <si>
    <t>Sajida perveen</t>
  </si>
  <si>
    <t>8149</t>
  </si>
  <si>
    <t>48511</t>
  </si>
  <si>
    <t>36327</t>
  </si>
  <si>
    <t>GGHS 565 EB</t>
  </si>
  <si>
    <t>565/E B</t>
  </si>
  <si>
    <t>chak no. 565/E B tehsil &amp; district vehari</t>
  </si>
  <si>
    <t>561/E B</t>
  </si>
  <si>
    <t>Aqila shazia</t>
  </si>
  <si>
    <t>28859</t>
  </si>
  <si>
    <t>4261</t>
  </si>
  <si>
    <t>13072</t>
  </si>
  <si>
    <t>32349</t>
  </si>
  <si>
    <t>GGES BHINDI KORAI</t>
  </si>
  <si>
    <t>MEER HAZAR KHAN- FEMALE</t>
  </si>
  <si>
    <t>Bhindi Korai</t>
  </si>
  <si>
    <t>Bhindi korai p/o meer hazar khan</t>
  </si>
  <si>
    <t>Shehbaz Chuok</t>
  </si>
  <si>
    <t>Lundi Pitafi</t>
  </si>
  <si>
    <t>Safia Zafar</t>
  </si>
  <si>
    <t>30160</t>
  </si>
  <si>
    <t>23813</t>
  </si>
  <si>
    <t>GMPS THAKARKAY</t>
  </si>
  <si>
    <t>Thakkarkay</t>
  </si>
  <si>
    <t>village thakarkay tahsil daska</t>
  </si>
  <si>
    <t>Thakarkay</t>
  </si>
  <si>
    <t>20341</t>
  </si>
  <si>
    <t>39119</t>
  </si>
  <si>
    <t>18495</t>
  </si>
  <si>
    <t>GHS MUSLIM HS CHAK 430 JB</t>
  </si>
  <si>
    <t>CHAK NO 430 JB  TEHSIL: GOJRA DISTT: T.T.SINGH</t>
  </si>
  <si>
    <t>CHAK NO 430 JB</t>
  </si>
  <si>
    <t>CHAK NO 431 JB</t>
  </si>
  <si>
    <t>ZEESHAN HAYDER GILL</t>
  </si>
  <si>
    <t>51853</t>
  </si>
  <si>
    <t>GGHS 165 EB P/O 163 EB</t>
  </si>
  <si>
    <t>165/E.B</t>
  </si>
  <si>
    <t>GOVT GIRLS HIGH SCHOOL 165/E.B ARIFWALA</t>
  </si>
  <si>
    <t>163/E.B MUHAMMAD NAGAR</t>
  </si>
  <si>
    <t>NARGIS GUL</t>
  </si>
  <si>
    <t>8254</t>
  </si>
  <si>
    <t>12044</t>
  </si>
  <si>
    <t>15744</t>
  </si>
  <si>
    <t>GGHS NO. 2 SAMUNDRI</t>
  </si>
  <si>
    <t>gghs no.2 samundri</t>
  </si>
  <si>
    <t>Almaxi</t>
  </si>
  <si>
    <t>Mrs. Rukhsana rehman</t>
  </si>
  <si>
    <t>10564</t>
  </si>
  <si>
    <t>21494</t>
  </si>
  <si>
    <t>3538</t>
  </si>
  <si>
    <t>GGPS 1/BC ADDA 16 MILES BAHAWALPUR</t>
  </si>
  <si>
    <t>DERA BAKHA - FEMALE</t>
  </si>
  <si>
    <t>Abbasnagar</t>
  </si>
  <si>
    <t>Govt Model Primary School ada 16 mile chack 1/bc Bahawalpur</t>
  </si>
  <si>
    <t>Basti 16 Mile Chack 1/bc</t>
  </si>
  <si>
    <t>38/bc Lalsohanara</t>
  </si>
  <si>
    <t>Mehwish Bano</t>
  </si>
  <si>
    <t>24771</t>
  </si>
  <si>
    <t>22093</t>
  </si>
  <si>
    <t>33327</t>
  </si>
  <si>
    <t>GGPS MODEL MALLAH SHAHU</t>
  </si>
  <si>
    <t>Mallay Shashu</t>
  </si>
  <si>
    <t>mallay shashu</t>
  </si>
  <si>
    <t>Cheena Virka</t>
  </si>
  <si>
    <t>Kehkashan Abid</t>
  </si>
  <si>
    <t>10882</t>
  </si>
  <si>
    <t>9749</t>
  </si>
  <si>
    <t>GGPS MODEL CHAK NO 404 TDA</t>
  </si>
  <si>
    <t>Chak NO 404 /TDA</t>
  </si>
  <si>
    <t>Chak No 404/TDA Tehsil Choubara District Layyah</t>
  </si>
  <si>
    <t>Chak No 404 /TDA</t>
  </si>
  <si>
    <t>Saharan Chak452TDA</t>
  </si>
  <si>
    <t>Sidra Noureen</t>
  </si>
  <si>
    <t>17897</t>
  </si>
  <si>
    <t>51194</t>
  </si>
  <si>
    <t>GGPS TOOT WALA</t>
  </si>
  <si>
    <t>Tootwala</t>
  </si>
  <si>
    <t>Moza  tootwala p/o noorshah distt sahiwal</t>
  </si>
  <si>
    <t>Noorshah</t>
  </si>
  <si>
    <t>FARIDA SULTAN</t>
  </si>
  <si>
    <t>18724</t>
  </si>
  <si>
    <t>22305</t>
  </si>
  <si>
    <t>6384</t>
  </si>
  <si>
    <t>50191</t>
  </si>
  <si>
    <t>GES 184/9-L</t>
  </si>
  <si>
    <t>AMIRKOT-MALE</t>
  </si>
  <si>
    <t>184/9L</t>
  </si>
  <si>
    <t>Imran Bari</t>
  </si>
  <si>
    <t>68000</t>
  </si>
  <si>
    <t>1132</t>
  </si>
  <si>
    <t>39118</t>
  </si>
  <si>
    <t>GGPS DHOK RAI NAIKA</t>
  </si>
  <si>
    <t>Dhoke Rai Naika</t>
  </si>
  <si>
    <t>Dhoke Rai naika teh fateh jang dist Attock</t>
  </si>
  <si>
    <t>Huma Fida</t>
  </si>
  <si>
    <t>29900</t>
  </si>
  <si>
    <t>19354</t>
  </si>
  <si>
    <t>35826</t>
  </si>
  <si>
    <t>GGPS 202 WB</t>
  </si>
  <si>
    <t>202/WB</t>
  </si>
  <si>
    <t>ward#6 Tibba Sultan pur</t>
  </si>
  <si>
    <t>202/wb</t>
  </si>
  <si>
    <t>Basti Sahar</t>
  </si>
  <si>
    <t>4636</t>
  </si>
  <si>
    <t>6951</t>
  </si>
  <si>
    <t>27720</t>
  </si>
  <si>
    <t>28008</t>
  </si>
  <si>
    <t>GPS CHAK NO. 419 TDA</t>
  </si>
  <si>
    <t>CHAK NO 419</t>
  </si>
  <si>
    <t>CHAK NO 419 TDA</t>
  </si>
  <si>
    <t>CHAK NO 393 TDA</t>
  </si>
  <si>
    <t>5762</t>
  </si>
  <si>
    <t>47270</t>
  </si>
  <si>
    <t>31565</t>
  </si>
  <si>
    <t>26597</t>
  </si>
  <si>
    <t>GPS MALHA</t>
  </si>
  <si>
    <t>ZAFARWAL - MALE</t>
  </si>
  <si>
    <t>Mala</t>
  </si>
  <si>
    <t>G.P.S mala</t>
  </si>
  <si>
    <t>Sakror</t>
  </si>
  <si>
    <t>muhammad saddique</t>
  </si>
  <si>
    <t>18253</t>
  </si>
  <si>
    <t>11213</t>
  </si>
  <si>
    <t>7040</t>
  </si>
  <si>
    <t>18039</t>
  </si>
  <si>
    <t>38315</t>
  </si>
  <si>
    <t>36852</t>
  </si>
  <si>
    <t>GGPS AZEEM WALA, P/O NARHAL, KABIRWALA</t>
  </si>
  <si>
    <t>Nathal</t>
  </si>
  <si>
    <t>azeemwala moza narhal kabirwala</t>
  </si>
  <si>
    <t>Azeemwala</t>
  </si>
  <si>
    <t>Asma Samreen</t>
  </si>
  <si>
    <t>7891</t>
  </si>
  <si>
    <t>27106</t>
  </si>
  <si>
    <t>30199</t>
  </si>
  <si>
    <t>GGHS CHAK NO. 206 M</t>
  </si>
  <si>
    <t>206m</t>
  </si>
  <si>
    <t>gghs 206m tehsil. chistian district. bahawalnagar</t>
  </si>
  <si>
    <t>201m</t>
  </si>
  <si>
    <t>Anila Kokab</t>
  </si>
  <si>
    <t>27210</t>
  </si>
  <si>
    <t>GMPS JHALAR</t>
  </si>
  <si>
    <t>Jhallar</t>
  </si>
  <si>
    <t>jhallar dewan</t>
  </si>
  <si>
    <t>Jhallar Dewan</t>
  </si>
  <si>
    <t>Nabila Aslam</t>
  </si>
  <si>
    <t>2108</t>
  </si>
  <si>
    <t>7760</t>
  </si>
  <si>
    <t>9590</t>
  </si>
  <si>
    <t>30521</t>
  </si>
  <si>
    <t>GGPS GAGA</t>
  </si>
  <si>
    <t>Gaga</t>
  </si>
  <si>
    <t>Govt. Girls primary School Gaga</t>
  </si>
  <si>
    <t>Sadia Bibi</t>
  </si>
  <si>
    <t>43929</t>
  </si>
  <si>
    <t>18317</t>
  </si>
  <si>
    <t>36474</t>
  </si>
  <si>
    <t>GGPS BASTI NAWAZ JOYYA</t>
  </si>
  <si>
    <t>Moza ghulam Shah Post Office luddan District vehari</t>
  </si>
  <si>
    <t>Ghulam Shah</t>
  </si>
  <si>
    <t>2701</t>
  </si>
  <si>
    <t>3619</t>
  </si>
  <si>
    <t>2759</t>
  </si>
  <si>
    <t>GES KACHI SHIKRANI</t>
  </si>
  <si>
    <t>UCH SHAREEF - MALE</t>
  </si>
  <si>
    <t>Kachi Shikrani</t>
  </si>
  <si>
    <t>mouza kachi shikrani</t>
  </si>
  <si>
    <t>basti zeldar</t>
  </si>
  <si>
    <t>bun wala</t>
  </si>
  <si>
    <t>22822</t>
  </si>
  <si>
    <t>GGHS MUNCIPAL MODEL JALALPUR JATTAN</t>
  </si>
  <si>
    <t>NEAR LAKAR MANDI OPPOSITE ASKARI BANK JALAL PUR JATTAN</t>
  </si>
  <si>
    <t>MOHALL PAKISTANI JALAL PUR JATTAN</t>
  </si>
  <si>
    <t>tasneem fatima</t>
  </si>
  <si>
    <t>42704</t>
  </si>
  <si>
    <t>1289</t>
  </si>
  <si>
    <t>38435</t>
  </si>
  <si>
    <t>GHS 376/WB DUNYAPUR</t>
  </si>
  <si>
    <t>CHAK NO 376/WB</t>
  </si>
  <si>
    <t>CHAK NO. 376/WB TEHSIL DUNYAPUR DISTRICT LODHRAN</t>
  </si>
  <si>
    <t>CHAK NO. 376/WB</t>
  </si>
  <si>
    <t>CHAK NO. 353/WB</t>
  </si>
  <si>
    <t>15754</t>
  </si>
  <si>
    <t>GPS 131 GB</t>
  </si>
  <si>
    <t>Ahmed Abad</t>
  </si>
  <si>
    <t>GPS 131 GB  Ahmed abad</t>
  </si>
  <si>
    <t>Chack No 131gb</t>
  </si>
  <si>
    <t>659gb Chughal Pura</t>
  </si>
  <si>
    <t>30952</t>
  </si>
  <si>
    <t>GGHS TEHZEEB-UL-BINAT TAKIA SADHUAN LAHORE</t>
  </si>
  <si>
    <t>serian wala bzar takia sadhuan rang mehal lahore</t>
  </si>
  <si>
    <t>Shah Alam Gate</t>
  </si>
  <si>
    <t>Mrs Uzma Gilani</t>
  </si>
  <si>
    <t>53662</t>
  </si>
  <si>
    <t>35123</t>
  </si>
  <si>
    <t>GGES 231 EB</t>
  </si>
  <si>
    <t>Chak no 231/EB Burewala</t>
  </si>
  <si>
    <t>231/EB</t>
  </si>
  <si>
    <t>Parveen Akhtr</t>
  </si>
  <si>
    <t>5997</t>
  </si>
  <si>
    <t>GGHSS D.D. PANNAH</t>
  </si>
  <si>
    <t>D.D.PANAH</t>
  </si>
  <si>
    <t>NEAR BUS STAND D.D.PANAH</t>
  </si>
  <si>
    <t>Azra Mehboob</t>
  </si>
  <si>
    <t>33609</t>
  </si>
  <si>
    <t>GGHS KABOOTER MANDI MULTAN WARD NO. 7</t>
  </si>
  <si>
    <t>Multan</t>
  </si>
  <si>
    <t>GGHS KABOOTER MANDI MULTAN</t>
  </si>
  <si>
    <t>Shah Gerdez</t>
  </si>
  <si>
    <t>Rabia Zafar</t>
  </si>
  <si>
    <t>816752</t>
  </si>
  <si>
    <t>GGCMS CHAK 28 JB</t>
  </si>
  <si>
    <t>Chitral</t>
  </si>
  <si>
    <t>chak no 28 JB fsd</t>
  </si>
  <si>
    <t>Chak No 28 JB</t>
  </si>
  <si>
    <t>29 JB North</t>
  </si>
  <si>
    <t>FARHANA ANJUM</t>
  </si>
  <si>
    <t>26987</t>
  </si>
  <si>
    <t>24460</t>
  </si>
  <si>
    <t>38426</t>
  </si>
  <si>
    <t>GHS 343/WB</t>
  </si>
  <si>
    <t>Dunyapur</t>
  </si>
  <si>
    <t>Govt. High School 343/WB Dunyapur Distt: (Lodhran) Punjab</t>
  </si>
  <si>
    <t>Chak No.343/WB</t>
  </si>
  <si>
    <t>Chak no. 357/WB</t>
  </si>
  <si>
    <t>Muhammad Ishaq</t>
  </si>
  <si>
    <t>21692</t>
  </si>
  <si>
    <t>31902</t>
  </si>
  <si>
    <t>50107</t>
  </si>
  <si>
    <t>GHS 109/12-L</t>
  </si>
  <si>
    <t>109/12-L</t>
  </si>
  <si>
    <t>Govt. High School  Chak NO. 109/12-L Teh. Chichawatni</t>
  </si>
  <si>
    <t>Chak no. 109/12-L</t>
  </si>
  <si>
    <t>chak no. 109/12-L</t>
  </si>
  <si>
    <t>kanwar muhammad ali khan</t>
  </si>
  <si>
    <t>22127</t>
  </si>
  <si>
    <t>GHS RIZVIA LANGAY</t>
  </si>
  <si>
    <t>Langay</t>
  </si>
  <si>
    <t>village and post office langay district gujrat</t>
  </si>
  <si>
    <t>Ali bahadur</t>
  </si>
  <si>
    <t>GGPS MAHAL CHANAWAN</t>
  </si>
  <si>
    <t>Chanawan</t>
  </si>
  <si>
    <t>p/o box sahowali pasrur road tehsil and district sialkot</t>
  </si>
  <si>
    <t>Mahal Chanawan</t>
  </si>
  <si>
    <t>Verio</t>
  </si>
  <si>
    <t>Shahida Maqbool</t>
  </si>
  <si>
    <t>41286</t>
  </si>
  <si>
    <t>53077</t>
  </si>
  <si>
    <t>38412</t>
  </si>
  <si>
    <t>GGHS ISLAMIA DOULAT GATE MULTAN</t>
  </si>
  <si>
    <t>Juma khalsa</t>
  </si>
  <si>
    <t>Govt Islamia Girls high school Doulat gate Multan</t>
  </si>
  <si>
    <t>Abid Colony</t>
  </si>
  <si>
    <t>Mrs.Samina Zafar</t>
  </si>
  <si>
    <t>12290</t>
  </si>
  <si>
    <t>14785</t>
  </si>
  <si>
    <t>GGHSS SHAHI CHOWK GHULAM MUHAMMAD ABAD FSD</t>
  </si>
  <si>
    <t>g.m abad</t>
  </si>
  <si>
    <t>GGHSS shahi chowk G.M Abad</t>
  </si>
  <si>
    <t>MST NAZIA AKRAM</t>
  </si>
  <si>
    <t>2043</t>
  </si>
  <si>
    <t>1324</t>
  </si>
  <si>
    <t>33577</t>
  </si>
  <si>
    <t>GHS MODEL SHAMSABAD COLONY 1 MULTAN</t>
  </si>
  <si>
    <t>shamsabad colony opposite ladies park</t>
  </si>
  <si>
    <t>Shamsabad</t>
  </si>
  <si>
    <t>ather ali</t>
  </si>
  <si>
    <t>5512</t>
  </si>
  <si>
    <t>26528</t>
  </si>
  <si>
    <t>GGHS RUPO CHAK</t>
  </si>
  <si>
    <t>RUPO CHAK</t>
  </si>
  <si>
    <t>VILLAGE AND P/O RUPO CHAK TEHSIL ZAFARWAL</t>
  </si>
  <si>
    <t>Raheela Anjum</t>
  </si>
  <si>
    <t>16938</t>
  </si>
  <si>
    <t>GGHS MACHIWAL</t>
  </si>
  <si>
    <t>MACHHIWAL</t>
  </si>
  <si>
    <t>DOSA</t>
  </si>
  <si>
    <t>Salima  Shaheen</t>
  </si>
  <si>
    <t>1199</t>
  </si>
  <si>
    <t>31147</t>
  </si>
  <si>
    <t>GGHS MODEL CANAL VIEW</t>
  </si>
  <si>
    <t>thokhar</t>
  </si>
  <si>
    <t>b block canal view housing society thokhar niaz baig lahore</t>
  </si>
  <si>
    <t>canal view</t>
  </si>
  <si>
    <t>Sadia Qayyum</t>
  </si>
  <si>
    <t>society connection</t>
  </si>
  <si>
    <t>20436</t>
  </si>
  <si>
    <t>GGHS RAHWALI</t>
  </si>
  <si>
    <t>mohallah jattan wall rahwali</t>
  </si>
  <si>
    <t>cantt area</t>
  </si>
  <si>
    <t>Bilquees Naureen</t>
  </si>
  <si>
    <t>2221</t>
  </si>
  <si>
    <t>30810</t>
  </si>
  <si>
    <t>GGHS CDG HARBANS PURA</t>
  </si>
  <si>
    <t>iftikhar park harbanspura lhr</t>
  </si>
  <si>
    <t>harbanspura</t>
  </si>
  <si>
    <t>sumaira munir</t>
  </si>
  <si>
    <t>2999</t>
  </si>
  <si>
    <t>GGES KALSIAN</t>
  </si>
  <si>
    <t>Kalsian</t>
  </si>
  <si>
    <t>GGES kalsian Bhattian</t>
  </si>
  <si>
    <t>Kalsian Bhattian</t>
  </si>
  <si>
    <t>Shazma Aslam</t>
  </si>
  <si>
    <t>34589</t>
  </si>
  <si>
    <t>50652</t>
  </si>
  <si>
    <t>GHSS NOOR SHAH</t>
  </si>
  <si>
    <t>israr hussain</t>
  </si>
  <si>
    <t>29131</t>
  </si>
  <si>
    <t>12276</t>
  </si>
  <si>
    <t>2034</t>
  </si>
  <si>
    <t>9292</t>
  </si>
  <si>
    <t>GGPS CHAH GHALU WALA</t>
  </si>
  <si>
    <t>Mahala chah ghalo taunsa</t>
  </si>
  <si>
    <t>Taunsa City</t>
  </si>
  <si>
    <t>43707</t>
  </si>
  <si>
    <t>GGHS KOT SARANG</t>
  </si>
  <si>
    <t>Kotsarang</t>
  </si>
  <si>
    <t>vpo kotsarang</t>
  </si>
  <si>
    <t>45701</t>
  </si>
  <si>
    <t>32139</t>
  </si>
  <si>
    <t>GPS QILA SHABDEV SINGH</t>
  </si>
  <si>
    <t>Qila Shabdev Singh</t>
  </si>
  <si>
    <t>20888</t>
  </si>
  <si>
    <t>GHS VERPAL</t>
  </si>
  <si>
    <t>Verpal</t>
  </si>
  <si>
    <t>GHULAM ABBAS</t>
  </si>
  <si>
    <t>36196</t>
  </si>
  <si>
    <t>GPS CHAK NO.186/EB</t>
  </si>
  <si>
    <t>Chak No 186/EB</t>
  </si>
  <si>
    <t>CHAK NO 186/E.B VR</t>
  </si>
  <si>
    <t>186/EB VR</t>
  </si>
  <si>
    <t>204/EB</t>
  </si>
  <si>
    <t>REHMAT ALI</t>
  </si>
  <si>
    <t>49631</t>
  </si>
  <si>
    <t>GGHSS CHAK NO.127 SB</t>
  </si>
  <si>
    <t>Chak No 127Sb Sillanwali</t>
  </si>
  <si>
    <t>Chak No 127Sb</t>
  </si>
  <si>
    <t>Chak No 125Sb</t>
  </si>
  <si>
    <t>Saddia Irum</t>
  </si>
  <si>
    <t>11131</t>
  </si>
  <si>
    <t>26596</t>
  </si>
  <si>
    <t>GES WADHALA</t>
  </si>
  <si>
    <t>Wadhala</t>
  </si>
  <si>
    <t>Jandiala</t>
  </si>
  <si>
    <t>tahir mahmood</t>
  </si>
  <si>
    <t>25762</t>
  </si>
  <si>
    <t>36130</t>
  </si>
  <si>
    <t>GGHS 59 WB</t>
  </si>
  <si>
    <t>Vehari South</t>
  </si>
  <si>
    <t>Govt girls high school 59w/b vehari</t>
  </si>
  <si>
    <t>59 W/b</t>
  </si>
  <si>
    <t>63 W/b</t>
  </si>
  <si>
    <t>Adila Shafiq</t>
  </si>
  <si>
    <t>1181</t>
  </si>
  <si>
    <t>16612</t>
  </si>
  <si>
    <t>GPS CHAK 506 GB II MAMUNKANJAN</t>
  </si>
  <si>
    <t>Wansanwala</t>
  </si>
  <si>
    <t>Chak no 506/2 G.B P/O Mamukanjan Teh Tandlianwala Distt Faisalabad</t>
  </si>
  <si>
    <t>Chak 506/2 GB</t>
  </si>
  <si>
    <t>Syed Asim Raza Shah Bukhari</t>
  </si>
  <si>
    <t>19389</t>
  </si>
  <si>
    <t>27248</t>
  </si>
  <si>
    <t>19237</t>
  </si>
  <si>
    <t>GHS CHAK 350 GB</t>
  </si>
  <si>
    <t>350 Gb</t>
  </si>
  <si>
    <t>Chak No.350gb Toba Tek Singh</t>
  </si>
  <si>
    <t>Chak No 350gb</t>
  </si>
  <si>
    <t>Chak No350gb</t>
  </si>
  <si>
    <t>MUHAMMAD RAFIQUE</t>
  </si>
  <si>
    <t>8378</t>
  </si>
  <si>
    <t>26447</t>
  </si>
  <si>
    <t>8767</t>
  </si>
  <si>
    <t>GHS BHANBHAN</t>
  </si>
  <si>
    <t>BANBHAN</t>
  </si>
  <si>
    <t>GHS BANBHAN</t>
  </si>
  <si>
    <t>NARRI Janoobi</t>
  </si>
  <si>
    <t>JAVAID AHMAD</t>
  </si>
  <si>
    <t>34733</t>
  </si>
  <si>
    <t>GPS SHAH HUSSAIN P/O BOHIR MULTAN</t>
  </si>
  <si>
    <t>Kirpal Pur</t>
  </si>
  <si>
    <t>Basti shah hussain</t>
  </si>
  <si>
    <t>Shah Hussain</t>
  </si>
  <si>
    <t>33193</t>
  </si>
  <si>
    <t>GES MALIAN WALI CHAK 537</t>
  </si>
  <si>
    <t>Malian wali</t>
  </si>
  <si>
    <t>Govt. Elementary school Malian wali chak-537, Tehsil Safdarabad, District Sheikhupura</t>
  </si>
  <si>
    <t>malian wali</t>
  </si>
  <si>
    <t>26241</t>
  </si>
  <si>
    <t>GGMPS THAKAR PUR MAQAM</t>
  </si>
  <si>
    <t>Maqam</t>
  </si>
  <si>
    <t>gmps thakar pur maqam</t>
  </si>
  <si>
    <t>Riffat  Yasmeen</t>
  </si>
  <si>
    <t>48408</t>
  </si>
  <si>
    <t>4915</t>
  </si>
  <si>
    <t>54828</t>
  </si>
  <si>
    <t>GPS NAWAN PIND CHEEMA</t>
  </si>
  <si>
    <t>GUJRANWALA SADAR 1 - MALE</t>
  </si>
  <si>
    <t>Nawan Pind Cheema</t>
  </si>
  <si>
    <t>nawan pind cheema</t>
  </si>
  <si>
    <t>Aroop</t>
  </si>
  <si>
    <t>Yousaf</t>
  </si>
  <si>
    <t>GGHS MODEL GULBERG</t>
  </si>
  <si>
    <t>Gulberg</t>
  </si>
  <si>
    <t>main market near shazan bakery Lahore</t>
  </si>
  <si>
    <t>Ghous E Azam</t>
  </si>
  <si>
    <t>13350</t>
  </si>
  <si>
    <t>18883</t>
  </si>
  <si>
    <t>1345</t>
  </si>
  <si>
    <t>GHS SATH SHAHANI</t>
  </si>
  <si>
    <t>Khai Khurd</t>
  </si>
  <si>
    <t>VPO SATH SHAHANI TEHSIL NOORPUR THAL. KHUSHAB.</t>
  </si>
  <si>
    <t>SATH SHAHANI</t>
  </si>
  <si>
    <t>AZIZ UR REHMAN</t>
  </si>
  <si>
    <t>6834</t>
  </si>
  <si>
    <t>45611</t>
  </si>
  <si>
    <t>56700</t>
  </si>
  <si>
    <t>15656</t>
  </si>
  <si>
    <t>GGES CHAK NO. 166 GB</t>
  </si>
  <si>
    <t>chak no 166 GB</t>
  </si>
  <si>
    <t>166 GB</t>
  </si>
  <si>
    <t>Rifat Firdouse</t>
  </si>
  <si>
    <t>pure</t>
  </si>
  <si>
    <t>31299</t>
  </si>
  <si>
    <t>GGPS TOOLAN WALI</t>
  </si>
  <si>
    <t>toolanwali</t>
  </si>
  <si>
    <t>Toolanwali</t>
  </si>
  <si>
    <t>shaam singh</t>
  </si>
  <si>
    <t>Sumaira Razzaq</t>
  </si>
  <si>
    <t>14233</t>
  </si>
  <si>
    <t>13347</t>
  </si>
  <si>
    <t>31120</t>
  </si>
  <si>
    <t>GGHS CHAK 320 GB</t>
  </si>
  <si>
    <t>CHAK NO 320 GB</t>
  </si>
  <si>
    <t>CHAK NO 319 GB</t>
  </si>
  <si>
    <t>SADAF ZIA</t>
  </si>
  <si>
    <t>10785</t>
  </si>
  <si>
    <t>12121</t>
  </si>
  <si>
    <t>49780</t>
  </si>
  <si>
    <t>GPS CHAK NO.118 NB</t>
  </si>
  <si>
    <t>118 Nb</t>
  </si>
  <si>
    <t>gps 118 nb</t>
  </si>
  <si>
    <t>Khalid Zubair</t>
  </si>
  <si>
    <t>31136</t>
  </si>
  <si>
    <t>27090</t>
  </si>
  <si>
    <t>GGHS TAMMAN TEHSIL TALAGHANG</t>
  </si>
  <si>
    <t>Tamman</t>
  </si>
  <si>
    <t>vpo tamman</t>
  </si>
  <si>
    <t>Riffat Fatima</t>
  </si>
  <si>
    <t>5890</t>
  </si>
  <si>
    <t>41965</t>
  </si>
  <si>
    <t>GGPS CHAKRA</t>
  </si>
  <si>
    <t>SADAR BERONI-FEMALE</t>
  </si>
  <si>
    <t>chakra</t>
  </si>
  <si>
    <t>GIRJA</t>
  </si>
  <si>
    <t>Mrs Riffat Perveen</t>
  </si>
  <si>
    <t>4545</t>
  </si>
  <si>
    <t>33904</t>
  </si>
  <si>
    <t>GHS TALKOT SHUJA ABAD</t>
  </si>
  <si>
    <t>Shujabad</t>
  </si>
  <si>
    <t>Near Dera Javed Ali Shah</t>
  </si>
  <si>
    <t>Shujabad City</t>
  </si>
  <si>
    <t>munawar hussain kamal</t>
  </si>
  <si>
    <t>33490</t>
  </si>
  <si>
    <t>GHS SANGLA HILL</t>
  </si>
  <si>
    <t>FAISAL ABAD ROAD SANGLA HILL</t>
  </si>
  <si>
    <t>IQBAL PURA</t>
  </si>
  <si>
    <t>Muhammad Kaleem Ullah Bhatti</t>
  </si>
  <si>
    <t>38048</t>
  </si>
  <si>
    <t>GPS 48/M</t>
  </si>
  <si>
    <t>48M</t>
  </si>
  <si>
    <t>chak no 48M Lodhran</t>
  </si>
  <si>
    <t>Zafar Hussain</t>
  </si>
  <si>
    <t>41308</t>
  </si>
  <si>
    <t>GMPS CHAK 35/A NEW</t>
  </si>
  <si>
    <t>35/ A New</t>
  </si>
  <si>
    <t>chak no 35/ a new Liaquat pur</t>
  </si>
  <si>
    <t>shahida nasreen akhtar</t>
  </si>
  <si>
    <t>8808</t>
  </si>
  <si>
    <t>GES BAHAR WALI</t>
  </si>
  <si>
    <t>BAHARWALI</t>
  </si>
  <si>
    <t>Baharwali</t>
  </si>
  <si>
    <t>GHS CHAK NO. 10 THAL COLONY NO. 1</t>
  </si>
  <si>
    <t>CHAK 10/1 THAL</t>
  </si>
  <si>
    <t>COLONY NO. 1, CHAK 10 THAL</t>
  </si>
  <si>
    <t>COLONY NO. 1 CHAK 10 THAL</t>
  </si>
  <si>
    <t>UCH GUL IMAM</t>
  </si>
  <si>
    <t>M Siddique</t>
  </si>
  <si>
    <t>862</t>
  </si>
  <si>
    <t>46478</t>
  </si>
  <si>
    <t>GPS MEHR KHAN SHIMAR</t>
  </si>
  <si>
    <t>Dara wand shimar</t>
  </si>
  <si>
    <t>Shimar</t>
  </si>
  <si>
    <t>Gunjial South</t>
  </si>
  <si>
    <t>Naseer Khan</t>
  </si>
  <si>
    <t>33111</t>
  </si>
  <si>
    <t>29160</t>
  </si>
  <si>
    <t>11186</t>
  </si>
  <si>
    <t>GGPS DAIWALA SYEDAN</t>
  </si>
  <si>
    <t>Daiwala</t>
  </si>
  <si>
    <t>ggps Daiwala syedan</t>
  </si>
  <si>
    <t>Bathanawala</t>
  </si>
  <si>
    <t>8005</t>
  </si>
  <si>
    <t>26232</t>
  </si>
  <si>
    <t>GGPS TARA CHAK</t>
  </si>
  <si>
    <t>Tara Chak</t>
  </si>
  <si>
    <t>Village Tarachack post office pindi umara</t>
  </si>
  <si>
    <t>Chahlah</t>
  </si>
  <si>
    <t>Bushra Muhammad Ali</t>
  </si>
  <si>
    <t>16677</t>
  </si>
  <si>
    <t>GGCMS CHAK 508 GB MAMUNKANJAN</t>
  </si>
  <si>
    <t>Chak 508 Gb</t>
  </si>
  <si>
    <t>chak no.508g.b.</t>
  </si>
  <si>
    <t>Chak No 508gb</t>
  </si>
  <si>
    <t>chak No 514gb</t>
  </si>
  <si>
    <t>Saima Ruhi</t>
  </si>
  <si>
    <t>41494</t>
  </si>
  <si>
    <t>53213</t>
  </si>
  <si>
    <t>41279</t>
  </si>
  <si>
    <t>GGHS MURREE CITY</t>
  </si>
  <si>
    <t>Govt girls high school murree imtiaz shaheed road Murree rawalpindi</t>
  </si>
  <si>
    <t>Murree City</t>
  </si>
  <si>
    <t>Kiran Naz</t>
  </si>
  <si>
    <t>26542</t>
  </si>
  <si>
    <t>GHS KHANPUR BOLAR</t>
  </si>
  <si>
    <t>Khanpur Bolar</t>
  </si>
  <si>
    <t>V&amp; P/O Khanpur Bolar Tehsil Zafarwal District Narowal</t>
  </si>
  <si>
    <t>SYED SHAHID HUSSAIN</t>
  </si>
  <si>
    <t>33351</t>
  </si>
  <si>
    <t>GGPS DHUPP SARRI CHAK 78</t>
  </si>
  <si>
    <t>Dhoop Sari</t>
  </si>
  <si>
    <t>Dhoop sari ch 78</t>
  </si>
  <si>
    <t>saima walayat</t>
  </si>
  <si>
    <t>22834</t>
  </si>
  <si>
    <t>GPS SARDAR CHANG</t>
  </si>
  <si>
    <t>CHAK LASSA - MALE</t>
  </si>
  <si>
    <t>Chack Lassa</t>
  </si>
  <si>
    <t>basti sardar chang markaz chack lassa</t>
  </si>
  <si>
    <t>Srdar Chng</t>
  </si>
  <si>
    <t>Chacklass</t>
  </si>
  <si>
    <t>Imran Fazal</t>
  </si>
  <si>
    <t>19183</t>
  </si>
  <si>
    <t>GGPS CHAK 668/9 GB</t>
  </si>
  <si>
    <t>GMPS CHAK NO 668/9 G B TEHSIL PIRMAHAL DISTRICT TOBA TEK SINGH</t>
  </si>
  <si>
    <t>CHAK NO 668/9 G B TEHSIL PIRMAHAL DISTRICT TOBA TE</t>
  </si>
  <si>
    <t>C PLOT</t>
  </si>
  <si>
    <t>SHAMIM AKHTAR</t>
  </si>
  <si>
    <t>4832</t>
  </si>
  <si>
    <t>9938</t>
  </si>
  <si>
    <t>28358</t>
  </si>
  <si>
    <t>18639</t>
  </si>
  <si>
    <t>48052</t>
  </si>
  <si>
    <t>GGHS KOT MOMIN EAST</t>
  </si>
  <si>
    <t>Kotmoman</t>
  </si>
  <si>
    <t>FAHMIDA HASSAN</t>
  </si>
  <si>
    <t>49732</t>
  </si>
  <si>
    <t>GPS CHAK NO.111 NB</t>
  </si>
  <si>
    <t>Chak 111 Nb</t>
  </si>
  <si>
    <t>chak No 111NbTehsilSillanwaliDistSargodha</t>
  </si>
  <si>
    <t>Chak No 111nb</t>
  </si>
  <si>
    <t>Muhammad Mamoon Iqbal</t>
  </si>
  <si>
    <t>11489</t>
  </si>
  <si>
    <t>32467</t>
  </si>
  <si>
    <t>GGPS LADHEKI MALIAN</t>
  </si>
  <si>
    <t>Ladheki Malian</t>
  </si>
  <si>
    <t>ladheki malian p/o manno pur tehsil &amp; district sheikhupura</t>
  </si>
  <si>
    <t>Mandiala Virkan</t>
  </si>
  <si>
    <t>Ayesha tassaduq</t>
  </si>
  <si>
    <t>21358</t>
  </si>
  <si>
    <t>GHS DILLANWALI</t>
  </si>
  <si>
    <t>dhillanwali</t>
  </si>
  <si>
    <t>dhllanwali</t>
  </si>
  <si>
    <t>abdul majeed qadri</t>
  </si>
  <si>
    <t>11028</t>
  </si>
  <si>
    <t>3064</t>
  </si>
  <si>
    <t>5761</t>
  </si>
  <si>
    <t>GMHS JOYIA JAHANGIR</t>
  </si>
  <si>
    <t>MCD 03-FEMALE</t>
  </si>
  <si>
    <t>Joia Jahangir</t>
  </si>
  <si>
    <t>Govt.  Model E/S Joia Jahangir</t>
  </si>
  <si>
    <t>Bahkan Wala</t>
  </si>
  <si>
    <t>Zunaira Zareen</t>
  </si>
  <si>
    <t>25548</t>
  </si>
  <si>
    <t>15485</t>
  </si>
  <si>
    <t>GPS CHAK 373 GB I SAMUNDRI</t>
  </si>
  <si>
    <t>373 Karamsar</t>
  </si>
  <si>
    <t>chak no 373 gb karamsar tehsil samundari district faisalabad</t>
  </si>
  <si>
    <t>Karamsr</t>
  </si>
  <si>
    <t>Shokat Ali</t>
  </si>
  <si>
    <t>48962</t>
  </si>
  <si>
    <t>45640</t>
  </si>
  <si>
    <t>36233</t>
  </si>
  <si>
    <t>GES 52/WB WEST</t>
  </si>
  <si>
    <t>Chak No.52/Wb W</t>
  </si>
  <si>
    <t>chak No.52/WB west  Vehari</t>
  </si>
  <si>
    <t>Chak No.52/Wb</t>
  </si>
  <si>
    <t>chak no.52/wb</t>
  </si>
  <si>
    <t>31329</t>
  </si>
  <si>
    <t>45874</t>
  </si>
  <si>
    <t>46454</t>
  </si>
  <si>
    <t>36878</t>
  </si>
  <si>
    <t>GPS MODEL SHER GARH, KABIRWALA</t>
  </si>
  <si>
    <t>Basti magasian sher garh</t>
  </si>
  <si>
    <t>Basti Magasian</t>
  </si>
  <si>
    <t>Naurang Shah</t>
  </si>
  <si>
    <t>Maria Chaman</t>
  </si>
  <si>
    <t>18088</t>
  </si>
  <si>
    <t>17188</t>
  </si>
  <si>
    <t>34814</t>
  </si>
  <si>
    <t>39814</t>
  </si>
  <si>
    <t>30798</t>
  </si>
  <si>
    <t>GGHS CDG BAJA LINE</t>
  </si>
  <si>
    <t>BAJALINE</t>
  </si>
  <si>
    <t>CDG GIRLS HIGH SCHOOL BAJALINE GARHI SHAHU LAHORE</t>
  </si>
  <si>
    <t>POWER HOUSE</t>
  </si>
  <si>
    <t>RAILWAY COLONY</t>
  </si>
  <si>
    <t>fareeha JAVED</t>
  </si>
  <si>
    <t>45407</t>
  </si>
  <si>
    <t>GGES CHAH BAKHSHOO WALA</t>
  </si>
  <si>
    <t>KOHAWAR KALAN - FEMALE</t>
  </si>
  <si>
    <t>Kohawer</t>
  </si>
  <si>
    <t>cha Bakxsu wala kohawer klan Nashaib</t>
  </si>
  <si>
    <t>Cha Baxsu Wala</t>
  </si>
  <si>
    <t>Majoka</t>
  </si>
  <si>
    <t>34255</t>
  </si>
  <si>
    <t>GGHS MAKHDOOM RASHEED MULTAN</t>
  </si>
  <si>
    <t>Makhdoom Rashid</t>
  </si>
  <si>
    <t>GGHS Makhdoom Rashid, Multan P/O Makhdoom Rashid</t>
  </si>
  <si>
    <t>Dr Tahira Perveen Nawaz</t>
  </si>
  <si>
    <t>15490</t>
  </si>
  <si>
    <t>water filter plant</t>
  </si>
  <si>
    <t>46479</t>
  </si>
  <si>
    <t>GPS MEHROO</t>
  </si>
  <si>
    <t>MITHA KHOOH (MALE)</t>
  </si>
  <si>
    <t>Mehroo tensil Quaid a bad district khushab</t>
  </si>
  <si>
    <t>Mehroo</t>
  </si>
  <si>
    <t>Fateh Sher</t>
  </si>
  <si>
    <t>27388</t>
  </si>
  <si>
    <t>2977</t>
  </si>
  <si>
    <t>31706</t>
  </si>
  <si>
    <t>GGPS MODEL MUGHAL WALA</t>
  </si>
  <si>
    <t>MURIDKE-IV - FEMALE</t>
  </si>
  <si>
    <t>Mughal Wala</t>
  </si>
  <si>
    <t>GGMPS mughal wala</t>
  </si>
  <si>
    <t>Farheen ashraf</t>
  </si>
  <si>
    <t>24282</t>
  </si>
  <si>
    <t>50639</t>
  </si>
  <si>
    <t>14362</t>
  </si>
  <si>
    <t>54015</t>
  </si>
  <si>
    <t>GGPS 173/WB</t>
  </si>
  <si>
    <t>chak no 173wb post office mitru</t>
  </si>
  <si>
    <t>173wb</t>
  </si>
  <si>
    <t>MITRU</t>
  </si>
  <si>
    <t>Ghulam Fizza</t>
  </si>
  <si>
    <t>21408</t>
  </si>
  <si>
    <t>GGES NIDAH</t>
  </si>
  <si>
    <t>Naddha</t>
  </si>
  <si>
    <t>village &amp; p/o naddha , tehsil Kaminski, district gujranwala</t>
  </si>
  <si>
    <t>kali suba</t>
  </si>
  <si>
    <t>Ammara Jameel</t>
  </si>
  <si>
    <t>30558</t>
  </si>
  <si>
    <t>GGPS RUKH BURJ</t>
  </si>
  <si>
    <t>rukh burj</t>
  </si>
  <si>
    <t>GGPS rukh burj cantt lhr</t>
  </si>
  <si>
    <t>rujh burj</t>
  </si>
  <si>
    <t>bhangali</t>
  </si>
  <si>
    <t>Mahreen Gul</t>
  </si>
  <si>
    <t>4585</t>
  </si>
  <si>
    <t>GGPS CHAK NO. 80/A</t>
  </si>
  <si>
    <t>80A</t>
  </si>
  <si>
    <t>chak  80 /A liaquatpur</t>
  </si>
  <si>
    <t>80/A</t>
  </si>
  <si>
    <t>Robeena Kousar</t>
  </si>
  <si>
    <t>outside from the school,hand pump</t>
  </si>
  <si>
    <t>18049</t>
  </si>
  <si>
    <t>1729</t>
  </si>
  <si>
    <t>26051</t>
  </si>
  <si>
    <t>GGES NIDALA SALAHRIAN</t>
  </si>
  <si>
    <t>nadala sulehrian</t>
  </si>
  <si>
    <t>vilge nadala teh district narowal</t>
  </si>
  <si>
    <t>bua</t>
  </si>
  <si>
    <t>Iffat Fatima</t>
  </si>
  <si>
    <t>8445</t>
  </si>
  <si>
    <t>20615</t>
  </si>
  <si>
    <t>GGPS CHAK 123 GB JARANWALA</t>
  </si>
  <si>
    <t>123GB</t>
  </si>
  <si>
    <t>Chak no 123 GB  jaranwala Fsd</t>
  </si>
  <si>
    <t>55GB</t>
  </si>
  <si>
    <t>Sobia Asmat</t>
  </si>
  <si>
    <t>28721</t>
  </si>
  <si>
    <t>16784</t>
  </si>
  <si>
    <t>GHS CHAK 492 GB TANDLIANWALA FSD</t>
  </si>
  <si>
    <t>KONIK PUR</t>
  </si>
  <si>
    <t>CHAK NO. 492 GB</t>
  </si>
  <si>
    <t>CHAK NO 492 GB</t>
  </si>
  <si>
    <t>CHAK NO. 490 GB</t>
  </si>
  <si>
    <t>Muhammad Riaz Ahmad</t>
  </si>
  <si>
    <t>10043</t>
  </si>
  <si>
    <t>21363</t>
  </si>
  <si>
    <t>31988</t>
  </si>
  <si>
    <t>GGES THABAL</t>
  </si>
  <si>
    <t>SHEIKHUPURA-II - FEMALE</t>
  </si>
  <si>
    <t>Thabal</t>
  </si>
  <si>
    <t>gge/sThabal</t>
  </si>
  <si>
    <t>Mirzan Wirkan</t>
  </si>
  <si>
    <t>Kausar Ilyas</t>
  </si>
  <si>
    <t>33546</t>
  </si>
  <si>
    <t>38036</t>
  </si>
  <si>
    <t>GES AMRAY WALA</t>
  </si>
  <si>
    <t>Chack  Godha</t>
  </si>
  <si>
    <t>Mouza chak godha lodhran</t>
  </si>
  <si>
    <t>Amray Wala</t>
  </si>
  <si>
    <t>Muhammad  Irshad  Ullah</t>
  </si>
  <si>
    <t>GGhS MC KOT FAREED</t>
  </si>
  <si>
    <t>Kot Fareed</t>
  </si>
  <si>
    <t>gghs mc kot fareed</t>
  </si>
  <si>
    <t>Mc Sargodha 10</t>
  </si>
  <si>
    <t>Badar Munir Tawakkly</t>
  </si>
  <si>
    <t>4659</t>
  </si>
  <si>
    <t>GES MUNGHAIR</t>
  </si>
  <si>
    <t>ges munghair moza moosa kanjoo</t>
  </si>
  <si>
    <t>Sahja</t>
  </si>
  <si>
    <t>Muhammad Munawar Sajjad</t>
  </si>
  <si>
    <t>53010</t>
  </si>
  <si>
    <t>46868</t>
  </si>
  <si>
    <t>GGPS HASSAN SHADOO</t>
  </si>
  <si>
    <t>Village Hassan Shadoo, Tola Bangi Khel, isa Khel</t>
  </si>
  <si>
    <t>Hassan Shadoo</t>
  </si>
  <si>
    <t>Ilum Taj Bibi</t>
  </si>
  <si>
    <t>44454</t>
  </si>
  <si>
    <t>GPS CHAK NO. 55-56 ML</t>
  </si>
  <si>
    <t>Muslim Kot</t>
  </si>
  <si>
    <t>Chak No 55ml p/o Sarai muhajir Tehsiel and dist Bhakkar</t>
  </si>
  <si>
    <t>Chak No 55ml</t>
  </si>
  <si>
    <t>Chak No 205 TDA Sarai Muhajir</t>
  </si>
  <si>
    <t>37213</t>
  </si>
  <si>
    <t>GGCMS OLD KHANEWAL</t>
  </si>
  <si>
    <t>Old Khanewal</t>
  </si>
  <si>
    <t>old khanewal</t>
  </si>
  <si>
    <t>Basticamp</t>
  </si>
  <si>
    <t>Humaira Tabassum</t>
  </si>
  <si>
    <t>33207</t>
  </si>
  <si>
    <t>GGHS CHAIT SINGH WALA</t>
  </si>
  <si>
    <t>Chait  Singh Wala</t>
  </si>
  <si>
    <t>chait  singh wala village</t>
  </si>
  <si>
    <t>Fakhira Miraj</t>
  </si>
  <si>
    <t>45144</t>
  </si>
  <si>
    <t>GHS YARA SULLAH</t>
  </si>
  <si>
    <t>YARA SULLAH</t>
  </si>
  <si>
    <t>R/O YARA SULLAH PO HAIDERABAD, MANKERA BHAKKAR</t>
  </si>
  <si>
    <t>MAHNI</t>
  </si>
  <si>
    <t>48600</t>
  </si>
  <si>
    <t>4532</t>
  </si>
  <si>
    <t>47050</t>
  </si>
  <si>
    <t>GES CIVIL STATION</t>
  </si>
  <si>
    <t>MIAN WALI SADDAR-MALE</t>
  </si>
  <si>
    <t>Yarukhel Pacca</t>
  </si>
  <si>
    <t>canal colony mianwali</t>
  </si>
  <si>
    <t>Mwi City</t>
  </si>
  <si>
    <t>Mwi</t>
  </si>
  <si>
    <t>Waheed Javed Khan</t>
  </si>
  <si>
    <t>13016</t>
  </si>
  <si>
    <t>31695</t>
  </si>
  <si>
    <t>42890</t>
  </si>
  <si>
    <t>GGHS SAROHA</t>
  </si>
  <si>
    <t>Saroha</t>
  </si>
  <si>
    <t>village saroha,po and tehsil kallar syedan  Rawalpindi</t>
  </si>
  <si>
    <t>Kallar Syedan</t>
  </si>
  <si>
    <t>zubaida khatoon</t>
  </si>
  <si>
    <t>46898</t>
  </si>
  <si>
    <t>27930</t>
  </si>
  <si>
    <t>GGHS CHAK NO. 2 SHAMALI</t>
  </si>
  <si>
    <t>chak no 2 shumali</t>
  </si>
  <si>
    <t>chak no2 shumali distt M.B.Din</t>
  </si>
  <si>
    <t>Chak No2 Shumali</t>
  </si>
  <si>
    <t>Chak Basawa</t>
  </si>
  <si>
    <t>Azra Barkat Ali</t>
  </si>
  <si>
    <t>20234</t>
  </si>
  <si>
    <t>27624</t>
  </si>
  <si>
    <t>GHS CHOOT DHEERAN</t>
  </si>
  <si>
    <t>chot dheeran</t>
  </si>
  <si>
    <t>Govt. H/S chot dheeran</t>
  </si>
  <si>
    <t>chak raib</t>
  </si>
  <si>
    <t>amanat ali</t>
  </si>
  <si>
    <t>11835</t>
  </si>
  <si>
    <t>26537</t>
  </si>
  <si>
    <t>54643</t>
  </si>
  <si>
    <t>GPS MANDIALA MIR SHIKARAN</t>
  </si>
  <si>
    <t>Mandila Meer Shikaran</t>
  </si>
  <si>
    <t>mandila meer shikaran gujranwala</t>
  </si>
  <si>
    <t>MandiMandiaMandiMandila Meer Shikaran</t>
  </si>
  <si>
    <t>Hf Muhammad Ameen</t>
  </si>
  <si>
    <t>20060</t>
  </si>
  <si>
    <t>53482</t>
  </si>
  <si>
    <t>GGPS CHAK NO.15/GD</t>
  </si>
  <si>
    <t>15gd</t>
  </si>
  <si>
    <t>Javeria Sahar</t>
  </si>
  <si>
    <t>13524</t>
  </si>
  <si>
    <t>13474</t>
  </si>
  <si>
    <t>10299</t>
  </si>
  <si>
    <t>6871</t>
  </si>
  <si>
    <t>5663</t>
  </si>
  <si>
    <t>GGPS BASTI ZAFAR SHAH</t>
  </si>
  <si>
    <t>CTN -XIII-FEMALE</t>
  </si>
  <si>
    <t>Azeem</t>
  </si>
  <si>
    <t>Ggps basti Zafar Shah post office 10 fw ctn</t>
  </si>
  <si>
    <t>Basti Zafar Shah</t>
  </si>
  <si>
    <t>Shehli Gharbi</t>
  </si>
  <si>
    <t>Najma Khatoon</t>
  </si>
  <si>
    <t>33632</t>
  </si>
  <si>
    <t>46607</t>
  </si>
  <si>
    <t>GHS OKHLI MOHLA</t>
  </si>
  <si>
    <t>Govt. High School Okhli Mohla Distt Khushab</t>
  </si>
  <si>
    <t>Hameed Asghar Hamad</t>
  </si>
  <si>
    <t>43261</t>
  </si>
  <si>
    <t>GGHS CHAK LALIKA</t>
  </si>
  <si>
    <t>laleka</t>
  </si>
  <si>
    <t>p/o box laleka</t>
  </si>
  <si>
    <t>16980</t>
  </si>
  <si>
    <t>GGHS CHELA</t>
  </si>
  <si>
    <t>Chela</t>
  </si>
  <si>
    <t>P/o chela, tehsil o zila jhang</t>
  </si>
  <si>
    <t>Saira nasir</t>
  </si>
  <si>
    <t>48777</t>
  </si>
  <si>
    <t>4077</t>
  </si>
  <si>
    <t>39937</t>
  </si>
  <si>
    <t>GGHS KALU KALAN</t>
  </si>
  <si>
    <t>KALU KALAN</t>
  </si>
  <si>
    <t>GOVT GIRLS HIGH SCHOOL KALU KALAN</t>
  </si>
  <si>
    <t>KALU KALAN MOH GHARI</t>
  </si>
  <si>
    <t>HAMEED</t>
  </si>
  <si>
    <t>Surrya Illyas</t>
  </si>
  <si>
    <t>668</t>
  </si>
  <si>
    <t>26205</t>
  </si>
  <si>
    <t>GGES CHAK NO.200/GB</t>
  </si>
  <si>
    <t>200gb</t>
  </si>
  <si>
    <t>chak no 200gb</t>
  </si>
  <si>
    <t>203gb</t>
  </si>
  <si>
    <t>Nusrat Sardar</t>
  </si>
  <si>
    <t>16463</t>
  </si>
  <si>
    <t>GGHS CHAK 139 RB CHAK JHUMRA FSD</t>
  </si>
  <si>
    <t>139 Rb</t>
  </si>
  <si>
    <t>Chak no 139 rb tehsil chak jhumra district fsd</t>
  </si>
  <si>
    <t>139RB</t>
  </si>
  <si>
    <t>Saadia Nasim</t>
  </si>
  <si>
    <t>16715</t>
  </si>
  <si>
    <t>36085</t>
  </si>
  <si>
    <t>GGHS THINGI COLONY</t>
  </si>
  <si>
    <t>chak no 172 wb.thingi</t>
  </si>
  <si>
    <t>Chak No 78 Wb</t>
  </si>
  <si>
    <t>Saadia Hadiat</t>
  </si>
  <si>
    <t>17917</t>
  </si>
  <si>
    <t>4314</t>
  </si>
  <si>
    <t>GGHS CHAK 336 TDA</t>
  </si>
  <si>
    <t>chak no 336/TDA</t>
  </si>
  <si>
    <t>chak no 336/TDA TEHSIL &amp; DISTRICT LAYYAH</t>
  </si>
  <si>
    <t>LAYYAH THAL  KALAN</t>
  </si>
  <si>
    <t>20418</t>
  </si>
  <si>
    <t>3174</t>
  </si>
  <si>
    <t>13367</t>
  </si>
  <si>
    <t>GGHS MUHAMMAD PUR</t>
  </si>
  <si>
    <t>Muhammad Pur</t>
  </si>
  <si>
    <t>muhammad pur</t>
  </si>
  <si>
    <t>Muhammad Pur2</t>
  </si>
  <si>
    <t>ASMA AKRAM</t>
  </si>
  <si>
    <t>35905</t>
  </si>
  <si>
    <t>21793</t>
  </si>
  <si>
    <t>GGHS BAIG PUR</t>
  </si>
  <si>
    <t>baig pur Tehsil noshehra virka gujranwala</t>
  </si>
  <si>
    <t>Shamsa Dhada</t>
  </si>
  <si>
    <t>Tayyaba Hussain Shah</t>
  </si>
  <si>
    <t>26433</t>
  </si>
  <si>
    <t>37581</t>
  </si>
  <si>
    <t>24818</t>
  </si>
  <si>
    <t>GGHS BOUNKEN</t>
  </si>
  <si>
    <t>BOUNKAN</t>
  </si>
  <si>
    <t>GOVT GIRLS HISGH SCHOOL SIALKOT</t>
  </si>
  <si>
    <t>ADIBA SADIQ</t>
  </si>
  <si>
    <t>25323</t>
  </si>
  <si>
    <t>19925</t>
  </si>
  <si>
    <t>GES CHAK NO 151 JB</t>
  </si>
  <si>
    <t>AEO (M) CHINIOT NO.41</t>
  </si>
  <si>
    <t>Chak No 151</t>
  </si>
  <si>
    <t>chak no 151</t>
  </si>
  <si>
    <t>Chak No 153</t>
  </si>
  <si>
    <t>51060</t>
  </si>
  <si>
    <t>51113</t>
  </si>
  <si>
    <t>10004</t>
  </si>
  <si>
    <t>GPS RAKHWAN</t>
  </si>
  <si>
    <t>rakhwan</t>
  </si>
  <si>
    <t>basti rakhwan p/o wara sehran</t>
  </si>
  <si>
    <t>basti rakhwaan</t>
  </si>
  <si>
    <t>muhammad bilal</t>
  </si>
  <si>
    <t>7713</t>
  </si>
  <si>
    <t>8387</t>
  </si>
  <si>
    <t>5288</t>
  </si>
  <si>
    <t>25578</t>
  </si>
  <si>
    <t>GGPS KOURO WAL</t>
  </si>
  <si>
    <t>MANAK CHAND - FEMALE</t>
  </si>
  <si>
    <t>Kourowal</t>
  </si>
  <si>
    <t>kourowal</t>
  </si>
  <si>
    <t>Roras</t>
  </si>
  <si>
    <t>Misbah Luqman</t>
  </si>
  <si>
    <t>53056</t>
  </si>
  <si>
    <t>37969</t>
  </si>
  <si>
    <t>GGHS WAHI ALI ARAIN</t>
  </si>
  <si>
    <t>Wahi Ali Arain</t>
  </si>
  <si>
    <t>moza wahi ali arain tehsil and distt lodhran</t>
  </si>
  <si>
    <t>Dhoryan Wala</t>
  </si>
  <si>
    <t>Sher Pur</t>
  </si>
  <si>
    <t>Riffat Kalsoom</t>
  </si>
  <si>
    <t>64125</t>
  </si>
  <si>
    <t>GHS MUSLIM NO.2 CIVIL LINES</t>
  </si>
  <si>
    <t>Civil Lines, Lahore</t>
  </si>
  <si>
    <t>Lahore City</t>
  </si>
  <si>
    <t>Bilal Gunj</t>
  </si>
  <si>
    <t>Shafqat Naeem Akhtar</t>
  </si>
  <si>
    <t>7537</t>
  </si>
  <si>
    <t>37026</t>
  </si>
  <si>
    <t>30893</t>
  </si>
  <si>
    <t>GHS M.I. HAPPY SANDA ROAD NATIONAL TOWN LAHORE</t>
  </si>
  <si>
    <t>Rajgarh</t>
  </si>
  <si>
    <t>govt.m.i.Happy High school Sanda Road Lahore.</t>
  </si>
  <si>
    <t>tariq mehmood</t>
  </si>
  <si>
    <t>GGHSS BHERA</t>
  </si>
  <si>
    <t>RAILWAY ROAD BHERA</t>
  </si>
  <si>
    <t>bHERA</t>
  </si>
  <si>
    <t>MC BHERA</t>
  </si>
  <si>
    <t>Mrs Nasim Akhtar</t>
  </si>
  <si>
    <t>48091</t>
  </si>
  <si>
    <t>GGHSS MUAZZAM ABAD</t>
  </si>
  <si>
    <t>Moazzamabad</t>
  </si>
  <si>
    <t>P.O.Box Moazzamabad tehsile Kotmomin District Sargodha</t>
  </si>
  <si>
    <t>Robina Hassan</t>
  </si>
  <si>
    <t>20703</t>
  </si>
  <si>
    <t>GGHS BUTRAN WALI</t>
  </si>
  <si>
    <t>BUTRANWALI</t>
  </si>
  <si>
    <t>GGHS BUTRANWALI, GUJRANWALA</t>
  </si>
  <si>
    <t>Mamoona yousaf</t>
  </si>
  <si>
    <t>11630</t>
  </si>
  <si>
    <t>10868</t>
  </si>
  <si>
    <t>30171</t>
  </si>
  <si>
    <t>GGHS MODERN MUGHALPURA, SHALIMAR LINK ROAD</t>
  </si>
  <si>
    <t>govt.modern girls high school mughalpura shalimar link road mughalpura lahore</t>
  </si>
  <si>
    <t>Angoori Scheme</t>
  </si>
  <si>
    <t>anjum iqbal</t>
  </si>
  <si>
    <t>52388</t>
  </si>
  <si>
    <t>15570</t>
  </si>
  <si>
    <t>GGES CHAK 441 GB II SAMUNDRI SOUTH</t>
  </si>
  <si>
    <t>441gb</t>
  </si>
  <si>
    <t>chak  no 441 gb19</t>
  </si>
  <si>
    <t>Chakno441 Gb</t>
  </si>
  <si>
    <t>Abida Sahir</t>
  </si>
  <si>
    <t>30830</t>
  </si>
  <si>
    <t>GGHS CDG GREEN TOWN</t>
  </si>
  <si>
    <t>Green town</t>
  </si>
  <si>
    <t>CDG Girls High School Green Town LHR</t>
  </si>
  <si>
    <t>azmat chowk</t>
  </si>
  <si>
    <t>maryam Colony</t>
  </si>
  <si>
    <t>Farkhanda Jabeen</t>
  </si>
  <si>
    <t>204187</t>
  </si>
  <si>
    <t>48117</t>
  </si>
  <si>
    <t>GHS CHAK SAIDA</t>
  </si>
  <si>
    <t>CHAK SAIDA</t>
  </si>
  <si>
    <t>Syed Zafar Abbas</t>
  </si>
  <si>
    <t>28757</t>
  </si>
  <si>
    <t>41319</t>
  </si>
  <si>
    <t>GES PITHLI</t>
  </si>
  <si>
    <t>Pithli</t>
  </si>
  <si>
    <t>Village Pithli, Tehsil Murree Distt, Rwp</t>
  </si>
  <si>
    <t>Ghora Gali</t>
  </si>
  <si>
    <t>Saqib Abbasi</t>
  </si>
  <si>
    <t>38204</t>
  </si>
  <si>
    <t>16690</t>
  </si>
  <si>
    <t>GGPS NO. 2 MAMUNKANJAN</t>
  </si>
  <si>
    <t>mamukanjan</t>
  </si>
  <si>
    <t>railway ground mamukanjan</t>
  </si>
  <si>
    <t>Mamukanjan</t>
  </si>
  <si>
    <t>town mamukanjan</t>
  </si>
  <si>
    <t>Musarrat Rehman</t>
  </si>
  <si>
    <t>3046</t>
  </si>
  <si>
    <t>40836</t>
  </si>
  <si>
    <t>50660</t>
  </si>
  <si>
    <t>3791</t>
  </si>
  <si>
    <t>19107</t>
  </si>
  <si>
    <t>GMPS CHAK 760 GB II</t>
  </si>
  <si>
    <t>BAGH WALA-FEMALE</t>
  </si>
  <si>
    <t>760gb</t>
  </si>
  <si>
    <t>gmps760gb</t>
  </si>
  <si>
    <t>Nasirnaghar</t>
  </si>
  <si>
    <t>Zahra Bibi</t>
  </si>
  <si>
    <t>33264</t>
  </si>
  <si>
    <t>52323</t>
  </si>
  <si>
    <t>37971</t>
  </si>
  <si>
    <t>GGHS ABDULLAH PUR</t>
  </si>
  <si>
    <t>Sumra</t>
  </si>
  <si>
    <t>Gghs Abdullah pur moza sumra tehsil and district lodhran</t>
  </si>
  <si>
    <t>Tahira Aziz</t>
  </si>
  <si>
    <t>28607</t>
  </si>
  <si>
    <t>29250</t>
  </si>
  <si>
    <t>1242</t>
  </si>
  <si>
    <t>GHS BHUTTA WAHAN</t>
  </si>
  <si>
    <t>more bhutta wahan</t>
  </si>
  <si>
    <t>Muhammad akhtar hussain</t>
  </si>
  <si>
    <t>12010</t>
  </si>
  <si>
    <t>15512</t>
  </si>
  <si>
    <t>26721</t>
  </si>
  <si>
    <t>GGPS BHAGOTI PUR</t>
  </si>
  <si>
    <t>Bhagotipur</t>
  </si>
  <si>
    <t>village Bhagotipur  Tehsil &amp;post office Zafarwal Distribution Narwal.</t>
  </si>
  <si>
    <t>Bhattian Diwaan</t>
  </si>
  <si>
    <t>Zobia Ahmed</t>
  </si>
  <si>
    <t>23442</t>
  </si>
  <si>
    <t>GHS PURAN</t>
  </si>
  <si>
    <t>Puran</t>
  </si>
  <si>
    <t>VPO PURAN  Sarai Alamgir.</t>
  </si>
  <si>
    <t>PURAN</t>
  </si>
  <si>
    <t>SYED SIBTAIN AHMED RIZVI</t>
  </si>
  <si>
    <t>34217</t>
  </si>
  <si>
    <t>38137</t>
  </si>
  <si>
    <t>GGPS KHAN PUR UTHWAL</t>
  </si>
  <si>
    <t>Khanpuruthwal</t>
  </si>
  <si>
    <t>basti tibba khanpuruthwal lodhran</t>
  </si>
  <si>
    <t>Basti Tibba</t>
  </si>
  <si>
    <t>Thathi Sameja</t>
  </si>
  <si>
    <t>Shahar Bano</t>
  </si>
  <si>
    <t>20789</t>
  </si>
  <si>
    <t>GPS DERA KULIAN</t>
  </si>
  <si>
    <t>Dera Kulian</t>
  </si>
  <si>
    <t>dera kulian tehsil and district gujranwala</t>
  </si>
  <si>
    <t>Rameez Hassan</t>
  </si>
  <si>
    <t>1686</t>
  </si>
  <si>
    <t>3968</t>
  </si>
  <si>
    <t>7239</t>
  </si>
  <si>
    <t>GPS MUHAMMAD BUX CHANDIO</t>
  </si>
  <si>
    <t>Qasmani</t>
  </si>
  <si>
    <t>basti Muhammad bux chandio mouza qasmani tehsil sadiqabad</t>
  </si>
  <si>
    <t>Muhammad bux chandio</t>
  </si>
  <si>
    <t>Rahimabad</t>
  </si>
  <si>
    <t>Abdul Rasheed</t>
  </si>
  <si>
    <t>32249</t>
  </si>
  <si>
    <t>49676</t>
  </si>
  <si>
    <t>GGPS PURANI BHIKI</t>
  </si>
  <si>
    <t>SHEIKHUPURA-VI - FEMALE</t>
  </si>
  <si>
    <t>Purani Bhikhi</t>
  </si>
  <si>
    <t>Purani bhikhi</t>
  </si>
  <si>
    <t>Purani  Bhikhi</t>
  </si>
  <si>
    <t>Bhikhi</t>
  </si>
  <si>
    <t>Kausar Perveen</t>
  </si>
  <si>
    <t>46804</t>
  </si>
  <si>
    <t>49409</t>
  </si>
  <si>
    <t>GGHSS JHAWRIAN</t>
  </si>
  <si>
    <t>Jhawarian</t>
  </si>
  <si>
    <t>megha road jhawarian</t>
  </si>
  <si>
    <t>Nazli Shahnaz</t>
  </si>
  <si>
    <t>25794</t>
  </si>
  <si>
    <t>54713</t>
  </si>
  <si>
    <t>GGES CHAK 464 GB SAMUNDRI</t>
  </si>
  <si>
    <t>Girja Chak</t>
  </si>
  <si>
    <t>Chak No. 464 GB</t>
  </si>
  <si>
    <t>Chak No 464 GB</t>
  </si>
  <si>
    <t>Chak No 463 GB</t>
  </si>
  <si>
    <t>Asia Zamir</t>
  </si>
  <si>
    <t>5527</t>
  </si>
  <si>
    <t>9243</t>
  </si>
  <si>
    <t>49221</t>
  </si>
  <si>
    <t>49735</t>
  </si>
  <si>
    <t>36371</t>
  </si>
  <si>
    <t>GGES CHAK NO. 196 EB</t>
  </si>
  <si>
    <t>Chak No. 196/EB</t>
  </si>
  <si>
    <t>Chak no. 196/EB Tehsil &amp; District Vehari</t>
  </si>
  <si>
    <t>Chak No. 194/EB</t>
  </si>
  <si>
    <t>Waheeda Parveen</t>
  </si>
  <si>
    <t>40691</t>
  </si>
  <si>
    <t>GGPS DEEDWAL</t>
  </si>
  <si>
    <t>DOMELI-FEMALE</t>
  </si>
  <si>
    <t>p.o. domeli teh Sohawa disst jhelum</t>
  </si>
  <si>
    <t>D Didwal</t>
  </si>
  <si>
    <t>Syeda Sobia Zafar</t>
  </si>
  <si>
    <t>21157</t>
  </si>
  <si>
    <t>45153</t>
  </si>
  <si>
    <t>35531</t>
  </si>
  <si>
    <t>29924</t>
  </si>
  <si>
    <t>27400</t>
  </si>
  <si>
    <t>GGPS JHOTIAN WALA</t>
  </si>
  <si>
    <t>Jhotianwala</t>
  </si>
  <si>
    <t>jhotianwala</t>
  </si>
  <si>
    <t>Bader Ali</t>
  </si>
  <si>
    <t>Jabeen Naz</t>
  </si>
  <si>
    <t>8186</t>
  </si>
  <si>
    <t>GHS 35 WB</t>
  </si>
  <si>
    <t>35/wb</t>
  </si>
  <si>
    <t>41/wb</t>
  </si>
  <si>
    <t>ABBAS HASAN ASKRI</t>
  </si>
  <si>
    <t>33725</t>
  </si>
  <si>
    <t>38216</t>
  </si>
  <si>
    <t>GHS QADIR PUR CHIMNA</t>
  </si>
  <si>
    <t>qadirpur Chimna</t>
  </si>
  <si>
    <t>basti qadirpur chimna</t>
  </si>
  <si>
    <t>Qadirpur Chimna</t>
  </si>
  <si>
    <t>challay wahin</t>
  </si>
  <si>
    <t>MUHAMMAD QASIM</t>
  </si>
  <si>
    <t>GES FAQEERAN</t>
  </si>
  <si>
    <t>JANOO WALA - MALE</t>
  </si>
  <si>
    <t>No Shahra</t>
  </si>
  <si>
    <t>Basti faqiran markaz janu wala tehsil Ahmadpur district bahawalpur</t>
  </si>
  <si>
    <t>Noshahra</t>
  </si>
  <si>
    <t>No Shara</t>
  </si>
  <si>
    <t>8766</t>
  </si>
  <si>
    <t>GGHS CHAK 375 JB</t>
  </si>
  <si>
    <t>Chak No 375Jb</t>
  </si>
  <si>
    <t>chak no 375jb TTSINGH</t>
  </si>
  <si>
    <t>Chak no 375jb</t>
  </si>
  <si>
    <t>KINZA HAMID</t>
  </si>
  <si>
    <t>127685</t>
  </si>
  <si>
    <t>35170</t>
  </si>
  <si>
    <t>GPS CHAK NO. 411/EB</t>
  </si>
  <si>
    <t>Chak No 411 EB</t>
  </si>
  <si>
    <t>chak no.411 E.B</t>
  </si>
  <si>
    <t>Chak No 403 EB</t>
  </si>
  <si>
    <t>Rukhsana Shaaban</t>
  </si>
  <si>
    <t>5807</t>
  </si>
  <si>
    <t>15302</t>
  </si>
  <si>
    <t>9495</t>
  </si>
  <si>
    <t>46132</t>
  </si>
  <si>
    <t>GHS HAR DO SODHI</t>
  </si>
  <si>
    <t>Herdo Sodhi</t>
  </si>
  <si>
    <t>Ghs Herdo Sodhi. Village Herdo Sodhi Tehsil Naushera District Khushab</t>
  </si>
  <si>
    <t>Her Do Sodhi</t>
  </si>
  <si>
    <t>Muhammad Basharat</t>
  </si>
  <si>
    <t>5087</t>
  </si>
  <si>
    <t>GHS CHAK NO.186/M</t>
  </si>
  <si>
    <t>CHAK NO.186/M</t>
  </si>
  <si>
    <t>chak no.186/M  HASILPUR</t>
  </si>
  <si>
    <t>chak no.163/M</t>
  </si>
  <si>
    <t>Shafqat Mehmood</t>
  </si>
  <si>
    <t>13045</t>
  </si>
  <si>
    <t>31286</t>
  </si>
  <si>
    <t>36779</t>
  </si>
  <si>
    <t>GES 26 GHAGH, P/O ADDA 25 PUL, ABDUL HAKIM</t>
  </si>
  <si>
    <t>HAVELI KORANGA - MALE</t>
  </si>
  <si>
    <t>26ghagh</t>
  </si>
  <si>
    <t>chak no 26 GH p/o 25pull Tehsil kabirwala district khanewal</t>
  </si>
  <si>
    <t>Chak# 26 GH</t>
  </si>
  <si>
    <t>Muhammad Sanaullah</t>
  </si>
  <si>
    <t>15852</t>
  </si>
  <si>
    <t>18242</t>
  </si>
  <si>
    <t>GHS GUDARA</t>
  </si>
  <si>
    <t>GUDARA</t>
  </si>
  <si>
    <t>GOVT HIGH SCHOOL GUDARA P/O GARH MAHARAJA TEH A.P SIAL DISTT JHANG</t>
  </si>
  <si>
    <t>MUHAMMAD AFZAL JAFRI</t>
  </si>
  <si>
    <t>13935</t>
  </si>
  <si>
    <t>2191</t>
  </si>
  <si>
    <t>3766</t>
  </si>
  <si>
    <t>20117</t>
  </si>
  <si>
    <t>GGPS CHAK NO. 142 JB BURHAN PUR</t>
  </si>
  <si>
    <t>AEO (W) CHINIOT NO.21</t>
  </si>
  <si>
    <t>Chak No 142 Burhan</t>
  </si>
  <si>
    <t>chak 142 burhan pur chiniot</t>
  </si>
  <si>
    <t>Chak No 142</t>
  </si>
  <si>
    <t>Chak No 140</t>
  </si>
  <si>
    <t>Maryum Shazadi</t>
  </si>
  <si>
    <t>1079</t>
  </si>
  <si>
    <t>20627</t>
  </si>
  <si>
    <t>GGHS KASHMIR COLONY NO.2</t>
  </si>
  <si>
    <t>kashmir colony2</t>
  </si>
  <si>
    <t>kashmir colony2 near murad eye hospital chan da qila</t>
  </si>
  <si>
    <t>kashmir colony2 chan da qila</t>
  </si>
  <si>
    <t>Kashmir Colony No2</t>
  </si>
  <si>
    <t>Farhat Afza</t>
  </si>
  <si>
    <t>11623</t>
  </si>
  <si>
    <t>39479</t>
  </si>
  <si>
    <t>GHS LAKKARMAR</t>
  </si>
  <si>
    <t>LAKKARMAR</t>
  </si>
  <si>
    <t>lakkarmar</t>
  </si>
  <si>
    <t>CHHAB</t>
  </si>
  <si>
    <t>Shoukat Mehmood</t>
  </si>
  <si>
    <t>8235</t>
  </si>
  <si>
    <t>53791</t>
  </si>
  <si>
    <t>GGPS CHOKI MAJHIANA</t>
  </si>
  <si>
    <t>Choki Majhiana</t>
  </si>
  <si>
    <t>choki majhyana</t>
  </si>
  <si>
    <t>Choki Majhyana</t>
  </si>
  <si>
    <t>4 Gd</t>
  </si>
  <si>
    <t>Kishwar Perveen</t>
  </si>
  <si>
    <t>22300</t>
  </si>
  <si>
    <t>9438</t>
  </si>
  <si>
    <t>26942</t>
  </si>
  <si>
    <t>GGES KARYALA</t>
  </si>
  <si>
    <t>karyala</t>
  </si>
  <si>
    <t>Misbah Zaka</t>
  </si>
  <si>
    <t>34295</t>
  </si>
  <si>
    <t>3371</t>
  </si>
  <si>
    <t>GGPS CHAK NO.16/BC</t>
  </si>
  <si>
    <t>16bc</t>
  </si>
  <si>
    <t>chak 16bc</t>
  </si>
  <si>
    <t>24bc</t>
  </si>
  <si>
    <t>Kiran Mushtaq</t>
  </si>
  <si>
    <t>10811</t>
  </si>
  <si>
    <t>44504</t>
  </si>
  <si>
    <t>GPS CHAK NO.56/TDA</t>
  </si>
  <si>
    <t>NOTAK - MALE</t>
  </si>
  <si>
    <t>Chak No 55Tda</t>
  </si>
  <si>
    <t>chak no 56tda</t>
  </si>
  <si>
    <t>Chak No 56tda</t>
  </si>
  <si>
    <t>Notak</t>
  </si>
  <si>
    <t>37963</t>
  </si>
  <si>
    <t>GGHS QUAID ABAD</t>
  </si>
  <si>
    <t>Municipal Committee Lodhran</t>
  </si>
  <si>
    <t>GGHS Quaid Abad Lodhran</t>
  </si>
  <si>
    <t>Mohallah Quaid Abad Colony</t>
  </si>
  <si>
    <t>SAMINA YASMIN</t>
  </si>
  <si>
    <t>12070</t>
  </si>
  <si>
    <t>45727</t>
  </si>
  <si>
    <t>24719</t>
  </si>
  <si>
    <t>GGHS MUSLIM RAM TALAI SIALKOT</t>
  </si>
  <si>
    <t>ramtalai</t>
  </si>
  <si>
    <t>govt.muslim girls high school ramtalai sialkot</t>
  </si>
  <si>
    <t>karim pura sialkot</t>
  </si>
  <si>
    <t>samira kausar</t>
  </si>
  <si>
    <t>3986</t>
  </si>
  <si>
    <t>3258</t>
  </si>
  <si>
    <t>49090</t>
  </si>
  <si>
    <t>GES CHAK NO.91 NB</t>
  </si>
  <si>
    <t>CHAK NO. 91 NB</t>
  </si>
  <si>
    <t>CHAK NO. 91 NB SARGODHA</t>
  </si>
  <si>
    <t>CHAK NO. 90 NB</t>
  </si>
  <si>
    <t>IMRAN JILLANI</t>
  </si>
  <si>
    <t>13235</t>
  </si>
  <si>
    <t>GGPS KALLAR WALI NO. 1</t>
  </si>
  <si>
    <t>Kallar Wali</t>
  </si>
  <si>
    <t>Basti O Moza kallarwali p/o khas tahseel jatoi dist muzaffargarh</t>
  </si>
  <si>
    <t>Perveen Sultana</t>
  </si>
  <si>
    <t>13371</t>
  </si>
  <si>
    <t>GHS CITY JAMPUR</t>
  </si>
  <si>
    <t>Near Dera Chungi DG Khan road jampur</t>
  </si>
  <si>
    <t>30698</t>
  </si>
  <si>
    <t>4044</t>
  </si>
  <si>
    <t>40580</t>
  </si>
  <si>
    <t>21748</t>
  </si>
  <si>
    <t>GHS UDHOWALI</t>
  </si>
  <si>
    <t>UDHOWALI</t>
  </si>
  <si>
    <t>GOVT. HIGH SCHOOL UDHOWALI DISTT. GUJRANWALA</t>
  </si>
  <si>
    <t>MUDASSAR HUSSAIN</t>
  </si>
  <si>
    <t>50697</t>
  </si>
  <si>
    <t>GHS 59/GD</t>
  </si>
  <si>
    <t>59/GD</t>
  </si>
  <si>
    <t>Salman Iqbal</t>
  </si>
  <si>
    <t>4524</t>
  </si>
  <si>
    <t>32553</t>
  </si>
  <si>
    <t>GGPS 4/FW AWAN PURA</t>
  </si>
  <si>
    <t>CTN -X-FEMALE</t>
  </si>
  <si>
    <t>Chak No 4f w  4fwAwanpura</t>
  </si>
  <si>
    <t>Awan pura chishtian</t>
  </si>
  <si>
    <t>Awan Pura</t>
  </si>
  <si>
    <t>GMPS 115/10-R NIAMAT WALA, JAHANIAN</t>
  </si>
  <si>
    <t>Niamat Wala</t>
  </si>
  <si>
    <t>g/m/p/s/115/10.r niamat wala</t>
  </si>
  <si>
    <t>115/10rN/W</t>
  </si>
  <si>
    <t>Sumaira Altaf</t>
  </si>
  <si>
    <t>10761</t>
  </si>
  <si>
    <t>17401</t>
  </si>
  <si>
    <t>39494</t>
  </si>
  <si>
    <t>GHS JALWAL</t>
  </si>
  <si>
    <t>Jalwal</t>
  </si>
  <si>
    <t>V &amp; P. O JALWAL</t>
  </si>
  <si>
    <t>27610</t>
  </si>
  <si>
    <t>18901</t>
  </si>
  <si>
    <t>GGHS QADIR BUX</t>
  </si>
  <si>
    <t>Qadir Bux</t>
  </si>
  <si>
    <t>qadir bux tehsil kamalia dist. toba</t>
  </si>
  <si>
    <t>Qadir Bux Azmat  Shah</t>
  </si>
  <si>
    <t>NOREEN AKHTAR</t>
  </si>
  <si>
    <t>25691</t>
  </si>
  <si>
    <t>GPS KASOWALI</t>
  </si>
  <si>
    <t>Kasowali</t>
  </si>
  <si>
    <t>Tahsil&amp;district narowal</t>
  </si>
  <si>
    <t>Domala</t>
  </si>
  <si>
    <t>Wali Mohammad Tahir</t>
  </si>
  <si>
    <t>1421</t>
  </si>
  <si>
    <t>45140</t>
  </si>
  <si>
    <t>28710</t>
  </si>
  <si>
    <t>35227</t>
  </si>
  <si>
    <t>GPS CHAK NO.425 EB P/O FAREEDABAD</t>
  </si>
  <si>
    <t>Chak No 425/EB.  Burewala</t>
  </si>
  <si>
    <t>425/EB Burewala</t>
  </si>
  <si>
    <t>Khalid Ali</t>
  </si>
  <si>
    <t>22576</t>
  </si>
  <si>
    <t>45665</t>
  </si>
  <si>
    <t>46747</t>
  </si>
  <si>
    <t>GPS JANJWANI</t>
  </si>
  <si>
    <t>Tolamangli</t>
  </si>
  <si>
    <t>Gps janjwani p.o kalabagh teh isa khel distt .Mianwali</t>
  </si>
  <si>
    <t>Janjwani</t>
  </si>
  <si>
    <t>Kotchandna</t>
  </si>
  <si>
    <t>MUHAMMAD JAN</t>
  </si>
  <si>
    <t>35712</t>
  </si>
  <si>
    <t>38233</t>
  </si>
  <si>
    <t>GGHS MASSA KOTHA KEHROR PACCA</t>
  </si>
  <si>
    <t>Massa Kotha</t>
  </si>
  <si>
    <t>GGHS MASSA KOTHA</t>
  </si>
  <si>
    <t>MASSA KOTHA</t>
  </si>
  <si>
    <t>Javaria Touseef</t>
  </si>
  <si>
    <t>9065</t>
  </si>
  <si>
    <t>20065</t>
  </si>
  <si>
    <t>GGPS THATHA ROW</t>
  </si>
  <si>
    <t>Thatha Rao</t>
  </si>
  <si>
    <t>village thatha Rao p/o kali soba khan, gujranwala, kamonke</t>
  </si>
  <si>
    <t>Kali Soba Khan</t>
  </si>
  <si>
    <t>4170</t>
  </si>
  <si>
    <t>45853</t>
  </si>
  <si>
    <t>GPS PIRHA</t>
  </si>
  <si>
    <t>Pirha Khari</t>
  </si>
  <si>
    <t>post office Pail</t>
  </si>
  <si>
    <t>Muhammad Saddique Awan</t>
  </si>
  <si>
    <t>6703</t>
  </si>
  <si>
    <t>39089</t>
  </si>
  <si>
    <t>GGES CHAK NO.335/WB</t>
  </si>
  <si>
    <t>chak no 335WB Teh.Mailsi Distt.Vehari</t>
  </si>
  <si>
    <t>335 W B</t>
  </si>
  <si>
    <t>Naheed BiBi</t>
  </si>
  <si>
    <t>44271</t>
  </si>
  <si>
    <t>4879</t>
  </si>
  <si>
    <t>50304</t>
  </si>
  <si>
    <t>GPS 27/11-L</t>
  </si>
  <si>
    <t>GpS 27/11L</t>
  </si>
  <si>
    <t>Syed Zaheer Abbas</t>
  </si>
  <si>
    <t>13764</t>
  </si>
  <si>
    <t>11958</t>
  </si>
  <si>
    <t>11656</t>
  </si>
  <si>
    <t>16775</t>
  </si>
  <si>
    <t>GGES KLLIANWALA</t>
  </si>
  <si>
    <t>Mehwish Shoukat</t>
  </si>
  <si>
    <t>43693</t>
  </si>
  <si>
    <t>44847</t>
  </si>
  <si>
    <t>GHSS ASHRAF WALA</t>
  </si>
  <si>
    <t>ghullaman</t>
  </si>
  <si>
    <t>ashraf wala p/o zamay wala teh# kallur kot</t>
  </si>
  <si>
    <t>ashraf wala</t>
  </si>
  <si>
    <t>ghullaman no 2</t>
  </si>
  <si>
    <t>IJAZ AHMAD</t>
  </si>
  <si>
    <t>12675</t>
  </si>
  <si>
    <t>9700</t>
  </si>
  <si>
    <t>48054</t>
  </si>
  <si>
    <t>GHS BHALWAL</t>
  </si>
  <si>
    <t>Gov't High Schoo Bhalwal</t>
  </si>
  <si>
    <t>MC Bhalwal</t>
  </si>
  <si>
    <t>Aftab Iqbal</t>
  </si>
  <si>
    <t>6838</t>
  </si>
  <si>
    <t>27130</t>
  </si>
  <si>
    <t>GMPS BHOGI WALA</t>
  </si>
  <si>
    <t>Bhogiwala</t>
  </si>
  <si>
    <t>Govt. Girls  Model Primary School Bhogiwala</t>
  </si>
  <si>
    <t>Kassoki</t>
  </si>
  <si>
    <t>sana afzal</t>
  </si>
  <si>
    <t>4605</t>
  </si>
  <si>
    <t>29087</t>
  </si>
  <si>
    <t>GHS CHATIAN WALA</t>
  </si>
  <si>
    <t>CHATHIAN WALA</t>
  </si>
  <si>
    <t>govt. High School Chathian wala, Kasur.</t>
  </si>
  <si>
    <t>MUHAMMAD SHAHID SAEED</t>
  </si>
  <si>
    <t>9714</t>
  </si>
  <si>
    <t>48004</t>
  </si>
  <si>
    <t>3616</t>
  </si>
  <si>
    <t>GES RAM KALI</t>
  </si>
  <si>
    <t>RAJAR HOO - MALE</t>
  </si>
  <si>
    <t>Ram Kali</t>
  </si>
  <si>
    <t>GHS RAMKALI MARKAZ RAJAR HOO P/O Chani Goth APE</t>
  </si>
  <si>
    <t>RAJAR HOO</t>
  </si>
  <si>
    <t>HAZOOR BAKHSH</t>
  </si>
  <si>
    <t>2323</t>
  </si>
  <si>
    <t>15817</t>
  </si>
  <si>
    <t>GES 27/JB-NORTH</t>
  </si>
  <si>
    <t>MIRANWALA - MALE</t>
  </si>
  <si>
    <t>27jb</t>
  </si>
  <si>
    <t>27jb  north  fsd</t>
  </si>
  <si>
    <t>27 JB N Ramsar</t>
  </si>
  <si>
    <t>27 Jb N Ramsar</t>
  </si>
  <si>
    <t>Asif Raza</t>
  </si>
  <si>
    <t>38363</t>
  </si>
  <si>
    <t>52880</t>
  </si>
  <si>
    <t>34761</t>
  </si>
  <si>
    <t>20433</t>
  </si>
  <si>
    <t>GGHS TEHZIB UL BANNAT</t>
  </si>
  <si>
    <t>Ghanta Gher</t>
  </si>
  <si>
    <t>GGHS tehzib ul binnat near clock tower gujranwala</t>
  </si>
  <si>
    <t>Melad Chock</t>
  </si>
  <si>
    <t>Timber Market</t>
  </si>
  <si>
    <t>Nighat Tariq</t>
  </si>
  <si>
    <t>19907</t>
  </si>
  <si>
    <t>GHS CHAK NO 138 JB</t>
  </si>
  <si>
    <t>CHAK NO.138JB</t>
  </si>
  <si>
    <t>GHS CHAK NO.138JB CHINIOT</t>
  </si>
  <si>
    <t>CHAK NO.138JB CHINIOT</t>
  </si>
  <si>
    <t>CHAK NO.133JB</t>
  </si>
  <si>
    <t>ZULFIQAR ALI KHAN</t>
  </si>
  <si>
    <t>43101</t>
  </si>
  <si>
    <t>GGHS SADWAL CHAKWAL</t>
  </si>
  <si>
    <t>Sadwal</t>
  </si>
  <si>
    <t>vpo sadwal tehsil and district chakwal</t>
  </si>
  <si>
    <t>FARKHANDA SHABBIR</t>
  </si>
  <si>
    <t>8322</t>
  </si>
  <si>
    <t>GGPS Churratta No.2</t>
  </si>
  <si>
    <t>near G G H S Mulla Quaid shah jadeed</t>
  </si>
  <si>
    <t>Seema Ayoub</t>
  </si>
  <si>
    <t>15297</t>
  </si>
  <si>
    <t>GGES 113 GB</t>
  </si>
  <si>
    <t>Guband Pura</t>
  </si>
  <si>
    <t>113 GB Jaranawala Faisalabad</t>
  </si>
  <si>
    <t>113 Gb</t>
  </si>
  <si>
    <t>112Gb</t>
  </si>
  <si>
    <t>Shireen Naheed</t>
  </si>
  <si>
    <t>14620</t>
  </si>
  <si>
    <t>GGES MC NO.3 GHULAM MUHAMMAD ABAD FSD</t>
  </si>
  <si>
    <t>GMCGE/s #3 GM Abad</t>
  </si>
  <si>
    <t>7404</t>
  </si>
  <si>
    <t>5210</t>
  </si>
  <si>
    <t>51813</t>
  </si>
  <si>
    <t>GHS 67 EB</t>
  </si>
  <si>
    <t>67 Eb</t>
  </si>
  <si>
    <t>chak no 67/eB arifwala</t>
  </si>
  <si>
    <t>chak no 67/eB</t>
  </si>
  <si>
    <t>chak no 69/eB</t>
  </si>
  <si>
    <t>hafiz ghulam mustafa</t>
  </si>
  <si>
    <t>12597</t>
  </si>
  <si>
    <t>20149</t>
  </si>
  <si>
    <t>GGHS NUSRAT</t>
  </si>
  <si>
    <t>chenab nagar</t>
  </si>
  <si>
    <t>darul sadar</t>
  </si>
  <si>
    <t>Samina Rafi</t>
  </si>
  <si>
    <t>4287</t>
  </si>
  <si>
    <t>GGHS SONDHA</t>
  </si>
  <si>
    <t>SOONDHA</t>
  </si>
  <si>
    <t>GGHS SOONDHA BWN</t>
  </si>
  <si>
    <t>fareeda khanam</t>
  </si>
  <si>
    <t>36992</t>
  </si>
  <si>
    <t>22019</t>
  </si>
  <si>
    <t>GGPS RATTA DHOTER</t>
  </si>
  <si>
    <t>Ratta Dhother</t>
  </si>
  <si>
    <t>ratta Dother p o bhirri khurd teh Noshera virkan dist Gujranwala</t>
  </si>
  <si>
    <t>Bhirri Kalan</t>
  </si>
  <si>
    <t>Sajida Manzoor</t>
  </si>
  <si>
    <t>35435</t>
  </si>
  <si>
    <t>49630</t>
  </si>
  <si>
    <t>41518</t>
  </si>
  <si>
    <t>GHS KOH-I-NOOR RAWALPINDI</t>
  </si>
  <si>
    <t>Seham</t>
  </si>
  <si>
    <t>Govt. Kohinoor Boys High School Peshawar Road Rawalpindi</t>
  </si>
  <si>
    <t>Rawalpindi Cantt</t>
  </si>
  <si>
    <t>NAEEM HAIDER</t>
  </si>
  <si>
    <t>kOHINOOR tEXTILE mILLS SUPPLY</t>
  </si>
  <si>
    <t>16664</t>
  </si>
  <si>
    <t>GGPS 601 GB</t>
  </si>
  <si>
    <t>Saifal D Jhok</t>
  </si>
  <si>
    <t>603 Sai Ka Chak</t>
  </si>
  <si>
    <t>36110</t>
  </si>
  <si>
    <t>18248</t>
  </si>
  <si>
    <t>GGHS GUDARA</t>
  </si>
  <si>
    <t>GOVT. GIRLS HIGH SCHOOL GUDARA.P/O G.M.RAJA.TEHSIL.AHMAD. PUR SIAL.JHANG</t>
  </si>
  <si>
    <t>22685</t>
  </si>
  <si>
    <t>49608</t>
  </si>
  <si>
    <t>50457</t>
  </si>
  <si>
    <t>19247</t>
  </si>
  <si>
    <t>GGHS LATIF AWAMI BASTI T.T.SINGH</t>
  </si>
  <si>
    <t>Awami Basti</t>
  </si>
  <si>
    <t>GOVT GIRLS LATIF HIGH SCHOOL TOBA TEK SINGH AWAMI BASTI</t>
  </si>
  <si>
    <t>Awami Basti Tts</t>
  </si>
  <si>
    <t>city 3</t>
  </si>
  <si>
    <t>ANEES KAUSAR</t>
  </si>
  <si>
    <t>731</t>
  </si>
  <si>
    <t>37062</t>
  </si>
  <si>
    <t>GHS 79/10-R, KACHA KHUH</t>
  </si>
  <si>
    <t>79/10-R</t>
  </si>
  <si>
    <t>chak no 79-10-R Khanewal</t>
  </si>
  <si>
    <t>Muhammad Arshad Shahid</t>
  </si>
  <si>
    <t>38579</t>
  </si>
  <si>
    <t>GGHS BASTI NOOR PIR</t>
  </si>
  <si>
    <t>Basti Noor Pir Dunyapur (Lodhran)</t>
  </si>
  <si>
    <t>Eid Gah</t>
  </si>
  <si>
    <t>MUDASSIRA ASHRAF</t>
  </si>
  <si>
    <t>38236</t>
  </si>
  <si>
    <t>GGHS CHELLY WAHIN</t>
  </si>
  <si>
    <t>Chellay wahin</t>
  </si>
  <si>
    <t>GGHS Chellay wahimn kahror pacca (lodhran)</t>
  </si>
  <si>
    <t>18516</t>
  </si>
  <si>
    <t>GGHS GOJRA QUAID AZAM ROAD</t>
  </si>
  <si>
    <t>GGHS QUAID AZAM ROAD,GOJRA.</t>
  </si>
  <si>
    <t>municipal committee gojra</t>
  </si>
  <si>
    <t>nasira anwaar</t>
  </si>
  <si>
    <t>3286</t>
  </si>
  <si>
    <t>39465</t>
  </si>
  <si>
    <t>GHS JAND NO. 1</t>
  </si>
  <si>
    <t>tehsil road jand</t>
  </si>
  <si>
    <t>jand town committee</t>
  </si>
  <si>
    <t>uc jand</t>
  </si>
  <si>
    <t>78608</t>
  </si>
  <si>
    <t>GES MODEL FACTORY NEAR CHUNGI NO 14</t>
  </si>
  <si>
    <t>Jamal Town Bahawal pur Road Multan</t>
  </si>
  <si>
    <t>Jamal Town</t>
  </si>
  <si>
    <t>Basti Shor Kot</t>
  </si>
  <si>
    <t>Altaf Ahmed</t>
  </si>
  <si>
    <t>16219</t>
  </si>
  <si>
    <t>28229</t>
  </si>
  <si>
    <t>13373</t>
  </si>
  <si>
    <t>GHS MOUZA NAWAN BAIGRAJ</t>
  </si>
  <si>
    <t>Mauza Nawan Baigraj Tehsil Jampur</t>
  </si>
  <si>
    <t>Rana Muhammad Asad Khan</t>
  </si>
  <si>
    <t>7737</t>
  </si>
  <si>
    <t>12927</t>
  </si>
  <si>
    <t>30652</t>
  </si>
  <si>
    <t>37600</t>
  </si>
  <si>
    <t>10639</t>
  </si>
  <si>
    <t>GGHS CHAK 705 GB</t>
  </si>
  <si>
    <t>705gb</t>
  </si>
  <si>
    <t>705gb kamalia</t>
  </si>
  <si>
    <t>Chak#705gb</t>
  </si>
  <si>
    <t>Chak#661/2gb</t>
  </si>
  <si>
    <t>Naeem Akhtar</t>
  </si>
  <si>
    <t>12508</t>
  </si>
  <si>
    <t>19660</t>
  </si>
  <si>
    <t>12757</t>
  </si>
  <si>
    <t>GGPS JHALARIEN SHUMALI</t>
  </si>
  <si>
    <t>ggps jhalarien shumali</t>
  </si>
  <si>
    <t>Jhalarien Shumali</t>
  </si>
  <si>
    <t>Shazia Nawazish</t>
  </si>
  <si>
    <t>8961</t>
  </si>
  <si>
    <t>37741</t>
  </si>
  <si>
    <t>GGHS 105/10-R, JAHANIAN</t>
  </si>
  <si>
    <t>gghs 105/10-R Jahanian</t>
  </si>
  <si>
    <t>105/10-R</t>
  </si>
  <si>
    <t>chak No.106/10-r Jahanian</t>
  </si>
  <si>
    <t>MIDHAT JAVED</t>
  </si>
  <si>
    <t>44968</t>
  </si>
  <si>
    <t>4315</t>
  </si>
  <si>
    <t>50718</t>
  </si>
  <si>
    <t>GGHS MC GHALLAH MANDI SAHIWAL</t>
  </si>
  <si>
    <t>Govt MC girls high school ghalla Mandi Sahiwal</t>
  </si>
  <si>
    <t>Ghalla Mandi</t>
  </si>
  <si>
    <t>NOOR AFSHAN</t>
  </si>
  <si>
    <t>49920</t>
  </si>
  <si>
    <t>3622</t>
  </si>
  <si>
    <t>2111</t>
  </si>
  <si>
    <t>23079</t>
  </si>
  <si>
    <t>GPS MUGHLI</t>
  </si>
  <si>
    <t>DINGA II - MALE</t>
  </si>
  <si>
    <t>Mughli</t>
  </si>
  <si>
    <t>Bagrianwala</t>
  </si>
  <si>
    <t>Khadija Rafi</t>
  </si>
  <si>
    <t>27584</t>
  </si>
  <si>
    <t>22554</t>
  </si>
  <si>
    <t>35572</t>
  </si>
  <si>
    <t>GHS MUHAMMAD SHAH</t>
  </si>
  <si>
    <t>Mouza Muhammad Shah Mailsi</t>
  </si>
  <si>
    <t>Muhammad Ejaz</t>
  </si>
  <si>
    <t>8142</t>
  </si>
  <si>
    <t>1523</t>
  </si>
  <si>
    <t>16385</t>
  </si>
  <si>
    <t>GGPS CHAK 146 RB</t>
  </si>
  <si>
    <t>146 RB</t>
  </si>
  <si>
    <t>146RB1, Daowala, Chak Jhumra,  Faisalabad</t>
  </si>
  <si>
    <t>DAOWALA</t>
  </si>
  <si>
    <t>SHAMA NAZIA</t>
  </si>
  <si>
    <t>45828</t>
  </si>
  <si>
    <t>29314</t>
  </si>
  <si>
    <t>GPS JALLOKEY</t>
  </si>
  <si>
    <t>Jallokey</t>
  </si>
  <si>
    <t>moza jaklokey p/o box usman wala kasur</t>
  </si>
  <si>
    <t>Thati Usman Wala</t>
  </si>
  <si>
    <t>8593</t>
  </si>
  <si>
    <t>25526</t>
  </si>
  <si>
    <t>16933</t>
  </si>
  <si>
    <t>22081</t>
  </si>
  <si>
    <t>GHSS TANDA</t>
  </si>
  <si>
    <t>VILLAGE &amp; POST OFFICE TANDA TEHSIL &amp; DISTT. GUJRAT</t>
  </si>
  <si>
    <t>ATTA ELAHI CHAUDHRY</t>
  </si>
  <si>
    <t>45696</t>
  </si>
  <si>
    <t>10650</t>
  </si>
  <si>
    <t>GPS USMAN WALA CH NO 455 / TDA</t>
  </si>
  <si>
    <t>chak no 455/tda</t>
  </si>
  <si>
    <t>455/Tda</t>
  </si>
  <si>
    <t>Muhammad Asghar Ali</t>
  </si>
  <si>
    <t>1235</t>
  </si>
  <si>
    <t>49191</t>
  </si>
  <si>
    <t>46166</t>
  </si>
  <si>
    <t>GGHSS MITHA TIWANA</t>
  </si>
  <si>
    <t>govt girls higher secondary school moh awanawala mitha tiwana</t>
  </si>
  <si>
    <t>Mc Mitha Tiwana</t>
  </si>
  <si>
    <t>55216</t>
  </si>
  <si>
    <t>1272</t>
  </si>
  <si>
    <t>35179</t>
  </si>
  <si>
    <t>GPS CHAK NO.429 EB BUREWALA</t>
  </si>
  <si>
    <t>429/EB</t>
  </si>
  <si>
    <t>429/EB markaz lando masjid burewala</t>
  </si>
  <si>
    <t>Muhammad Tauqir Fayyaz</t>
  </si>
  <si>
    <t>16411</t>
  </si>
  <si>
    <t>16303</t>
  </si>
  <si>
    <t>GGES CHAK 551 GB MAMUNKANJAN</t>
  </si>
  <si>
    <t>Chak # 551 G.B Mamunkanjan</t>
  </si>
  <si>
    <t>Chak # 551 GB</t>
  </si>
  <si>
    <t>Rukhsana Naeem</t>
  </si>
  <si>
    <t>11618</t>
  </si>
  <si>
    <t>Dona</t>
  </si>
  <si>
    <t>Basti Mochi wala.UC Dona teh kot adu dist.M.garh</t>
  </si>
  <si>
    <t>Mochi wala</t>
  </si>
  <si>
    <t>48897</t>
  </si>
  <si>
    <t>GGHS CHAK NO.31 SB</t>
  </si>
  <si>
    <t>31chak</t>
  </si>
  <si>
    <t>govt girls high school 31sb sargodha</t>
  </si>
  <si>
    <t>31sb</t>
  </si>
  <si>
    <t>30sb</t>
  </si>
  <si>
    <t>Farah Riaz</t>
  </si>
  <si>
    <t>26686</t>
  </si>
  <si>
    <t>22065</t>
  </si>
  <si>
    <t>GGHS MURALI WALA</t>
  </si>
  <si>
    <t>gghs muraliwala teh noshera virkan grw</t>
  </si>
  <si>
    <t>Mamoona Razaq</t>
  </si>
  <si>
    <t>43854</t>
  </si>
  <si>
    <t>38222</t>
  </si>
  <si>
    <t>GHS NOQABIL WAH</t>
  </si>
  <si>
    <t>Noqabil Wah</t>
  </si>
  <si>
    <t>Dera Noon Maseet Wala Moza Noqabil Wah, Kahror Pacca</t>
  </si>
  <si>
    <t>Maseet Wala  Dera Noon</t>
  </si>
  <si>
    <t>Dakhna Gharu</t>
  </si>
  <si>
    <t>Muhammad Farman</t>
  </si>
  <si>
    <t>11060</t>
  </si>
  <si>
    <t>51800</t>
  </si>
  <si>
    <t>GHS 50/EB</t>
  </si>
  <si>
    <t>50/EB</t>
  </si>
  <si>
    <t>GOVT. HIGH SCHOOL 50/EB ARIFWALA (PAKPATTAN)</t>
  </si>
  <si>
    <t>Muhammad Sajid</t>
  </si>
  <si>
    <t>12497</t>
  </si>
  <si>
    <t>39438</t>
  </si>
  <si>
    <t>38486</t>
  </si>
  <si>
    <t>GGHS 37/M NO.1</t>
  </si>
  <si>
    <t>37/m</t>
  </si>
  <si>
    <t>gghs chak no37/m tehsil dunyapur district lodhran</t>
  </si>
  <si>
    <t>Siraj WaaLa</t>
  </si>
  <si>
    <t>10632</t>
  </si>
  <si>
    <t>1511</t>
  </si>
  <si>
    <t>GGES KOTLI BHUTTA</t>
  </si>
  <si>
    <t>UGGOKI - FEMALE</t>
  </si>
  <si>
    <t>Kotli bhutta</t>
  </si>
  <si>
    <t>Kotli bhutta uggoki sialkot</t>
  </si>
  <si>
    <t>35599</t>
  </si>
  <si>
    <t>GGES CHAK NO.190/WB</t>
  </si>
  <si>
    <t>Grahmor</t>
  </si>
  <si>
    <t>GGES190WB</t>
  </si>
  <si>
    <t>190wb</t>
  </si>
  <si>
    <t>Maira Altaf</t>
  </si>
  <si>
    <t>7972</t>
  </si>
  <si>
    <t>37910</t>
  </si>
  <si>
    <t>GMPS 146/10-R, JAHANIAN</t>
  </si>
  <si>
    <t>mian pur</t>
  </si>
  <si>
    <t>146.10.r</t>
  </si>
  <si>
    <t>14610r</t>
  </si>
  <si>
    <t>mian  pur</t>
  </si>
  <si>
    <t>Syeda Amna Kazmi</t>
  </si>
  <si>
    <t>5710</t>
  </si>
  <si>
    <t>46990</t>
  </si>
  <si>
    <t>50145</t>
  </si>
  <si>
    <t>GGHS CRESCENT CHICHAWATNI</t>
  </si>
  <si>
    <t>Okanwala Road CCE</t>
  </si>
  <si>
    <t>Govt. Crescent girls high school chichawatni.</t>
  </si>
  <si>
    <t>Urban Shahri</t>
  </si>
  <si>
    <t>Chichawatni</t>
  </si>
  <si>
    <t>SHAMIM IMRAN</t>
  </si>
  <si>
    <t>42286</t>
  </si>
  <si>
    <t>48193</t>
  </si>
  <si>
    <t>5205</t>
  </si>
  <si>
    <t>7904</t>
  </si>
  <si>
    <t>GPS HASSAN WALA</t>
  </si>
  <si>
    <t>AHAMDANI MALE</t>
  </si>
  <si>
    <t>Basti Ranjha</t>
  </si>
  <si>
    <t>jhnghi pir mehmood</t>
  </si>
  <si>
    <t>19950</t>
  </si>
  <si>
    <t>20241</t>
  </si>
  <si>
    <t>GGPS BHILOKA</t>
  </si>
  <si>
    <t>Saroowala</t>
  </si>
  <si>
    <t>GGPS BHILOKA Near Muhammad Wala</t>
  </si>
  <si>
    <t>Raiy Milli Kharal</t>
  </si>
  <si>
    <t>Peer Panja</t>
  </si>
  <si>
    <t>Saliha Tehseen Khan</t>
  </si>
  <si>
    <t>21569</t>
  </si>
  <si>
    <t>GMPS KOT DHNANPAT (MADINA PUR)</t>
  </si>
  <si>
    <t>MADINA Pur</t>
  </si>
  <si>
    <t>MADINA PUR KAMOKE</t>
  </si>
  <si>
    <t>Kot Dhanpat MADINA Pur</t>
  </si>
  <si>
    <t>Ghuma</t>
  </si>
  <si>
    <t>ASMA SHAZADI</t>
  </si>
  <si>
    <t>9208</t>
  </si>
  <si>
    <t>51086</t>
  </si>
  <si>
    <t>GGPS 81 5R PUNJA WALA</t>
  </si>
  <si>
    <t>81/5R</t>
  </si>
  <si>
    <t>GPS 81/5R</t>
  </si>
  <si>
    <t>34239</t>
  </si>
  <si>
    <t>48130</t>
  </si>
  <si>
    <t>GGHS CHAK NO.4 SB</t>
  </si>
  <si>
    <t>Chak 4sb</t>
  </si>
  <si>
    <t>Govt. Girls High School chak 4 SB Bhalwal , Sargodha</t>
  </si>
  <si>
    <t>7306</t>
  </si>
  <si>
    <t>22956</t>
  </si>
  <si>
    <t>GGHS KARARI WALA KHURD</t>
  </si>
  <si>
    <t>Karariwala</t>
  </si>
  <si>
    <t>vpo karariwala tehsil kharian district gujrat</t>
  </si>
  <si>
    <t>Ghazala Sharif</t>
  </si>
  <si>
    <t>45242</t>
  </si>
  <si>
    <t>1183</t>
  </si>
  <si>
    <t>25497</t>
  </si>
  <si>
    <t>GGPS WARD NO.6 SAMBRIAL</t>
  </si>
  <si>
    <t>SAMBRIAL - FEMALE</t>
  </si>
  <si>
    <t>Sambrial</t>
  </si>
  <si>
    <t>ggps ward no. 6</t>
  </si>
  <si>
    <t>Sherabad</t>
  </si>
  <si>
    <t>Qila</t>
  </si>
  <si>
    <t>Samra Bashir</t>
  </si>
  <si>
    <t>both</t>
  </si>
  <si>
    <t>8770</t>
  </si>
  <si>
    <t>958</t>
  </si>
  <si>
    <t>14694</t>
  </si>
  <si>
    <t>GGHS SOCIAL WELFARE KALIM SHAHEED CLY.</t>
  </si>
  <si>
    <t>CHOUR MAJRA</t>
  </si>
  <si>
    <t>GOVT GIRLS HIGH SCHOOL KALEEM SHAHEED COLONY NO1 FSD</t>
  </si>
  <si>
    <t>KALEEM SHAHEED COLONY NO1</t>
  </si>
  <si>
    <t>SIDDIQUE ABAD</t>
  </si>
  <si>
    <t>SHAHIDA PARVEEN</t>
  </si>
  <si>
    <t>37937</t>
  </si>
  <si>
    <t>GHS GILLAY WALA LODRAAN</t>
  </si>
  <si>
    <t>SAGWAN</t>
  </si>
  <si>
    <t>GILAYWALA MOUZA SAGWAN LODHRAN</t>
  </si>
  <si>
    <t>GILAYWALA</t>
  </si>
  <si>
    <t>sagwan</t>
  </si>
  <si>
    <t>MUKHTAR AHMAD MALIK</t>
  </si>
  <si>
    <t>23544</t>
  </si>
  <si>
    <t>36147</t>
  </si>
  <si>
    <t>GGES 20 WB</t>
  </si>
  <si>
    <t>20/WB</t>
  </si>
  <si>
    <t>Chak No. 20/WB Tehsil vehari</t>
  </si>
  <si>
    <t>16/WB</t>
  </si>
  <si>
    <t>Khalida Naheed</t>
  </si>
  <si>
    <t>36846</t>
  </si>
  <si>
    <t>GGPS DARKHAST WALA, KABIRWALA</t>
  </si>
  <si>
    <t>Kohi Wala</t>
  </si>
  <si>
    <t>g g PS darkwast wala</t>
  </si>
  <si>
    <t>Datkwast Wala</t>
  </si>
  <si>
    <t>29478</t>
  </si>
  <si>
    <t>25582</t>
  </si>
  <si>
    <t>44952</t>
  </si>
  <si>
    <t>22485</t>
  </si>
  <si>
    <t>GGCMES KOTLI KOHALA</t>
  </si>
  <si>
    <t>Kotli Kohala</t>
  </si>
  <si>
    <t>Kotli kohala</t>
  </si>
  <si>
    <t>Bharaj</t>
  </si>
  <si>
    <t>41654</t>
  </si>
  <si>
    <t>GGHS MADARISSA TUL BINAAT</t>
  </si>
  <si>
    <t>GGHS AL MADRASA TUL BINAT AFANDI COLONY RWP</t>
  </si>
  <si>
    <t>Afandi Colony</t>
  </si>
  <si>
    <t>AFANDI CONLONY</t>
  </si>
  <si>
    <t>FARHAT SHAHEEN</t>
  </si>
  <si>
    <t>9993</t>
  </si>
  <si>
    <t>GGES CHAK NO. 228-A/TDA</t>
  </si>
  <si>
    <t>228-A/TDA</t>
  </si>
  <si>
    <t>GGES Chak No. 228-A/TDA, Tehsil Karor District Layyah</t>
  </si>
  <si>
    <t>Chak No 228-A/TDA</t>
  </si>
  <si>
    <t>Fateh Pur Rural</t>
  </si>
  <si>
    <t>Safia Ghafoor</t>
  </si>
  <si>
    <t>20213</t>
  </si>
  <si>
    <t>GPS THATHA SANGRA</t>
  </si>
  <si>
    <t>bhainwala</t>
  </si>
  <si>
    <t>Bhainwala</t>
  </si>
  <si>
    <t>Muhammad Nawaz Tahir</t>
  </si>
  <si>
    <t>24216</t>
  </si>
  <si>
    <t>GPS MANGA QADEEM</t>
  </si>
  <si>
    <t>Mangaqadeem</t>
  </si>
  <si>
    <t>p s mangaqadeem</t>
  </si>
  <si>
    <t>Qailakalarwala</t>
  </si>
  <si>
    <t>Shahid Javaid</t>
  </si>
  <si>
    <t>31137</t>
  </si>
  <si>
    <t>34923</t>
  </si>
  <si>
    <t>GMPS BASTI DHANDI</t>
  </si>
  <si>
    <t>basti dhandi moza hafiz wala</t>
  </si>
  <si>
    <t>Basti Dhandi</t>
  </si>
  <si>
    <t>Amra Bibi</t>
  </si>
  <si>
    <t>15150</t>
  </si>
  <si>
    <t>GGPS CHAK 645 GB LUNDIANWALA</t>
  </si>
  <si>
    <t>nahry Da Chack</t>
  </si>
  <si>
    <t>chak no 645gb tehsil jaranwala district faslabad</t>
  </si>
  <si>
    <t>645gb</t>
  </si>
  <si>
    <t>647gb</t>
  </si>
  <si>
    <t>Noreen Fatima</t>
  </si>
  <si>
    <t>11451</t>
  </si>
  <si>
    <t>3259</t>
  </si>
  <si>
    <t>39486</t>
  </si>
  <si>
    <t>GGHS KHUNDA</t>
  </si>
  <si>
    <t>Khunda</t>
  </si>
  <si>
    <t>gghs khunda teh jund distt attock</t>
  </si>
  <si>
    <t>MOAZZAM BIBI</t>
  </si>
  <si>
    <t>17136</t>
  </si>
  <si>
    <t>38802</t>
  </si>
  <si>
    <t>GGHS AKHORI</t>
  </si>
  <si>
    <t>gghs akhori tehsil and dist attock</t>
  </si>
  <si>
    <t>Faiza Malik</t>
  </si>
  <si>
    <t>16981</t>
  </si>
  <si>
    <t>GGHS CHUND BHARWANA</t>
  </si>
  <si>
    <t>Govt. girls high school chund bharwana</t>
  </si>
  <si>
    <t>Pabber Wala</t>
  </si>
  <si>
    <t>Naheed Abbas</t>
  </si>
  <si>
    <t>both water pump and hand pump</t>
  </si>
  <si>
    <t>17859</t>
  </si>
  <si>
    <t>21401</t>
  </si>
  <si>
    <t>GGES GULLOKE</t>
  </si>
  <si>
    <t>Gulloki</t>
  </si>
  <si>
    <t>gulloki teh kamoki distt Gujranwala</t>
  </si>
  <si>
    <t>Asma Akram</t>
  </si>
  <si>
    <t>23880</t>
  </si>
  <si>
    <t>25001</t>
  </si>
  <si>
    <t>33617</t>
  </si>
  <si>
    <t>GGHS WILLAYAT ABAD NO.2 MULTAN</t>
  </si>
  <si>
    <t>Willayat Abad</t>
  </si>
  <si>
    <t>Government High School Willayat Abad No. 2 Multan</t>
  </si>
  <si>
    <t>Syeda Farhat Iqbal Gillani</t>
  </si>
  <si>
    <t>21924</t>
  </si>
  <si>
    <t>11862</t>
  </si>
  <si>
    <t>32854</t>
  </si>
  <si>
    <t>GGPS CHAK NO. 544/TDA</t>
  </si>
  <si>
    <t>SHABIR ABAD- FEMALE</t>
  </si>
  <si>
    <t>CHAK NO 544TDA</t>
  </si>
  <si>
    <t>CHAK NO 632TDA</t>
  </si>
  <si>
    <t>Humaira BiBi</t>
  </si>
  <si>
    <t>51776</t>
  </si>
  <si>
    <t>GGHSS QABOOLA, ARIFWALA</t>
  </si>
  <si>
    <t>QABOOLA</t>
  </si>
  <si>
    <t>EID GAH ROAD QABOOLA</t>
  </si>
  <si>
    <t>MRS.KHALIDA MAQBOOL</t>
  </si>
  <si>
    <t>55267</t>
  </si>
  <si>
    <t>38162</t>
  </si>
  <si>
    <t>GGPS DANWARAN</t>
  </si>
  <si>
    <t>Danwran</t>
  </si>
  <si>
    <t>Danwran  tehsil and district  Lodhran</t>
  </si>
  <si>
    <t>Shahnaz Gul</t>
  </si>
  <si>
    <t>GPS CHAK NO. 21 WB</t>
  </si>
  <si>
    <t>Kusam Sar</t>
  </si>
  <si>
    <t>post office khas chak no 21\wb</t>
  </si>
  <si>
    <t>21wb</t>
  </si>
  <si>
    <t>KASHIF LATIF</t>
  </si>
  <si>
    <t>8353</t>
  </si>
  <si>
    <t>10967</t>
  </si>
  <si>
    <t>16145</t>
  </si>
  <si>
    <t>GGES CHAK 27 JB NORTH</t>
  </si>
  <si>
    <t>27 Jb N</t>
  </si>
  <si>
    <t>27 j.b n</t>
  </si>
  <si>
    <t>Rubeena Kousar</t>
  </si>
  <si>
    <t>54413</t>
  </si>
  <si>
    <t>41840</t>
  </si>
  <si>
    <t>39020</t>
  </si>
  <si>
    <t>GGHSS PRACTISING ATTACH WITH GCET JAUHARABAD</t>
  </si>
  <si>
    <t>attached with university of education jauharabad campus</t>
  </si>
  <si>
    <t>MC JAUHARABAD</t>
  </si>
  <si>
    <t>Asma Nawaz</t>
  </si>
  <si>
    <t>43902</t>
  </si>
  <si>
    <t>37071</t>
  </si>
  <si>
    <t>GGHS 12/AH, KHANEWAL</t>
  </si>
  <si>
    <t>12ah</t>
  </si>
  <si>
    <t>chak 12ahKhanewal</t>
  </si>
  <si>
    <t>Chak  nmbr12ah</t>
  </si>
  <si>
    <t>Nusrat Kalsoom</t>
  </si>
  <si>
    <t>35828</t>
  </si>
  <si>
    <t>20460</t>
  </si>
  <si>
    <t>GGHS M.A. ISLAMIA QILA DIDAR SINGH</t>
  </si>
  <si>
    <t>qila didar singh gujranwala</t>
  </si>
  <si>
    <t>qila didar singh</t>
  </si>
  <si>
    <t>19333</t>
  </si>
  <si>
    <t>GGHS CHAK 256 GB PHALOOR</t>
  </si>
  <si>
    <t>chak no. 256 gb t.t.singh</t>
  </si>
  <si>
    <t>Chak no. 256 gb</t>
  </si>
  <si>
    <t>Shahnaz Perveen</t>
  </si>
  <si>
    <t>GHS AZIZ E MILLAT BWN</t>
  </si>
  <si>
    <t>HAROON ABAD ROAD</t>
  </si>
  <si>
    <t>NIZAM PURA</t>
  </si>
  <si>
    <t>JINNAH COLONY</t>
  </si>
  <si>
    <t>muhammad Yousaf</t>
  </si>
  <si>
    <t>21488</t>
  </si>
  <si>
    <t>35315</t>
  </si>
  <si>
    <t>GGPS MUJAHID COLONY</t>
  </si>
  <si>
    <t>Mujahid colony burewala</t>
  </si>
  <si>
    <t>Mujahid colony</t>
  </si>
  <si>
    <t>Settete Town</t>
  </si>
  <si>
    <t>tasneem akhtar</t>
  </si>
  <si>
    <t>44314</t>
  </si>
  <si>
    <t>53211</t>
  </si>
  <si>
    <t>9983</t>
  </si>
  <si>
    <t>GGHS CHAK NO.251 TDA</t>
  </si>
  <si>
    <t>gghs251/tda</t>
  </si>
  <si>
    <t>251/Tda</t>
  </si>
  <si>
    <t>112ml</t>
  </si>
  <si>
    <t>Sadia Aslam</t>
  </si>
  <si>
    <t>38897</t>
  </si>
  <si>
    <t>GMPS NOOR PUR KARAM ALIA</t>
  </si>
  <si>
    <t>SHAKARDARA - FEMALE</t>
  </si>
  <si>
    <t>Noor Pur Karamalia</t>
  </si>
  <si>
    <t>GMPS NOOR PUR KARAMALIA</t>
  </si>
  <si>
    <t>Bushra Fatmi</t>
  </si>
  <si>
    <t>7510</t>
  </si>
  <si>
    <t>6490</t>
  </si>
  <si>
    <t>48088</t>
  </si>
  <si>
    <t>GGHSS LALLIANI</t>
  </si>
  <si>
    <t>Lalliani</t>
  </si>
  <si>
    <t>GHSS Lalliani</t>
  </si>
  <si>
    <t>Yasmin</t>
  </si>
  <si>
    <t>5113</t>
  </si>
  <si>
    <t>36389</t>
  </si>
  <si>
    <t>GGPS 13 WB (NEW)</t>
  </si>
  <si>
    <t>Kulalan</t>
  </si>
  <si>
    <t>Chak no13wb new vehari</t>
  </si>
  <si>
    <t>13wb</t>
  </si>
  <si>
    <t>75 Wb</t>
  </si>
  <si>
    <t>Zakia Bashir</t>
  </si>
  <si>
    <t>30935</t>
  </si>
  <si>
    <t>GGHS FOREMAN SHAHALAM MARKET</t>
  </si>
  <si>
    <t>SHAH ALAM MARKET</t>
  </si>
  <si>
    <t>GOVT.FORMAN GIRLS HIGH SCHOOL SHAH ALAM MARKET,LAHORE.</t>
  </si>
  <si>
    <t>rang mehal</t>
  </si>
  <si>
    <t>Parvin Kausar</t>
  </si>
  <si>
    <t>Warer Sipra</t>
  </si>
  <si>
    <t>GGPS SaleemAbad  busti khaga mauza warer sipra p / o qusba gujrat</t>
  </si>
  <si>
    <t>Busti Khaga</t>
  </si>
  <si>
    <t>Budh</t>
  </si>
  <si>
    <t>Zahida Akram</t>
  </si>
  <si>
    <t>45931</t>
  </si>
  <si>
    <t>26357</t>
  </si>
  <si>
    <t>40175</t>
  </si>
  <si>
    <t>GGHS CHAK NO.119 SB</t>
  </si>
  <si>
    <t>Chak 119 SB</t>
  </si>
  <si>
    <t>119sb silanwali</t>
  </si>
  <si>
    <t>119sb</t>
  </si>
  <si>
    <t>120sb</t>
  </si>
  <si>
    <t>GGHS SADDO WALA</t>
  </si>
  <si>
    <t>Sadowala Uncha</t>
  </si>
  <si>
    <t>saddowala uncha</t>
  </si>
  <si>
    <t>Tabassum Nazli</t>
  </si>
  <si>
    <t>16929</t>
  </si>
  <si>
    <t>GES KALA BALI</t>
  </si>
  <si>
    <t>PUBBER WALA - MALE</t>
  </si>
  <si>
    <t>kala bali</t>
  </si>
  <si>
    <t>mouza kala bali</t>
  </si>
  <si>
    <t>kot khan</t>
  </si>
  <si>
    <t>6044</t>
  </si>
  <si>
    <t>2060</t>
  </si>
  <si>
    <t>47544</t>
  </si>
  <si>
    <t>45484</t>
  </si>
  <si>
    <t>21352</t>
  </si>
  <si>
    <t>GHS AKBAR GHANOKE</t>
  </si>
  <si>
    <t>Akbar Ghanoke</t>
  </si>
  <si>
    <t>AKBAR GHANOKE</t>
  </si>
  <si>
    <t>17443</t>
  </si>
  <si>
    <t>15128</t>
  </si>
  <si>
    <t>6904</t>
  </si>
  <si>
    <t>1594</t>
  </si>
  <si>
    <t>36321</t>
  </si>
  <si>
    <t>GGPS CHAK NO 31 WB</t>
  </si>
  <si>
    <t>Chak No31wb</t>
  </si>
  <si>
    <t>chak no 31 wb</t>
  </si>
  <si>
    <t>31wb</t>
  </si>
  <si>
    <t>11998</t>
  </si>
  <si>
    <t>24796</t>
  </si>
  <si>
    <t>GGHS NAWAN PIND ARAIAN</t>
  </si>
  <si>
    <t>nawan pind</t>
  </si>
  <si>
    <t>village nawan pind araian tehsil and district sialkot</t>
  </si>
  <si>
    <t>nawan pind araian</t>
  </si>
  <si>
    <t>chrind</t>
  </si>
  <si>
    <t>NADIA KHAWAR CH</t>
  </si>
  <si>
    <t>5186</t>
  </si>
  <si>
    <t>51131</t>
  </si>
  <si>
    <t>45437</t>
  </si>
  <si>
    <t>GPS CHAK 265 GB</t>
  </si>
  <si>
    <t>Mangla Wala</t>
  </si>
  <si>
    <t>Chak No.265 G.B</t>
  </si>
  <si>
    <t>Chak No265 G B</t>
  </si>
  <si>
    <t>Chak No262 GB</t>
  </si>
  <si>
    <t>52338</t>
  </si>
  <si>
    <t>36420</t>
  </si>
  <si>
    <t>GGPS 52 WB WEST</t>
  </si>
  <si>
    <t>52/wb West</t>
  </si>
  <si>
    <t>chak no 52/WB west Vehari</t>
  </si>
  <si>
    <t>52/WB West</t>
  </si>
  <si>
    <t>Sehrish Batool</t>
  </si>
  <si>
    <t>32860</t>
  </si>
  <si>
    <t>32995</t>
  </si>
  <si>
    <t>51775</t>
  </si>
  <si>
    <t>GHSS 127/EB ARIFWALA</t>
  </si>
  <si>
    <t>CHAK 127/EB</t>
  </si>
  <si>
    <t>Chak 127/EB , Thana Ahmad Yar ,Tehsil Arifwala, District PakPattan</t>
  </si>
  <si>
    <t>Chak 127/EB</t>
  </si>
  <si>
    <t>SALEEM AKHTAR</t>
  </si>
  <si>
    <t>TURBINE</t>
  </si>
  <si>
    <t>2022</t>
  </si>
  <si>
    <t>15294</t>
  </si>
  <si>
    <t>GGES 106/GB</t>
  </si>
  <si>
    <t>106gb</t>
  </si>
  <si>
    <t>Kaneez Ferva</t>
  </si>
  <si>
    <t>14614</t>
  </si>
  <si>
    <t>GGPS IQBAL TOWN FSD</t>
  </si>
  <si>
    <t>Iqbal Twon</t>
  </si>
  <si>
    <t>iqbal twon fsd</t>
  </si>
  <si>
    <t>Iqbal Town</t>
  </si>
  <si>
    <t>Saima Akram</t>
  </si>
  <si>
    <t>39653</t>
  </si>
  <si>
    <t>4826</t>
  </si>
  <si>
    <t>21571</t>
  </si>
  <si>
    <t>GGPS TIBBA MUHAMMAD NAGAR</t>
  </si>
  <si>
    <t>KAMOKE CITY 1 - FEMALE</t>
  </si>
  <si>
    <t>Tibba Muh Nagr</t>
  </si>
  <si>
    <t>Ghulshan chowk tibba Muhammad Nagar</t>
  </si>
  <si>
    <t>Tibba M Nagr</t>
  </si>
  <si>
    <t>Kot Rafique</t>
  </si>
  <si>
    <t>SHAISTA KHADIM ALI</t>
  </si>
  <si>
    <t>16123</t>
  </si>
  <si>
    <t>GGHS CHAK NO 69 JB</t>
  </si>
  <si>
    <t>69 Jb</t>
  </si>
  <si>
    <t>CHackno.69 j.b. Faisalabad.</t>
  </si>
  <si>
    <t>Chak # 69jb Chabba</t>
  </si>
  <si>
    <t>70 j.b</t>
  </si>
  <si>
    <t>29106</t>
  </si>
  <si>
    <t>GGHS NOOR PUR DOGRAN KASUR</t>
  </si>
  <si>
    <t>Noor Pur Dogran Kasur</t>
  </si>
  <si>
    <t>Noor Pur Kogran</t>
  </si>
  <si>
    <t>Nasira Bashir</t>
  </si>
  <si>
    <t>GGES MC YOUNG WALA</t>
  </si>
  <si>
    <t>Young Wala</t>
  </si>
  <si>
    <t>govt MC girls elementary school young wala</t>
  </si>
  <si>
    <t>Fareeha Nighat</t>
  </si>
  <si>
    <t>47370</t>
  </si>
  <si>
    <t>GPS CHAK 76 GB</t>
  </si>
  <si>
    <t>Santook Garh</t>
  </si>
  <si>
    <t>76GB Post Office Same Tes.Fsd Sadar Dist. Fsd</t>
  </si>
  <si>
    <t>76 GB</t>
  </si>
  <si>
    <t>237RB</t>
  </si>
  <si>
    <t>Sardar Muhammad</t>
  </si>
  <si>
    <t>8845</t>
  </si>
  <si>
    <t>15826</t>
  </si>
  <si>
    <t>18015</t>
  </si>
  <si>
    <t>35410</t>
  </si>
  <si>
    <t>GMPS CHAK NO.241/EB</t>
  </si>
  <si>
    <t>GMPS 241/eb</t>
  </si>
  <si>
    <t>241/Eb</t>
  </si>
  <si>
    <t>Parveen Nisar</t>
  </si>
  <si>
    <t>GHS UNITED MUSLIM CHAK NO. 97 RB FSD</t>
  </si>
  <si>
    <t>97 RB</t>
  </si>
  <si>
    <t>CHAK NO  97 RB FSD.</t>
  </si>
  <si>
    <t>CHAK NO 97 RB</t>
  </si>
  <si>
    <t>MUHAMMAD MUNIR</t>
  </si>
  <si>
    <t>2844</t>
  </si>
  <si>
    <t>48757</t>
  </si>
  <si>
    <t>GHS CHAK NO.54 SB SGD</t>
  </si>
  <si>
    <t>54sb</t>
  </si>
  <si>
    <t>chak no 54sb sargodha</t>
  </si>
  <si>
    <t>Chak 54sb</t>
  </si>
  <si>
    <t>Chak52sb</t>
  </si>
  <si>
    <t>Sajid Mehboob Khan</t>
  </si>
  <si>
    <t>6257</t>
  </si>
  <si>
    <t>14602</t>
  </si>
  <si>
    <t>GGES MUNAWAR MODEL RACHNA TOWN FSD</t>
  </si>
  <si>
    <t>Rachna Town</t>
  </si>
  <si>
    <t>sataina road rachna town 1 fsd</t>
  </si>
  <si>
    <t>purchasing water on daily basis</t>
  </si>
  <si>
    <t>28007</t>
  </si>
  <si>
    <t>15292</t>
  </si>
  <si>
    <t>GHS CHAK 583 GB</t>
  </si>
  <si>
    <t>chak no 583 Gb jaranwala faisalabad</t>
  </si>
  <si>
    <t>Chak No 583 Gb</t>
  </si>
  <si>
    <t>631 Gb</t>
  </si>
  <si>
    <t>ALLAH YAR TAQI</t>
  </si>
  <si>
    <t>17806</t>
  </si>
  <si>
    <t>GGPS CHAK NO 165 JB</t>
  </si>
  <si>
    <t>PAKHRA SULTAN-FEMALE</t>
  </si>
  <si>
    <t>Gandy Wala</t>
  </si>
  <si>
    <t>chak 165jhang</t>
  </si>
  <si>
    <t>Rasoolpur Chak 165</t>
  </si>
  <si>
    <t>Pakhrasultan</t>
  </si>
  <si>
    <t>Mehnaz Fatima</t>
  </si>
  <si>
    <t>14993</t>
  </si>
  <si>
    <t>30750</t>
  </si>
  <si>
    <t>GGHS CDG JUNIOR MODEL MOMAN PURA KARIM PARK</t>
  </si>
  <si>
    <t>Karim park,Ravi Road, Lahore</t>
  </si>
  <si>
    <t>Kasur pura</t>
  </si>
  <si>
    <t>Ayesha Munir</t>
  </si>
  <si>
    <t>16159</t>
  </si>
  <si>
    <t>GGES CHAK 133 GB PUNWANA</t>
  </si>
  <si>
    <t>GGES 133 GB</t>
  </si>
  <si>
    <t>133 GB</t>
  </si>
  <si>
    <t>Chugle Pura</t>
  </si>
  <si>
    <t>Nergis Azra</t>
  </si>
  <si>
    <t>15318</t>
  </si>
  <si>
    <t>GGHS 564/GB</t>
  </si>
  <si>
    <t>Galugohra</t>
  </si>
  <si>
    <t>Got. Girls High school 564 GB</t>
  </si>
  <si>
    <t>Chak No 564 GB</t>
  </si>
  <si>
    <t>Chak No 569 GB</t>
  </si>
  <si>
    <t>rafaqat perveen</t>
  </si>
  <si>
    <t>12702</t>
  </si>
  <si>
    <t>16111</t>
  </si>
  <si>
    <t>GGHS CHAK NO 272 JB</t>
  </si>
  <si>
    <t>272jb</t>
  </si>
  <si>
    <t>Chak no 272jb Fsd</t>
  </si>
  <si>
    <t>38jb Dabora</t>
  </si>
  <si>
    <t>Sabiha Khalid</t>
  </si>
  <si>
    <t>754</t>
  </si>
  <si>
    <t>30939</t>
  </si>
  <si>
    <t>GGHS MADRASA-TUL-BINAT 15-LAKE ROAD</t>
  </si>
  <si>
    <t>Govt. Madrasa-Tul-Banat High School, 15- Lake ROad Lahore</t>
  </si>
  <si>
    <t>Data Gunj Bukhsh Town</t>
  </si>
  <si>
    <t>Rubina  Gull Shabbir</t>
  </si>
  <si>
    <t>42767</t>
  </si>
  <si>
    <t>9293</t>
  </si>
  <si>
    <t>20787</t>
  </si>
  <si>
    <t>GPS KOT ASAISH</t>
  </si>
  <si>
    <t>Kot Asaish</t>
  </si>
  <si>
    <t>Kot Asaish p/o box qila deedar singh Gujranwala</t>
  </si>
  <si>
    <t>Muhammad Rehan</t>
  </si>
  <si>
    <t>30788</t>
  </si>
  <si>
    <t>GPS MC NABI PURA NO. 2 GULBERG III</t>
  </si>
  <si>
    <t>Nabipura</t>
  </si>
  <si>
    <t>Govt primary school Nabipura 2,Gulberg lll</t>
  </si>
  <si>
    <t>Gurumangat Gulberg III</t>
  </si>
  <si>
    <t>Tahir Mehmood</t>
  </si>
  <si>
    <t>1478</t>
  </si>
  <si>
    <t>GGPS KULYA</t>
  </si>
  <si>
    <t>kulya</t>
  </si>
  <si>
    <t>Govt Girls Primary school kulya</t>
  </si>
  <si>
    <t>Pail Bany Khan</t>
  </si>
  <si>
    <t>Mobina kanwal</t>
  </si>
  <si>
    <t>12330</t>
  </si>
  <si>
    <t>11295</t>
  </si>
  <si>
    <t>25435</t>
  </si>
  <si>
    <t>24090</t>
  </si>
  <si>
    <t>GES NOSHERA KAKAY ZIAN</t>
  </si>
  <si>
    <t>Talwandi inayiat khan</t>
  </si>
  <si>
    <t>Noshehra Kakay Zian</t>
  </si>
  <si>
    <t>Talwandi Inaiyat Khan</t>
  </si>
  <si>
    <t>NAZAKAT ALI</t>
  </si>
  <si>
    <t>20861</t>
  </si>
  <si>
    <t>17941</t>
  </si>
  <si>
    <t>GHS 16 GHAGH</t>
  </si>
  <si>
    <t>Chak No. 16 Ghagh. Tehsil Shorkot Distt Jhang</t>
  </si>
  <si>
    <t>16 Ghagh</t>
  </si>
  <si>
    <t>Chak No. 3 Ghagh</t>
  </si>
  <si>
    <t>7792</t>
  </si>
  <si>
    <t>7692</t>
  </si>
  <si>
    <t>GGHS JHOKE UTTRA</t>
  </si>
  <si>
    <t>Jhok uttra</t>
  </si>
  <si>
    <t>Govt girls high school jhok uttra</t>
  </si>
  <si>
    <t>16696</t>
  </si>
  <si>
    <t>GGPS BULLAY SHAH</t>
  </si>
  <si>
    <t>Bully Shah</t>
  </si>
  <si>
    <t>mauza bully shah</t>
  </si>
  <si>
    <t>557 Gb</t>
  </si>
  <si>
    <t>Taiba Noreen</t>
  </si>
  <si>
    <t>8158</t>
  </si>
  <si>
    <t>7741</t>
  </si>
  <si>
    <t>24553</t>
  </si>
  <si>
    <t>GGPS SATTAR PUR</t>
  </si>
  <si>
    <t>Sattarpur</t>
  </si>
  <si>
    <t>village sattarpur</t>
  </si>
  <si>
    <t>Mafia Nazir</t>
  </si>
  <si>
    <t>10810</t>
  </si>
  <si>
    <t>8099</t>
  </si>
  <si>
    <t>24946</t>
  </si>
  <si>
    <t>43716</t>
  </si>
  <si>
    <t>GGHS BHILOMAR</t>
  </si>
  <si>
    <t>Bhillomar</t>
  </si>
  <si>
    <t>gghs bhillomar,tehsil talagang ,distt,chakwal</t>
  </si>
  <si>
    <t>RUBINA TABSUM</t>
  </si>
  <si>
    <t>11856</t>
  </si>
  <si>
    <t>31976</t>
  </si>
  <si>
    <t>GGHS MOGI GHULAM P/O MANAN WALA</t>
  </si>
  <si>
    <t>MOGI GHULAM</t>
  </si>
  <si>
    <t>MOGI GHULAM P/O MANANWALA DISTRICT SHEIKHUPURA</t>
  </si>
  <si>
    <t>QILA SHABDEV SINGH</t>
  </si>
  <si>
    <t>SEEMAB SADIQ</t>
  </si>
  <si>
    <t>35667</t>
  </si>
  <si>
    <t>885</t>
  </si>
  <si>
    <t>49649</t>
  </si>
  <si>
    <t>GHS CHAK NO.125 SB</t>
  </si>
  <si>
    <t>Chak 125 SB</t>
  </si>
  <si>
    <t>MUHAMMAD AJMAL SADEEDI</t>
  </si>
  <si>
    <t>41053</t>
  </si>
  <si>
    <t>24548</t>
  </si>
  <si>
    <t>GGPS JADHA</t>
  </si>
  <si>
    <t>Jadha</t>
  </si>
  <si>
    <t>Village jadha tehsil pasrus district sialkot</t>
  </si>
  <si>
    <t>Rabia Zafar Sandho</t>
  </si>
  <si>
    <t>20356</t>
  </si>
  <si>
    <t>GGES CHOHAR PUR</t>
  </si>
  <si>
    <t>Gairy wahin</t>
  </si>
  <si>
    <t>chah dhand wala chuhar pur post office liaqat abad</t>
  </si>
  <si>
    <t>Dhand wala</t>
  </si>
  <si>
    <t>Bushra ambreen</t>
  </si>
  <si>
    <t>6317</t>
  </si>
  <si>
    <t>GGES CHAK NO. 30/G</t>
  </si>
  <si>
    <t>FEMALE-17</t>
  </si>
  <si>
    <t>chak no 30/g p.o 28/g Teh.Chishtian</t>
  </si>
  <si>
    <t>Chak Number 30/g</t>
  </si>
  <si>
    <t>Chak # 28/G</t>
  </si>
  <si>
    <t>Arfa Iqbal</t>
  </si>
  <si>
    <t>9890</t>
  </si>
  <si>
    <t>19030</t>
  </si>
  <si>
    <t>23940</t>
  </si>
  <si>
    <t>37889</t>
  </si>
  <si>
    <t>GGPS 154/10-R, JAHANIAN</t>
  </si>
  <si>
    <t>154/10r</t>
  </si>
  <si>
    <t>32503</t>
  </si>
  <si>
    <t>GGES DHOOL</t>
  </si>
  <si>
    <t>SHARAQPUR-II - FEMALE</t>
  </si>
  <si>
    <t>village dhool</t>
  </si>
  <si>
    <t>Kot Mehmood</t>
  </si>
  <si>
    <t>Raheela Kauser</t>
  </si>
  <si>
    <t>24080</t>
  </si>
  <si>
    <t>GHS KISRAN</t>
  </si>
  <si>
    <t>Kisran</t>
  </si>
  <si>
    <t>village Kisran tehsil Pindi Gheb distt. attock.</t>
  </si>
  <si>
    <t>Mian Wala</t>
  </si>
  <si>
    <t>FATEH KHAN</t>
  </si>
  <si>
    <t>19254</t>
  </si>
  <si>
    <t>39811</t>
  </si>
  <si>
    <t>6233</t>
  </si>
  <si>
    <t>GES CHAK NO. 24 NP</t>
  </si>
  <si>
    <t>M.P LAMMA-MALE</t>
  </si>
  <si>
    <t>24/Np</t>
  </si>
  <si>
    <t>chak 24/np post office same</t>
  </si>
  <si>
    <t>Drighra</t>
  </si>
  <si>
    <t>Sajjad Ahmad</t>
  </si>
  <si>
    <t>3807</t>
  </si>
  <si>
    <t>52348</t>
  </si>
  <si>
    <t>GGHS DEPALPUR NO 4</t>
  </si>
  <si>
    <t>khalil  abad colony depalpur</t>
  </si>
  <si>
    <t>Ward No 4 Depalpur</t>
  </si>
  <si>
    <t>SAJIDA SARWAT</t>
  </si>
  <si>
    <t>GES CHAK NO.95 NB</t>
  </si>
  <si>
    <t>Chak No 95 NBSargodha</t>
  </si>
  <si>
    <t>chak no 84 NB Sargodha</t>
  </si>
  <si>
    <t>Chak No 95</t>
  </si>
  <si>
    <t>Chak No 90 NB Sargodha</t>
  </si>
  <si>
    <t>31306</t>
  </si>
  <si>
    <t>GHS MC MOMAN PURA  KARIM PARK RAVI ROAD</t>
  </si>
  <si>
    <t>Karim Park</t>
  </si>
  <si>
    <t>Block # 3,Karim Park, Ravi Road, Lahore.</t>
  </si>
  <si>
    <t>Amin Pak</t>
  </si>
  <si>
    <t>Rana Zahid Iqbal</t>
  </si>
  <si>
    <t>7703</t>
  </si>
  <si>
    <t>GGHS SHAH SADAR DIN</t>
  </si>
  <si>
    <t>pakki</t>
  </si>
  <si>
    <t>GGH/S SHAH SADAR DIN</t>
  </si>
  <si>
    <t>shah sadar din</t>
  </si>
  <si>
    <t>91010</t>
  </si>
  <si>
    <t>21667</t>
  </si>
  <si>
    <t>GGPS KHOAT</t>
  </si>
  <si>
    <t>Khot</t>
  </si>
  <si>
    <t>g g p/s khot teh kamoke dist gujranwal</t>
  </si>
  <si>
    <t>Khot Sandwan</t>
  </si>
  <si>
    <t>Dansarpien</t>
  </si>
  <si>
    <t>12234</t>
  </si>
  <si>
    <t>GPS HOOT WALA</t>
  </si>
  <si>
    <t>Rakh Ehsan Pur</t>
  </si>
  <si>
    <t>Ehsan pur</t>
  </si>
  <si>
    <t>Mudasir Mahmood Nizami</t>
  </si>
  <si>
    <t>13882</t>
  </si>
  <si>
    <t>19852</t>
  </si>
  <si>
    <t>GMPS SUGGHAR WALA</t>
  </si>
  <si>
    <t>Sagharwala</t>
  </si>
  <si>
    <t>GMPS Saghar Wala tehsil Bhowana District Chiniot</t>
  </si>
  <si>
    <t>Anees Fatima</t>
  </si>
  <si>
    <t>100739</t>
  </si>
  <si>
    <t>27618</t>
  </si>
  <si>
    <t>GGHS MALAKWAL</t>
  </si>
  <si>
    <t>MALAKWAL</t>
  </si>
  <si>
    <t>sayyeda attiya firdous</t>
  </si>
  <si>
    <t>5266</t>
  </si>
  <si>
    <t>37738</t>
  </si>
  <si>
    <t>GHS 149/10-R, JAHANIAN</t>
  </si>
  <si>
    <t>CHAK NO 149/10-R</t>
  </si>
  <si>
    <t>Muhammad Shukrullah</t>
  </si>
  <si>
    <t>22166</t>
  </si>
  <si>
    <t>GGHS CHAK NO. 54/F CHISHTIAN</t>
  </si>
  <si>
    <t>CHAK NO 54/F P/O BKHSHAN KHAN</t>
  </si>
  <si>
    <t>ghazala yasmeen</t>
  </si>
  <si>
    <t>20730</t>
  </si>
  <si>
    <t>GGHS NOWSHERA SANSI</t>
  </si>
  <si>
    <t>Nowshera Sansi</t>
  </si>
  <si>
    <t>govt girls high school nowshera sansi grw.</t>
  </si>
  <si>
    <t>janat Saba</t>
  </si>
  <si>
    <t>2693</t>
  </si>
  <si>
    <t>18297</t>
  </si>
  <si>
    <t>GMPS NAMDAR SIAL</t>
  </si>
  <si>
    <t>SAMANDUANA - FEMALE</t>
  </si>
  <si>
    <t>Namdar Sial</t>
  </si>
  <si>
    <t>mouza namdar sial</t>
  </si>
  <si>
    <t>Mubashir Ali</t>
  </si>
  <si>
    <t>21162</t>
  </si>
  <si>
    <t>GGHS KOT SHER SINGH</t>
  </si>
  <si>
    <t>Chak no.54</t>
  </si>
  <si>
    <t>Govt. Girls High School Kot Sher Singh Tehsil Kot Radha kishen District Kasur</t>
  </si>
  <si>
    <t>Kot Sher Singh</t>
  </si>
  <si>
    <t>chak No.55</t>
  </si>
  <si>
    <t>Saima Tahir</t>
  </si>
  <si>
    <t>13050</t>
  </si>
  <si>
    <t>12459</t>
  </si>
  <si>
    <t>25593</t>
  </si>
  <si>
    <t>53411</t>
  </si>
  <si>
    <t>GGPS 9/4.L</t>
  </si>
  <si>
    <t>9/4L</t>
  </si>
  <si>
    <t>chak no 9/4l okara</t>
  </si>
  <si>
    <t>Chak No 9/4l</t>
  </si>
  <si>
    <t>Jameela  Bibi</t>
  </si>
  <si>
    <t>34900</t>
  </si>
  <si>
    <t>33130</t>
  </si>
  <si>
    <t>29039</t>
  </si>
  <si>
    <t>GHS QADI WIND TEH. DISTT. KASUR</t>
  </si>
  <si>
    <t>QADIWIND</t>
  </si>
  <si>
    <t>GOVT. HIGH SCHOOL, QADIWIND, KASUR.</t>
  </si>
  <si>
    <t>MUHAMMAD WAQAR ALI</t>
  </si>
  <si>
    <t>146742</t>
  </si>
  <si>
    <t>641</t>
  </si>
  <si>
    <t>29010</t>
  </si>
  <si>
    <t>839</t>
  </si>
  <si>
    <t>GHS WADOOR</t>
  </si>
  <si>
    <t>wadoor</t>
  </si>
  <si>
    <t>Tehsil.district dgkhan Mouza Wadoor</t>
  </si>
  <si>
    <t>Atif Ahmad</t>
  </si>
  <si>
    <t>30669</t>
  </si>
  <si>
    <t>30410</t>
  </si>
  <si>
    <t>GGHS BASTI REGRAN FAISAL COLONY (BWN)</t>
  </si>
  <si>
    <t>Faisal Colony</t>
  </si>
  <si>
    <t>GGHS Basti regran faisal colony bwn</t>
  </si>
  <si>
    <t>Basti Regran</t>
  </si>
  <si>
    <t>mussarat shaheen</t>
  </si>
  <si>
    <t>25126</t>
  </si>
  <si>
    <t>9603</t>
  </si>
  <si>
    <t>GGHS CHAK NO.344 TDA</t>
  </si>
  <si>
    <t>Chack No 344</t>
  </si>
  <si>
    <t>etfaq traders fathay pur road chowk azam</t>
  </si>
  <si>
    <t>344/TDA</t>
  </si>
  <si>
    <t>Jamal Chapri</t>
  </si>
  <si>
    <t>Rashida Memona</t>
  </si>
  <si>
    <t>16889</t>
  </si>
  <si>
    <t>GGHS MANDI SHAH JEWNA</t>
  </si>
  <si>
    <t>Mandi Shah Jewana</t>
  </si>
  <si>
    <t>Moharwali mandi shah jewana</t>
  </si>
  <si>
    <t>Mandi Shah jewana</t>
  </si>
  <si>
    <t>Moharwali</t>
  </si>
  <si>
    <t>Shahina Qamar</t>
  </si>
  <si>
    <t>21346</t>
  </si>
  <si>
    <t>GHS UMAIR SHAHEED KAMOKE</t>
  </si>
  <si>
    <t>gt road kamoke</t>
  </si>
  <si>
    <t>ZIA ULLAH SHAKIR</t>
  </si>
  <si>
    <t>40783</t>
  </si>
  <si>
    <t>2507</t>
  </si>
  <si>
    <t>13202</t>
  </si>
  <si>
    <t>GGPS RAFIQ ABAD</t>
  </si>
  <si>
    <t>Mir Hazar Khan</t>
  </si>
  <si>
    <t>basti ran,mouza mir hazar Khan, tehsil jatoi, district muzaffar garh</t>
  </si>
  <si>
    <t>Ran</t>
  </si>
  <si>
    <t>38990</t>
  </si>
  <si>
    <t>GES JOGI MERA</t>
  </si>
  <si>
    <t>Qaliar</t>
  </si>
  <si>
    <t>dis.attock .tehsil fathe Jung post office dhurnal muza qaliar village jogi mera</t>
  </si>
  <si>
    <t>Jogi Mera</t>
  </si>
  <si>
    <t>Zubair Amanat</t>
  </si>
  <si>
    <t>10210</t>
  </si>
  <si>
    <t>24883</t>
  </si>
  <si>
    <t>54757</t>
  </si>
  <si>
    <t>37763</t>
  </si>
  <si>
    <t>GMES 138/10-R, JAHANIAN</t>
  </si>
  <si>
    <t>138/10-r</t>
  </si>
  <si>
    <t>GMMS 138/10-R new</t>
  </si>
  <si>
    <t>138/10-r New</t>
  </si>
  <si>
    <t>139/10-r Old</t>
  </si>
  <si>
    <t>5034</t>
  </si>
  <si>
    <t>9364</t>
  </si>
  <si>
    <t>GGHS CHAK NO. 152/2-L</t>
  </si>
  <si>
    <t>152/2-L</t>
  </si>
  <si>
    <t>GOVT.GIRLS HIGH SCHOOL CHAK NO.152/2-L P/O MIAN WALA BANGLA TEHSIL HAROONABAD DISTRICT BAHAWALNAGAR</t>
  </si>
  <si>
    <t>Maria Ilyas</t>
  </si>
  <si>
    <t>19216</t>
  </si>
  <si>
    <t>GHS NO. 2 CHISHTIAN</t>
  </si>
  <si>
    <t>Chak no 4/F W</t>
  </si>
  <si>
    <t>dahranwal mor chishtian</t>
  </si>
  <si>
    <t>Chak no 4/Fw</t>
  </si>
  <si>
    <t>Muhammad Nasrullah Zahid</t>
  </si>
  <si>
    <t>14861</t>
  </si>
  <si>
    <t>52165</t>
  </si>
  <si>
    <t>50927</t>
  </si>
  <si>
    <t>1238</t>
  </si>
  <si>
    <t>48425</t>
  </si>
  <si>
    <t>2688</t>
  </si>
  <si>
    <t>18391</t>
  </si>
  <si>
    <t>17568</t>
  </si>
  <si>
    <t>GGPS CHAK NO. 4/4-L</t>
  </si>
  <si>
    <t>BANGLA YASMEEN - FEMALE</t>
  </si>
  <si>
    <t>Samndwana</t>
  </si>
  <si>
    <t>4/4L1</t>
  </si>
  <si>
    <t>4/4-L 1</t>
  </si>
  <si>
    <t>Samandwana</t>
  </si>
  <si>
    <t>8532</t>
  </si>
  <si>
    <t>6545</t>
  </si>
  <si>
    <t>10573</t>
  </si>
  <si>
    <t>GES CHAK NO 388 TDA</t>
  </si>
  <si>
    <t>Kunal Thal Kalan</t>
  </si>
  <si>
    <t>chak no 388/tda district and tehsil layyah</t>
  </si>
  <si>
    <t>Chak No 388/TDA</t>
  </si>
  <si>
    <t>Chak No 164A/ TDA</t>
  </si>
  <si>
    <t>muhammad nadeem anjum</t>
  </si>
  <si>
    <t>32495</t>
  </si>
  <si>
    <t>31184</t>
  </si>
  <si>
    <t>18645</t>
  </si>
  <si>
    <t>GPS CHAK 349 JB</t>
  </si>
  <si>
    <t>chak no 349 jb satrah</t>
  </si>
  <si>
    <t>Chak No 349 Jb Satrah</t>
  </si>
  <si>
    <t>Chak No 349 Jb</t>
  </si>
  <si>
    <t>53141</t>
  </si>
  <si>
    <t>GGES CHAK NO. 42/2-L</t>
  </si>
  <si>
    <t>42/2L Okara</t>
  </si>
  <si>
    <t>GGES 42/2L Okara</t>
  </si>
  <si>
    <t>44/2L Okara</t>
  </si>
  <si>
    <t>Nasreen Abbas Malaik</t>
  </si>
  <si>
    <t>19921</t>
  </si>
  <si>
    <t>11577</t>
  </si>
  <si>
    <t>GGES JANNU MUSTAQIL</t>
  </si>
  <si>
    <t>jannu</t>
  </si>
  <si>
    <t>Jannu Mustaqil</t>
  </si>
  <si>
    <t>44909</t>
  </si>
  <si>
    <t>GPS ANGRA JANUBI</t>
  </si>
  <si>
    <t>Angra Janubi, Tehsil Kalur Kot District Bhakkar</t>
  </si>
  <si>
    <t>Angra Janubi</t>
  </si>
  <si>
    <t>Noora</t>
  </si>
  <si>
    <t>Rasheed Ahmad</t>
  </si>
  <si>
    <t>37028</t>
  </si>
  <si>
    <t>GMMS KASSI JHANDEER</t>
  </si>
  <si>
    <t>Kassi Jhandeer</t>
  </si>
  <si>
    <t>GGMS kassi jhandeer</t>
  </si>
  <si>
    <t>Mamdhal</t>
  </si>
  <si>
    <t>Asma Nousheen</t>
  </si>
  <si>
    <t>23795</t>
  </si>
  <si>
    <t>26030</t>
  </si>
  <si>
    <t>12659</t>
  </si>
  <si>
    <t>GGPS QALANDAR WALA</t>
  </si>
  <si>
    <t>KARAM DAD QURESHI- FEMALE</t>
  </si>
  <si>
    <t>Fatha Surnai</t>
  </si>
  <si>
    <t>basti qalanadr wala</t>
  </si>
  <si>
    <t>Qalandar Wala</t>
  </si>
  <si>
    <t>Karam Dad Quershi</t>
  </si>
  <si>
    <t>Aasia Perveen</t>
  </si>
  <si>
    <t>16256</t>
  </si>
  <si>
    <t>GGHSS DIJKOT</t>
  </si>
  <si>
    <t>DIJKOT</t>
  </si>
  <si>
    <t>MC DIJKOT</t>
  </si>
  <si>
    <t>Rahila Bano</t>
  </si>
  <si>
    <t>21229</t>
  </si>
  <si>
    <t>1417</t>
  </si>
  <si>
    <t>40953</t>
  </si>
  <si>
    <t>GGPS DHOK SAR</t>
  </si>
  <si>
    <t>Dhoksar</t>
  </si>
  <si>
    <t>Iram Haroon</t>
  </si>
  <si>
    <t>19985</t>
  </si>
  <si>
    <t>47790</t>
  </si>
  <si>
    <t>14135</t>
  </si>
  <si>
    <t>GMPS BASTI SHAH</t>
  </si>
  <si>
    <t>Basti Shah</t>
  </si>
  <si>
    <t>Dhengen</t>
  </si>
  <si>
    <t>SAJIDA ILYAS</t>
  </si>
  <si>
    <t>7198</t>
  </si>
  <si>
    <t>31520</t>
  </si>
  <si>
    <t>GGHSS NARANG MANDI</t>
  </si>
  <si>
    <t>GGHSS Narang</t>
  </si>
  <si>
    <t>KHALIDA SAKINA</t>
  </si>
  <si>
    <t>37731</t>
  </si>
  <si>
    <t>GHS ALI SHER WAHIN, JAHANIAN</t>
  </si>
  <si>
    <t>Alisherwahin</t>
  </si>
  <si>
    <t>Ali Sher Wahin</t>
  </si>
  <si>
    <t>ALI SHER WAHIN</t>
  </si>
  <si>
    <t>rao muhammad umar hayat</t>
  </si>
  <si>
    <t>44252</t>
  </si>
  <si>
    <t>45489</t>
  </si>
  <si>
    <t>GPS CHAK NO 9 TDA</t>
  </si>
  <si>
    <t>9-TDA</t>
  </si>
  <si>
    <t>Chak # 9-TDA</t>
  </si>
  <si>
    <t>6-TDA</t>
  </si>
  <si>
    <t>Zahid Ul Haq Saleemi</t>
  </si>
  <si>
    <t>11417</t>
  </si>
  <si>
    <t>16792</t>
  </si>
  <si>
    <t>13057</t>
  </si>
  <si>
    <t>GHS KOTLA GAMOON</t>
  </si>
  <si>
    <t>Kotla Gamoon</t>
  </si>
  <si>
    <t>kotla Gamoon Tehsil Jatoi District Muzaffar Garh</t>
  </si>
  <si>
    <t>ZIA UR REHMAN</t>
  </si>
  <si>
    <t>46395</t>
  </si>
  <si>
    <t>GHS JHARKIL</t>
  </si>
  <si>
    <t>JHArkil</t>
  </si>
  <si>
    <t>JHARKIL P/O NOOR PUR THAL</t>
  </si>
  <si>
    <t>JHARKIL</t>
  </si>
  <si>
    <t>6918</t>
  </si>
  <si>
    <t>38220</t>
  </si>
  <si>
    <t>GHS LANJARI ADDA LAIL PUR</t>
  </si>
  <si>
    <t>ghs linjari basti adda layal pur kehror pakka</t>
  </si>
  <si>
    <t>LailPur</t>
  </si>
  <si>
    <t>Aamir Hussain</t>
  </si>
  <si>
    <t>17923</t>
  </si>
  <si>
    <t>3070</t>
  </si>
  <si>
    <t>31440</t>
  </si>
  <si>
    <t>GPS FEROZWALA GAON</t>
  </si>
  <si>
    <t>govt boys primary school ferozwala gaon</t>
  </si>
  <si>
    <t>Waqar Ali Shah</t>
  </si>
  <si>
    <t>2342</t>
  </si>
  <si>
    <t>15647</t>
  </si>
  <si>
    <t>14818</t>
  </si>
  <si>
    <t>43743</t>
  </si>
  <si>
    <t>11318</t>
  </si>
  <si>
    <t>GPS FATEH PUR JADEED</t>
  </si>
  <si>
    <t>KHAIR PUR-II- MALE</t>
  </si>
  <si>
    <t>GPS Fateh pur jadeed almaroof tiba shiekh wazeer</t>
  </si>
  <si>
    <t>Atiq Ur Rehman</t>
  </si>
  <si>
    <t>6778</t>
  </si>
  <si>
    <t>25710</t>
  </si>
  <si>
    <t>GPS NO. 1 AHMED ABAD</t>
  </si>
  <si>
    <t>Ahmadabad</t>
  </si>
  <si>
    <t>Ahmedabad  Narowal</t>
  </si>
  <si>
    <t>3582</t>
  </si>
  <si>
    <t>39738</t>
  </si>
  <si>
    <t>48129</t>
  </si>
  <si>
    <t>GGHS ZAHOOR HAYAT COLONY BHALWAL</t>
  </si>
  <si>
    <t>Zahoor Hayat Colony</t>
  </si>
  <si>
    <t>Zahoor Hayat Colony Bhalwal Distt. Sargodha</t>
  </si>
  <si>
    <t>Bhalwal 3</t>
  </si>
  <si>
    <t>Najma Naureen</t>
  </si>
  <si>
    <t>14167</t>
  </si>
  <si>
    <t>40163</t>
  </si>
  <si>
    <t>GHS BRIG. DR. MUHAMMAD AKRAM SAEELA</t>
  </si>
  <si>
    <t>Saeela</t>
  </si>
  <si>
    <t>Saeela Jhelum</t>
  </si>
  <si>
    <t>ASHFAQ AHMED</t>
  </si>
  <si>
    <t>GHSS MALAL</t>
  </si>
  <si>
    <t>IMTIAZ AHMED</t>
  </si>
  <si>
    <t>44260</t>
  </si>
  <si>
    <t>1486</t>
  </si>
  <si>
    <t>21751</t>
  </si>
  <si>
    <t>GHS BHIRI KHURD</t>
  </si>
  <si>
    <t>Bhiri Khud</t>
  </si>
  <si>
    <t>Bhiri Khurd Tehsil NOshehra Virkan Distt.  Gujranwala</t>
  </si>
  <si>
    <t>Bhiri Khurd</t>
  </si>
  <si>
    <t>muhammad amjad</t>
  </si>
  <si>
    <t>35392</t>
  </si>
  <si>
    <t>5459</t>
  </si>
  <si>
    <t>18234</t>
  </si>
  <si>
    <t>GHSS GARH MAHARAJA</t>
  </si>
  <si>
    <t>Garh Maharaja</t>
  </si>
  <si>
    <t>Muhammad Saleem Bhatti</t>
  </si>
  <si>
    <t>51592</t>
  </si>
  <si>
    <t>4630</t>
  </si>
  <si>
    <t>GPS THALLA SHARIF</t>
  </si>
  <si>
    <t>Qausmani</t>
  </si>
  <si>
    <t>Bastti Thalla Sharif P/O Bhung sharif Teh SDK Dist.RYK</t>
  </si>
  <si>
    <t>Thalla Sharif</t>
  </si>
  <si>
    <t>Rahim Abad</t>
  </si>
  <si>
    <t>Atta Hussain Sahir</t>
  </si>
  <si>
    <t>6030</t>
  </si>
  <si>
    <t>9043</t>
  </si>
  <si>
    <t>10366</t>
  </si>
  <si>
    <t>GPS WADHAY WALI QADEEM</t>
  </si>
  <si>
    <t>Basti wadhy wali qadeem p.o Wara Sehran tehsil karor distt layyah</t>
  </si>
  <si>
    <t>Wadhy Wali Qadeem</t>
  </si>
  <si>
    <t>18638</t>
  </si>
  <si>
    <t>18528</t>
  </si>
  <si>
    <t>GGHS CHAK 367 JB</t>
  </si>
  <si>
    <t>Jalianwala</t>
  </si>
  <si>
    <t>Govt. Girls High School 367/JB Gojra</t>
  </si>
  <si>
    <t>Chak No 367JB</t>
  </si>
  <si>
    <t>TAHIRA NASIR</t>
  </si>
  <si>
    <t>GGHS CHAK 251 GB</t>
  </si>
  <si>
    <t>Chak No 251 GB</t>
  </si>
  <si>
    <t>CHAK no 251 G.B TEH&amp;dist TOBA TEK SINGH</t>
  </si>
  <si>
    <t>251GB T T SINGH</t>
  </si>
  <si>
    <t>251GB UGGI</t>
  </si>
  <si>
    <t>Ammara Rasheed</t>
  </si>
  <si>
    <t>12567</t>
  </si>
  <si>
    <t>21642</t>
  </si>
  <si>
    <t>GMPS TUNG BUCHA</t>
  </si>
  <si>
    <t>Tong Bucha</t>
  </si>
  <si>
    <t>village tong bucha teh kamoki dist Gujranwala</t>
  </si>
  <si>
    <t>RAZIA SULTANA</t>
  </si>
  <si>
    <t>9160</t>
  </si>
  <si>
    <t>27185</t>
  </si>
  <si>
    <t>GGCMS KASSOKE</t>
  </si>
  <si>
    <t>kassoki</t>
  </si>
  <si>
    <t>v po kassoki tehsil n distt hafizabad</t>
  </si>
  <si>
    <t>farzana nighat</t>
  </si>
  <si>
    <t>16674</t>
  </si>
  <si>
    <t>GGPS CHAK 499 GB MAMUNKANJAN</t>
  </si>
  <si>
    <t>Ggps 499 mamunknjan</t>
  </si>
  <si>
    <t>Komal Sadiqa</t>
  </si>
  <si>
    <t>6059</t>
  </si>
  <si>
    <t>48427</t>
  </si>
  <si>
    <t>GGPS GAMAN KHAN WALA</t>
  </si>
  <si>
    <t>Bait Dabli</t>
  </si>
  <si>
    <t>Ggps gaman khan wala moza bait dabli bakhri Ahmad khan</t>
  </si>
  <si>
    <t>Bakhri Ahmad Khan</t>
  </si>
  <si>
    <t>zubaida bibi</t>
  </si>
  <si>
    <t>20551</t>
  </si>
  <si>
    <t>37901</t>
  </si>
  <si>
    <t>GMPS MIAN PUR, JAHANIAN</t>
  </si>
  <si>
    <t>G M P S Mian Pur</t>
  </si>
  <si>
    <t>Shabana Norin</t>
  </si>
  <si>
    <t>7980</t>
  </si>
  <si>
    <t>37931</t>
  </si>
  <si>
    <t>11902</t>
  </si>
  <si>
    <t>GGPS HAFIZ ABAD</t>
  </si>
  <si>
    <t>basti hafiz abad p/o sanawan</t>
  </si>
  <si>
    <t>Hafiz Abad</t>
  </si>
  <si>
    <t>Rehana Yasmin</t>
  </si>
  <si>
    <t>3104</t>
  </si>
  <si>
    <t>22900</t>
  </si>
  <si>
    <t>GHS THEEKRIAN</t>
  </si>
  <si>
    <t>thekrian</t>
  </si>
  <si>
    <t>g.t road lalamusa</t>
  </si>
  <si>
    <t>Ijaz Ahmad Shahid</t>
  </si>
  <si>
    <t>821</t>
  </si>
  <si>
    <t>39137</t>
  </si>
  <si>
    <t>16459</t>
  </si>
  <si>
    <t>GGHS CHAK 133 RB KAMAL PUR FSD</t>
  </si>
  <si>
    <t>133 rB kamalpur</t>
  </si>
  <si>
    <t>kamal pur</t>
  </si>
  <si>
    <t>bakhray wali</t>
  </si>
  <si>
    <t>Mrs Imtiaz akhter</t>
  </si>
  <si>
    <t>42080</t>
  </si>
  <si>
    <t>41650</t>
  </si>
  <si>
    <t>13252</t>
  </si>
  <si>
    <t>GGES KALLAR WALI NO. 2</t>
  </si>
  <si>
    <t>gges kallar wali no .2  basti malka bad</t>
  </si>
  <si>
    <t>Malka Bad</t>
  </si>
  <si>
    <t>shahnaz kausar</t>
  </si>
  <si>
    <t>25366</t>
  </si>
  <si>
    <t>24656</t>
  </si>
  <si>
    <t>GGHS L-PLOT FOUJIAN</t>
  </si>
  <si>
    <t>l-plot</t>
  </si>
  <si>
    <t>gghs l-plot foujian distt okara tehsil renala khurd</t>
  </si>
  <si>
    <t>l-plot foujian</t>
  </si>
  <si>
    <t>FARZANA YASMIN</t>
  </si>
  <si>
    <t>22909</t>
  </si>
  <si>
    <t>37961</t>
  </si>
  <si>
    <t>GGHS 53/M</t>
  </si>
  <si>
    <t>chak  53/M</t>
  </si>
  <si>
    <t>Chak # 53/M, Lodhran</t>
  </si>
  <si>
    <t>chak no 53/M</t>
  </si>
  <si>
    <t>Sagwan</t>
  </si>
  <si>
    <t>Rabia Parveen</t>
  </si>
  <si>
    <t>23214</t>
  </si>
  <si>
    <t>GGES CHAK NO. 501/EB</t>
  </si>
  <si>
    <t>chak no 501 /EB Burewala</t>
  </si>
  <si>
    <t>501/EB</t>
  </si>
  <si>
    <t>499/EB</t>
  </si>
  <si>
    <t>Shaheen Khalid</t>
  </si>
  <si>
    <t>17642</t>
  </si>
  <si>
    <t>20662</t>
  </si>
  <si>
    <t>45410</t>
  </si>
  <si>
    <t>GGHS DIANI</t>
  </si>
  <si>
    <t>Diani</t>
  </si>
  <si>
    <t>Mojoka</t>
  </si>
  <si>
    <t>Tallat Niaz</t>
  </si>
  <si>
    <t>50156</t>
  </si>
  <si>
    <t>GGHSS 176/9-L</t>
  </si>
  <si>
    <t>176/9L</t>
  </si>
  <si>
    <t>176/9.L</t>
  </si>
  <si>
    <t>18/11L</t>
  </si>
  <si>
    <t>Al Munazza Saima</t>
  </si>
  <si>
    <t>32417</t>
  </si>
  <si>
    <t>18342</t>
  </si>
  <si>
    <t>37864</t>
  </si>
  <si>
    <t>GGPS 55/10-R, JAHANIAN</t>
  </si>
  <si>
    <t>55/10-R Vehniwal</t>
  </si>
  <si>
    <t>chak no 55/10 r tehsil jahania District  khanewal</t>
  </si>
  <si>
    <t>chak no 55/10 r</t>
  </si>
  <si>
    <t>Chak No 55/10 R</t>
  </si>
  <si>
    <t>Kalsoom Kosar</t>
  </si>
  <si>
    <t>18660</t>
  </si>
  <si>
    <t>4914</t>
  </si>
  <si>
    <t>15121</t>
  </si>
  <si>
    <t>GGPS CHAK 383 GB LUNDIANWALA</t>
  </si>
  <si>
    <t>Kaliana</t>
  </si>
  <si>
    <t>GGPS 383 GB</t>
  </si>
  <si>
    <t>CHAK NO 383 GB</t>
  </si>
  <si>
    <t>383 GB</t>
  </si>
  <si>
    <t>7581</t>
  </si>
  <si>
    <t>34808</t>
  </si>
  <si>
    <t>35290</t>
  </si>
  <si>
    <t>46437</t>
  </si>
  <si>
    <t>18571</t>
  </si>
  <si>
    <t>GGES CHAK 355 JB</t>
  </si>
  <si>
    <t>QADIR ABAD FEMALE</t>
  </si>
  <si>
    <t>Rocha Raam</t>
  </si>
  <si>
    <t>chak no.355 jb</t>
  </si>
  <si>
    <t>355jb</t>
  </si>
  <si>
    <t>354 Qadirabad</t>
  </si>
  <si>
    <t>Hafiza Sabahat-ul- Nisa</t>
  </si>
  <si>
    <t>4825</t>
  </si>
  <si>
    <t>22046</t>
  </si>
  <si>
    <t>GGPS YAQOOB SHAH</t>
  </si>
  <si>
    <t>Goth Aloo</t>
  </si>
  <si>
    <t>Goth Aloo Basti Saddat</t>
  </si>
  <si>
    <t>Basti Saddat</t>
  </si>
  <si>
    <t>Mehvish Maqbool</t>
  </si>
  <si>
    <t>8371</t>
  </si>
  <si>
    <t>19231</t>
  </si>
  <si>
    <t>GHS CHAK 316 GB</t>
  </si>
  <si>
    <t>Qadirabad</t>
  </si>
  <si>
    <t>chak no. 316GB, toba tek singh</t>
  </si>
  <si>
    <t>chak no. 316GB</t>
  </si>
  <si>
    <t>chak no. 316gb</t>
  </si>
  <si>
    <t>Liaquat Ali Rashad</t>
  </si>
  <si>
    <t>37834</t>
  </si>
  <si>
    <t>GMES 113/10-R, JAHANIAN</t>
  </si>
  <si>
    <t>113/10R</t>
  </si>
  <si>
    <t>chak no 113/10.R</t>
  </si>
  <si>
    <t>Chak 113/10R</t>
  </si>
  <si>
    <t>149/10R</t>
  </si>
  <si>
    <t>Fatima Batool</t>
  </si>
  <si>
    <t>11471</t>
  </si>
  <si>
    <t>21741</t>
  </si>
  <si>
    <t>GHS MATTA VIRKAN</t>
  </si>
  <si>
    <t>matta virkan</t>
  </si>
  <si>
    <t>matta virkan tehsil noshera virkan district gujranwala</t>
  </si>
  <si>
    <t>garmula virkan</t>
  </si>
  <si>
    <t>syed shamas-ul-hassan</t>
  </si>
  <si>
    <t>GGHSS CHAK NO.42 SB</t>
  </si>
  <si>
    <t>42SB</t>
  </si>
  <si>
    <t>G.G.H/Sec school 42SB SARGODHA</t>
  </si>
  <si>
    <t>Chak 42SB Sgd</t>
  </si>
  <si>
    <t>Chak 40 SB Sgd</t>
  </si>
  <si>
    <t>Naeem Muhammad Shafi</t>
  </si>
  <si>
    <t>3796</t>
  </si>
  <si>
    <t>43246</t>
  </si>
  <si>
    <t>GPS DHAR MACHHI</t>
  </si>
  <si>
    <t>DHUMMAN-II-MALE</t>
  </si>
  <si>
    <t>Dhar Machi</t>
  </si>
  <si>
    <t>vill dhar machi p/o takia shah murad</t>
  </si>
  <si>
    <t>Saiqa Bibi</t>
  </si>
  <si>
    <t>35341</t>
  </si>
  <si>
    <t>38128</t>
  </si>
  <si>
    <t>GGES 93/M LODRAAN</t>
  </si>
  <si>
    <t>Bhoteji</t>
  </si>
  <si>
    <t>Chak no 93/M moza bhoteji lodhran</t>
  </si>
  <si>
    <t>Chak No 93/M</t>
  </si>
  <si>
    <t>Fakhara Shabbir</t>
  </si>
  <si>
    <t>GGHS NATHA WALA</t>
  </si>
  <si>
    <t>Dakhna Ghaaroo</t>
  </si>
  <si>
    <t>Nathay wala Kahror pacca</t>
  </si>
  <si>
    <t>Nathay wala</t>
  </si>
  <si>
    <t>Shamaela Jabbar</t>
  </si>
  <si>
    <t>21656</t>
  </si>
  <si>
    <t>GGES RAJAY WALA</t>
  </si>
  <si>
    <t>Rajawala</t>
  </si>
  <si>
    <t>Rajaywala</t>
  </si>
  <si>
    <t>Qurat Ul Ain</t>
  </si>
  <si>
    <t>11442</t>
  </si>
  <si>
    <t>25973</t>
  </si>
  <si>
    <t>21818</t>
  </si>
  <si>
    <t>4231</t>
  </si>
  <si>
    <t>16705</t>
  </si>
  <si>
    <t>GGPS 450/GB</t>
  </si>
  <si>
    <t>450Malay Ki Jhok Jhok</t>
  </si>
  <si>
    <t>chak # 450/2 malay Ki jhok</t>
  </si>
  <si>
    <t>450/2</t>
  </si>
  <si>
    <t>396/3</t>
  </si>
  <si>
    <t>Tahira Iqbal</t>
  </si>
  <si>
    <t>24876</t>
  </si>
  <si>
    <t>GES JUGO CHAK</t>
  </si>
  <si>
    <t>KOTLI SAID AMIR - MALE</t>
  </si>
  <si>
    <t>Chak Jogo</t>
  </si>
  <si>
    <t>Village CHAK Jogo Post Office Chaprar Teh Dist Sialkot</t>
  </si>
  <si>
    <t>48842</t>
  </si>
  <si>
    <t>32442</t>
  </si>
  <si>
    <t>11608</t>
  </si>
  <si>
    <t>GPS IBRAHIM WALA</t>
  </si>
  <si>
    <t>MEHMOOD KOT-I- MALE</t>
  </si>
  <si>
    <t>Khakh wala mouza panwar shumali mehmood kot city tehsil kotaddu</t>
  </si>
  <si>
    <t>Khakh Wala</t>
  </si>
  <si>
    <t>Abdul Rafay</t>
  </si>
  <si>
    <t>19021</t>
  </si>
  <si>
    <t>GPS CHAH SHAMOON WALA KAMALIA</t>
  </si>
  <si>
    <t>Chah Shamoowala</t>
  </si>
  <si>
    <t>chah shamowala kamalia</t>
  </si>
  <si>
    <t>Shamoo Wala</t>
  </si>
  <si>
    <t>9735</t>
  </si>
  <si>
    <t>42430</t>
  </si>
  <si>
    <t>GGES DHUDHY THALL</t>
  </si>
  <si>
    <t>LILLA-FEMALE</t>
  </si>
  <si>
    <t>Dhudhi thall</t>
  </si>
  <si>
    <t>G g e s Dhudhi thal</t>
  </si>
  <si>
    <t>Dhudhi Thal</t>
  </si>
  <si>
    <t>Mumtaz Begum</t>
  </si>
  <si>
    <t>5049</t>
  </si>
  <si>
    <t>53506</t>
  </si>
  <si>
    <t>26449</t>
  </si>
  <si>
    <t>GGES RANYAL</t>
  </si>
  <si>
    <t>MANZOORPURA PLOT - FEMALE</t>
  </si>
  <si>
    <t>Ranaywal</t>
  </si>
  <si>
    <t>GGES Ranaywal shakargarh Narowal</t>
  </si>
  <si>
    <t>Kotly Baray Khan</t>
  </si>
  <si>
    <t>4653</t>
  </si>
  <si>
    <t>1776</t>
  </si>
  <si>
    <t>13218</t>
  </si>
  <si>
    <t>GGPS BINDA MEHARBAN</t>
  </si>
  <si>
    <t>Bhinda Mehrban</t>
  </si>
  <si>
    <t>Basti ahmdani mouza bhinda mehrban</t>
  </si>
  <si>
    <t>Shazia Iqbal</t>
  </si>
  <si>
    <t>1304</t>
  </si>
  <si>
    <t>37906</t>
  </si>
  <si>
    <t>54403</t>
  </si>
  <si>
    <t>GPS DHOK HALEEM</t>
  </si>
  <si>
    <t>Dhok Haleem</t>
  </si>
  <si>
    <t>Village Dhok Haleem</t>
  </si>
  <si>
    <t>10348</t>
  </si>
  <si>
    <t>10527</t>
  </si>
  <si>
    <t>GGHS CHAK NO. 173 TDA</t>
  </si>
  <si>
    <t>Ameer Kalasra</t>
  </si>
  <si>
    <t>chak no 173 tda layyah</t>
  </si>
  <si>
    <t>Tahreem Shahnawaz</t>
  </si>
  <si>
    <t>electrical cooler</t>
  </si>
  <si>
    <t>17658</t>
  </si>
  <si>
    <t>29705</t>
  </si>
  <si>
    <t>GPS SHARIF PURA</t>
  </si>
  <si>
    <t>SHARIF PURA</t>
  </si>
  <si>
    <t>Sharif Pura Purani Mandi Pottoki</t>
  </si>
  <si>
    <t>Bhai Kot Chak# 03</t>
  </si>
  <si>
    <t>Ghulam Arshad</t>
  </si>
  <si>
    <t>8671</t>
  </si>
  <si>
    <t>8135</t>
  </si>
  <si>
    <t>12449</t>
  </si>
  <si>
    <t>GGES JAGGAT PUR</t>
  </si>
  <si>
    <t>Punjgrin</t>
  </si>
  <si>
    <t>khoji sial Ian near us office jagat pur</t>
  </si>
  <si>
    <t>Sajida Rehman</t>
  </si>
  <si>
    <t>49040</t>
  </si>
  <si>
    <t>53380</t>
  </si>
  <si>
    <t>5405</t>
  </si>
  <si>
    <t>38584</t>
  </si>
  <si>
    <t>27364</t>
  </si>
  <si>
    <t>GGES 4/M</t>
  </si>
  <si>
    <t>MANJHA KOTLA - FEMALE</t>
  </si>
  <si>
    <t>4m</t>
  </si>
  <si>
    <t>chack 4m p/o rind jada tehsil dunyapur</t>
  </si>
  <si>
    <t>11m</t>
  </si>
  <si>
    <t>Maryam Shagufta Khan</t>
  </si>
  <si>
    <t>44211</t>
  </si>
  <si>
    <t>41018</t>
  </si>
  <si>
    <t>GGPS ASAD ABAD MANARA</t>
  </si>
  <si>
    <t>Manana</t>
  </si>
  <si>
    <t>village Manara p/o ladhar tehsil Dina district jhelum</t>
  </si>
  <si>
    <t>Manara</t>
  </si>
  <si>
    <t>Saiqa Noreen</t>
  </si>
  <si>
    <t>17752</t>
  </si>
  <si>
    <t>2687</t>
  </si>
  <si>
    <t>48322</t>
  </si>
  <si>
    <t>48092</t>
  </si>
  <si>
    <t>GES RAM DIANA</t>
  </si>
  <si>
    <t>MIDH RANJHA-I - MALE</t>
  </si>
  <si>
    <t>Ram Diana</t>
  </si>
  <si>
    <t>ram Diana p/o mid ranjha kotmomin Sargodha</t>
  </si>
  <si>
    <t>Tanvir Hayat</t>
  </si>
  <si>
    <t>16353</t>
  </si>
  <si>
    <t>GGCMS CHAK 125 RB</t>
  </si>
  <si>
    <t>125rb</t>
  </si>
  <si>
    <t>Bahlolpur</t>
  </si>
  <si>
    <t>Misbah Rasheed</t>
  </si>
  <si>
    <t>41779</t>
  </si>
  <si>
    <t>38880</t>
  </si>
  <si>
    <t>GGCMES MADROTHA</t>
  </si>
  <si>
    <t>Madrota</t>
  </si>
  <si>
    <t>GGCME/S Madrota</t>
  </si>
  <si>
    <t>NASIRA BIBI</t>
  </si>
  <si>
    <t>7626</t>
  </si>
  <si>
    <t>39610</t>
  </si>
  <si>
    <t>GPS MOCHI KERI</t>
  </si>
  <si>
    <t>Mochi Keri</t>
  </si>
  <si>
    <t>Govt Pry S.Mochi Keri</t>
  </si>
  <si>
    <t>Saddar Ayub</t>
  </si>
  <si>
    <t>48564</t>
  </si>
  <si>
    <t>29539</t>
  </si>
  <si>
    <t>4304</t>
  </si>
  <si>
    <t>39192</t>
  </si>
  <si>
    <t>GGPS DHOK RANJA</t>
  </si>
  <si>
    <t>GULYAL - FEMALE</t>
  </si>
  <si>
    <t>Mahoora</t>
  </si>
  <si>
    <t>Dhok Ranjha</t>
  </si>
  <si>
    <t>Hunza Rizwan</t>
  </si>
  <si>
    <t>9353</t>
  </si>
  <si>
    <t>30539</t>
  </si>
  <si>
    <t>23401</t>
  </si>
  <si>
    <t>GPS CHHATTA</t>
  </si>
  <si>
    <t>Chhatta</t>
  </si>
  <si>
    <t>village Chhatta Post office Shah Sar Mast Lalamusa</t>
  </si>
  <si>
    <t>Ganja</t>
  </si>
  <si>
    <t>23888</t>
  </si>
  <si>
    <t>23370</t>
  </si>
  <si>
    <t>36274</t>
  </si>
  <si>
    <t>GES DAD KAMEERA</t>
  </si>
  <si>
    <t>Dad Kamera</t>
  </si>
  <si>
    <t>dad kamira</t>
  </si>
  <si>
    <t>Syed Saeed Ahmad Shah</t>
  </si>
  <si>
    <t>11090</t>
  </si>
  <si>
    <t>16136</t>
  </si>
  <si>
    <t>GGES CHAK NO.1 JB</t>
  </si>
  <si>
    <t>Chak 1 Jb</t>
  </si>
  <si>
    <t>chak no. 1jb fsd</t>
  </si>
  <si>
    <t>Chak No 1 Jb</t>
  </si>
  <si>
    <t>Tannaza Batool</t>
  </si>
  <si>
    <t>36548</t>
  </si>
  <si>
    <t>GHS MOHRI PUR, SARAI SIDHU</t>
  </si>
  <si>
    <t>Mohripur</t>
  </si>
  <si>
    <t>Mouza Mohri pur  Tehsil Kabirwala</t>
  </si>
  <si>
    <t>MOHRI PUR</t>
  </si>
  <si>
    <t>Mari Sahu</t>
  </si>
  <si>
    <t>Muhammad Abdul Rehman</t>
  </si>
  <si>
    <t>44910</t>
  </si>
  <si>
    <t>GPS ANGRA SHUMALI</t>
  </si>
  <si>
    <t>p/o shaheedan angra shumali</t>
  </si>
  <si>
    <t>angra shumali</t>
  </si>
  <si>
    <t>noora</t>
  </si>
  <si>
    <t>Muhammad Ali Shan</t>
  </si>
  <si>
    <t>2126</t>
  </si>
  <si>
    <t>36232</t>
  </si>
  <si>
    <t>40759</t>
  </si>
  <si>
    <t>GGMES TANDOI</t>
  </si>
  <si>
    <t>Tandoi</t>
  </si>
  <si>
    <t>vill. tandoi p.o. dewan e hazoori teh sohawa distt jhelum</t>
  </si>
  <si>
    <t>Pail Bane Khan</t>
  </si>
  <si>
    <t>Attia Qudus</t>
  </si>
  <si>
    <t>30140</t>
  </si>
  <si>
    <t>45361</t>
  </si>
  <si>
    <t>31305</t>
  </si>
  <si>
    <t>GHS CDG BEGUM KOT SHAHDARA</t>
  </si>
  <si>
    <t>Begum Kot</t>
  </si>
  <si>
    <t>Begum kot</t>
  </si>
  <si>
    <t>Muhammad Tayyab Nazir</t>
  </si>
  <si>
    <t>1179</t>
  </si>
  <si>
    <t>5979</t>
  </si>
  <si>
    <t>5624</t>
  </si>
  <si>
    <t>GGPS TABBA BODLA</t>
  </si>
  <si>
    <t>BWN.3-FEMALE</t>
  </si>
  <si>
    <t>Tabba Bodla</t>
  </si>
  <si>
    <t>Ggpstibba bodla</t>
  </si>
  <si>
    <t>Tibba Bodla</t>
  </si>
  <si>
    <t>Sidra Asghar</t>
  </si>
  <si>
    <t>44168</t>
  </si>
  <si>
    <t>GHS BHOUN</t>
  </si>
  <si>
    <t>BHAUN</t>
  </si>
  <si>
    <t>VPO BHAUN</t>
  </si>
  <si>
    <t>BHAUN/MOHALLA MAIDAN</t>
  </si>
  <si>
    <t>MC BHAUN</t>
  </si>
  <si>
    <t>Muhammad Shafiq Akhtar</t>
  </si>
  <si>
    <t>14851</t>
  </si>
  <si>
    <t>18378</t>
  </si>
  <si>
    <t>GMPS KULACHI</t>
  </si>
  <si>
    <t>Kulachi</t>
  </si>
  <si>
    <t>Mouza kulachi Teh Ahmad pur sial District Jhang</t>
  </si>
  <si>
    <t>Pir Abdul Rehman</t>
  </si>
  <si>
    <t>Rihana Kanwal</t>
  </si>
  <si>
    <t>4009</t>
  </si>
  <si>
    <t>21509</t>
  </si>
  <si>
    <t>34821</t>
  </si>
  <si>
    <t>37362</t>
  </si>
  <si>
    <t>GGhS 72-73/15-L KACHA KHUH</t>
  </si>
  <si>
    <t>72-15l</t>
  </si>
  <si>
    <t>chak 72-15lkhanewal</t>
  </si>
  <si>
    <t>Saba Sharif</t>
  </si>
  <si>
    <t>14973</t>
  </si>
  <si>
    <t>26886</t>
  </si>
  <si>
    <t>19871</t>
  </si>
  <si>
    <t>GGPS TAHLI RANG SHAH</t>
  </si>
  <si>
    <t>Tahli Rang Shah</t>
  </si>
  <si>
    <t>tahli rang shah 1</t>
  </si>
  <si>
    <t>Shaheena Bibi</t>
  </si>
  <si>
    <t>5177</t>
  </si>
  <si>
    <t>7719</t>
  </si>
  <si>
    <t>GES DESI WALA</t>
  </si>
  <si>
    <t>KOT CHUTTA CITY MALE</t>
  </si>
  <si>
    <t>Kot Chutta</t>
  </si>
  <si>
    <t>desi Wala Nazd pull sharia tehsile  kot chutta district dgkhan</t>
  </si>
  <si>
    <t>Desi Wala</t>
  </si>
  <si>
    <t>Basti Jam</t>
  </si>
  <si>
    <t>Syed Nadir HussaIn Shah</t>
  </si>
  <si>
    <t>20518</t>
  </si>
  <si>
    <t>GGHS BADOKI GOSIAN</t>
  </si>
  <si>
    <t>BADDOKI GOSSAIAN</t>
  </si>
  <si>
    <t>GOVT GIRLS HIGH SCHOOL BADDOKI GOSSAIAN</t>
  </si>
  <si>
    <t>CANTONMENT BOARD GUJRANWALA</t>
  </si>
  <si>
    <t>15481</t>
  </si>
  <si>
    <t>GPS CHAK 169 GB NORTH</t>
  </si>
  <si>
    <t>Nathukot</t>
  </si>
  <si>
    <t>chak 169 gb</t>
  </si>
  <si>
    <t>Chak 169 GB</t>
  </si>
  <si>
    <t>Mailowaan</t>
  </si>
  <si>
    <t>USMAN ALI</t>
  </si>
  <si>
    <t>7762</t>
  </si>
  <si>
    <t>52208</t>
  </si>
  <si>
    <t>3353</t>
  </si>
  <si>
    <t>41456</t>
  </si>
  <si>
    <t>GGES CHATTER TARKLAM</t>
  </si>
  <si>
    <t>BANN-FEMALE</t>
  </si>
  <si>
    <t>Karlot</t>
  </si>
  <si>
    <t>Village tarklam murree</t>
  </si>
  <si>
    <t>Tarklam</t>
  </si>
  <si>
    <t>boaring</t>
  </si>
  <si>
    <t>49360</t>
  </si>
  <si>
    <t>16391</t>
  </si>
  <si>
    <t>3593</t>
  </si>
  <si>
    <t>2967</t>
  </si>
  <si>
    <t>4289</t>
  </si>
  <si>
    <t>GGES NONARI NO.1</t>
  </si>
  <si>
    <t>NONARI - FEMALE</t>
  </si>
  <si>
    <t>GGES NONARI NO 1 markaz nonari</t>
  </si>
  <si>
    <t>11555</t>
  </si>
  <si>
    <t>42338</t>
  </si>
  <si>
    <t>GHS GULYANA</t>
  </si>
  <si>
    <t>GULYANA HAYYAL</t>
  </si>
  <si>
    <t>VPO GULYANA</t>
  </si>
  <si>
    <t>GULYANA</t>
  </si>
  <si>
    <t>muhammad azam kashif</t>
  </si>
  <si>
    <t>14164</t>
  </si>
  <si>
    <t>GGES BASTI KAHORE KHAN</t>
  </si>
  <si>
    <t>Ali Akbar Sangi</t>
  </si>
  <si>
    <t>gges basti kahoor khan ryk</t>
  </si>
  <si>
    <t>Basti Kahoor Khan</t>
  </si>
  <si>
    <t>Aman Ghar</t>
  </si>
  <si>
    <t>33820</t>
  </si>
  <si>
    <t>52610</t>
  </si>
  <si>
    <t>52022</t>
  </si>
  <si>
    <t>GGHS 55 EB</t>
  </si>
  <si>
    <t>55eb</t>
  </si>
  <si>
    <t>55/EB</t>
  </si>
  <si>
    <t>59eb</t>
  </si>
  <si>
    <t>Farzana Parveen</t>
  </si>
  <si>
    <t>21913</t>
  </si>
  <si>
    <t>5961</t>
  </si>
  <si>
    <t>40706</t>
  </si>
  <si>
    <t>40038</t>
  </si>
  <si>
    <t>18726</t>
  </si>
  <si>
    <t>37132</t>
  </si>
  <si>
    <t>GGES 14/9-R, KACHA KHUH</t>
  </si>
  <si>
    <t>KACHA KHUH - FEMALE</t>
  </si>
  <si>
    <t>14/9 R</t>
  </si>
  <si>
    <t>chak no 14/9 R</t>
  </si>
  <si>
    <t>Chak No 14/9R</t>
  </si>
  <si>
    <t>Chak No 14/9 R</t>
  </si>
  <si>
    <t>42064</t>
  </si>
  <si>
    <t>GPS TALEEM-UL-QURAN</t>
  </si>
  <si>
    <t>Gheela Khurd</t>
  </si>
  <si>
    <t>Gbps taleem Ul Quran taxila</t>
  </si>
  <si>
    <t>Taxila</t>
  </si>
  <si>
    <t>Zainab Khatoon</t>
  </si>
  <si>
    <t>15689</t>
  </si>
  <si>
    <t>51395</t>
  </si>
  <si>
    <t>40328</t>
  </si>
  <si>
    <t>GGHS PINAN WAL</t>
  </si>
  <si>
    <t>pinanwal</t>
  </si>
  <si>
    <t>G.G.H.S. PINANWAL Teh. Pind Dadan Khan</t>
  </si>
  <si>
    <t>PINANWAL</t>
  </si>
  <si>
    <t>Sajida Bano</t>
  </si>
  <si>
    <t>8067</t>
  </si>
  <si>
    <t>50771</t>
  </si>
  <si>
    <t>GGHS URBAN AREA T.B.Z.COLONY</t>
  </si>
  <si>
    <t>V Block Tariq Bin Ziad Colony Sahiwal</t>
  </si>
  <si>
    <t>City Sahiwal</t>
  </si>
  <si>
    <t>Sobia Razzaq</t>
  </si>
  <si>
    <t>22204</t>
  </si>
  <si>
    <t>32960</t>
  </si>
  <si>
    <t>GHS MODEL CHUNGI GUJJAR PURA</t>
  </si>
  <si>
    <t>Chungi Gujjar Pura lahore</t>
  </si>
  <si>
    <t>Ibrahim Colony chungi Gujjar Pura lahore</t>
  </si>
  <si>
    <t>Nawan Pind Harbanspura  Harbanspura</t>
  </si>
  <si>
    <t>Ghulam Mujahid</t>
  </si>
  <si>
    <t>13067</t>
  </si>
  <si>
    <t>GES SITHARI</t>
  </si>
  <si>
    <t>JATOI CITY- MALE</t>
  </si>
  <si>
    <t>Jatoi Shumali</t>
  </si>
  <si>
    <t>basti sithari mouza jatoi shumali uc khalti no. 78</t>
  </si>
  <si>
    <t>Basti Sithari</t>
  </si>
  <si>
    <t>Khalti</t>
  </si>
  <si>
    <t>94743</t>
  </si>
  <si>
    <t>31870</t>
  </si>
  <si>
    <t>GGHSS MANAWALA</t>
  </si>
  <si>
    <t>manawala</t>
  </si>
  <si>
    <t>nankana road manawala district skp</t>
  </si>
  <si>
    <t>rashida rehmat</t>
  </si>
  <si>
    <t>51600</t>
  </si>
  <si>
    <t>45018</t>
  </si>
  <si>
    <t>GMPS BHUMBAN WALA</t>
  </si>
  <si>
    <t>bhumban wala p/o saeed wala tehsil kallur kot markaz haitu</t>
  </si>
  <si>
    <t>Bhumban Wala</t>
  </si>
  <si>
    <t>Rasheed Suryya</t>
  </si>
  <si>
    <t>5765</t>
  </si>
  <si>
    <t>GHS HAMID ALI MEMORIAL</t>
  </si>
  <si>
    <t>Kotli Rustam GRW</t>
  </si>
  <si>
    <t>Kotli Rustam</t>
  </si>
  <si>
    <t>kotli Rustam</t>
  </si>
  <si>
    <t>27637</t>
  </si>
  <si>
    <t>GGHSS MIANA GONDAL</t>
  </si>
  <si>
    <t>Miana Gondal</t>
  </si>
  <si>
    <t>Govt Girls Higher Sec School Miana Gondal</t>
  </si>
  <si>
    <t>Asifa Parveen</t>
  </si>
  <si>
    <t>41303</t>
  </si>
  <si>
    <t>48369</t>
  </si>
  <si>
    <t>GPS DARBAR MIAN MUQEEM</t>
  </si>
  <si>
    <t>GPS Darbar Mian Muqeem Salam</t>
  </si>
  <si>
    <t>1584</t>
  </si>
  <si>
    <t>22594</t>
  </si>
  <si>
    <t>18236</t>
  </si>
  <si>
    <t>GGHSS AHMAD PUR SIAL</t>
  </si>
  <si>
    <t>Ahmad Pur Sial</t>
  </si>
  <si>
    <t>GGHSS AP SIAL</t>
  </si>
  <si>
    <t>Ahmd Pur Sial</t>
  </si>
  <si>
    <t>sabra sultana</t>
  </si>
  <si>
    <t>10218</t>
  </si>
  <si>
    <t>GGHS CHAK NO 114 TDA HUSSAIN ABAD</t>
  </si>
  <si>
    <t>Oolakh Thal Gndi</t>
  </si>
  <si>
    <t>chak no 114tda Hussain abad layyah</t>
  </si>
  <si>
    <t>114tda Hussainabd</t>
  </si>
  <si>
    <t>SAMINA HUSSAIN</t>
  </si>
  <si>
    <t>17462</t>
  </si>
  <si>
    <t>15186</t>
  </si>
  <si>
    <t>GGPS CHAK 117 GB I SATIANA</t>
  </si>
  <si>
    <t>Akal Gharh</t>
  </si>
  <si>
    <t>117gb east</t>
  </si>
  <si>
    <t>117 G B East</t>
  </si>
  <si>
    <t>Chak 115 GB</t>
  </si>
  <si>
    <t>Zarrin Nawaz</t>
  </si>
  <si>
    <t>54061</t>
  </si>
  <si>
    <t>GGHS BABLIANA</t>
  </si>
  <si>
    <t>Babliana Ottar</t>
  </si>
  <si>
    <t>gghs.babliana ottar.raiwind</t>
  </si>
  <si>
    <t>Naima Nadia</t>
  </si>
  <si>
    <t>30195</t>
  </si>
  <si>
    <t>GGHSS UMER BLOCK ALLAMA IQBAL TOWN</t>
  </si>
  <si>
    <t>Govt. GHSS Umer Block Allama Iqbal Town Lahore</t>
  </si>
  <si>
    <t>iqbal town</t>
  </si>
  <si>
    <t>Raza block</t>
  </si>
  <si>
    <t>Nyla Jabeen</t>
  </si>
  <si>
    <t>19398</t>
  </si>
  <si>
    <t>13522</t>
  </si>
  <si>
    <t>GES MUD RINDAN</t>
  </si>
  <si>
    <t>mud rindan</t>
  </si>
  <si>
    <t>Mud Rindan</t>
  </si>
  <si>
    <t>Shahid ur Rehman</t>
  </si>
  <si>
    <t>13847</t>
  </si>
  <si>
    <t>GHSS MODEL NO.1 RAJANPUR</t>
  </si>
  <si>
    <t>Rajanpur</t>
  </si>
  <si>
    <t>khurshshed gillani road rajanur</t>
  </si>
  <si>
    <t>Rajanpurpur</t>
  </si>
  <si>
    <t>Mc Rajanpur</t>
  </si>
  <si>
    <t>NOOR AHMAD</t>
  </si>
  <si>
    <t>114240</t>
  </si>
  <si>
    <t>GES CHAK 54 JB</t>
  </si>
  <si>
    <t>54 JB Fsd</t>
  </si>
  <si>
    <t>chak no 54 jb tehsil and district fsd</t>
  </si>
  <si>
    <t>54 JB</t>
  </si>
  <si>
    <t>57 JB FSD</t>
  </si>
  <si>
    <t>Muhammad Aslam Nadeem</t>
  </si>
  <si>
    <t>portable water</t>
  </si>
  <si>
    <t>51837</t>
  </si>
  <si>
    <t>26723</t>
  </si>
  <si>
    <t>GGPS NAAGRAY</t>
  </si>
  <si>
    <t>Nagray</t>
  </si>
  <si>
    <t>Nagray p/o Bhogotipur Tehsil Zafarwal District Narowal</t>
  </si>
  <si>
    <t>Bhatiyan Dewan</t>
  </si>
  <si>
    <t>Kalsoom Jamil</t>
  </si>
  <si>
    <t>43187</t>
  </si>
  <si>
    <t>GGHS THANEEL KAMAL</t>
  </si>
  <si>
    <t>Vpo thanil kamal tehsil &amp; district chakwal</t>
  </si>
  <si>
    <t>Robia Parveen</t>
  </si>
  <si>
    <t>24724</t>
  </si>
  <si>
    <t>GGHS ISLAMIA SIALKOT</t>
  </si>
  <si>
    <t>City Sialkot</t>
  </si>
  <si>
    <t>Govt  islamia girls high school sialkot</t>
  </si>
  <si>
    <t>Kareem Pura</t>
  </si>
  <si>
    <t>zahida perveen</t>
  </si>
  <si>
    <t>42717</t>
  </si>
  <si>
    <t>GGHS KASHMIR COLONY GUJRANWALA CANTT</t>
  </si>
  <si>
    <t>KASHMIR COLONY gujranwala cantt.</t>
  </si>
  <si>
    <t>CANTT BOARD</t>
  </si>
  <si>
    <t>Bushra Akhter</t>
  </si>
  <si>
    <t>41008</t>
  </si>
  <si>
    <t>GGMES MADU KALAS</t>
  </si>
  <si>
    <t>g m e s madukalas teh Dina distt jhelum</t>
  </si>
  <si>
    <t>18427</t>
  </si>
  <si>
    <t>41415</t>
  </si>
  <si>
    <t>39696</t>
  </si>
  <si>
    <t>27578</t>
  </si>
  <si>
    <t>25211</t>
  </si>
  <si>
    <t>27576</t>
  </si>
  <si>
    <t>GMPS CHAK NO 222/9-R G</t>
  </si>
  <si>
    <t>222/9r</t>
  </si>
  <si>
    <t>chak 222 9 r tehsil fort Abbas district bahWalnagar</t>
  </si>
  <si>
    <t>Chak 222 9 R</t>
  </si>
  <si>
    <t>213 9r</t>
  </si>
  <si>
    <t>Amtul Basit</t>
  </si>
  <si>
    <t>61633</t>
  </si>
  <si>
    <t>3514</t>
  </si>
  <si>
    <t>34770</t>
  </si>
  <si>
    <t>GGHS CANAL COLONY</t>
  </si>
  <si>
    <t>Kothanwali</t>
  </si>
  <si>
    <t>GGHS CANAL COLONY BWN</t>
  </si>
  <si>
    <t>ROJHANWALI</t>
  </si>
  <si>
    <t>KHADIMABAD</t>
  </si>
  <si>
    <t>ABIDA PERVEEN</t>
  </si>
  <si>
    <t>61709</t>
  </si>
  <si>
    <t>18517</t>
  </si>
  <si>
    <t>GGHS MILLAT GOJRA</t>
  </si>
  <si>
    <t>Gojra</t>
  </si>
  <si>
    <t>Govt. Millat  Girls High School Jhang Road Gojra</t>
  </si>
  <si>
    <t>Gojra City</t>
  </si>
  <si>
    <t>SUGHRA PARVEEN</t>
  </si>
  <si>
    <t>22560</t>
  </si>
  <si>
    <t>22236</t>
  </si>
  <si>
    <t>GGHS MARRI KHOKHRAN</t>
  </si>
  <si>
    <t>Marri Khokhran</t>
  </si>
  <si>
    <t>Marri khokhran</t>
  </si>
  <si>
    <t>Tahira kousar</t>
  </si>
  <si>
    <t>42744</t>
  </si>
  <si>
    <t>GGES MACHIA</t>
  </si>
  <si>
    <t>Machia</t>
  </si>
  <si>
    <t>vill and p.o. machia</t>
  </si>
  <si>
    <t>Punjgran Kalan</t>
  </si>
  <si>
    <t>rubina kausar</t>
  </si>
  <si>
    <t>boor</t>
  </si>
  <si>
    <t>53017</t>
  </si>
  <si>
    <t>GPS CHAK NO. 25/D</t>
  </si>
  <si>
    <t>Chak No 25 /D</t>
  </si>
  <si>
    <t>Chak no 25/D p/o Shergarh teh Depalpur okara</t>
  </si>
  <si>
    <t>Chak No 25D</t>
  </si>
  <si>
    <t>Mazhar Muhammad</t>
  </si>
  <si>
    <t>21933</t>
  </si>
  <si>
    <t>21264</t>
  </si>
  <si>
    <t>36509</t>
  </si>
  <si>
    <t>54572</t>
  </si>
  <si>
    <t>GGPS STADIUM TOWN VEHARI</t>
  </si>
  <si>
    <t>stadium town vehari</t>
  </si>
  <si>
    <t>colge town</t>
  </si>
  <si>
    <t>taimoor shaheed colony vehari</t>
  </si>
  <si>
    <t>shabana Anwar</t>
  </si>
  <si>
    <t>14180</t>
  </si>
  <si>
    <t>46316</t>
  </si>
  <si>
    <t>GPS AHYA ALOOM BUREWALA</t>
  </si>
  <si>
    <t>satellite town burewala</t>
  </si>
  <si>
    <t>Muhammad Ashraf Javed</t>
  </si>
  <si>
    <t>15648</t>
  </si>
  <si>
    <t>25540</t>
  </si>
  <si>
    <t>34103</t>
  </si>
  <si>
    <t>19257</t>
  </si>
  <si>
    <t>GGHS CHAK 333 GB</t>
  </si>
  <si>
    <t>Farid Abad</t>
  </si>
  <si>
    <t>Chak No 333 GB</t>
  </si>
  <si>
    <t>FEHMIDA BEGUM</t>
  </si>
  <si>
    <t>9241</t>
  </si>
  <si>
    <t>20423</t>
  </si>
  <si>
    <t>GHS CHAHAL KALAN</t>
  </si>
  <si>
    <t>Chahal kalan post office chahal kalan gujranwala</t>
  </si>
  <si>
    <t>15627</t>
  </si>
  <si>
    <t>GES CHAK NO.167/GB</t>
  </si>
  <si>
    <t>Katarian</t>
  </si>
  <si>
    <t>chak#167 G.B.Tehsil Samundri Distt.Faisalabad</t>
  </si>
  <si>
    <t>Chak#167GB</t>
  </si>
  <si>
    <t>Chak#166GB</t>
  </si>
  <si>
    <t>Imran Ali</t>
  </si>
  <si>
    <t>3809</t>
  </si>
  <si>
    <t>15788</t>
  </si>
  <si>
    <t>GHS HASSAN ABAD</t>
  </si>
  <si>
    <t>rajanpur khurd</t>
  </si>
  <si>
    <t>p/o iqbal abad moza rajanpur khurd rahim yar khan</t>
  </si>
  <si>
    <t>rajanpur kalan</t>
  </si>
  <si>
    <t>14759</t>
  </si>
  <si>
    <t>GGHS MC ABDULLAH PUR</t>
  </si>
  <si>
    <t>mcghs abdullahpur railway Colony</t>
  </si>
  <si>
    <t>230050</t>
  </si>
  <si>
    <t>47303</t>
  </si>
  <si>
    <t>GES NAMAL</t>
  </si>
  <si>
    <t>Asghar Raza</t>
  </si>
  <si>
    <t>3369</t>
  </si>
  <si>
    <t>10158</t>
  </si>
  <si>
    <t>48047</t>
  </si>
  <si>
    <t>GHS PHULARWAN</t>
  </si>
  <si>
    <t>PHULARWAN</t>
  </si>
  <si>
    <t>39511</t>
  </si>
  <si>
    <t>GHS JAND NO. 2</t>
  </si>
  <si>
    <t>Jand</t>
  </si>
  <si>
    <t>Gbhs no 2 jand</t>
  </si>
  <si>
    <t>Muhammad Asif Ali</t>
  </si>
  <si>
    <t>49838</t>
  </si>
  <si>
    <t>53347</t>
  </si>
  <si>
    <t>GGHS 40/GD</t>
  </si>
  <si>
    <t>40/GD</t>
  </si>
  <si>
    <t>40/Gd</t>
  </si>
  <si>
    <t>34543</t>
  </si>
  <si>
    <t>21364</t>
  </si>
  <si>
    <t>GHS DANDIAN GUJRANWALA</t>
  </si>
  <si>
    <t>dandian</t>
  </si>
  <si>
    <t>vpo dandian teh. kamoke distt gujranwala</t>
  </si>
  <si>
    <t>sohawa dhilwan</t>
  </si>
  <si>
    <t>MUHAMMAD YAQOOB</t>
  </si>
  <si>
    <t>20648</t>
  </si>
  <si>
    <t>17801</t>
  </si>
  <si>
    <t>21917</t>
  </si>
  <si>
    <t>GGES NATHU SAVIA</t>
  </si>
  <si>
    <t>GGES Nathu Sivia</t>
  </si>
  <si>
    <t>village and post office nathu sivia teh noshera virkan dist Gujranwala</t>
  </si>
  <si>
    <t>Argan</t>
  </si>
  <si>
    <t>Amal Akram</t>
  </si>
  <si>
    <t>31913</t>
  </si>
  <si>
    <t>GGHS JHABRAN</t>
  </si>
  <si>
    <t>jhabbran</t>
  </si>
  <si>
    <t>govt girls high school jhabbran distt sheikhupura</t>
  </si>
  <si>
    <t>1578</t>
  </si>
  <si>
    <t>35554</t>
  </si>
  <si>
    <t>GGHS CHAK NO. 143 /WB</t>
  </si>
  <si>
    <t>chak no.143/wb p/o dokota tehsil.mailsi district vehari</t>
  </si>
  <si>
    <t>143/wb</t>
  </si>
  <si>
    <t>Chak 100/1M</t>
  </si>
  <si>
    <t>SAMINA NAZIR</t>
  </si>
  <si>
    <t>39855</t>
  </si>
  <si>
    <t>GGPS BUKRA</t>
  </si>
  <si>
    <t>SUNDKI - FEMALE</t>
  </si>
  <si>
    <t>BUKRA</t>
  </si>
  <si>
    <t>P.O HASSAR CHUKRA BUKRA HASSAN ABDAL</t>
  </si>
  <si>
    <t>Bukra</t>
  </si>
  <si>
    <t>Kot Sundki</t>
  </si>
  <si>
    <t>Tazeem Bibi</t>
  </si>
  <si>
    <t>12074</t>
  </si>
  <si>
    <t>41586</t>
  </si>
  <si>
    <t>20893</t>
  </si>
  <si>
    <t>GGHS WAZIRABAD</t>
  </si>
  <si>
    <t>WZD</t>
  </si>
  <si>
    <t>mohalla Miani WZD</t>
  </si>
  <si>
    <t>Mini WZD</t>
  </si>
  <si>
    <t>27640</t>
  </si>
  <si>
    <t>1597</t>
  </si>
  <si>
    <t>GGHS CHAK NO.58/4-R</t>
  </si>
  <si>
    <t>chak no 58/4r haroonabad distt bahawalnagar</t>
  </si>
  <si>
    <t>KOSAR PERVEEN</t>
  </si>
  <si>
    <t>17975</t>
  </si>
  <si>
    <t>28046</t>
  </si>
  <si>
    <t>GGHS AHLA</t>
  </si>
  <si>
    <t>vpo ahla teh &amp; Disst M.b.din\</t>
  </si>
  <si>
    <t>ahla</t>
  </si>
  <si>
    <t>uc ahla</t>
  </si>
  <si>
    <t>Tayyeba Zahra</t>
  </si>
  <si>
    <t>4749</t>
  </si>
  <si>
    <t>GGHS RAHIM ABAD NO. 1</t>
  </si>
  <si>
    <t>Neil Garh</t>
  </si>
  <si>
    <t>GGHS RAHIM ABAD KPR</t>
  </si>
  <si>
    <t>Mohallah Rahimabad</t>
  </si>
  <si>
    <t>najma shaheen</t>
  </si>
  <si>
    <t>13530</t>
  </si>
  <si>
    <t>42497</t>
  </si>
  <si>
    <t>GES BAKHIR PUR</t>
  </si>
  <si>
    <t>HAJI PUR  - MALE</t>
  </si>
  <si>
    <t>Bakhar pur</t>
  </si>
  <si>
    <t>Bakhar pur thisil jampur Distirc Rajan pur</t>
  </si>
  <si>
    <t>Zubair Ahmad</t>
  </si>
  <si>
    <t>42428</t>
  </si>
  <si>
    <t>GGCMES DORA BADHAL</t>
  </si>
  <si>
    <t>Dora Badhal</t>
  </si>
  <si>
    <t>Dora buhal</t>
  </si>
  <si>
    <t>Jarmot Kalan</t>
  </si>
  <si>
    <t>Bushra Bibi</t>
  </si>
  <si>
    <t>21270</t>
  </si>
  <si>
    <t>21605</t>
  </si>
  <si>
    <t>GMPS BAQA PUR</t>
  </si>
  <si>
    <t>Baqa Pur</t>
  </si>
  <si>
    <t>post office Wahndo village Baqa pur the Kamonki</t>
  </si>
  <si>
    <t>Chack Ramdas Nou</t>
  </si>
  <si>
    <t>6268</t>
  </si>
  <si>
    <t>14184</t>
  </si>
  <si>
    <t>GGPS ANWAR ABAD</t>
  </si>
  <si>
    <t>AQILPUR - FEMALE</t>
  </si>
  <si>
    <t>Aqilpur</t>
  </si>
  <si>
    <t>basti nizam shah GGPS anwar abad</t>
  </si>
  <si>
    <t>Basti Nizam Shah</t>
  </si>
  <si>
    <t>Shikarpur</t>
  </si>
  <si>
    <t>Naghma Naz</t>
  </si>
  <si>
    <t>29329</t>
  </si>
  <si>
    <t>22677</t>
  </si>
  <si>
    <t>15727</t>
  </si>
  <si>
    <t>GGES KOT MUTTA</t>
  </si>
  <si>
    <t>KUNJAH I - FEMALE</t>
  </si>
  <si>
    <t>Kot Mutta</t>
  </si>
  <si>
    <t>Kot mutta</t>
  </si>
  <si>
    <t>Keeranwala</t>
  </si>
  <si>
    <t>Hafiza Mehwish Mubeen</t>
  </si>
  <si>
    <t>4179</t>
  </si>
  <si>
    <t>46294</t>
  </si>
  <si>
    <t>52535</t>
  </si>
  <si>
    <t>25594</t>
  </si>
  <si>
    <t>GHS ISLAMIA PAKHOKEY</t>
  </si>
  <si>
    <t>Pakhokey</t>
  </si>
  <si>
    <t>Govt. Islamia High School Pakhokey</t>
  </si>
  <si>
    <t>16953</t>
  </si>
  <si>
    <t>49710</t>
  </si>
  <si>
    <t>GGHS CHAK NO 129 SB</t>
  </si>
  <si>
    <t>chak no 129 s.b sillanwali sargodha</t>
  </si>
  <si>
    <t>Chak No 129 Sb</t>
  </si>
  <si>
    <t>125 Sb</t>
  </si>
  <si>
    <t>Shahzadi Kiran</t>
  </si>
  <si>
    <t>13393</t>
  </si>
  <si>
    <t>20879</t>
  </si>
  <si>
    <t>GHS MANCHER CHATHA</t>
  </si>
  <si>
    <t>Mancher Chatha</t>
  </si>
  <si>
    <t>mancher chatha</t>
  </si>
  <si>
    <t>Pindori Kalan</t>
  </si>
  <si>
    <t>ihsan ullaha chatha</t>
  </si>
  <si>
    <t>39253</t>
  </si>
  <si>
    <t>GGHS MIAN WALA</t>
  </si>
  <si>
    <t>V.P.O Mianwala</t>
  </si>
  <si>
    <t>farah Deeba</t>
  </si>
  <si>
    <t>local arrangement</t>
  </si>
  <si>
    <t>18510</t>
  </si>
  <si>
    <t>GHS CHAK 336 JB CHARAG ABAD</t>
  </si>
  <si>
    <t>Charaghabad</t>
  </si>
  <si>
    <t>chak# 336/JB Charaghabad Gojra T. T. Singh</t>
  </si>
  <si>
    <t>Chak# 336/JB</t>
  </si>
  <si>
    <t>Chak# 334/JB</t>
  </si>
  <si>
    <t>Mohammad Inayat Ullah</t>
  </si>
  <si>
    <t>1466</t>
  </si>
  <si>
    <t>43785</t>
  </si>
  <si>
    <t>GPS LAWA WEST</t>
  </si>
  <si>
    <t>moh Larry adda LAWA</t>
  </si>
  <si>
    <t>Amir Hamza</t>
  </si>
  <si>
    <t>14925</t>
  </si>
  <si>
    <t>11719</t>
  </si>
  <si>
    <t>10051</t>
  </si>
  <si>
    <t>31719</t>
  </si>
  <si>
    <t>19226</t>
  </si>
  <si>
    <t>GHS 333 GB GHOSIAN ISLAMIA</t>
  </si>
  <si>
    <t>CHAK NO. 333 GB</t>
  </si>
  <si>
    <t>ABDUL SATTAR</t>
  </si>
  <si>
    <t>8981</t>
  </si>
  <si>
    <t>4149</t>
  </si>
  <si>
    <t>42040</t>
  </si>
  <si>
    <t>GGHS GILANI WAH CANTT</t>
  </si>
  <si>
    <t>Govt.Gilani Girls High school Wah Cantt near milad chowk wah cantt</t>
  </si>
  <si>
    <t>Cantonment Board Wah Cantt</t>
  </si>
  <si>
    <t>rUBINA aKHTER</t>
  </si>
  <si>
    <t>pOF WAH CANTT</t>
  </si>
  <si>
    <t>GGES DHOKRI</t>
  </si>
  <si>
    <t>FATEH JANG - FEMALE</t>
  </si>
  <si>
    <t>Dhokri</t>
  </si>
  <si>
    <t>village dhokri tehsil fatehjang dist attock</t>
  </si>
  <si>
    <t>Ajjuwala</t>
  </si>
  <si>
    <t>Bushra Afza</t>
  </si>
  <si>
    <t>6630</t>
  </si>
  <si>
    <t>32918</t>
  </si>
  <si>
    <t>33480</t>
  </si>
  <si>
    <t>GHS BHAROIA CHAK NO. 36/RB</t>
  </si>
  <si>
    <t>Baroia Chak No 36</t>
  </si>
  <si>
    <t>BAROIA CHAK NO. 36 / R.B TEHSIL SANGLA HILL DISTT. NANKANA SAHIB</t>
  </si>
  <si>
    <t>BAROIA CHAK NO. 36 / R.B TEHSIL SANGLA HILL DISTT.</t>
  </si>
  <si>
    <t>BADO MALHI</t>
  </si>
  <si>
    <t>Muhammad Naeem Khan</t>
  </si>
  <si>
    <t>5558</t>
  </si>
  <si>
    <t>GGHS JANDIALA</t>
  </si>
  <si>
    <t>Govt Girls high School jandiala district Narowal</t>
  </si>
  <si>
    <t>12683</t>
  </si>
  <si>
    <t>GGPS QARAR SHAH WALA</t>
  </si>
  <si>
    <t>Purana Qureshi</t>
  </si>
  <si>
    <t>GGP/S Qarar shah wala</t>
  </si>
  <si>
    <t>Gull Qaim Mastoi</t>
  </si>
  <si>
    <t>Nargis Sultana</t>
  </si>
  <si>
    <t>GES CHAK NO 9-MR P/O MUKHDOOM RASHEED</t>
  </si>
  <si>
    <t>LAR - MALE</t>
  </si>
  <si>
    <t>CHAK nO 9-MR</t>
  </si>
  <si>
    <t>CHAK NO 9-MR P/O 8MR</t>
  </si>
  <si>
    <t>CHAK NO 9-MR</t>
  </si>
  <si>
    <t>KHAN PUR</t>
  </si>
  <si>
    <t>5104</t>
  </si>
  <si>
    <t>33359</t>
  </si>
  <si>
    <t>GGPS MODEL JHOKE CHANDHRAN</t>
  </si>
  <si>
    <t>Jhoke Chandran</t>
  </si>
  <si>
    <t>jhoke chandran</t>
  </si>
  <si>
    <t>Salarbhattian</t>
  </si>
  <si>
    <t>Sadaf Zahra Naqvi</t>
  </si>
  <si>
    <t>32724</t>
  </si>
  <si>
    <t>GGHS CHAK NO. 8 ANNAD GARH</t>
  </si>
  <si>
    <t>Chak No 8 Anand Garh</t>
  </si>
  <si>
    <t>chak no.8 Anand garh</t>
  </si>
  <si>
    <t>Chak No 8</t>
  </si>
  <si>
    <t>Chak No13 Randeer</t>
  </si>
  <si>
    <t>FARHANA YASMEEN</t>
  </si>
  <si>
    <t>1026</t>
  </si>
  <si>
    <t>53163</t>
  </si>
  <si>
    <t>GPS SHEIKHU SHARIF</t>
  </si>
  <si>
    <t>sheikhu sharif sadar gogera okara</t>
  </si>
  <si>
    <t>Shaikhu Sharif</t>
  </si>
  <si>
    <t>Muhammad Ikram</t>
  </si>
  <si>
    <t>7905</t>
  </si>
  <si>
    <t>7745</t>
  </si>
  <si>
    <t>16771</t>
  </si>
  <si>
    <t>GGES 542 GB</t>
  </si>
  <si>
    <t>Baloana 542 GB</t>
  </si>
  <si>
    <t>chak no.542 GB Tehsil Tandlianwala Distt.faisalabad</t>
  </si>
  <si>
    <t>chak no 542 GB    Baloana</t>
  </si>
  <si>
    <t>454 GB Pahrri</t>
  </si>
  <si>
    <t>Mahnaz nasim</t>
  </si>
  <si>
    <t>19359</t>
  </si>
  <si>
    <t>33454</t>
  </si>
  <si>
    <t>47714</t>
  </si>
  <si>
    <t>GHSS HARNOLI</t>
  </si>
  <si>
    <t>ghss harnoli</t>
  </si>
  <si>
    <t>Sagheer Ahmad Khan</t>
  </si>
  <si>
    <t>GGHS MARI SHAH SAKHIRA</t>
  </si>
  <si>
    <t>mari shah sakhira</t>
  </si>
  <si>
    <t>p/o mari shah sakhira</t>
  </si>
  <si>
    <t>Misbah Kulsoom</t>
  </si>
  <si>
    <t>51220</t>
  </si>
  <si>
    <t>4707</t>
  </si>
  <si>
    <t>39420</t>
  </si>
  <si>
    <t>GGPS CHHOI CHAKKI</t>
  </si>
  <si>
    <t>PINDI GHEB - FEMALE</t>
  </si>
  <si>
    <t>Dhok Awan</t>
  </si>
  <si>
    <t>dhok chhoi</t>
  </si>
  <si>
    <t>Dhok Chhoi</t>
  </si>
  <si>
    <t>Azra Noureen</t>
  </si>
  <si>
    <t>34169</t>
  </si>
  <si>
    <t>45185</t>
  </si>
  <si>
    <t>GPS BAGHIAN WALA</t>
  </si>
  <si>
    <t>Darbulla</t>
  </si>
  <si>
    <t>R/O Baghian wala P/O Haider Abad tehsil mankera district bhakkar</t>
  </si>
  <si>
    <t>Baghian Wala</t>
  </si>
  <si>
    <t>Waqar Hussain</t>
  </si>
  <si>
    <t>21560</t>
  </si>
  <si>
    <t>4583</t>
  </si>
  <si>
    <t>43264</t>
  </si>
  <si>
    <t>28919</t>
  </si>
  <si>
    <t>23446</t>
  </si>
  <si>
    <t>GGHSS KHOHAR</t>
  </si>
  <si>
    <t>khohar</t>
  </si>
  <si>
    <t>vill p.o khohar</t>
  </si>
  <si>
    <t>NUSRAT AZIZ</t>
  </si>
  <si>
    <t>23962</t>
  </si>
  <si>
    <t>21489</t>
  </si>
  <si>
    <t>21315</t>
  </si>
  <si>
    <t>1326</t>
  </si>
  <si>
    <t>5375</t>
  </si>
  <si>
    <t>33462</t>
  </si>
  <si>
    <t>GGES MEER PUR</t>
  </si>
  <si>
    <t>SHAHKOT CITY 1-FEMALE</t>
  </si>
  <si>
    <t>meer pur</t>
  </si>
  <si>
    <t>kot nazam din</t>
  </si>
  <si>
    <t>Billkist Bano</t>
  </si>
  <si>
    <t>18888</t>
  </si>
  <si>
    <t>20937</t>
  </si>
  <si>
    <t>45933</t>
  </si>
  <si>
    <t>GGHS CHAK NO.63 MB</t>
  </si>
  <si>
    <t>63mb</t>
  </si>
  <si>
    <t>17245</t>
  </si>
  <si>
    <t>41357</t>
  </si>
  <si>
    <t>1861</t>
  </si>
  <si>
    <t>37607</t>
  </si>
  <si>
    <t>GGES 92/15-L, MIAN CHANNU</t>
  </si>
  <si>
    <t>59/15-L - FEMALE</t>
  </si>
  <si>
    <t>Chak no 92/15-l</t>
  </si>
  <si>
    <t>92/15-l</t>
  </si>
  <si>
    <t>Farah Irem</t>
  </si>
  <si>
    <t>31527</t>
  </si>
  <si>
    <t>GHS RAFIQUE ABAD NARANG</t>
  </si>
  <si>
    <t>Narang Mandi</t>
  </si>
  <si>
    <t>haidri chowk narang mandi</t>
  </si>
  <si>
    <t>Rafique abad Haidri chowk</t>
  </si>
  <si>
    <t>narang</t>
  </si>
  <si>
    <t>SYED MUHAMMAD SUHAIL</t>
  </si>
  <si>
    <t>20015</t>
  </si>
  <si>
    <t>41401</t>
  </si>
  <si>
    <t>14273</t>
  </si>
  <si>
    <t>8915</t>
  </si>
  <si>
    <t>GES SHAHLANI SHARQI</t>
  </si>
  <si>
    <t>KOT QAISRANI</t>
  </si>
  <si>
    <t>SHAHLANI SHARQI P/O KOT QAISRANI TEH. TAUNSA D.G KHAN</t>
  </si>
  <si>
    <t>SHAHLANI SHARQI</t>
  </si>
  <si>
    <t>Hafiz Munir Ahmad</t>
  </si>
  <si>
    <t>25129</t>
  </si>
  <si>
    <t>42873</t>
  </si>
  <si>
    <t>GGHS KALLAR SYEDAN</t>
  </si>
  <si>
    <t>GGHS kalkar syedan</t>
  </si>
  <si>
    <t>MC Kallar Syedan</t>
  </si>
  <si>
    <t>Rafia Zareen</t>
  </si>
  <si>
    <t>36190</t>
  </si>
  <si>
    <t>GPS 178/EB</t>
  </si>
  <si>
    <t>Chak No 178/EB</t>
  </si>
  <si>
    <t>Chak  no 178/EB tensile and district vehari</t>
  </si>
  <si>
    <t>178/EB</t>
  </si>
  <si>
    <t>Shahid Nazir</t>
  </si>
  <si>
    <t>25404</t>
  </si>
  <si>
    <t>25923</t>
  </si>
  <si>
    <t>31991</t>
  </si>
  <si>
    <t>GGHS MIRZA VIRKAN</t>
  </si>
  <si>
    <t>GGHS Mirza Virkan District Sheikhupura</t>
  </si>
  <si>
    <t>Alia Sadiq</t>
  </si>
  <si>
    <t>48144</t>
  </si>
  <si>
    <t>34030</t>
  </si>
  <si>
    <t>47019</t>
  </si>
  <si>
    <t>GHS SHADIA</t>
  </si>
  <si>
    <t>SHADIA</t>
  </si>
  <si>
    <t>40596</t>
  </si>
  <si>
    <t>GGHS BAKRALA</t>
  </si>
  <si>
    <t>Bakrala</t>
  </si>
  <si>
    <t>Vill &amp; P.O. Bakrala Tehsil Sohawa Distt Jhelum</t>
  </si>
  <si>
    <t>Iram Asif</t>
  </si>
  <si>
    <t>8926</t>
  </si>
  <si>
    <t>26819</t>
  </si>
  <si>
    <t>12278</t>
  </si>
  <si>
    <t>GGPS HEAD TAUNSA SHARIQ SIDE</t>
  </si>
  <si>
    <t>basti shekhan</t>
  </si>
  <si>
    <t>Basti Shekhan</t>
  </si>
  <si>
    <t>Hajrah Rehman</t>
  </si>
  <si>
    <t>10570</t>
  </si>
  <si>
    <t>6018</t>
  </si>
  <si>
    <t>4561</t>
  </si>
  <si>
    <t>GPS CHOWK NADIR SHAHEED</t>
  </si>
  <si>
    <t>CHOWK NADIR SHAHEED-MALE</t>
  </si>
  <si>
    <t>Nawan  Arrain</t>
  </si>
  <si>
    <t>Chock Nadir Shaheed tehsile Khan pur district Rahim yar khan</t>
  </si>
  <si>
    <t>Chock Nadir Shaheed</t>
  </si>
  <si>
    <t>Nawan Arrain</t>
  </si>
  <si>
    <t>Liaquat Ali</t>
  </si>
  <si>
    <t>7126</t>
  </si>
  <si>
    <t>18306</t>
  </si>
  <si>
    <t>Chak No 2/4 L</t>
  </si>
  <si>
    <t>chak no 2/4L</t>
  </si>
  <si>
    <t>Muhammad sharif Qamar</t>
  </si>
  <si>
    <t>9234</t>
  </si>
  <si>
    <t>4248</t>
  </si>
  <si>
    <t>GGES RODDI</t>
  </si>
  <si>
    <t>p/ o rodi</t>
  </si>
  <si>
    <t>Rodi</t>
  </si>
  <si>
    <t>Rizwana Jahan</t>
  </si>
  <si>
    <t>50812</t>
  </si>
  <si>
    <t>GGES 56/GD</t>
  </si>
  <si>
    <t>56 GD</t>
  </si>
  <si>
    <t>GGES56GD 56G.D</t>
  </si>
  <si>
    <t>56GD</t>
  </si>
  <si>
    <t>59 GD</t>
  </si>
  <si>
    <t>Nighat Ismail</t>
  </si>
  <si>
    <t>29141</t>
  </si>
  <si>
    <t>48752</t>
  </si>
  <si>
    <t>GHS CHAK NO.75 SB SGD</t>
  </si>
  <si>
    <t>CHAK NO.75-SB SARGODHA</t>
  </si>
  <si>
    <t>POST OFFICE CHAK NO.75-SB, SARGODHA</t>
  </si>
  <si>
    <t>CHOKERA</t>
  </si>
  <si>
    <t>38772</t>
  </si>
  <si>
    <t>35584</t>
  </si>
  <si>
    <t>GGES CHAK NO.136/WB</t>
  </si>
  <si>
    <t>136/ WB</t>
  </si>
  <si>
    <t>136/WB p/o box 122/WB</t>
  </si>
  <si>
    <t>136/WB</t>
  </si>
  <si>
    <t>124/WB</t>
  </si>
  <si>
    <t>Ghulam Kubra</t>
  </si>
  <si>
    <t>14059</t>
  </si>
  <si>
    <t>4392</t>
  </si>
  <si>
    <t>GHS SHAMAS ABAD</t>
  </si>
  <si>
    <t>Shamas Abad</t>
  </si>
  <si>
    <t>Village Shamas Abad Tehsil Chunian District Kasur</t>
  </si>
  <si>
    <t>Kandu Khara</t>
  </si>
  <si>
    <t>shabbir hussain</t>
  </si>
  <si>
    <t>15474</t>
  </si>
  <si>
    <t>GPS CHAK 437 GB KAROOL SAMUNDRI</t>
  </si>
  <si>
    <t>Chak No437 GB I Karool</t>
  </si>
  <si>
    <t>Chak No 437 GB I</t>
  </si>
  <si>
    <t>Menghra</t>
  </si>
  <si>
    <t>MUHAMMAD SOHAIB</t>
  </si>
  <si>
    <t>25480</t>
  </si>
  <si>
    <t>20114</t>
  </si>
  <si>
    <t>45019</t>
  </si>
  <si>
    <t>GGPS BAKKY WALA</t>
  </si>
  <si>
    <t>GGPS bakkay wala</t>
  </si>
  <si>
    <t>Bakkay wala</t>
  </si>
  <si>
    <t>Uzma Bashir</t>
  </si>
  <si>
    <t>8718</t>
  </si>
  <si>
    <t>23731</t>
  </si>
  <si>
    <t>18309</t>
  </si>
  <si>
    <t>GPS BASTI MUHAMMAD MIRALI</t>
  </si>
  <si>
    <t>basti muhammad mirali</t>
  </si>
  <si>
    <t>Basti Muhammad Mirali</t>
  </si>
  <si>
    <t>GGPS CHAK 61 GB JARANWALA</t>
  </si>
  <si>
    <t>62 GB East</t>
  </si>
  <si>
    <t>61GB</t>
  </si>
  <si>
    <t>61 GB</t>
  </si>
  <si>
    <t>MOHAMMAD SALEEM NASIR</t>
  </si>
  <si>
    <t>50169</t>
  </si>
  <si>
    <t>GES 34/12-L</t>
  </si>
  <si>
    <t>34/12-L</t>
  </si>
  <si>
    <t>Chak No 34/12-L po same Chichawatni</t>
  </si>
  <si>
    <t>44/12-L</t>
  </si>
  <si>
    <t>Allah Ditta Shahid</t>
  </si>
  <si>
    <t>48445</t>
  </si>
  <si>
    <t>21753</t>
  </si>
  <si>
    <t>GGHSS KARYAL KALAN</t>
  </si>
  <si>
    <t>karyal kalan teh noeshehra virkan</t>
  </si>
  <si>
    <t>NAZHAT AMEEN</t>
  </si>
  <si>
    <t>36481</t>
  </si>
  <si>
    <t>26579</t>
  </si>
  <si>
    <t>GES GILLKALLAN</t>
  </si>
  <si>
    <t>Gill Kalan</t>
  </si>
  <si>
    <t>Gill Kalan. p/o Ahmadabad narowal</t>
  </si>
  <si>
    <t>Adeel Nawaz Basra</t>
  </si>
  <si>
    <t>3062</t>
  </si>
  <si>
    <t>50120</t>
  </si>
  <si>
    <t>9979</t>
  </si>
  <si>
    <t>GGHS CHAK NO. 104 ML</t>
  </si>
  <si>
    <t>Chak No104ml</t>
  </si>
  <si>
    <t>GGHS chak no.104ml</t>
  </si>
  <si>
    <t>Chak No 104ml</t>
  </si>
  <si>
    <t>Garay Wala</t>
  </si>
  <si>
    <t>GGHS DHERO GHUNA</t>
  </si>
  <si>
    <t>Dheru Ghuna</t>
  </si>
  <si>
    <t>village dheru ghuna p/o gujrat</t>
  </si>
  <si>
    <t>Dheru Ghuns</t>
  </si>
  <si>
    <t>Farhat Ijaz</t>
  </si>
  <si>
    <t>10979</t>
  </si>
  <si>
    <t>13837</t>
  </si>
  <si>
    <t>13236</t>
  </si>
  <si>
    <t>GGPS QAZI WALA</t>
  </si>
  <si>
    <t>Basti Qazi wala near  kallar wali</t>
  </si>
  <si>
    <t>saman zahra</t>
  </si>
  <si>
    <t>24751</t>
  </si>
  <si>
    <t>GHS SAID PUR</t>
  </si>
  <si>
    <t>siadpur</t>
  </si>
  <si>
    <t>Mian road siadpur</t>
  </si>
  <si>
    <t>saidpur</t>
  </si>
  <si>
    <t>chack jogo</t>
  </si>
  <si>
    <t>Shahid Mahmood Bhatti</t>
  </si>
  <si>
    <t>12495</t>
  </si>
  <si>
    <t>44980</t>
  </si>
  <si>
    <t>GGPS GIDRRAN WALI</t>
  </si>
  <si>
    <t>KALLUR KOT HQ - FEMALE</t>
  </si>
  <si>
    <t>Saggu shumali</t>
  </si>
  <si>
    <t>ggpsgidranwali</t>
  </si>
  <si>
    <t>Ggpsgidranwali</t>
  </si>
  <si>
    <t>Noon Dager</t>
  </si>
  <si>
    <t>Almas Musa</t>
  </si>
  <si>
    <t>22880</t>
  </si>
  <si>
    <t>18239</t>
  </si>
  <si>
    <t>GHS AHMAD PUR SIAL</t>
  </si>
  <si>
    <t>Ahmad Wala</t>
  </si>
  <si>
    <t>HAFEEZ-UR-REHMAN</t>
  </si>
  <si>
    <t>Shah jamal Road Daya wala Muzaffargarh</t>
  </si>
  <si>
    <t>Daya Wala</t>
  </si>
  <si>
    <t>35166</t>
  </si>
  <si>
    <t>GES CHAK NO.435 EB</t>
  </si>
  <si>
    <t>435/EB</t>
  </si>
  <si>
    <t>CHAK NO 435/EB BUREWALA</t>
  </si>
  <si>
    <t>Ward No 29</t>
  </si>
  <si>
    <t>Dilawar Hussain</t>
  </si>
  <si>
    <t>49420</t>
  </si>
  <si>
    <t>5635</t>
  </si>
  <si>
    <t>GGPS MOLVI WALA NO.2</t>
  </si>
  <si>
    <t>BWN.14-FEMALE</t>
  </si>
  <si>
    <t>Takht Mahel Hithar</t>
  </si>
  <si>
    <t>molviwala p/o madrissa bwn</t>
  </si>
  <si>
    <t>Molviwala Wala</t>
  </si>
  <si>
    <t>Takht Mahel</t>
  </si>
  <si>
    <t>Aasia tasleem</t>
  </si>
  <si>
    <t>37316</t>
  </si>
  <si>
    <t>36568</t>
  </si>
  <si>
    <t>GGHS QATAL PUR, SARAI SIDHU</t>
  </si>
  <si>
    <t>Qatalpur</t>
  </si>
  <si>
    <t>Moza qatalpur</t>
  </si>
  <si>
    <t>320640</t>
  </si>
  <si>
    <t>1048</t>
  </si>
  <si>
    <t>GGES MC NOOR PURA</t>
  </si>
  <si>
    <t>Noor pura chishtian</t>
  </si>
  <si>
    <t>13566</t>
  </si>
  <si>
    <t>22946</t>
  </si>
  <si>
    <t>GES KOTLA SARANG KHAN</t>
  </si>
  <si>
    <t>Kotla Sarang Khan</t>
  </si>
  <si>
    <t>Kotla Sarang Khan P/O Paswal Tehsil Kharian District Gujrat</t>
  </si>
  <si>
    <t>Chakori Shair Ghazi</t>
  </si>
  <si>
    <t>Nasir Muhammad</t>
  </si>
  <si>
    <t>23869</t>
  </si>
  <si>
    <t>GHS PIND BALA</t>
  </si>
  <si>
    <t>Pind Bala</t>
  </si>
  <si>
    <t>p.o paimal village pind bala</t>
  </si>
  <si>
    <t>Hafiz Umer Rasheed</t>
  </si>
  <si>
    <t>10433</t>
  </si>
  <si>
    <t>37594</t>
  </si>
  <si>
    <t>GGHS CHAK NO 481 JB</t>
  </si>
  <si>
    <t>Chak No 481 JB Tehsil Shorkot District Jhang</t>
  </si>
  <si>
    <t>Chak no 481 JB</t>
  </si>
  <si>
    <t>Chak No 478  JB</t>
  </si>
  <si>
    <t>NOREEN KOUSAR</t>
  </si>
  <si>
    <t>10948</t>
  </si>
  <si>
    <t>GGPS CHAK NO.148-A/TDA LAYYAH</t>
  </si>
  <si>
    <t>Chak No 148 A/TDA LY</t>
  </si>
  <si>
    <t>GGPS 148 A\TDA</t>
  </si>
  <si>
    <t>Basti Chandia</t>
  </si>
  <si>
    <t>50666</t>
  </si>
  <si>
    <t>27632</t>
  </si>
  <si>
    <t>GHS MIANA GONDAL</t>
  </si>
  <si>
    <t>Mina Gondal</t>
  </si>
  <si>
    <t>Miana gondal</t>
  </si>
  <si>
    <t>ahmad yar</t>
  </si>
  <si>
    <t>15061</t>
  </si>
  <si>
    <t>GGPS CHAK 25 GB JARANWALA</t>
  </si>
  <si>
    <t>Manhile</t>
  </si>
  <si>
    <t>ggps 25 gb</t>
  </si>
  <si>
    <t>25 Gb</t>
  </si>
  <si>
    <t>Atia Touseef</t>
  </si>
  <si>
    <t>45742</t>
  </si>
  <si>
    <t>19046</t>
  </si>
  <si>
    <t>18609</t>
  </si>
  <si>
    <t>GPS WAZIR WALI</t>
  </si>
  <si>
    <t>Qamar Din</t>
  </si>
  <si>
    <t>Check P/O Dunga Bunga</t>
  </si>
  <si>
    <t>Wazir Wali</t>
  </si>
  <si>
    <t>Khatrain Wala</t>
  </si>
  <si>
    <t>Ali Ahmed</t>
  </si>
  <si>
    <t>36671</t>
  </si>
  <si>
    <t>GGES 26 GHAGH, ABDUL HAKIM</t>
  </si>
  <si>
    <t>26 Ghagh</t>
  </si>
  <si>
    <t>adda 25 pul,chak#26 ghagh,kabirwala,khanewal</t>
  </si>
  <si>
    <t>Rehana Anjum</t>
  </si>
  <si>
    <t>GGPS PINDI OLAKH</t>
  </si>
  <si>
    <t>Pindi Olakh</t>
  </si>
  <si>
    <t>Nonar</t>
  </si>
  <si>
    <t>Khalida Parven</t>
  </si>
  <si>
    <t>Watercooler</t>
  </si>
  <si>
    <t>10676</t>
  </si>
  <si>
    <t>14603</t>
  </si>
  <si>
    <t>GGPS SAIF ABAD 1 220 RB</t>
  </si>
  <si>
    <t>GGPS Saifabad no 1</t>
  </si>
  <si>
    <t>Saifabad No 1</t>
  </si>
  <si>
    <t>Talat Bushra</t>
  </si>
  <si>
    <t>6210</t>
  </si>
  <si>
    <t>53450</t>
  </si>
  <si>
    <t>GGHS SABRI COLONY</t>
  </si>
  <si>
    <t>GGHS Sabri colony okara</t>
  </si>
  <si>
    <t>MC Sabri Colony Okara</t>
  </si>
  <si>
    <t>Rabia gull</t>
  </si>
  <si>
    <t>15963</t>
  </si>
  <si>
    <t>GGPS CHAK 245 RB ABBAS PUR</t>
  </si>
  <si>
    <t>Abbs Pur</t>
  </si>
  <si>
    <t>Chak 245  Abbas  pur  Fsd</t>
  </si>
  <si>
    <t>Abbas Pur</t>
  </si>
  <si>
    <t>Kashaf Mahboob</t>
  </si>
  <si>
    <t>2565</t>
  </si>
  <si>
    <t>11260</t>
  </si>
  <si>
    <t>29787</t>
  </si>
  <si>
    <t>GPS CAMP BALLOKI</t>
  </si>
  <si>
    <t>JAMBER KALAN - MALE</t>
  </si>
  <si>
    <t>Camp Balloki</t>
  </si>
  <si>
    <t>govt ps camp balloki</t>
  </si>
  <si>
    <t>Balloki</t>
  </si>
  <si>
    <t>43313</t>
  </si>
  <si>
    <t>GGES 56/12-L (M)</t>
  </si>
  <si>
    <t>Malka</t>
  </si>
  <si>
    <t>56/12 L Teh chichawatni district sahiwal</t>
  </si>
  <si>
    <t>56/12 L</t>
  </si>
  <si>
    <t>57/12 L</t>
  </si>
  <si>
    <t>44156</t>
  </si>
  <si>
    <t>4746</t>
  </si>
  <si>
    <t>29066</t>
  </si>
  <si>
    <t>GGHS GREEN KOT</t>
  </si>
  <si>
    <t>green kot</t>
  </si>
  <si>
    <t>village green kot</t>
  </si>
  <si>
    <t>IBRAHIM ABAD</t>
  </si>
  <si>
    <t>Rehana Sadique</t>
  </si>
  <si>
    <t>16825</t>
  </si>
  <si>
    <t>GHS COLLEGE ROAD JHANG</t>
  </si>
  <si>
    <t>NEAR GOVT. POST GRADUATE COLLEGE JHANG</t>
  </si>
  <si>
    <t>ADHIWAL</t>
  </si>
  <si>
    <t>MUMTAZ HUSSAIN KHAN</t>
  </si>
  <si>
    <t>111248</t>
  </si>
  <si>
    <t>44324</t>
  </si>
  <si>
    <t>GHSS DHANDLAH</t>
  </si>
  <si>
    <t>DHANDLAH</t>
  </si>
  <si>
    <t>BASTI BAKHTAWER</t>
  </si>
  <si>
    <t>MUHAMMAD MAQSOOD AKHTER</t>
  </si>
  <si>
    <t>43813</t>
  </si>
  <si>
    <t>33612</t>
  </si>
  <si>
    <t>GHS ISLAMIA LALA MUSA</t>
  </si>
  <si>
    <t>Near Barkat Park Lalamusa</t>
  </si>
  <si>
    <t>19371</t>
  </si>
  <si>
    <t>GGHS CHAK 335 GB NAO BANGAY</t>
  </si>
  <si>
    <t>NAO BANGAY</t>
  </si>
  <si>
    <t>CHAK NO. 335 GB NAO BANGAY T.T.SINGH</t>
  </si>
  <si>
    <t>CHAK NO.335 GB</t>
  </si>
  <si>
    <t>291 GB</t>
  </si>
  <si>
    <t>Shagufta Munir</t>
  </si>
  <si>
    <t>23200</t>
  </si>
  <si>
    <t>GGHS LIAQAT MUGHAL ABAD</t>
  </si>
  <si>
    <t>ch.sardar street tench bhata rwp</t>
  </si>
  <si>
    <t>Tench Bhatta</t>
  </si>
  <si>
    <t>cantt urban area</t>
  </si>
  <si>
    <t>Saeeda Tahir</t>
  </si>
  <si>
    <t>35027</t>
  </si>
  <si>
    <t>GHS CHAK NO.327/EB</t>
  </si>
  <si>
    <t>327/EB BUREWALA</t>
  </si>
  <si>
    <t>Ghs327EBBurewala</t>
  </si>
  <si>
    <t>327eb</t>
  </si>
  <si>
    <t>327 E/B</t>
  </si>
  <si>
    <t>17240</t>
  </si>
  <si>
    <t>46120</t>
  </si>
  <si>
    <t>Rajar Tehsil District Khushab</t>
  </si>
  <si>
    <t>FARZANA SHAHEEN</t>
  </si>
  <si>
    <t>43080</t>
  </si>
  <si>
    <t>3908</t>
  </si>
  <si>
    <t>15076</t>
  </si>
  <si>
    <t>GGPS CHAK 69 GB JARANWALA</t>
  </si>
  <si>
    <t>69gb</t>
  </si>
  <si>
    <t>ggps 69 gb jaranwala fsd</t>
  </si>
  <si>
    <t>Rukhsana Manzoor</t>
  </si>
  <si>
    <t>21690</t>
  </si>
  <si>
    <t>16278</t>
  </si>
  <si>
    <t>35540</t>
  </si>
  <si>
    <t>10963</t>
  </si>
  <si>
    <t>GGHS CHAK NO. 128 A TDA</t>
  </si>
  <si>
    <t>Thal Monddy</t>
  </si>
  <si>
    <t>chak no 128A tda p./o 275 tda  teh./distt Layyah</t>
  </si>
  <si>
    <t>Chak 128A</t>
  </si>
  <si>
    <t>Mondi Town</t>
  </si>
  <si>
    <t>salma sattar</t>
  </si>
  <si>
    <t>4703</t>
  </si>
  <si>
    <t>3884</t>
  </si>
  <si>
    <t>29642</t>
  </si>
  <si>
    <t>GES DEENA NATH CHAK NO 66</t>
  </si>
  <si>
    <t>PHOOL NAGAR SADAR- MALE</t>
  </si>
  <si>
    <t>Dina Nath chak 66 Tehsil Patoki District Kasur</t>
  </si>
  <si>
    <t>Dina Nath Chak 66</t>
  </si>
  <si>
    <t>14222</t>
  </si>
  <si>
    <t>36547</t>
  </si>
  <si>
    <t>GHSS SANDIAN WALA, KWL</t>
  </si>
  <si>
    <t>sandian wala</t>
  </si>
  <si>
    <t>mouza sandian wala Tehsil kabir wala Khanewal</t>
  </si>
  <si>
    <t>Sandianwala Wala</t>
  </si>
  <si>
    <t>daduana</t>
  </si>
  <si>
    <t>Hafiz Muhammad Qasim</t>
  </si>
  <si>
    <t>46692</t>
  </si>
  <si>
    <t>30895</t>
  </si>
  <si>
    <t>GHS MPE SHAHDRA</t>
  </si>
  <si>
    <t>Govt. M.P.E. High School Shahdara Lahore.</t>
  </si>
  <si>
    <t>Qazi Park</t>
  </si>
  <si>
    <t>MUHAMMAD AKHLAQ</t>
  </si>
  <si>
    <t>7906</t>
  </si>
  <si>
    <t>18809</t>
  </si>
  <si>
    <t>14966</t>
  </si>
  <si>
    <t>GPS CHAK 365 GB</t>
  </si>
  <si>
    <t>CHAK NO. 365 GB EAST JARANWALA FAISALABAD</t>
  </si>
  <si>
    <t>CHAK NO 365 GB EAST JARANWALA FAISALABAD</t>
  </si>
  <si>
    <t>CHAK NO 364 GB</t>
  </si>
  <si>
    <t>SOHAIL AKHTAR</t>
  </si>
  <si>
    <t>27393</t>
  </si>
  <si>
    <t>9277</t>
  </si>
  <si>
    <t>40316</t>
  </si>
  <si>
    <t>GES PITHAR NADI</t>
  </si>
  <si>
    <t>Pither Nadi</t>
  </si>
  <si>
    <t>village pither nadi p.d khan jhelum</t>
  </si>
  <si>
    <t>GOLPUR</t>
  </si>
  <si>
    <t>8781</t>
  </si>
  <si>
    <t>46367</t>
  </si>
  <si>
    <t>14615</t>
  </si>
  <si>
    <t>GGPS MUSLIM M K SAHEED COLONY-2</t>
  </si>
  <si>
    <t>Kaleem Shaheed Colony No2</t>
  </si>
  <si>
    <t>GGMM primary school KALEEM SHAEED COLONY NO 2</t>
  </si>
  <si>
    <t>124 Jb</t>
  </si>
  <si>
    <t>Saddiq E Akbar</t>
  </si>
  <si>
    <t>Asma Nasim</t>
  </si>
  <si>
    <t>50609</t>
  </si>
  <si>
    <t>GGES 65/12-L</t>
  </si>
  <si>
    <t>65/12L</t>
  </si>
  <si>
    <t>chak no 31/14L.teh chichawtni</t>
  </si>
  <si>
    <t>65/12 L</t>
  </si>
  <si>
    <t>92/12L</t>
  </si>
  <si>
    <t>4086</t>
  </si>
  <si>
    <t>46118</t>
  </si>
  <si>
    <t>GGES NALLI SHUMALI KHUSHAB</t>
  </si>
  <si>
    <t>KATHA SAGRAL (FEMALE)</t>
  </si>
  <si>
    <t>Nalli Shumali</t>
  </si>
  <si>
    <t>govt girls  elementary school nalli shumali</t>
  </si>
  <si>
    <t>Nalli shumali</t>
  </si>
  <si>
    <t>13918</t>
  </si>
  <si>
    <t>22252</t>
  </si>
  <si>
    <t>GGHS CHANDALA</t>
  </si>
  <si>
    <t>village chandala tehsil and district gujrat</t>
  </si>
  <si>
    <t>injector pump</t>
  </si>
  <si>
    <t>16143</t>
  </si>
  <si>
    <t>GGHS CHAK 196 RB WEST</t>
  </si>
  <si>
    <t>GHONA GARBI</t>
  </si>
  <si>
    <t>CHAK NO 196.RB.GHONA .WEST.NEAR MILLAT TOWN. FSD.</t>
  </si>
  <si>
    <t>GHONA WEST.</t>
  </si>
  <si>
    <t>CHAK NO 117 JB Fsd</t>
  </si>
  <si>
    <t>Ghaza Anbreen</t>
  </si>
  <si>
    <t>53487</t>
  </si>
  <si>
    <t>911</t>
  </si>
  <si>
    <t>27374</t>
  </si>
  <si>
    <t>GGPS MACHO NIKKA</t>
  </si>
  <si>
    <t>Machonikka</t>
  </si>
  <si>
    <t>machonikka</t>
  </si>
  <si>
    <t>Thats Kareem Dad</t>
  </si>
  <si>
    <t>7062</t>
  </si>
  <si>
    <t>52301</t>
  </si>
  <si>
    <t>21911</t>
  </si>
  <si>
    <t>4432</t>
  </si>
  <si>
    <t>12820</t>
  </si>
  <si>
    <t>33818</t>
  </si>
  <si>
    <t>GGPS JARH RATHAIB</t>
  </si>
  <si>
    <t>SAEED ABAD- FEMALE</t>
  </si>
  <si>
    <t>Jarh Ratheib</t>
  </si>
  <si>
    <t>Govt Girls primary School Jarh Ratheib post office kanday wali basti Jarh Ratheib</t>
  </si>
  <si>
    <t>Manukpur</t>
  </si>
  <si>
    <t>54226</t>
  </si>
  <si>
    <t>24226</t>
  </si>
  <si>
    <t>GPS KALOKAY</t>
  </si>
  <si>
    <t>Kalokay</t>
  </si>
  <si>
    <t>village kalokay p o chicharwali tehsil pasrur district sialkot</t>
  </si>
  <si>
    <t>Chicharwali</t>
  </si>
  <si>
    <t>M  Waseem</t>
  </si>
  <si>
    <t>20524</t>
  </si>
  <si>
    <t>20024</t>
  </si>
  <si>
    <t>19956</t>
  </si>
  <si>
    <t>GHS SOHAWRA</t>
  </si>
  <si>
    <t>Sohawara</t>
  </si>
  <si>
    <t>Village Sohawara tehsile Shakargarh NWL</t>
  </si>
  <si>
    <t>Chamriyal</t>
  </si>
  <si>
    <t>SAJJAD BASHIR</t>
  </si>
  <si>
    <t>45774</t>
  </si>
  <si>
    <t>14120</t>
  </si>
  <si>
    <t>GGES BUKHARI SHARIF</t>
  </si>
  <si>
    <t>GGES  bukhari shareef
Basti qaim khan wang kotmithan mithan</t>
  </si>
  <si>
    <t>Basti Qaim Khan</t>
  </si>
  <si>
    <t>Saima Mushtaq</t>
  </si>
  <si>
    <t>51343</t>
  </si>
  <si>
    <t>GHS 60/D P/O CHAK BADIA</t>
  </si>
  <si>
    <t>60D</t>
  </si>
  <si>
    <t>GHS.60/D Pakpattan</t>
  </si>
  <si>
    <t>60/D</t>
  </si>
  <si>
    <t>Hela Watwan</t>
  </si>
  <si>
    <t>mazhar hussain</t>
  </si>
  <si>
    <t>16685</t>
  </si>
  <si>
    <t>28210</t>
  </si>
  <si>
    <t>GGHS QADIR ABAD</t>
  </si>
  <si>
    <t>Qaidirabad</t>
  </si>
  <si>
    <t>gghs qadirabad post off.qadirabad teh.phalia distt.m.b.din</t>
  </si>
  <si>
    <t>Farzana Badar</t>
  </si>
  <si>
    <t>2492</t>
  </si>
  <si>
    <t>32820</t>
  </si>
  <si>
    <t>32566</t>
  </si>
  <si>
    <t>GPS NARANJNI</t>
  </si>
  <si>
    <t>Naranjani</t>
  </si>
  <si>
    <t>GPS naranjani</t>
  </si>
  <si>
    <t>39026</t>
  </si>
  <si>
    <t>GPS KAHANIAN WALA</t>
  </si>
  <si>
    <t>City 4</t>
  </si>
  <si>
    <t>GPS kahniawala</t>
  </si>
  <si>
    <t>Kahniawala</t>
  </si>
  <si>
    <t>Mehwish Riaz</t>
  </si>
  <si>
    <t>51288</t>
  </si>
  <si>
    <t>GGPS DADAN</t>
  </si>
  <si>
    <t>Dadan</t>
  </si>
  <si>
    <t>ggps dadan, moza dadan, noorshah, sahiwal</t>
  </si>
  <si>
    <t>Fatima-tu-zahra</t>
  </si>
  <si>
    <t>33914</t>
  </si>
  <si>
    <t>GHS MIRAN MALLAH SHUJABAD</t>
  </si>
  <si>
    <t>Miran Mallah</t>
  </si>
  <si>
    <t>p/o Basti Kanera, Miran Mallah, Tehsil Jalalpur District Multan</t>
  </si>
  <si>
    <t>Muhammad Qadeer Abbas</t>
  </si>
  <si>
    <t>45037</t>
  </si>
  <si>
    <t>GGHSS BHARPUR V &amp; P.O. BHARPUR CHAKWAL</t>
  </si>
  <si>
    <t>GGHSS BHARPUR, TEHSIL KALLAR KAHAR, DISTT CHAKWAL</t>
  </si>
  <si>
    <t>ATTIA SHAHEEN</t>
  </si>
  <si>
    <t>20170</t>
  </si>
  <si>
    <t>34750</t>
  </si>
  <si>
    <t>GGHS SHAHIA</t>
  </si>
  <si>
    <t>Shahia</t>
  </si>
  <si>
    <t>Main hazara road shahia, tehsil hassanabdal, district attock</t>
  </si>
  <si>
    <t>sultanpur</t>
  </si>
  <si>
    <t>Khalida Jabin</t>
  </si>
  <si>
    <t>35798</t>
  </si>
  <si>
    <t>144000</t>
  </si>
  <si>
    <t>92837</t>
  </si>
  <si>
    <t>19252</t>
  </si>
  <si>
    <t>GGHS CHAK 254 GB SOONDH</t>
  </si>
  <si>
    <t>CHAK NO 254 GB TEHSIL AND DISTRICT T.T.SINGH</t>
  </si>
  <si>
    <t>GOVT GIRLS HIGH SCHOOL 254 GB TEHSIL AND DISTRICT T.T.SINGH</t>
  </si>
  <si>
    <t>CHAK NO 254 GB SOONDH</t>
  </si>
  <si>
    <t>CHAK NO 256 GB TEHSIL AND DISTRICT T.T.SINGH</t>
  </si>
  <si>
    <t>Farkhanda  Mushtaq</t>
  </si>
  <si>
    <t>14726</t>
  </si>
  <si>
    <t>17247</t>
  </si>
  <si>
    <t>39361</t>
  </si>
  <si>
    <t>GGPS DHOK CHHOI NILHAD</t>
  </si>
  <si>
    <t>Nilhad</t>
  </si>
  <si>
    <t>Dhok Choi Nilhad</t>
  </si>
  <si>
    <t>Rozeena Afsheen</t>
  </si>
  <si>
    <t>13659</t>
  </si>
  <si>
    <t>49950</t>
  </si>
  <si>
    <t>46958</t>
  </si>
  <si>
    <t>33233</t>
  </si>
  <si>
    <t>GPS DERA MANGAL SINGH</t>
  </si>
  <si>
    <t>Dera mangal Singh</t>
  </si>
  <si>
    <t>Dera  Mangal Singh</t>
  </si>
  <si>
    <t>Asad Raza</t>
  </si>
  <si>
    <t>15685</t>
  </si>
  <si>
    <t>36458</t>
  </si>
  <si>
    <t>GGPS CHAK NO.58 KB EAST</t>
  </si>
  <si>
    <t>58/KB East</t>
  </si>
  <si>
    <t>Chak no 58/KB east dak Khana raata tibba district vehari</t>
  </si>
  <si>
    <t>Kishwar Parveen</t>
  </si>
  <si>
    <t>26233</t>
  </si>
  <si>
    <t>GGPS BAGGA</t>
  </si>
  <si>
    <t>BAGA NEAR PINDI UMRA TEHSIL SHAKARGARH DISTRICT NAROWAL</t>
  </si>
  <si>
    <t>Baga</t>
  </si>
  <si>
    <t>Challa</t>
  </si>
  <si>
    <t>Asia Hameed</t>
  </si>
  <si>
    <t>33248</t>
  </si>
  <si>
    <t>30096</t>
  </si>
  <si>
    <t>53424</t>
  </si>
  <si>
    <t>25604</t>
  </si>
  <si>
    <t>GHS MUSLIM BADDO MALHI</t>
  </si>
  <si>
    <t>Baddomalhi</t>
  </si>
  <si>
    <t>Baddoimalhi</t>
  </si>
  <si>
    <t>atique rehman</t>
  </si>
  <si>
    <t>67456</t>
  </si>
  <si>
    <t>25359</t>
  </si>
  <si>
    <t>GGHS RANDHIR</t>
  </si>
  <si>
    <t>Randhir Baghrian teh. Sambrial dist. Sialkot</t>
  </si>
  <si>
    <t>Habibpur</t>
  </si>
  <si>
    <t>25550</t>
  </si>
  <si>
    <t>35741</t>
  </si>
  <si>
    <t>GPS CHAK NO.182/WB</t>
  </si>
  <si>
    <t>182wb</t>
  </si>
  <si>
    <t>182 wb. p/o garha more</t>
  </si>
  <si>
    <t>Garah More</t>
  </si>
  <si>
    <t>35326</t>
  </si>
  <si>
    <t>13716</t>
  </si>
  <si>
    <t>GMPS BASTI DANWAR</t>
  </si>
  <si>
    <t>Danwar</t>
  </si>
  <si>
    <t>Basti danwar</t>
  </si>
  <si>
    <t>Noushera gharbi</t>
  </si>
  <si>
    <t>Shazia BiBi</t>
  </si>
  <si>
    <t>104286</t>
  </si>
  <si>
    <t>16877</t>
  </si>
  <si>
    <t>GGHS JHANG CITY</t>
  </si>
  <si>
    <t>ADDA TANGA JHANG CITY</t>
  </si>
  <si>
    <t>SHAH BLOCK</t>
  </si>
  <si>
    <t>MOH HAIDRY</t>
  </si>
  <si>
    <t>FARZANA YAWAR</t>
  </si>
  <si>
    <t>2182</t>
  </si>
  <si>
    <t>GG BBS HS RANMAL SHARIF</t>
  </si>
  <si>
    <t>Ranmal Sharif</t>
  </si>
  <si>
    <t>GG BBS H/S Ranmal Sharif</t>
  </si>
  <si>
    <t>Khadija Naushahi</t>
  </si>
  <si>
    <t>44846</t>
  </si>
  <si>
    <t>GHS JANDAN WALA</t>
  </si>
  <si>
    <t>GOVT.MODEL SECONDARY SCHOOL JANDANWALA</t>
  </si>
  <si>
    <t>MC JANDANWALA</t>
  </si>
  <si>
    <t>DR.MUHAMMAD SALEEM</t>
  </si>
  <si>
    <t>18675</t>
  </si>
  <si>
    <t>20949</t>
  </si>
  <si>
    <t>GGHS BANKA CHEEMA</t>
  </si>
  <si>
    <t>AHMAD NAGAR</t>
  </si>
  <si>
    <t>GGHS BANKA CHEEMA TEH WAZIRABAD DIST GWA</t>
  </si>
  <si>
    <t>BANKA CHEEMA</t>
  </si>
  <si>
    <t>sajida parveen</t>
  </si>
  <si>
    <t>45149</t>
  </si>
  <si>
    <t>44639</t>
  </si>
  <si>
    <t>39495</t>
  </si>
  <si>
    <t>GHS MATHIAL</t>
  </si>
  <si>
    <t>vpo Mithial tehsil jand district attock</t>
  </si>
  <si>
    <t>muhammad naeem afzal</t>
  </si>
  <si>
    <t>51984</t>
  </si>
  <si>
    <t>24939</t>
  </si>
  <si>
    <t>51412</t>
  </si>
  <si>
    <t>GGPS BEHLOLA</t>
  </si>
  <si>
    <t>RASOOL PUR - FEMALE</t>
  </si>
  <si>
    <t>BEHLOLA</t>
  </si>
  <si>
    <t>Village Behlola P/O Sialkot City Teh Sialkot District  Sialkot</t>
  </si>
  <si>
    <t>Naveeda Khanam</t>
  </si>
  <si>
    <t>12117</t>
  </si>
  <si>
    <t>GPS BASTI BHATTI</t>
  </si>
  <si>
    <t>Bhatti</t>
  </si>
  <si>
    <t>Basti,mouza bhatti, tehsil kot addu district Muzaffargarh</t>
  </si>
  <si>
    <t>Basti Bhatti</t>
  </si>
  <si>
    <t>30504</t>
  </si>
  <si>
    <t>GGHSS AROOP</t>
  </si>
  <si>
    <t>GGHSS    Mohallah Bhindran aroop</t>
  </si>
  <si>
    <t>sadia naseer</t>
  </si>
  <si>
    <t>4.04975e+006</t>
  </si>
  <si>
    <t>electric coolers with filter</t>
  </si>
  <si>
    <t>29030</t>
  </si>
  <si>
    <t>GHSS KHUDIAN KHAS DEPALPUR ROAD</t>
  </si>
  <si>
    <t>Khudian Khas</t>
  </si>
  <si>
    <t>Depalpur Road khudian khas</t>
  </si>
  <si>
    <t>MUHAMMAD SAEED</t>
  </si>
  <si>
    <t>33648</t>
  </si>
  <si>
    <t>GGHS Z BLOCK NEW MULTAN</t>
  </si>
  <si>
    <t>Ghouspura</t>
  </si>
  <si>
    <t>z block new multan</t>
  </si>
  <si>
    <t>Asma Tabassum</t>
  </si>
  <si>
    <t>4470</t>
  </si>
  <si>
    <t>GHS GARHI IKHTIAR KHAN</t>
  </si>
  <si>
    <t>ghari ikhtiar khan</t>
  </si>
  <si>
    <t>Ghari Ikhtiar Khan</t>
  </si>
  <si>
    <t>malik muhammad aamir</t>
  </si>
  <si>
    <t>20437</t>
  </si>
  <si>
    <t>GGHS MUSLIM MODEL</t>
  </si>
  <si>
    <t>Noshera Road</t>
  </si>
  <si>
    <t>GGHS muslim model</t>
  </si>
  <si>
    <t>noshera road grw</t>
  </si>
  <si>
    <t>saba gulzar</t>
  </si>
  <si>
    <t>26494</t>
  </si>
  <si>
    <t>GPS BUZARG</t>
  </si>
  <si>
    <t>BUZARG</t>
  </si>
  <si>
    <t>Govt primary school buzarg baramanga</t>
  </si>
  <si>
    <t>BARA MANGA</t>
  </si>
  <si>
    <t>BARAMANGA</t>
  </si>
  <si>
    <t>Muhammad Tayyab Nadeem</t>
  </si>
  <si>
    <t>5956</t>
  </si>
  <si>
    <t>50951</t>
  </si>
  <si>
    <t>GPS 15/WM TUKRA</t>
  </si>
  <si>
    <t>MUHAMMAD-PUR-B-MALE</t>
  </si>
  <si>
    <t>Chak 15/wm Tukra</t>
  </si>
  <si>
    <t>Khan Muhammad</t>
  </si>
  <si>
    <t>44353</t>
  </si>
  <si>
    <t>30167</t>
  </si>
  <si>
    <t>GGHS HAIR LAHORE CANTT</t>
  </si>
  <si>
    <t>GGHS HEIR LAHORE CANTT</t>
  </si>
  <si>
    <t>ROBINA AKBAR</t>
  </si>
  <si>
    <t>8969</t>
  </si>
  <si>
    <t>GGHS 34/10-R, KACHA KHUH</t>
  </si>
  <si>
    <t>34/10-R</t>
  </si>
  <si>
    <t>GGHS 34 /10 R</t>
  </si>
  <si>
    <t>34/10- R</t>
  </si>
  <si>
    <t>30/10- R</t>
  </si>
  <si>
    <t>Attiya hamid mansoor</t>
  </si>
  <si>
    <t>13572</t>
  </si>
  <si>
    <t>19895</t>
  </si>
  <si>
    <t>17452</t>
  </si>
  <si>
    <t>28397</t>
  </si>
  <si>
    <t>GPS CHAKORI</t>
  </si>
  <si>
    <t>Chakori</t>
  </si>
  <si>
    <t>GPS Chakori P/O Noor Pur Katvi Tehsil Phalia</t>
  </si>
  <si>
    <t>Arslan Atiq</t>
  </si>
  <si>
    <t>6858</t>
  </si>
  <si>
    <t>49623</t>
  </si>
  <si>
    <t>27549</t>
  </si>
  <si>
    <t>42372</t>
  </si>
  <si>
    <t>GGHS JHANDA GUJAR KHAN</t>
  </si>
  <si>
    <t>Ward No 27 Jhanda Gujar Khan</t>
  </si>
  <si>
    <t>Jhanda Gujar Khan</t>
  </si>
  <si>
    <t>Municipality Committee  Gk</t>
  </si>
  <si>
    <t>Qaisra Asghar Raja</t>
  </si>
  <si>
    <t>32912</t>
  </si>
  <si>
    <t>41428</t>
  </si>
  <si>
    <t>39251</t>
  </si>
  <si>
    <t>GGHS FATIMA JINNAH PINDI GHEB</t>
  </si>
  <si>
    <t>madina masjid p.g</t>
  </si>
  <si>
    <t>Pidigheb</t>
  </si>
  <si>
    <t>Gherbi</t>
  </si>
  <si>
    <t>FAREEDA  AMBREEN</t>
  </si>
  <si>
    <t>20136</t>
  </si>
  <si>
    <t>GHS INAYAT PUR</t>
  </si>
  <si>
    <t>INAYAT PUR</t>
  </si>
  <si>
    <t>INAYAT PUR P/O SAME TEHSIL LALIAN DISTRICT CHINIOT</t>
  </si>
  <si>
    <t>KOT AMEER</t>
  </si>
  <si>
    <t>ahmad nawaz</t>
  </si>
  <si>
    <t>33236</t>
  </si>
  <si>
    <t>GPS DERA FAZAL DIN</t>
  </si>
  <si>
    <t>Dera Fazal Din</t>
  </si>
  <si>
    <t>dera Fazal Din</t>
  </si>
  <si>
    <t>Naeem Ahmad Shahzad</t>
  </si>
  <si>
    <t>53071</t>
  </si>
  <si>
    <t>GHS JANDRAKA</t>
  </si>
  <si>
    <t>Moza Jandraka p/o jaboka Teh &amp;Dist Okara</t>
  </si>
  <si>
    <t>Hafiz Amanullah</t>
  </si>
  <si>
    <t>14082</t>
  </si>
  <si>
    <t>2308</t>
  </si>
  <si>
    <t>37765</t>
  </si>
  <si>
    <t>GGES DARKHAN WALA, JAHANIAN</t>
  </si>
  <si>
    <t>Mianpur</t>
  </si>
  <si>
    <t>darkhanwala</t>
  </si>
  <si>
    <t>Darkhanwala</t>
  </si>
  <si>
    <t>28157</t>
  </si>
  <si>
    <t>GPS NEW SUFI PURA (AL FATEH NOOR)</t>
  </si>
  <si>
    <t>New Sufi Pura</t>
  </si>
  <si>
    <t>New sufi pura Teh &amp; Distt M.B.Din</t>
  </si>
  <si>
    <t>M B Din</t>
  </si>
  <si>
    <t>14923</t>
  </si>
  <si>
    <t>27504</t>
  </si>
  <si>
    <t>GHSS RASHID MINHAS</t>
  </si>
  <si>
    <t>rashid minhas hss sukheke near RHC sukheke mandi distt. hafizabat</t>
  </si>
  <si>
    <t>Sukheke Mandi</t>
  </si>
  <si>
    <t>hafiz Muhammad Anwar</t>
  </si>
  <si>
    <t>39920</t>
  </si>
  <si>
    <t>GHS JALALIA</t>
  </si>
  <si>
    <t>JALALIA</t>
  </si>
  <si>
    <t>GBHS JALALIA</t>
  </si>
  <si>
    <t>Muhammad Jabar</t>
  </si>
  <si>
    <t>68544</t>
  </si>
  <si>
    <t>131376</t>
  </si>
  <si>
    <t>51190</t>
  </si>
  <si>
    <t>GGPS BOTHANA</t>
  </si>
  <si>
    <t>Bothana</t>
  </si>
  <si>
    <t>bothana</t>
  </si>
  <si>
    <t>Khursheed Akhter</t>
  </si>
  <si>
    <t>2246</t>
  </si>
  <si>
    <t>11440</t>
  </si>
  <si>
    <t>14839</t>
  </si>
  <si>
    <t>26728</t>
  </si>
  <si>
    <t>GGES MEHLOWALA</t>
  </si>
  <si>
    <t>mehlowala narowal</t>
  </si>
  <si>
    <t>MehlowLa</t>
  </si>
  <si>
    <t>Saira Mushtaq</t>
  </si>
  <si>
    <t>25040</t>
  </si>
  <si>
    <t>8827</t>
  </si>
  <si>
    <t>GHS HARUN BORE</t>
  </si>
  <si>
    <t>Harran Bore</t>
  </si>
  <si>
    <t>GOVT boys high school harran Bore Tribal Area dera glazing khan</t>
  </si>
  <si>
    <t>Barthi</t>
  </si>
  <si>
    <t>muhammad sheeraz qaiser</t>
  </si>
  <si>
    <t>6475</t>
  </si>
  <si>
    <t>27417</t>
  </si>
  <si>
    <t>GGPS TAHIR KE</t>
  </si>
  <si>
    <t>Tahirke</t>
  </si>
  <si>
    <t>village tahir ke</t>
  </si>
  <si>
    <t>Tahir Ke</t>
  </si>
  <si>
    <t>Thatha Kreem Dad</t>
  </si>
  <si>
    <t>2414</t>
  </si>
  <si>
    <t>4462</t>
  </si>
  <si>
    <t>44449</t>
  </si>
  <si>
    <t>GPS KHANAN WALA P.O KARARI KOT</t>
  </si>
  <si>
    <t>Dagar Shada</t>
  </si>
  <si>
    <t>chah khanan, wala post  office karari kot tehsile and District  Bhakkar</t>
  </si>
  <si>
    <t>Khanan wala</t>
  </si>
  <si>
    <t>hameed ullah khan</t>
  </si>
  <si>
    <t>32614</t>
  </si>
  <si>
    <t>GGPS CHAK PHOWAR</t>
  </si>
  <si>
    <t>Chak Pawar</t>
  </si>
  <si>
    <t>Chak Pawar P/O Mandi Faiz Abad teh Sharaqpur Dist Sheikhupura</t>
  </si>
  <si>
    <t>Qurashianwala</t>
  </si>
  <si>
    <t>44001</t>
  </si>
  <si>
    <t>GGPS NOWSHERI</t>
  </si>
  <si>
    <t>JHATLA-FEMALE</t>
  </si>
  <si>
    <t>G.G.P.S.nowsheri</t>
  </si>
  <si>
    <t>Nowsheri</t>
  </si>
  <si>
    <t>Nasia Farsa</t>
  </si>
  <si>
    <t>23602</t>
  </si>
  <si>
    <t>18200</t>
  </si>
  <si>
    <t>36381</t>
  </si>
  <si>
    <t>GGPS 95/ WB</t>
  </si>
  <si>
    <t>95/wb</t>
  </si>
  <si>
    <t>GGPS 95/Wb Vehari</t>
  </si>
  <si>
    <t>Zarina Akhtar</t>
  </si>
  <si>
    <t>41647</t>
  </si>
  <si>
    <t>GGES ANWAR UL ISLAM KAMALABAD</t>
  </si>
  <si>
    <t>st#5 bakra mandi kamalabad rwp</t>
  </si>
  <si>
    <t>bakra mandi kamalabad</t>
  </si>
  <si>
    <t>Sumera azam</t>
  </si>
  <si>
    <t>38451</t>
  </si>
  <si>
    <t>GHS CHAK NO. 5/M</t>
  </si>
  <si>
    <t>5/M</t>
  </si>
  <si>
    <t>Chak No. 5/M Tehsil Dunyapur District Lodhran</t>
  </si>
  <si>
    <t>Chak No. 5/M</t>
  </si>
  <si>
    <t>11/M</t>
  </si>
  <si>
    <t>Rana Jang  Sher Ali</t>
  </si>
  <si>
    <t>3090</t>
  </si>
  <si>
    <t>GGHS CHAK NO.13/BC</t>
  </si>
  <si>
    <t>Chak12BC</t>
  </si>
  <si>
    <t>GGHSCHAK13\BcBWP</t>
  </si>
  <si>
    <t>Chak13BC</t>
  </si>
  <si>
    <t>Mrs. Shagufta Yasmin</t>
  </si>
  <si>
    <t>46627</t>
  </si>
  <si>
    <t>26538</t>
  </si>
  <si>
    <t>GES BUDDHA PIND</t>
  </si>
  <si>
    <t>Buddha Pind</t>
  </si>
  <si>
    <t>village &amp; p/o buddha pind, tehsil zafarwal, narowal.</t>
  </si>
  <si>
    <t>Sankhatra</t>
  </si>
  <si>
    <t>Tanveer Javed Nasir</t>
  </si>
  <si>
    <t>42787</t>
  </si>
  <si>
    <t>26049</t>
  </si>
  <si>
    <t>50741</t>
  </si>
  <si>
    <t>GES JAMIA RASHIDIA SAHIWAL</t>
  </si>
  <si>
    <t>SAHIWAL SADAR-A-MALE</t>
  </si>
  <si>
    <t>Grain Market Ghallah mandi Tehsil &amp; District Sahiwal</t>
  </si>
  <si>
    <t>Grain Market Ghallah mandi Sahiwal</t>
  </si>
  <si>
    <t>Muhammad Ishaq Khan</t>
  </si>
  <si>
    <t>19999</t>
  </si>
  <si>
    <t>49361</t>
  </si>
  <si>
    <t>GGPS KOLO WAL</t>
  </si>
  <si>
    <t>kolowal nangiyana sargodha</t>
  </si>
  <si>
    <t>Bushra Iqbal</t>
  </si>
  <si>
    <t>9494</t>
  </si>
  <si>
    <t>28460</t>
  </si>
  <si>
    <t>38559</t>
  </si>
  <si>
    <t>GPS 389/WB East</t>
  </si>
  <si>
    <t>389/wb</t>
  </si>
  <si>
    <t>Govt. Primary School Chak No.389/WB East Tehsil Dunyapur Distt. Lodhran</t>
  </si>
  <si>
    <t>Chak No 389/WB East</t>
  </si>
  <si>
    <t>Makhdoom Aali</t>
  </si>
  <si>
    <t>2902</t>
  </si>
  <si>
    <t>39250</t>
  </si>
  <si>
    <t>GGHSS MALHUWALI</t>
  </si>
  <si>
    <t>vpo malhowali tehsil pindigheb distt attock</t>
  </si>
  <si>
    <t>Sumaira bibi</t>
  </si>
  <si>
    <t>2462</t>
  </si>
  <si>
    <t>52489</t>
  </si>
  <si>
    <t>GPS SAHIBA WALA</t>
  </si>
  <si>
    <t>SAHBAY WALA - MALE</t>
  </si>
  <si>
    <t>Sahiba Wala</t>
  </si>
  <si>
    <t>Sahiba Wala Basirpur</t>
  </si>
  <si>
    <t>Phullan Tole</t>
  </si>
  <si>
    <t>Mubarak Ali</t>
  </si>
  <si>
    <t>5318</t>
  </si>
  <si>
    <t>GGHS HAROON</t>
  </si>
  <si>
    <t>Village Haroon Tehsil Hazro District Attock</t>
  </si>
  <si>
    <t>Robina Kalsoom</t>
  </si>
  <si>
    <t>27998</t>
  </si>
  <si>
    <t>GPS JHAMTAN WALA</t>
  </si>
  <si>
    <t>DULLEY WALA - MALE</t>
  </si>
  <si>
    <t>Dullewala</t>
  </si>
  <si>
    <t>gps mohalah Jahamatwala</t>
  </si>
  <si>
    <t>MC Dullewla</t>
  </si>
  <si>
    <t>Noor Elahi</t>
  </si>
  <si>
    <t>34019</t>
  </si>
  <si>
    <t>38787</t>
  </si>
  <si>
    <t>GES SANJWAL</t>
  </si>
  <si>
    <t>GBES SANJWAL attock</t>
  </si>
  <si>
    <t>Golrah</t>
  </si>
  <si>
    <t>Umair Rashid</t>
  </si>
  <si>
    <t>17798</t>
  </si>
  <si>
    <t>49278</t>
  </si>
  <si>
    <t>714</t>
  </si>
  <si>
    <t>GHS CDG SHISH MEHAL BILAL GUNJ</t>
  </si>
  <si>
    <t>kareemia road Bilal gunj Lahore</t>
  </si>
  <si>
    <t>Mian Shanas Ud Din Park</t>
  </si>
  <si>
    <t>4492</t>
  </si>
  <si>
    <t>38621</t>
  </si>
  <si>
    <t>GGPS CHAK 18/M</t>
  </si>
  <si>
    <t>Chak No 18 M</t>
  </si>
  <si>
    <t>chak no 18m</t>
  </si>
  <si>
    <t>Chak No 18M</t>
  </si>
  <si>
    <t>Chak No 11M</t>
  </si>
  <si>
    <t>Robina Yousaf</t>
  </si>
  <si>
    <t>39850</t>
  </si>
  <si>
    <t>GGES HASSAR</t>
  </si>
  <si>
    <t>Hassar</t>
  </si>
  <si>
    <t>Village Hassar Tehsil Hassanabdal District Attock</t>
  </si>
  <si>
    <t>20506</t>
  </si>
  <si>
    <t>49132</t>
  </si>
  <si>
    <t>GES CHAK NO.69 NB</t>
  </si>
  <si>
    <t>Chak No 69 NB</t>
  </si>
  <si>
    <t>GES CHAK NO 69 NB</t>
  </si>
  <si>
    <t>Chak No 67 ANB</t>
  </si>
  <si>
    <t>Kashif Mehmood</t>
  </si>
  <si>
    <t>15856</t>
  </si>
  <si>
    <t>28073</t>
  </si>
  <si>
    <t>GGES GHAZI PUR JALALPUR PIRWALA</t>
  </si>
  <si>
    <t>Ghazipur</t>
  </si>
  <si>
    <t>ghazi pur</t>
  </si>
  <si>
    <t>Shaheen Nawaz</t>
  </si>
  <si>
    <t>2287</t>
  </si>
  <si>
    <t>GPS KORA KULYAR</t>
  </si>
  <si>
    <t>Kora Kulyar</t>
  </si>
  <si>
    <t>Moza Kora kulyar p/o Chani goth tehsil Ahmad pur east Bahawalpur</t>
  </si>
  <si>
    <t>Malik Ghulam Sarwar</t>
  </si>
  <si>
    <t>Rajar Hoo</t>
  </si>
  <si>
    <t>Muhamad Sohail Aqeel</t>
  </si>
  <si>
    <t>3507</t>
  </si>
  <si>
    <t>4494</t>
  </si>
  <si>
    <t>8397</t>
  </si>
  <si>
    <t>GGPS BAKHAT BULAND</t>
  </si>
  <si>
    <t>KOT MUBARAK-FEMALE</t>
  </si>
  <si>
    <t>Peer Adil</t>
  </si>
  <si>
    <t>basti  bakht buland</t>
  </si>
  <si>
    <t>Bathtub Buland</t>
  </si>
  <si>
    <t>Safia Bibi</t>
  </si>
  <si>
    <t>38830</t>
  </si>
  <si>
    <t>GPS GONDAL</t>
  </si>
  <si>
    <t>vpo gondal</t>
  </si>
  <si>
    <t>Farhan Iqbal</t>
  </si>
  <si>
    <t>35879</t>
  </si>
  <si>
    <t>52337</t>
  </si>
  <si>
    <t>GGHS MANDI HAVELI</t>
  </si>
  <si>
    <t>HAVELI LAKHA</t>
  </si>
  <si>
    <t>GOVERNMENT GIRLS HIGH SCHOOL NO.3 MANDI HAVELI LAKHA</t>
  </si>
  <si>
    <t>MANDI HAVELI LAKHA</t>
  </si>
  <si>
    <t>MUNCIPAL COMMITTEE HAVELI LAKHA</t>
  </si>
  <si>
    <t>GHS CHAK GHUMANA</t>
  </si>
  <si>
    <t>govt. high school chak ghumana bahawalnagar</t>
  </si>
  <si>
    <t>chak ghumana</t>
  </si>
  <si>
    <t>MALIK PURA</t>
  </si>
  <si>
    <t>13630</t>
  </si>
  <si>
    <t>33630</t>
  </si>
  <si>
    <t>15789</t>
  </si>
  <si>
    <t>GPS CHAK 201 RB I FSD</t>
  </si>
  <si>
    <t>TARA GHAR</t>
  </si>
  <si>
    <t>CHAK NO 201 RB-I</t>
  </si>
  <si>
    <t>Chak No 201 Rb-I</t>
  </si>
  <si>
    <t>CHAK NO 195 RB</t>
  </si>
  <si>
    <t>ABDUL AZIZ</t>
  </si>
  <si>
    <t>36398</t>
  </si>
  <si>
    <t>51833</t>
  </si>
  <si>
    <t>GGHS 42 EB ARIFWALA</t>
  </si>
  <si>
    <t>42/EB</t>
  </si>
  <si>
    <t>GOVT. GIRLS HIGH SCHOOL 42/EB ARIFWALA (PAKPATTAN)</t>
  </si>
  <si>
    <t>BUSHRA HAMAYUN</t>
  </si>
  <si>
    <t>9408</t>
  </si>
  <si>
    <t>49399</t>
  </si>
  <si>
    <t>26394</t>
  </si>
  <si>
    <t>GHSS DARKHANA, ABDUL HAKIM</t>
  </si>
  <si>
    <t>darkhana</t>
  </si>
  <si>
    <t>chak no 6 d darkhana post office abdul hakim</t>
  </si>
  <si>
    <t>6-d darkhana</t>
  </si>
  <si>
    <t>muhammad rehan gohar</t>
  </si>
  <si>
    <t>GHS KHANKI HEAD</t>
  </si>
  <si>
    <t>KHANKI HEAD</t>
  </si>
  <si>
    <t>GOVT. HIGH SCHOOL KHANKI DEAD TEH. WAZIRABAD DISTT.GRW</t>
  </si>
  <si>
    <t>MANSURWALI</t>
  </si>
  <si>
    <t>SHABIR HUSSAIN</t>
  </si>
  <si>
    <t>13877</t>
  </si>
  <si>
    <t>42023</t>
  </si>
  <si>
    <t>GGHS HAZARA COLONY RAWALPINDI</t>
  </si>
  <si>
    <t>Govt Girls High School Hazara Colony Rawalpindi</t>
  </si>
  <si>
    <t>Hazara Colony</t>
  </si>
  <si>
    <t>SHAHIDA BASHEER</t>
  </si>
  <si>
    <t>10521</t>
  </si>
  <si>
    <t>GHSS CHAK NO.120 TDA</t>
  </si>
  <si>
    <t>Chak No 120 TDA</t>
  </si>
  <si>
    <t>GHSS CHAK NO.120 TDA LAYYAH</t>
  </si>
  <si>
    <t>Atta Ullah</t>
  </si>
  <si>
    <t>15348</t>
  </si>
  <si>
    <t>GGHS CHAK NO. 69 RB</t>
  </si>
  <si>
    <t>Chak No 69 RB</t>
  </si>
  <si>
    <t>chak no 69 RB</t>
  </si>
  <si>
    <t>Chak No 70 RB</t>
  </si>
  <si>
    <t>Ismat Batool</t>
  </si>
  <si>
    <t>9869</t>
  </si>
  <si>
    <t>20910</t>
  </si>
  <si>
    <t>GES NAT KALAN</t>
  </si>
  <si>
    <t>govt high school natt kalan</t>
  </si>
  <si>
    <t>3626</t>
  </si>
  <si>
    <t>15880</t>
  </si>
  <si>
    <t>GPS 251 RB</t>
  </si>
  <si>
    <t>Chak No. 251 R.B Bandala Tehsil Sadar District Faisalabad</t>
  </si>
  <si>
    <t>Muhammad Farhan</t>
  </si>
  <si>
    <t>35137</t>
  </si>
  <si>
    <t>34178</t>
  </si>
  <si>
    <t>47087</t>
  </si>
  <si>
    <t>14581</t>
  </si>
  <si>
    <t>GGES CHAK 217 RB SULTAN TOWN</t>
  </si>
  <si>
    <t>Sultan town</t>
  </si>
  <si>
    <t>217 RB sultan town fsd</t>
  </si>
  <si>
    <t>217 RB</t>
  </si>
  <si>
    <t>217 RB UCHKERA</t>
  </si>
  <si>
    <t>ammarah iqbal</t>
  </si>
  <si>
    <t>7134</t>
  </si>
  <si>
    <t>36573</t>
  </si>
  <si>
    <t>GHS MAAN WALA, KABIRWALA</t>
  </si>
  <si>
    <t>Maanwala</t>
  </si>
  <si>
    <t>Maanwala Kabirwala</t>
  </si>
  <si>
    <t>Ch. Muhammad. Ashraf</t>
  </si>
  <si>
    <t>7697</t>
  </si>
  <si>
    <t>GGPS CHAK 646 GB LUNDIANWALA</t>
  </si>
  <si>
    <t>CHAKU MOR-FEMALE</t>
  </si>
  <si>
    <t>646 Gb</t>
  </si>
  <si>
    <t>chak no 646 tehsil jaranwala faisalabad</t>
  </si>
  <si>
    <t>Chak No 647 Gb</t>
  </si>
  <si>
    <t>Fozia Akram</t>
  </si>
  <si>
    <t>3372</t>
  </si>
  <si>
    <t>6381</t>
  </si>
  <si>
    <t>22635</t>
  </si>
  <si>
    <t>GGHS WASAN PURA SCHEME NO. 2</t>
  </si>
  <si>
    <t>Scheme  No 2</t>
  </si>
  <si>
    <t>GGHS WASAN PURA SCHEME NO 2 LHR</t>
  </si>
  <si>
    <t>Jahangir Park</t>
  </si>
  <si>
    <t>Attiya Khanum</t>
  </si>
  <si>
    <t>ELECTRIC COOLERS</t>
  </si>
  <si>
    <t>GHS CHAK NO 91 RB FSD</t>
  </si>
  <si>
    <t>91/rb</t>
  </si>
  <si>
    <t>Chak No.91/RB Jaranwala Faisalabad</t>
  </si>
  <si>
    <t>16230</t>
  </si>
  <si>
    <t>GGHSS CHAK 202 RB GATTI FSD</t>
  </si>
  <si>
    <t>202rb gatti</t>
  </si>
  <si>
    <t>202rb</t>
  </si>
  <si>
    <t>khalida naheed</t>
  </si>
  <si>
    <t>45090</t>
  </si>
  <si>
    <t>2738</t>
  </si>
  <si>
    <t>GGES SANT SINGH WALA</t>
  </si>
  <si>
    <t>Rsool Ngr</t>
  </si>
  <si>
    <t>rasool nagar 207rb (sant singh wala)</t>
  </si>
  <si>
    <t>207rb Sant Sing Wala</t>
  </si>
  <si>
    <t>Nighban Pura</t>
  </si>
  <si>
    <t>Nuzhat Jbeen</t>
  </si>
  <si>
    <t>GGHS FATIMA 2-FANE ROAD LAHORE</t>
  </si>
  <si>
    <t>2 fane road lahore</t>
  </si>
  <si>
    <t>MrRS  RIFFAT  SULTANA</t>
  </si>
  <si>
    <t>67583</t>
  </si>
  <si>
    <t>4013</t>
  </si>
  <si>
    <t>15959</t>
  </si>
  <si>
    <t>GGES CHAK NARWALA</t>
  </si>
  <si>
    <t>61jb Dharor</t>
  </si>
  <si>
    <t>61jb narwala</t>
  </si>
  <si>
    <t>Chak Narwala</t>
  </si>
  <si>
    <t>Shawal Khalid</t>
  </si>
  <si>
    <t>34677</t>
  </si>
  <si>
    <t>GGPS SHAHID MODEL SAYYAD PUR MULTAN ROAD LHR</t>
  </si>
  <si>
    <t>Pur</t>
  </si>
  <si>
    <t>Ø³ÛŒØ¯ Ù¾ÙˆØ± Ù…Ù„ØªØ§Ù†Ø±ÙˆÚˆÙ„Ø§ÛÙˆØ±</t>
  </si>
  <si>
    <t>31332</t>
  </si>
  <si>
    <t>GGHS CDG JUNIOR MODEL SHAD BAGH</t>
  </si>
  <si>
    <t>Shad Bagh</t>
  </si>
  <si>
    <t>cdg shadbagh lahore</t>
  </si>
  <si>
    <t>Shaista Qamar</t>
  </si>
  <si>
    <t>14781</t>
  </si>
  <si>
    <t>GGHS NEW MODEL GHULAM MUHAMMAD ABAD FSD</t>
  </si>
  <si>
    <t>GGHS NEW MODEL GM ABAD FSD</t>
  </si>
  <si>
    <t>SABRI CHOWK GM ABAD</t>
  </si>
  <si>
    <t>CIVIL QUARTERS GM ABAD</t>
  </si>
  <si>
    <t>Azmat Nisa</t>
  </si>
  <si>
    <t>102420</t>
  </si>
  <si>
    <t>4241</t>
  </si>
  <si>
    <t>15886</t>
  </si>
  <si>
    <t>GPS CHAK 250 RB II</t>
  </si>
  <si>
    <t>Chak 250 RB II</t>
  </si>
  <si>
    <t>Chak No.250 RB II Katchi Kothi Faisalabad</t>
  </si>
  <si>
    <t>Chak No 250 RB II</t>
  </si>
  <si>
    <t>Chak No 256 RB Dhinga Wala</t>
  </si>
  <si>
    <t>Muhammad Yasir Mehmood</t>
  </si>
  <si>
    <t>24880</t>
  </si>
  <si>
    <t>5982</t>
  </si>
  <si>
    <t>15893</t>
  </si>
  <si>
    <t>GPS CHAK 256 RB I</t>
  </si>
  <si>
    <t>chak no 256 rb 1</t>
  </si>
  <si>
    <t>256 Rb 1</t>
  </si>
  <si>
    <t>21952</t>
  </si>
  <si>
    <t>34880</t>
  </si>
  <si>
    <t>16197</t>
  </si>
  <si>
    <t>GHS CHAK 2 JB RAM DEVALI FSD</t>
  </si>
  <si>
    <t>Ghs Chak No 2 Jb</t>
  </si>
  <si>
    <t>15766</t>
  </si>
  <si>
    <t>GPS 231 RB RASALE WALA</t>
  </si>
  <si>
    <t>Chak#231/R B</t>
  </si>
  <si>
    <t>Chak no 231/rb Risalewala Sadr Faisalabad</t>
  </si>
  <si>
    <t>Chak # 231/RB</t>
  </si>
  <si>
    <t>Chak#231/R B Risalay Wala</t>
  </si>
  <si>
    <t>Saima Arshad</t>
  </si>
  <si>
    <t>12480</t>
  </si>
  <si>
    <t>26848</t>
  </si>
  <si>
    <t>14778</t>
  </si>
  <si>
    <t>GGHS MC GHULAM MUHAMMAD ABAD FAISALABAD</t>
  </si>
  <si>
    <t>G.M ABAD</t>
  </si>
  <si>
    <t>GOVT. M.C GIRLS HIGH SCHOOL G.M ABAD FSD</t>
  </si>
  <si>
    <t>sumera mehtab</t>
  </si>
  <si>
    <t>14767</t>
  </si>
  <si>
    <t>GGHS ALI GARH FAISALABAD</t>
  </si>
  <si>
    <t>ISLAMNAGAR</t>
  </si>
  <si>
    <t>GGHS ALI GARH ISLAMNAGAR FAISALABAD</t>
  </si>
  <si>
    <t>MUSTAFA ABAD</t>
  </si>
  <si>
    <t>IRAM AZIZ</t>
  </si>
  <si>
    <t>68800</t>
  </si>
  <si>
    <t>26042</t>
  </si>
  <si>
    <t>GHS GORALA</t>
  </si>
  <si>
    <t>Govt. high school gorala p/o gorala Tehsil shakargarh district narowal</t>
  </si>
  <si>
    <t>Shabir Hussain Qamar</t>
  </si>
  <si>
    <t>51680</t>
  </si>
  <si>
    <t>25618</t>
  </si>
  <si>
    <t>GGHS MADDO KHALWAN</t>
  </si>
  <si>
    <t>Maddo kalwan</t>
  </si>
  <si>
    <t>GGHS Maddo Kahlwan</t>
  </si>
  <si>
    <t>Maddo Kalwan</t>
  </si>
  <si>
    <t>Tallat Fatima</t>
  </si>
  <si>
    <t>36664</t>
  </si>
  <si>
    <t>GGES DARA MEHRAM, ABDUL HAKIM</t>
  </si>
  <si>
    <t>Dara Mehram</t>
  </si>
  <si>
    <t>ggms dara mehram moza dara mehram</t>
  </si>
  <si>
    <t>Mrs Rashda Zafar</t>
  </si>
  <si>
    <t>32016</t>
  </si>
  <si>
    <t>39044</t>
  </si>
  <si>
    <t>34235</t>
  </si>
  <si>
    <t>20456</t>
  </si>
  <si>
    <t>GGHS SANSARA GORAYA</t>
  </si>
  <si>
    <t>Sansra Goraya</t>
  </si>
  <si>
    <t>sansra goraya P/o Anwar industry gujranwala</t>
  </si>
  <si>
    <t>Sansra Goraya Gujranwala</t>
  </si>
  <si>
    <t>Asiya Akbar</t>
  </si>
  <si>
    <t>4449</t>
  </si>
  <si>
    <t>GPS QASBA JUNOBI</t>
  </si>
  <si>
    <t>MONDKA- MALE</t>
  </si>
  <si>
    <t>Qasba Junobi</t>
  </si>
  <si>
    <t>hameed abad qasba junobi</t>
  </si>
  <si>
    <t>Hameed Abad</t>
  </si>
  <si>
    <t>Sadhay Wahin</t>
  </si>
  <si>
    <t>Ameer Akbar</t>
  </si>
  <si>
    <t>39456</t>
  </si>
  <si>
    <t>18731</t>
  </si>
  <si>
    <t>GGPS CHAK 416 JB</t>
  </si>
  <si>
    <t>sodi</t>
  </si>
  <si>
    <t>chak no 416 jb sodi</t>
  </si>
  <si>
    <t>416jb</t>
  </si>
  <si>
    <t>349 jb</t>
  </si>
  <si>
    <t>Syeda Rabia Sajid</t>
  </si>
  <si>
    <t>28940</t>
  </si>
  <si>
    <t>45122</t>
  </si>
  <si>
    <t>4147</t>
  </si>
  <si>
    <t>46333</t>
  </si>
  <si>
    <t>GGPS DERA GHULAM HUSSAIN</t>
  </si>
  <si>
    <t>JURA KALAN (WEST) (FEMALE)</t>
  </si>
  <si>
    <t>peelowaince</t>
  </si>
  <si>
    <t>peelowaince tehsial noorpur</t>
  </si>
  <si>
    <t>Sakina Bivi</t>
  </si>
  <si>
    <t>35371</t>
  </si>
  <si>
    <t>23853</t>
  </si>
  <si>
    <t>35818</t>
  </si>
  <si>
    <t>GGPS 156 WB</t>
  </si>
  <si>
    <t>TIBBA WEST - FEMALE</t>
  </si>
  <si>
    <t>Chak No 156/WB</t>
  </si>
  <si>
    <t>chak no 156 /WB</t>
  </si>
  <si>
    <t>Chak No 156/Wb</t>
  </si>
  <si>
    <t>Sara Iqbal</t>
  </si>
  <si>
    <t>7933</t>
  </si>
  <si>
    <t>19420</t>
  </si>
  <si>
    <t>34286</t>
  </si>
  <si>
    <t>GES LABER P/O SIKANDARABAD</t>
  </si>
  <si>
    <t>Labar</t>
  </si>
  <si>
    <t>govt elementary school mark sher shah sad at multan</t>
  </si>
  <si>
    <t>Basti Labar</t>
  </si>
  <si>
    <t>Hamid Pur Kanora</t>
  </si>
  <si>
    <t>abdul raheem</t>
  </si>
  <si>
    <t>21395</t>
  </si>
  <si>
    <t>GGHS SADOKE</t>
  </si>
  <si>
    <t>Sadhoke</t>
  </si>
  <si>
    <t>Government Girls High School Sadhoke</t>
  </si>
  <si>
    <t>sadhoke</t>
  </si>
  <si>
    <t>Syed Khadija jamal</t>
  </si>
  <si>
    <t>953</t>
  </si>
  <si>
    <t>15796</t>
  </si>
  <si>
    <t>GES CHAK 237 RB II</t>
  </si>
  <si>
    <t>Khudi Waraich</t>
  </si>
  <si>
    <t>chak no 237/rb Faisalabad</t>
  </si>
  <si>
    <t>Khudian Waraichan</t>
  </si>
  <si>
    <t>Amir Manzoor</t>
  </si>
  <si>
    <t>49503</t>
  </si>
  <si>
    <t>GES NO.1 QILA DIDAR SINGH</t>
  </si>
  <si>
    <t>Noor pur road qila didar singh</t>
  </si>
  <si>
    <t>Muhammad Muzammil</t>
  </si>
  <si>
    <t>50690</t>
  </si>
  <si>
    <t>GHS 2/10-L</t>
  </si>
  <si>
    <t>2/10L Sahiwal</t>
  </si>
  <si>
    <t>chak no. 2/10-L, Sahiwal</t>
  </si>
  <si>
    <t>2/10-l Sahiwal</t>
  </si>
  <si>
    <t>Jinnah Town Harappa Station</t>
  </si>
  <si>
    <t>5565</t>
  </si>
  <si>
    <t>GHS CHAK 124 RB FSD</t>
  </si>
  <si>
    <t>124 rb</t>
  </si>
  <si>
    <t>chak no 124 rB FSd</t>
  </si>
  <si>
    <t>propian</t>
  </si>
  <si>
    <t>ghammi</t>
  </si>
  <si>
    <t>javeed masih</t>
  </si>
  <si>
    <t>3429</t>
  </si>
  <si>
    <t>3607</t>
  </si>
  <si>
    <t>GGCMS GHAUS PUR</t>
  </si>
  <si>
    <t>BWP GALWAN  - FEMALE</t>
  </si>
  <si>
    <t>Ghospur</t>
  </si>
  <si>
    <t>basti qazia ghospur</t>
  </si>
  <si>
    <t>Gospur</t>
  </si>
  <si>
    <t>Aisha Jabar Anwar</t>
  </si>
  <si>
    <t>39350</t>
  </si>
  <si>
    <t>10506</t>
  </si>
  <si>
    <t>GHSS MODEL LAYYAH</t>
  </si>
  <si>
    <t>GHULAM FAROOQ</t>
  </si>
  <si>
    <t>141570</t>
  </si>
  <si>
    <t>21763</t>
  </si>
  <si>
    <t>GHS BADDO RATTA</t>
  </si>
  <si>
    <t>GHS Baddo Ratta, Nowshehra Virkan Gujranwala</t>
  </si>
  <si>
    <t>Obed Akhtar Gill</t>
  </si>
  <si>
    <t>12943</t>
  </si>
  <si>
    <t>42012</t>
  </si>
  <si>
    <t>GGHS ANWAR-UL-ISLAM NO. BARAF KHANA CHOWK RWP (NEW)</t>
  </si>
  <si>
    <t>gghs anwar ul islam no.2 barafkhana chowk</t>
  </si>
  <si>
    <t>MARIAM MURTAZA</t>
  </si>
  <si>
    <t>19874</t>
  </si>
  <si>
    <t>24121</t>
  </si>
  <si>
    <t>GGHS GHATALIAN</t>
  </si>
  <si>
    <t>village and p/o ghatialian tehsil pasrur district sialkot</t>
  </si>
  <si>
    <t>43331</t>
  </si>
  <si>
    <t>2247</t>
  </si>
  <si>
    <t>23604</t>
  </si>
  <si>
    <t>GHS ISLAMIA SIRAN WALI</t>
  </si>
  <si>
    <t>siranwali tehsil daska distt sialkot</t>
  </si>
  <si>
    <t>Manshad Ahmad</t>
  </si>
  <si>
    <t>34977</t>
  </si>
  <si>
    <t>2795</t>
  </si>
  <si>
    <t>12468</t>
  </si>
  <si>
    <t>GPS SAWAN WALA</t>
  </si>
  <si>
    <t>Saddan  Wali</t>
  </si>
  <si>
    <t>Basti  Sawan Wala Tehsil and District  M Garh</t>
  </si>
  <si>
    <t>Sawan Wala</t>
  </si>
  <si>
    <t>Sajjad Hussain Tipu</t>
  </si>
  <si>
    <t>49219</t>
  </si>
  <si>
    <t>13059</t>
  </si>
  <si>
    <t>GHS BAIR BAND</t>
  </si>
  <si>
    <t>mouza Bair band tehsil jatoi</t>
  </si>
  <si>
    <t>7431</t>
  </si>
  <si>
    <t>GGPS CHAK.162/NP</t>
  </si>
  <si>
    <t>Chack No 162/np</t>
  </si>
  <si>
    <t>chack no 162/np</t>
  </si>
  <si>
    <t>Chack N0 162/np</t>
  </si>
  <si>
    <t>Safia Parveen</t>
  </si>
  <si>
    <t>53659</t>
  </si>
  <si>
    <t>22916</t>
  </si>
  <si>
    <t>GGHS DINGA</t>
  </si>
  <si>
    <t>DINGA</t>
  </si>
  <si>
    <t>DARASGAH ROAD DINGA</t>
  </si>
  <si>
    <t>NYLA SHARIF</t>
  </si>
  <si>
    <t>55811</t>
  </si>
  <si>
    <t>8783</t>
  </si>
  <si>
    <t>GHS TIBBA IMAM</t>
  </si>
  <si>
    <t>Babbi</t>
  </si>
  <si>
    <t>high school tibba imam</t>
  </si>
  <si>
    <t>Tibba Imam</t>
  </si>
  <si>
    <t>nazir ahmad</t>
  </si>
  <si>
    <t>19248</t>
  </si>
  <si>
    <t>16458</t>
  </si>
  <si>
    <t>GGHS CHAK 102 JB BURJ MANDI CHAK JHUMRA FSD</t>
  </si>
  <si>
    <t>102jb Burj Mandi</t>
  </si>
  <si>
    <t>102jb burj Mandi fsd</t>
  </si>
  <si>
    <t>102JB BURJ MANDI</t>
  </si>
  <si>
    <t>102 Jb BurjMandi</t>
  </si>
  <si>
    <t>SAMINA ISMAIL</t>
  </si>
  <si>
    <t>4738</t>
  </si>
  <si>
    <t>46371</t>
  </si>
  <si>
    <t>GHS SHAH WALA JANUBI</t>
  </si>
  <si>
    <t>Shahwala Janubi</t>
  </si>
  <si>
    <t>Gov High School Shahwala janubi</t>
  </si>
  <si>
    <t>Abdur Rauf</t>
  </si>
  <si>
    <t>47737</t>
  </si>
  <si>
    <t>GPS BHADDA</t>
  </si>
  <si>
    <t>basti bhadda uc Sadiqabad</t>
  </si>
  <si>
    <t>GHS CHAK SHAFI</t>
  </si>
  <si>
    <t>chak shafi</t>
  </si>
  <si>
    <t>chak shafi tehsil arifwala district pakpattan</t>
  </si>
  <si>
    <t>Naeem Rizwan</t>
  </si>
  <si>
    <t>9434</t>
  </si>
  <si>
    <t>36790</t>
  </si>
  <si>
    <t>GPS IBRAHIM PUR JADEED, P/O CHAK HAIDER ABAD, NAWAN SHEHR</t>
  </si>
  <si>
    <t>khoo balochaa wala mouza Rasoolpur ibrahimpur jadeed</t>
  </si>
  <si>
    <t>Ibrahim Pur</t>
  </si>
  <si>
    <t>Salarwahin Kohna</t>
  </si>
  <si>
    <t>Muhammad shafiq u rehman</t>
  </si>
  <si>
    <t>GGHSS MODEL GHARIB PURA GUJRAT</t>
  </si>
  <si>
    <t>gujrat</t>
  </si>
  <si>
    <t>govt. girls model higher secondary school ghareeb pura gujrat</t>
  </si>
  <si>
    <t>mohalla Ghareeb Pura</t>
  </si>
  <si>
    <t>ali pura</t>
  </si>
  <si>
    <t>razia akhtar</t>
  </si>
  <si>
    <t>7153</t>
  </si>
  <si>
    <t>GGPS MANGA QADEEM</t>
  </si>
  <si>
    <t>Manga Qadeem</t>
  </si>
  <si>
    <t>village manga qadeem p\O qila kalar wala tehsil pasrur district sialkot</t>
  </si>
  <si>
    <t>Yasmin Tahira</t>
  </si>
  <si>
    <t>5729</t>
  </si>
  <si>
    <t>17085</t>
  </si>
  <si>
    <t>GGPS SANDILA JAWIT WALA</t>
  </si>
  <si>
    <t>Talkacho</t>
  </si>
  <si>
    <t>basti jawait moza talkacho</t>
  </si>
  <si>
    <t>Jawait</t>
  </si>
  <si>
    <t>Mondka</t>
  </si>
  <si>
    <t>NADIA HABIB</t>
  </si>
  <si>
    <t>2825</t>
  </si>
  <si>
    <t>54741</t>
  </si>
  <si>
    <t>GGHS SIALKOT BYPASS</t>
  </si>
  <si>
    <t>Sialkot Bypass</t>
  </si>
  <si>
    <t>GGHS  sialkot Bypass chowk</t>
  </si>
  <si>
    <t>Wania Wala</t>
  </si>
  <si>
    <t>Samia Shaheen</t>
  </si>
  <si>
    <t>48808</t>
  </si>
  <si>
    <t>10526</t>
  </si>
  <si>
    <t>GGHS PEER JAGGI</t>
  </si>
  <si>
    <t>Peer jaggi</t>
  </si>
  <si>
    <t>chak no 170 p/o Peer jaggi</t>
  </si>
  <si>
    <t>Bushra Rehman</t>
  </si>
  <si>
    <t>33894</t>
  </si>
  <si>
    <t>21739</t>
  </si>
  <si>
    <t>GHS BABBAR</t>
  </si>
  <si>
    <t>Babbar</t>
  </si>
  <si>
    <t>VPO BABBAR TEHSIL NOSHERA VIRKAN  (GRW)</t>
  </si>
  <si>
    <t>Abid Abad</t>
  </si>
  <si>
    <t>Shafqat Mahmood</t>
  </si>
  <si>
    <t>6956</t>
  </si>
  <si>
    <t>16759</t>
  </si>
  <si>
    <t>GGES 603 GB</t>
  </si>
  <si>
    <t>603 Gb</t>
  </si>
  <si>
    <t>Chak No 603 Gb</t>
  </si>
  <si>
    <t>Anila Shahzad</t>
  </si>
  <si>
    <t>42170</t>
  </si>
  <si>
    <t>17434</t>
  </si>
  <si>
    <t>6277</t>
  </si>
  <si>
    <t>14096</t>
  </si>
  <si>
    <t>42544</t>
  </si>
  <si>
    <t>GMPS CATTLE FARM</t>
  </si>
  <si>
    <t>MEHRAY WALA  - FEMALE</t>
  </si>
  <si>
    <t>CHAK KHAS</t>
  </si>
  <si>
    <t>CATTLE FARM FAZILPUR</t>
  </si>
  <si>
    <t>CATTLE FARM</t>
  </si>
  <si>
    <t>M C  Fazil pur</t>
  </si>
  <si>
    <t>Mussarat Parveen</t>
  </si>
  <si>
    <t>30860</t>
  </si>
  <si>
    <t>GGHS BARKAT MARKET GARDEN TOWN LHR</t>
  </si>
  <si>
    <t>GARDEN TOWN</t>
  </si>
  <si>
    <t>GGHS BARKAT MARKET GARDEN TOWN LAHORE</t>
  </si>
  <si>
    <t>shamshad akhtar</t>
  </si>
  <si>
    <t>Govt. Filtered Water (WASA)</t>
  </si>
  <si>
    <t>16971</t>
  </si>
  <si>
    <t>GGHS BASTI GHAZI SHAH</t>
  </si>
  <si>
    <t>Ghazi Shah</t>
  </si>
  <si>
    <t>govt girls high school Basti GHAZI SHAH jhang</t>
  </si>
  <si>
    <t>Basti GHAZI SHAH</t>
  </si>
  <si>
    <t>Musarat Fatima</t>
  </si>
  <si>
    <t>36896</t>
  </si>
  <si>
    <t>26016</t>
  </si>
  <si>
    <t>GHSS DINA</t>
  </si>
  <si>
    <t>GT ROAD DINA TEHSIL DINA DIST JHLEUM</t>
  </si>
  <si>
    <t>DINA 1</t>
  </si>
  <si>
    <t>Mubashar Ahmad</t>
  </si>
  <si>
    <t>GHS CHAK NO. 9/G</t>
  </si>
  <si>
    <t>govt. high school chak no.9/g chishtian</t>
  </si>
  <si>
    <t>chak no.9/g</t>
  </si>
  <si>
    <t>chak no.23/g</t>
  </si>
  <si>
    <t>saleem masih</t>
  </si>
  <si>
    <t>5774</t>
  </si>
  <si>
    <t>11743</t>
  </si>
  <si>
    <t>20866</t>
  </si>
  <si>
    <t>GGHSS RASOOL NAGAR</t>
  </si>
  <si>
    <t>Govt girls higher secondary school Rasool Nagar</t>
  </si>
  <si>
    <t>kaniz Zahra  Iram</t>
  </si>
  <si>
    <t>18910</t>
  </si>
  <si>
    <t>831</t>
  </si>
  <si>
    <t>27809</t>
  </si>
  <si>
    <t>GGHS CHOT DHEERAN</t>
  </si>
  <si>
    <t>Chot Dheeran</t>
  </si>
  <si>
    <t>gghs chot dheeran</t>
  </si>
  <si>
    <t>Chak Raib</t>
  </si>
  <si>
    <t>30229</t>
  </si>
  <si>
    <t>GGHS  R.A. BAZAR</t>
  </si>
  <si>
    <t>R.A bazar lahore cantt</t>
  </si>
  <si>
    <t>KALSOOM AKHTER</t>
  </si>
  <si>
    <t>11273</t>
  </si>
  <si>
    <t>GGHS KHAIRPUR SADAT</t>
  </si>
  <si>
    <t>KHAIR PUR SADAT</t>
  </si>
  <si>
    <t>GGHS KHAIR PUR SADAT</t>
  </si>
  <si>
    <t>SYDA MOMIN BIBI</t>
  </si>
  <si>
    <t>5824</t>
  </si>
  <si>
    <t>RO  water filtration PLANT</t>
  </si>
  <si>
    <t>34969</t>
  </si>
  <si>
    <t>31160</t>
  </si>
  <si>
    <t>2769</t>
  </si>
  <si>
    <t>GPS CHAK KEHAL</t>
  </si>
  <si>
    <t>Basti Azizullah Lashari</t>
  </si>
  <si>
    <t>Muhammad Mazhar Sattar</t>
  </si>
  <si>
    <t>5382</t>
  </si>
  <si>
    <t>38003</t>
  </si>
  <si>
    <t>GES SHAHEEDAN WALA P/O RAJA PUR</t>
  </si>
  <si>
    <t>PERMIT - MALE</t>
  </si>
  <si>
    <t>Raja Pur</t>
  </si>
  <si>
    <t>shaheedan wala p/o raja pur lodhran</t>
  </si>
  <si>
    <t>Shaheedan Wala</t>
  </si>
  <si>
    <t>30254</t>
  </si>
  <si>
    <t>GGHS SALAMAT PURA (newly upgraded)</t>
  </si>
  <si>
    <t>salamat pura</t>
  </si>
  <si>
    <t>Salamat Pura Near Darbar Maqsoodan Wala Lahore</t>
  </si>
  <si>
    <t>Mst. Naghma Shamim</t>
  </si>
  <si>
    <t>22015</t>
  </si>
  <si>
    <t>GGCMS SALEEM PURA</t>
  </si>
  <si>
    <t>saleem pura</t>
  </si>
  <si>
    <t>GGCM School Sleem pura.Markaz Jalhan.
Post office Jalhan.Ditrict Gujranwala</t>
  </si>
  <si>
    <t>jallhan</t>
  </si>
  <si>
    <t>Madeeha Munawar</t>
  </si>
  <si>
    <t>13758</t>
  </si>
  <si>
    <t>20773</t>
  </si>
  <si>
    <t>20722</t>
  </si>
  <si>
    <t>39544</t>
  </si>
  <si>
    <t>GES MARYALA</t>
  </si>
  <si>
    <t>NARA - MALE</t>
  </si>
  <si>
    <t>Maryala</t>
  </si>
  <si>
    <t>vpo Maryala  Tehsil Jand District Attock</t>
  </si>
  <si>
    <t>Muhammad Imran Khan</t>
  </si>
  <si>
    <t>15992</t>
  </si>
  <si>
    <t>39640</t>
  </si>
  <si>
    <t>GGHSS SARRIA</t>
  </si>
  <si>
    <t>Sariya</t>
  </si>
  <si>
    <t>VPO Sariya</t>
  </si>
  <si>
    <t>Hassan Pathan</t>
  </si>
  <si>
    <t>TAHIRA KALSOOM</t>
  </si>
  <si>
    <t>32448</t>
  </si>
  <si>
    <t>33618</t>
  </si>
  <si>
    <t>GGHS NEW CENTRAL JAIL MULTAN</t>
  </si>
  <si>
    <t>Pandat Ram Narain</t>
  </si>
  <si>
    <t>GGHS New Central Jail, Basti Sultan Pura, Multan</t>
  </si>
  <si>
    <t>Basti Sultan Pura</t>
  </si>
  <si>
    <t>Ghous Abad</t>
  </si>
  <si>
    <t>Syeda Tasleem Fatima Naqvi</t>
  </si>
  <si>
    <t>52105</t>
  </si>
  <si>
    <t>GGHS 91 EB MOHALAN WALA</t>
  </si>
  <si>
    <t>Muhammad Nagar1</t>
  </si>
  <si>
    <t>gghs91/e.b Arifwala</t>
  </si>
  <si>
    <t>91/eb</t>
  </si>
  <si>
    <t>Chak 83/eb</t>
  </si>
  <si>
    <t>Zareen Ashfaq</t>
  </si>
  <si>
    <t>2864</t>
  </si>
  <si>
    <t>15820</t>
  </si>
  <si>
    <t>GPS CHAK 29 JB NORTH</t>
  </si>
  <si>
    <t>29jb Jb N</t>
  </si>
  <si>
    <t>chak no 29jb N Fsd</t>
  </si>
  <si>
    <t>Chak No 29jb N Fsd</t>
  </si>
  <si>
    <t>Chak no 29jb N Fsd</t>
  </si>
  <si>
    <t>M Khalid Javid</t>
  </si>
  <si>
    <t>41985</t>
  </si>
  <si>
    <t>53041</t>
  </si>
  <si>
    <t>47424</t>
  </si>
  <si>
    <t>17626</t>
  </si>
  <si>
    <t>13168</t>
  </si>
  <si>
    <t>GPS BASTI SHUMAR</t>
  </si>
  <si>
    <t>Basti Shumar</t>
  </si>
  <si>
    <t>RO Plant</t>
  </si>
  <si>
    <t>5151</t>
  </si>
  <si>
    <t>GGHS MODEL LIAQAT PUR</t>
  </si>
  <si>
    <t>LIAQUATPUR</t>
  </si>
  <si>
    <t>GGMHS LIAQUATPUR</t>
  </si>
  <si>
    <t>CITY LIAQUATPUR</t>
  </si>
  <si>
    <t>CITY LQP</t>
  </si>
  <si>
    <t>shamim hayyat</t>
  </si>
  <si>
    <t>30544</t>
  </si>
  <si>
    <t>32658</t>
  </si>
  <si>
    <t>GGHSS RAM NAGAR CHAK NO. 6 GB</t>
  </si>
  <si>
    <t>chak 6 ramnagar</t>
  </si>
  <si>
    <t>Chak 6</t>
  </si>
  <si>
    <t>Chak 4 Bhagwan Pura</t>
  </si>
  <si>
    <t>Khalida Amir Aawan</t>
  </si>
  <si>
    <t>17382</t>
  </si>
  <si>
    <t>54219</t>
  </si>
  <si>
    <t>48797</t>
  </si>
  <si>
    <t>GGHS MC SATTELITE TOWN SARGODHA</t>
  </si>
  <si>
    <t>Sattelite Town Sgd</t>
  </si>
  <si>
    <t>Govt M.C Girls High School S/town sgd.</t>
  </si>
  <si>
    <t>Chak No 111 Sb</t>
  </si>
  <si>
    <t>Abida Batool</t>
  </si>
  <si>
    <t>19071</t>
  </si>
  <si>
    <t>37247</t>
  </si>
  <si>
    <t>GGES 19/V, KHANEWAL</t>
  </si>
  <si>
    <t>Chak #19/V</t>
  </si>
  <si>
    <t>Chak#19/v makhdom pur road khanewal</t>
  </si>
  <si>
    <t>Chak#19/V</t>
  </si>
  <si>
    <t>Chak# 16/V</t>
  </si>
  <si>
    <t>Nasira MASOOD</t>
  </si>
  <si>
    <t>32536</t>
  </si>
  <si>
    <t>16461</t>
  </si>
  <si>
    <t>GGHS CHAK 126 RB FSD</t>
  </si>
  <si>
    <t>Govt Girls High School 126 RB  Fsd</t>
  </si>
  <si>
    <t>Pahring</t>
  </si>
  <si>
    <t>127 RB Fsd</t>
  </si>
  <si>
    <t>Sajida Asif</t>
  </si>
  <si>
    <t>9455</t>
  </si>
  <si>
    <t>3926</t>
  </si>
  <si>
    <t>GPS  CHAHDOGRAN WALA  PIRSADDAR DIN</t>
  </si>
  <si>
    <t>PAKPATTAN 4 - MALE</t>
  </si>
  <si>
    <t>15/kb</t>
  </si>
  <si>
    <t>Chah Dogran wala p/o Sader Din Teh. &amp; District Pakpattan</t>
  </si>
  <si>
    <t>Chah Dogran Wala</t>
  </si>
  <si>
    <t>Muhammed Umar</t>
  </si>
  <si>
    <t>21566</t>
  </si>
  <si>
    <t>18069</t>
  </si>
  <si>
    <t>24956</t>
  </si>
  <si>
    <t>38560</t>
  </si>
  <si>
    <t>GPS 389/WB GHARBI</t>
  </si>
  <si>
    <t>389wb Gharbi</t>
  </si>
  <si>
    <t>389wb gharbi Teh.Dunyapur</t>
  </si>
  <si>
    <t>Rehan Anwar</t>
  </si>
  <si>
    <t>7471</t>
  </si>
  <si>
    <t>30940</t>
  </si>
  <si>
    <t>GGHS MADRISA-TUL-BINAT AUSTRAILA BUILDING</t>
  </si>
  <si>
    <t>Data Gang Baksh Town</t>
  </si>
  <si>
    <t>mechload road  lahore</t>
  </si>
  <si>
    <t>106 Mechload Road Lahore</t>
  </si>
  <si>
    <t>GOWAL MANDI</t>
  </si>
  <si>
    <t>Mst.Shahida Rehmat</t>
  </si>
  <si>
    <t>4801</t>
  </si>
  <si>
    <t>GGHS CHAK NO. 8/FW SEETHAN WALA</t>
  </si>
  <si>
    <t>8fw</t>
  </si>
  <si>
    <t>8 Fw bakhashan khan</t>
  </si>
  <si>
    <t>9/ FW</t>
  </si>
  <si>
    <t>Azra Nasim Rashid</t>
  </si>
  <si>
    <t>16384</t>
  </si>
  <si>
    <t>water suply</t>
  </si>
  <si>
    <t>25700</t>
  </si>
  <si>
    <t>46146</t>
  </si>
  <si>
    <t>GHS RODA</t>
  </si>
  <si>
    <t>roda</t>
  </si>
  <si>
    <t>SHAMS-UL-ARIFEEN</t>
  </si>
  <si>
    <t>41865</t>
  </si>
  <si>
    <t>GGHS DHOKE MANGTAL MISRIAL</t>
  </si>
  <si>
    <t>Misrial</t>
  </si>
  <si>
    <t>GGHS Misrial Road Near Dewan-e-Khas Rwp</t>
  </si>
  <si>
    <t>saima azhar</t>
  </si>
  <si>
    <t>6730</t>
  </si>
  <si>
    <t>44784</t>
  </si>
  <si>
    <t>GHS SHEIKHUM</t>
  </si>
  <si>
    <t>Sheikham</t>
  </si>
  <si>
    <t>halla road sheikham tehsil pattoki distt kasur</t>
  </si>
  <si>
    <t>Shakil Ahmad Rizvi</t>
  </si>
  <si>
    <t>1401</t>
  </si>
  <si>
    <t>18244</t>
  </si>
  <si>
    <t>GHS GARH MORE</t>
  </si>
  <si>
    <t>Chak 4/3-L</t>
  </si>
  <si>
    <t>Chak 4/3-L Garh More</t>
  </si>
  <si>
    <t>Kupori</t>
  </si>
  <si>
    <t>Ghulam Shabbir</t>
  </si>
  <si>
    <t>14629</t>
  </si>
  <si>
    <t>GGES KACHI ABADI RAILWAY COLONY</t>
  </si>
  <si>
    <t>Kachi Abadi Railway Colony Faisalabad</t>
  </si>
  <si>
    <t>Railway colony</t>
  </si>
  <si>
    <t>34261</t>
  </si>
  <si>
    <t>GES BASTI GAGRA P/O JHOKE VAINCE</t>
  </si>
  <si>
    <t>BASTI GAGRA</t>
  </si>
  <si>
    <t>GES  BASTI GAGRA P/O JHOKE VAINCE</t>
  </si>
  <si>
    <t>JUNGLE KALRANWALA</t>
  </si>
  <si>
    <t>muhammad badar maqbool</t>
  </si>
  <si>
    <t>11739</t>
  </si>
  <si>
    <t>24640</t>
  </si>
  <si>
    <t>GGCMS CITY CHOBARA</t>
  </si>
  <si>
    <t>CHOBARA - FEMALE</t>
  </si>
  <si>
    <t>CHOBARA</t>
  </si>
  <si>
    <t>VPO CHOBARA TEHSIL PASRUR DISTRICT SIALKOT</t>
  </si>
  <si>
    <t>Tajnees Fatima</t>
  </si>
  <si>
    <t>8657</t>
  </si>
  <si>
    <t>GGPS SHADANA</t>
  </si>
  <si>
    <t>Billoqa</t>
  </si>
  <si>
    <t>basti shadana moza billoka</t>
  </si>
  <si>
    <t>Shadana</t>
  </si>
  <si>
    <t>Qasimqa</t>
  </si>
  <si>
    <t>Azra Nawaz</t>
  </si>
  <si>
    <t>21678</t>
  </si>
  <si>
    <t>GGHS KOTLI NAWAB</t>
  </si>
  <si>
    <t>Kotli nawab</t>
  </si>
  <si>
    <t>Shehnaz Kausar</t>
  </si>
  <si>
    <t>13311</t>
  </si>
  <si>
    <t>GGPS HAKEEM ALLAH WASAYA</t>
  </si>
  <si>
    <t>Kallarwali</t>
  </si>
  <si>
    <t>esan wali pul p o kallarwali tehsil Jatoi Distt Muzaffargarh</t>
  </si>
  <si>
    <t>Esan Wala</t>
  </si>
  <si>
    <t>Sajida Batool</t>
  </si>
  <si>
    <t>54154</t>
  </si>
  <si>
    <t>GGHS NOWSHERA VIRKAN NO.02</t>
  </si>
  <si>
    <t>NOWSHERA VIRKAN</t>
  </si>
  <si>
    <t>MOHALLAH Shaheen Abad NOWSHERA VIRKAN</t>
  </si>
  <si>
    <t>Syeda Shagufta Tirmizi</t>
  </si>
  <si>
    <t>13429</t>
  </si>
  <si>
    <t>39531</t>
  </si>
  <si>
    <t>GPS DHOK DHATTI</t>
  </si>
  <si>
    <t>vpo jalwal district attack jand</t>
  </si>
  <si>
    <t>Arfat Ahmed</t>
  </si>
  <si>
    <t>9086</t>
  </si>
  <si>
    <t>5998</t>
  </si>
  <si>
    <t>GGHS CHAK NO. 113/P</t>
  </si>
  <si>
    <t>Wha Kona</t>
  </si>
  <si>
    <t>chak 113p post office 114p rahim yar khan</t>
  </si>
  <si>
    <t>Chak 113/P</t>
  </si>
  <si>
    <t>Chak No 114/P</t>
  </si>
  <si>
    <t>IRSHAD KOUSAR</t>
  </si>
  <si>
    <t>21824</t>
  </si>
  <si>
    <t>12418</t>
  </si>
  <si>
    <t>GGPS CHAK 134 RB II</t>
  </si>
  <si>
    <t>Mitranwali</t>
  </si>
  <si>
    <t>chak# 134rb2</t>
  </si>
  <si>
    <t>134RB West</t>
  </si>
  <si>
    <t>Rizwana Nawaz</t>
  </si>
  <si>
    <t>16311</t>
  </si>
  <si>
    <t>21947</t>
  </si>
  <si>
    <t>35858</t>
  </si>
  <si>
    <t>53608</t>
  </si>
  <si>
    <t>50114</t>
  </si>
  <si>
    <t>GHS 7/11-L RAWAN WALA</t>
  </si>
  <si>
    <t>7/11L Rawan</t>
  </si>
  <si>
    <t>GHS 7/11L (Rawan) Chichawatni.District  Sahiwal</t>
  </si>
  <si>
    <t>8/11L</t>
  </si>
  <si>
    <t>armghan Javed</t>
  </si>
  <si>
    <t>24525</t>
  </si>
  <si>
    <t>1834</t>
  </si>
  <si>
    <t>37303</t>
  </si>
  <si>
    <t>GGPS 4-9/R, KACHA KHUH</t>
  </si>
  <si>
    <t>Dolatpur</t>
  </si>
  <si>
    <t>chak no 4/9r doltpur kucha khu</t>
  </si>
  <si>
    <t>4/9R</t>
  </si>
  <si>
    <t>tasleem akhtar</t>
  </si>
  <si>
    <t>6586</t>
  </si>
  <si>
    <t>27965</t>
  </si>
  <si>
    <t>GHS ISLAMIA 359/WB</t>
  </si>
  <si>
    <t>359/wb</t>
  </si>
  <si>
    <t>chak no 359/wb</t>
  </si>
  <si>
    <t>360/wb</t>
  </si>
  <si>
    <t>Hamid Ali</t>
  </si>
  <si>
    <t>GGHS MALHU KHOKHAR</t>
  </si>
  <si>
    <t>Malhukhokhar</t>
  </si>
  <si>
    <t>Village and Post office Malhukhokhar</t>
  </si>
  <si>
    <t>Malhukhokar</t>
  </si>
  <si>
    <t>JORA JALAL PUR</t>
  </si>
  <si>
    <t>Atia Arshad Malik</t>
  </si>
  <si>
    <t>50890</t>
  </si>
  <si>
    <t>9738</t>
  </si>
  <si>
    <t>GGPS CHAK NO 403 TDA</t>
  </si>
  <si>
    <t>Chak no. 403/TDA Tehsil Choubara District Layyah</t>
  </si>
  <si>
    <t>Chak No 403/TDA</t>
  </si>
  <si>
    <t>Safia Akhter</t>
  </si>
  <si>
    <t>52380</t>
  </si>
  <si>
    <t>14414</t>
  </si>
  <si>
    <t>54354</t>
  </si>
  <si>
    <t>GGPS BAQA PUR</t>
  </si>
  <si>
    <t>basti o moza baqa pur post office hathiji</t>
  </si>
  <si>
    <t>Bwp Ghlwan</t>
  </si>
  <si>
    <t>Sarah Naeem</t>
  </si>
  <si>
    <t>43960</t>
  </si>
  <si>
    <t>28563</t>
  </si>
  <si>
    <t>GPS PHALIA BOOTA</t>
  </si>
  <si>
    <t>PHALIA - MALE</t>
  </si>
  <si>
    <t>Phalia Boota</t>
  </si>
  <si>
    <t>phalia boota</t>
  </si>
  <si>
    <t>MC Phalia</t>
  </si>
  <si>
    <t>Ghulam Mustafa Shahid</t>
  </si>
  <si>
    <t>7880</t>
  </si>
  <si>
    <t>18735</t>
  </si>
  <si>
    <t>GGPS CHAK 349 JB SETRAH</t>
  </si>
  <si>
    <t>Setrah</t>
  </si>
  <si>
    <t>GGPS349 JB SETRAH</t>
  </si>
  <si>
    <t>349 Jb</t>
  </si>
  <si>
    <t>349 Jb Setrah</t>
  </si>
  <si>
    <t>sana abid</t>
  </si>
  <si>
    <t>28462</t>
  </si>
  <si>
    <t>27398</t>
  </si>
  <si>
    <t>11750</t>
  </si>
  <si>
    <t>32777</t>
  </si>
  <si>
    <t>GPS JHOKE ARAIN</t>
  </si>
  <si>
    <t>CHOWK SARWAR SHAHEED-I- MALE</t>
  </si>
  <si>
    <t>ARAIN SHERQI</t>
  </si>
  <si>
    <t>CHAK NO 545/TDA</t>
  </si>
  <si>
    <t>CHAK NO 632/TDA</t>
  </si>
  <si>
    <t>MUHAMMAD KAUSAR</t>
  </si>
  <si>
    <t>38041</t>
  </si>
  <si>
    <t>GPS MANGLY WALA</t>
  </si>
  <si>
    <t>Chah Manglay Wala</t>
  </si>
  <si>
    <t>Manglay Wala</t>
  </si>
  <si>
    <t>4675</t>
  </si>
  <si>
    <t>53003</t>
  </si>
  <si>
    <t>GHS RATTAKEY</t>
  </si>
  <si>
    <t>Rattaykey</t>
  </si>
  <si>
    <t>chak rattaykey haveli lakha tehsil depalpur distt. okara</t>
  </si>
  <si>
    <t>Mohib Ali Uttar</t>
  </si>
  <si>
    <t>Muhammad Mueen Ahmad</t>
  </si>
  <si>
    <t>GPS PEHLWAN PURA</t>
  </si>
  <si>
    <t>SIRANWALI</t>
  </si>
  <si>
    <t>GPS PEHLWAN PURA   VPO SIRANWLI TEH. DASKA DISTT. SIALKOT POSTL CODE 51501</t>
  </si>
  <si>
    <t>PEHLWAN PURA</t>
  </si>
  <si>
    <t>MUHAMMAD IKRAM</t>
  </si>
  <si>
    <t>14080</t>
  </si>
  <si>
    <t>1317</t>
  </si>
  <si>
    <t>54833</t>
  </si>
  <si>
    <t>54899</t>
  </si>
  <si>
    <t>GGPS MANGOOR</t>
  </si>
  <si>
    <t>HAMOKA (FEMALE)</t>
  </si>
  <si>
    <t>Mangoor</t>
  </si>
  <si>
    <t>mangoor khushab</t>
  </si>
  <si>
    <t>Hamoka</t>
  </si>
  <si>
    <t>Mehwish Mumtaz</t>
  </si>
  <si>
    <t>GES JAMPUR NO. 3</t>
  </si>
  <si>
    <t>muhamdia colony jampur</t>
  </si>
  <si>
    <t>irshad ahmad</t>
  </si>
  <si>
    <t>13867</t>
  </si>
  <si>
    <t>32155</t>
  </si>
  <si>
    <t>46022</t>
  </si>
  <si>
    <t>38133</t>
  </si>
  <si>
    <t>53295</t>
  </si>
  <si>
    <t>GPS AZEEM ABAD , OKARA</t>
  </si>
  <si>
    <t>Azeemabad Okara</t>
  </si>
  <si>
    <t>Azeemabad Okara City</t>
  </si>
  <si>
    <t>Faizabad 93/5</t>
  </si>
  <si>
    <t>Ashiq Ali</t>
  </si>
  <si>
    <t>32019</t>
  </si>
  <si>
    <t>26850</t>
  </si>
  <si>
    <t>19904</t>
  </si>
  <si>
    <t>GHS CHAK NO. 132 JB</t>
  </si>
  <si>
    <t>Dhamraie</t>
  </si>
  <si>
    <t>Chak No 132 JB Dhamraie Chiniot</t>
  </si>
  <si>
    <t>Chak No 132 JB Dhamraie</t>
  </si>
  <si>
    <t>Thattian</t>
  </si>
  <si>
    <t>SAQIB TANVEER</t>
  </si>
  <si>
    <t>GGPS 124 WB</t>
  </si>
  <si>
    <t>124/Wb</t>
  </si>
  <si>
    <t>124/wb</t>
  </si>
  <si>
    <t>Madiha Mustafa</t>
  </si>
  <si>
    <t>16841</t>
  </si>
  <si>
    <t>15818</t>
  </si>
  <si>
    <t>GPS 27 JB WEST</t>
  </si>
  <si>
    <t>Ramsar</t>
  </si>
  <si>
    <t>chak 27 jb faisalabad</t>
  </si>
  <si>
    <t>Chak No 27 Jb South FAISALABAD</t>
  </si>
  <si>
    <t>Chak 27 Jb North</t>
  </si>
  <si>
    <t>Muhammad Aziz Ullah</t>
  </si>
  <si>
    <t>41489</t>
  </si>
  <si>
    <t>49302</t>
  </si>
  <si>
    <t>GGHS CHAK NO.82 NB</t>
  </si>
  <si>
    <t>82 nb</t>
  </si>
  <si>
    <t>gghs 82 nb sargodha</t>
  </si>
  <si>
    <t>chak no 82 nb sargodha</t>
  </si>
  <si>
    <t>Farzana Punnah</t>
  </si>
  <si>
    <t>7006</t>
  </si>
  <si>
    <t>41737</t>
  </si>
  <si>
    <t>16376</t>
  </si>
  <si>
    <t>GGPS CHAK NO 137 RB 11</t>
  </si>
  <si>
    <t>chak#137rb ii</t>
  </si>
  <si>
    <t>chak #137rb ii uddu datta</t>
  </si>
  <si>
    <t>137Rb ii uddu data</t>
  </si>
  <si>
    <t>Rafaqat Tahira</t>
  </si>
  <si>
    <t>11368</t>
  </si>
  <si>
    <t>23105</t>
  </si>
  <si>
    <t>GPS VEROWAL</t>
  </si>
  <si>
    <t>Verowal</t>
  </si>
  <si>
    <t>GPS VEROWAL, LALAMUSA</t>
  </si>
  <si>
    <t>Chakori Sher Ghazi</t>
  </si>
  <si>
    <t>Kulewal Syedan</t>
  </si>
  <si>
    <t>Nazia Ashraf</t>
  </si>
  <si>
    <t>48739</t>
  </si>
  <si>
    <t>13314</t>
  </si>
  <si>
    <t>GGPS BAKHARI</t>
  </si>
  <si>
    <t>Jhanday Wali</t>
  </si>
  <si>
    <t>Moosay wala, jhanday wali, MUZAFFAR GARH</t>
  </si>
  <si>
    <t>Jhanday wali</t>
  </si>
  <si>
    <t>Tehmina Fareed</t>
  </si>
  <si>
    <t>6430</t>
  </si>
  <si>
    <t>51841</t>
  </si>
  <si>
    <t>GGHS 153 EB POST OFFICE CHAK NO 153 EB</t>
  </si>
  <si>
    <t>chak no.153eb</t>
  </si>
  <si>
    <t>153eb</t>
  </si>
  <si>
    <t>151eb</t>
  </si>
  <si>
    <t>AMNA SHAHZAD</t>
  </si>
  <si>
    <t>24549</t>
  </si>
  <si>
    <t>GGPS MANGU SANGAR</t>
  </si>
  <si>
    <t>Mangu Sangar</t>
  </si>
  <si>
    <t>Village Mangu Sangar Tehsil Pasrur District Sialkot</t>
  </si>
  <si>
    <t>Khadijah Sarfraz</t>
  </si>
  <si>
    <t>15195</t>
  </si>
  <si>
    <t>48502</t>
  </si>
  <si>
    <t>GGHS CHAK NO.9 NB</t>
  </si>
  <si>
    <t>Chak 9 NB Bhalwal</t>
  </si>
  <si>
    <t>Chak No.9 NB BHALWAL</t>
  </si>
  <si>
    <t>Chak No 9 NB Bhalwal</t>
  </si>
  <si>
    <t>NADIA NOOR</t>
  </si>
  <si>
    <t>36541</t>
  </si>
  <si>
    <t>GHS MUBARAK PUR, KABIRWALA</t>
  </si>
  <si>
    <t>Mubarak Pur</t>
  </si>
  <si>
    <t>Govt. High School Mubarak Pur Kabirwala.</t>
  </si>
  <si>
    <t>32182</t>
  </si>
  <si>
    <t>44417</t>
  </si>
  <si>
    <t>38620</t>
  </si>
  <si>
    <t>GGPS 17/M</t>
  </si>
  <si>
    <t>CHAK NO 17/M</t>
  </si>
  <si>
    <t>22619</t>
  </si>
  <si>
    <t>GMPS SHADIWAL POWER HOUSE</t>
  </si>
  <si>
    <t>Power House</t>
  </si>
  <si>
    <t>wapda colony shadiwal power house</t>
  </si>
  <si>
    <t>Qanita sameen</t>
  </si>
  <si>
    <t>22631</t>
  </si>
  <si>
    <t>50302</t>
  </si>
  <si>
    <t>GES 23/11-L</t>
  </si>
  <si>
    <t>26677</t>
  </si>
  <si>
    <t>20677</t>
  </si>
  <si>
    <t>GMPS CHAK SHAH WALA</t>
  </si>
  <si>
    <t>Qaim Ka</t>
  </si>
  <si>
    <t>chak shah wala</t>
  </si>
  <si>
    <t>Shak Chah Wala</t>
  </si>
  <si>
    <t>Sadiq Nagar</t>
  </si>
  <si>
    <t>Shamraz Muzafer</t>
  </si>
  <si>
    <t>10743</t>
  </si>
  <si>
    <t>28662</t>
  </si>
  <si>
    <t>GGHS CHAK NO 17</t>
  </si>
  <si>
    <t>Chak 17</t>
  </si>
  <si>
    <t>chak 17, Chunian, kasur</t>
  </si>
  <si>
    <t>Rubina Ghulam Nabi</t>
  </si>
  <si>
    <t>38066</t>
  </si>
  <si>
    <t>GGPS BAAGH WALA</t>
  </si>
  <si>
    <t>GGP/S bagh wala Rawanin p/o gely wal lodhran</t>
  </si>
  <si>
    <t>ZUBAIDA BIBI</t>
  </si>
  <si>
    <t>8211</t>
  </si>
  <si>
    <t>5843</t>
  </si>
  <si>
    <t>GPS HAJI GAGAN SHARIF</t>
  </si>
  <si>
    <t>Haji Gagan</t>
  </si>
  <si>
    <t>haji Gagan kasur</t>
  </si>
  <si>
    <t>MC kasur</t>
  </si>
  <si>
    <t>8792</t>
  </si>
  <si>
    <t>12329</t>
  </si>
  <si>
    <t>GPS CHAK NO. 128 ML</t>
  </si>
  <si>
    <t>CHOWK SARWAR SHAHEED-III- MALE</t>
  </si>
  <si>
    <t>chak No 128 mL</t>
  </si>
  <si>
    <t>Chak No 128 ML</t>
  </si>
  <si>
    <t>Muhammad Ashique</t>
  </si>
  <si>
    <t>7666</t>
  </si>
  <si>
    <t>GHSS SAMINA</t>
  </si>
  <si>
    <t>SAMINA SADAT</t>
  </si>
  <si>
    <t>GHSS SAMINA, D.G.KHAN</t>
  </si>
  <si>
    <t>SAMINA</t>
  </si>
  <si>
    <t>Doctor Abid Hussain</t>
  </si>
  <si>
    <t>11049</t>
  </si>
  <si>
    <t>12539</t>
  </si>
  <si>
    <t>GES DIN PUR</t>
  </si>
  <si>
    <t>Govt. Elementary School Deen Pur</t>
  </si>
  <si>
    <t>Muhammad Dildar</t>
  </si>
  <si>
    <t>19751</t>
  </si>
  <si>
    <t>54381</t>
  </si>
  <si>
    <t>34630</t>
  </si>
  <si>
    <t>24598</t>
  </si>
  <si>
    <t>GGES FARID PUR</t>
  </si>
  <si>
    <t>Farid Pur</t>
  </si>
  <si>
    <t>village  farid  pur,p/o bakho bhatti,tehsil pasrur,district  sialkot</t>
  </si>
  <si>
    <t>Pindi Bhago</t>
  </si>
  <si>
    <t>13175</t>
  </si>
  <si>
    <t>GGPS DENAY WALA</t>
  </si>
  <si>
    <t>Vidad</t>
  </si>
  <si>
    <t>basti Selhani deney wala</t>
  </si>
  <si>
    <t>Basti Selhani</t>
  </si>
  <si>
    <t>Ward Number 17 MUNICIPAL Committe   Jatoi Municipal Committe  Jatoi</t>
  </si>
  <si>
    <t>Khalida Begum</t>
  </si>
  <si>
    <t>13633</t>
  </si>
  <si>
    <t>5158</t>
  </si>
  <si>
    <t>GGHS THULL HAMZA</t>
  </si>
  <si>
    <t>Thull Hamza</t>
  </si>
  <si>
    <t>gghs thull hamza p/o Thull Hamza Liaquat pur</t>
  </si>
  <si>
    <t>Dashti</t>
  </si>
  <si>
    <t>Sajida Mahmood Bhatti</t>
  </si>
  <si>
    <t>37987</t>
  </si>
  <si>
    <t>GGPS CHAK 382 GB LUNDIANWALA</t>
  </si>
  <si>
    <t>Sarwar Wali</t>
  </si>
  <si>
    <t>382gb</t>
  </si>
  <si>
    <t>383gb</t>
  </si>
  <si>
    <t>Yasmin Akhter</t>
  </si>
  <si>
    <t>25868</t>
  </si>
  <si>
    <t>26435</t>
  </si>
  <si>
    <t>GGHS GHANIAN</t>
  </si>
  <si>
    <t>VPO Ghanian Tehsil Phalia District Mandi Baha Uddin</t>
  </si>
  <si>
    <t>4919</t>
  </si>
  <si>
    <t>11517</t>
  </si>
  <si>
    <t>GHS SHEIKH UMER</t>
  </si>
  <si>
    <t>Sheikh Umer</t>
  </si>
  <si>
    <t>Sheikh Umer Tehsil Kot Addu</t>
  </si>
  <si>
    <t>9303</t>
  </si>
  <si>
    <t>GGPS MANGLAY WALI</t>
  </si>
  <si>
    <t>Bhutta</t>
  </si>
  <si>
    <t>Ggps Manglay Wali</t>
  </si>
  <si>
    <t>Manglay Wali</t>
  </si>
  <si>
    <t>Mangrotha East</t>
  </si>
  <si>
    <t>Ayesha Zia</t>
  </si>
  <si>
    <t>1184</t>
  </si>
  <si>
    <t>18521</t>
  </si>
  <si>
    <t>GGHS CHAK 162 GB</t>
  </si>
  <si>
    <t>GOVT. GIRLS HIGH SCHOOL 162/GB</t>
  </si>
  <si>
    <t>CHAK NO.162/GB</t>
  </si>
  <si>
    <t>CHAK NO.161/GB</t>
  </si>
  <si>
    <t>Azra Qamar</t>
  </si>
  <si>
    <t>53972</t>
  </si>
  <si>
    <t>6530</t>
  </si>
  <si>
    <t>40864</t>
  </si>
  <si>
    <t>GGPS BASTI KHAIR MUHAMMAD KHOKHAR</t>
  </si>
  <si>
    <t>BANGLA SHEREEN-FEMALE</t>
  </si>
  <si>
    <t>Kot Kamon Shah</t>
  </si>
  <si>
    <t>basti khair Muhammad khokhar nzd bipas road ,chowk bahadar pur</t>
  </si>
  <si>
    <t>Basti Khair Muhammad Khokhar</t>
  </si>
  <si>
    <t>6915</t>
  </si>
  <si>
    <t>GHS SANJAR PUR</t>
  </si>
  <si>
    <t>Sanjar Pur</t>
  </si>
  <si>
    <t>PO SANJAR pur SADIQ ABAD</t>
  </si>
  <si>
    <t>ijaz hussain shah</t>
  </si>
  <si>
    <t>1668</t>
  </si>
  <si>
    <t>31285</t>
  </si>
  <si>
    <t>GGES CDG BEGUM KOT SHAHDARA</t>
  </si>
  <si>
    <t>Shahadara</t>
  </si>
  <si>
    <t>CDG girls middle school begum kot</t>
  </si>
  <si>
    <t>BUGUM KOT</t>
  </si>
  <si>
    <t>Begumkot</t>
  </si>
  <si>
    <t>Electric water Cooler</t>
  </si>
  <si>
    <t>919</t>
  </si>
  <si>
    <t>23119</t>
  </si>
  <si>
    <t>GPS SHAHSARMUST</t>
  </si>
  <si>
    <t>Shahsarmast</t>
  </si>
  <si>
    <t>Village &amp; P/O Shahsarmast Teh:Kharian Distt: Gujrat</t>
  </si>
  <si>
    <t>Gunja</t>
  </si>
  <si>
    <t>Musrat Shaheen</t>
  </si>
  <si>
    <t>3998</t>
  </si>
  <si>
    <t>36593</t>
  </si>
  <si>
    <t>GHS AULAK SINDHU, SARAI SIDHU</t>
  </si>
  <si>
    <t>OLAK SINDHU</t>
  </si>
  <si>
    <t>BASTI OALK SINDHU MOUZA OALK SINDHU TEHSIL KABIRWALA (KHANEWAL)</t>
  </si>
  <si>
    <t>BASTI OALK SINDHU</t>
  </si>
  <si>
    <t>CHOPER HATTA</t>
  </si>
  <si>
    <t>malik saeed</t>
  </si>
  <si>
    <t>38844</t>
  </si>
  <si>
    <t>52205</t>
  </si>
  <si>
    <t>18672</t>
  </si>
  <si>
    <t>GPS CHAK 416 JB SOODI</t>
  </si>
  <si>
    <t>Soodi</t>
  </si>
  <si>
    <t>Chak no 416 J.B. SOODI</t>
  </si>
  <si>
    <t>416 JB</t>
  </si>
  <si>
    <t>349 JB</t>
  </si>
  <si>
    <t>Ahmad Raza</t>
  </si>
  <si>
    <t>40037</t>
  </si>
  <si>
    <t>51826</t>
  </si>
  <si>
    <t>GHS 149 EB ARIF WALA</t>
  </si>
  <si>
    <t>149/E.B</t>
  </si>
  <si>
    <t>GHS 149/E.B Arifwala</t>
  </si>
  <si>
    <t>151/E.B</t>
  </si>
  <si>
    <t>ALI SHER S/O SHEIKH MUHAMMAD</t>
  </si>
  <si>
    <t>17616</t>
  </si>
  <si>
    <t>11912</t>
  </si>
  <si>
    <t>32550</t>
  </si>
  <si>
    <t>GGPS THATTA GURMANI</t>
  </si>
  <si>
    <t>JAHAN KHAN- FEMALE</t>
  </si>
  <si>
    <t>thatha gurmani</t>
  </si>
  <si>
    <t>Fatima Khan</t>
  </si>
  <si>
    <t>31045</t>
  </si>
  <si>
    <t>50698</t>
  </si>
  <si>
    <t>GHS 65-A/G.D. SHARKI</t>
  </si>
  <si>
    <t>65-A/GD</t>
  </si>
  <si>
    <t>GHS 65A/GD EAST SAHIWAL</t>
  </si>
  <si>
    <t>65A/GD EAST</t>
  </si>
  <si>
    <t>6758</t>
  </si>
  <si>
    <t>26995</t>
  </si>
  <si>
    <t>14584</t>
  </si>
  <si>
    <t>GGPS CHAK 219 RB SAHIANWALA</t>
  </si>
  <si>
    <t>219rbSahianwala</t>
  </si>
  <si>
    <t>219 RB sahianwala</t>
  </si>
  <si>
    <t>Sahianwala</t>
  </si>
  <si>
    <t>219 RB Talianwala</t>
  </si>
  <si>
    <t>12439</t>
  </si>
  <si>
    <t>P/O Wasanday Wali</t>
  </si>
  <si>
    <t>Wasanday Wali</t>
  </si>
  <si>
    <t>Ghazanfargarh</t>
  </si>
  <si>
    <t>Shahnaz Mulazim</t>
  </si>
  <si>
    <t>39068</t>
  </si>
  <si>
    <t>GGES SALAR WAHIN KOHNA NAWAN SHEHR</t>
  </si>
  <si>
    <t>Salar Wahin Kohnai</t>
  </si>
  <si>
    <t>Nuzhat Sultana</t>
  </si>
  <si>
    <t>43800</t>
  </si>
  <si>
    <t>35842</t>
  </si>
  <si>
    <t>GGPS KHARALA</t>
  </si>
  <si>
    <t>Kharala</t>
  </si>
  <si>
    <t>Basti kikar wala Mouza Kharala Tehsil Mailsi Dist .Vehari</t>
  </si>
  <si>
    <t>Kikar Wala</t>
  </si>
  <si>
    <t>Shaista Aslam</t>
  </si>
  <si>
    <t>4981</t>
  </si>
  <si>
    <t>GGHS CHAK 68  GB</t>
  </si>
  <si>
    <t>68 GB</t>
  </si>
  <si>
    <t>Govt. girls High school 68 GB</t>
  </si>
  <si>
    <t>67 GB</t>
  </si>
  <si>
    <t>SHUMILA ANWAR</t>
  </si>
  <si>
    <t>6973</t>
  </si>
  <si>
    <t>50815</t>
  </si>
  <si>
    <t>GGHS 67/4-R</t>
  </si>
  <si>
    <t>67/4-R</t>
  </si>
  <si>
    <t>Govt. Girls High School 67/4-R Sahiwal</t>
  </si>
  <si>
    <t>Chak No. 67/4-R</t>
  </si>
  <si>
    <t>Chak No. 66/4-R</t>
  </si>
  <si>
    <t>NAZIA FATIMA</t>
  </si>
  <si>
    <t>36885</t>
  </si>
  <si>
    <t>22430</t>
  </si>
  <si>
    <t>GMPS CHOKI HERAJ, SARAI SIDHU</t>
  </si>
  <si>
    <t>SARAI SIDHU - FEMALE</t>
  </si>
  <si>
    <t>Choki Hiraj</t>
  </si>
  <si>
    <t>mouza choki hiraj</t>
  </si>
  <si>
    <t>Sardarpur</t>
  </si>
  <si>
    <t>Sumera Munir</t>
  </si>
  <si>
    <t>43488</t>
  </si>
  <si>
    <t>40807</t>
  </si>
  <si>
    <t>GGHS 147 EB</t>
  </si>
  <si>
    <t>147 EB</t>
  </si>
  <si>
    <t>chak 147 EB,Arifwala</t>
  </si>
  <si>
    <t>Nighat Rafique</t>
  </si>
  <si>
    <t>20082</t>
  </si>
  <si>
    <t>3028</t>
  </si>
  <si>
    <t>22636</t>
  </si>
  <si>
    <t>GMPS GORAIY</t>
  </si>
  <si>
    <t>GUJRAT V - FEMALE</t>
  </si>
  <si>
    <t>Goraiy</t>
  </si>
  <si>
    <t>Village Goraiy P/O shadiwal T&amp;D Gujrat</t>
  </si>
  <si>
    <t>Samma</t>
  </si>
  <si>
    <t>Saba Ijaz</t>
  </si>
  <si>
    <t>29213</t>
  </si>
  <si>
    <t>12353</t>
  </si>
  <si>
    <t>GHS KHAN GARH</t>
  </si>
  <si>
    <t>KHAN GARH</t>
  </si>
  <si>
    <t>ALI PUR ROAD KHAN GARH</t>
  </si>
  <si>
    <t>MC KHAN  GARH</t>
  </si>
  <si>
    <t>mohammad rafique</t>
  </si>
  <si>
    <t>28314</t>
  </si>
  <si>
    <t>15312</t>
  </si>
  <si>
    <t>GGES CHAK NO 63 GB W</t>
  </si>
  <si>
    <t>63GBw</t>
  </si>
  <si>
    <t>63GB(w)</t>
  </si>
  <si>
    <t>nasira sultana</t>
  </si>
  <si>
    <t>20801</t>
  </si>
  <si>
    <t>3878</t>
  </si>
  <si>
    <t>29096</t>
  </si>
  <si>
    <t>GES KHUDIAN KHAS</t>
  </si>
  <si>
    <t>KHAI HITHAR - MALE</t>
  </si>
  <si>
    <t>Khudian khas</t>
  </si>
  <si>
    <t>MC Khudian</t>
  </si>
  <si>
    <t>38210</t>
  </si>
  <si>
    <t>4920</t>
  </si>
  <si>
    <t>16225</t>
  </si>
  <si>
    <t>GGHS CHAK 113 JB FSD</t>
  </si>
  <si>
    <t>chak no 113 jb</t>
  </si>
  <si>
    <t>chak # 113 jb, FSD</t>
  </si>
  <si>
    <t>chak 113 jb fsd</t>
  </si>
  <si>
    <t>chak 113 jb</t>
  </si>
  <si>
    <t>Zahra Ahmad</t>
  </si>
  <si>
    <t>22265</t>
  </si>
  <si>
    <t>GGHS FEROZE ABAD GUJRAT</t>
  </si>
  <si>
    <t>mohallah Ferozabad  ferozabad</t>
  </si>
  <si>
    <t>gghs ferozabad gujrat</t>
  </si>
  <si>
    <t>ferozabad gujrat</t>
  </si>
  <si>
    <t>khalidabad gujrat</t>
  </si>
  <si>
    <t>gulshan shama</t>
  </si>
  <si>
    <t>34534</t>
  </si>
  <si>
    <t>15073</t>
  </si>
  <si>
    <t>GGPS CHAK 656/7 GB I JARANWALA</t>
  </si>
  <si>
    <t>Mandi Buchiana</t>
  </si>
  <si>
    <t>Chak No 656/7GB</t>
  </si>
  <si>
    <t>Buchiana</t>
  </si>
  <si>
    <t>Chak No 657/8 GB</t>
  </si>
  <si>
    <t>zanib khatoon</t>
  </si>
  <si>
    <t>30868</t>
  </si>
  <si>
    <t>GGHSS VICTORIA INSIDE MORI GATE LAHORE</t>
  </si>
  <si>
    <t>Government Victoria girls higher secondary school INSIDE Mori gate Lahore</t>
  </si>
  <si>
    <t>Ravi Town</t>
  </si>
  <si>
    <t>Nasira Rafiq</t>
  </si>
  <si>
    <t>27136</t>
  </si>
  <si>
    <t>16147</t>
  </si>
  <si>
    <t>GGES CHAK 52 JB</t>
  </si>
  <si>
    <t>Mullan Pur</t>
  </si>
  <si>
    <t>chak#52 JB FSD</t>
  </si>
  <si>
    <t>Chak#58 JB Lehal</t>
  </si>
  <si>
    <t>SHAGUFTA RANI</t>
  </si>
  <si>
    <t>15965</t>
  </si>
  <si>
    <t>GGPS CHAK NO 247 RB MIANI</t>
  </si>
  <si>
    <t>chak no 247/rb</t>
  </si>
  <si>
    <t>247/rb</t>
  </si>
  <si>
    <t>Sabida Tabassum</t>
  </si>
  <si>
    <t>47937</t>
  </si>
  <si>
    <t>16121</t>
  </si>
  <si>
    <t>GGES CHAK NO 63 JB</t>
  </si>
  <si>
    <t>63jb</t>
  </si>
  <si>
    <t>gulshan iqbal colony faisalabad</t>
  </si>
  <si>
    <t>64jb</t>
  </si>
  <si>
    <t>24429</t>
  </si>
  <si>
    <t>25250</t>
  </si>
  <si>
    <t>GGHS CHAK NO 109 RB</t>
  </si>
  <si>
    <t>GGHS 109 RB ||, WORKSHOP, JARANWALA, FAISALABAD</t>
  </si>
  <si>
    <t>109 RB 2 WORKSHOP</t>
  </si>
  <si>
    <t>109 RB RODA</t>
  </si>
  <si>
    <t>TAIBA AROOJ</t>
  </si>
  <si>
    <t>206910</t>
  </si>
  <si>
    <t>35821</t>
  </si>
  <si>
    <t>GGPS CHAK NO. 330/WB</t>
  </si>
  <si>
    <t>Chak No 330 Wb</t>
  </si>
  <si>
    <t>chak no 330 wb</t>
  </si>
  <si>
    <t>330 Wb</t>
  </si>
  <si>
    <t>Umaira Mujahid</t>
  </si>
  <si>
    <t>8331</t>
  </si>
  <si>
    <t>GGES CHAPPRAN WALA NEAR TATEY PUR</t>
  </si>
  <si>
    <t>Chappran wala</t>
  </si>
  <si>
    <t>chah hajian wala moza chappran wala po box taty pur multan</t>
  </si>
  <si>
    <t>tatey pur</t>
  </si>
  <si>
    <t>jhok lashkar pur</t>
  </si>
  <si>
    <t>Kousar Aziz</t>
  </si>
  <si>
    <t>14751</t>
  </si>
  <si>
    <t>50747</t>
  </si>
  <si>
    <t>46012</t>
  </si>
  <si>
    <t>GES  47/5-L</t>
  </si>
  <si>
    <t>47/5-L</t>
  </si>
  <si>
    <t>G E S  47/5-L SAHIWAL</t>
  </si>
  <si>
    <t>Chak No 47/5-L</t>
  </si>
  <si>
    <t>Chak No 60/5-L</t>
  </si>
  <si>
    <t>Hassan Muhammad</t>
  </si>
  <si>
    <t>7654</t>
  </si>
  <si>
    <t>45804</t>
  </si>
  <si>
    <t>7764</t>
  </si>
  <si>
    <t>GGHS ARA JAFFAR</t>
  </si>
  <si>
    <t>Ara Jaffar</t>
  </si>
  <si>
    <t>ara jaffar</t>
  </si>
  <si>
    <t>Sadia parveen</t>
  </si>
  <si>
    <t>14940</t>
  </si>
  <si>
    <t>12432</t>
  </si>
  <si>
    <t>GGHS MURAD ABAD</t>
  </si>
  <si>
    <t>Tohfa Pur</t>
  </si>
  <si>
    <t>P/O Murad Abad, Distt Muzaffar GArh</t>
  </si>
  <si>
    <t>34747</t>
  </si>
  <si>
    <t>33575</t>
  </si>
  <si>
    <t>GHSS COMPREHENSIVE BOSAN ROAD MULTAN</t>
  </si>
  <si>
    <t>Tara Mubarik Doom</t>
  </si>
  <si>
    <t>Govt. Comprehensive Higher Secondary School, Bosan Road, Multan</t>
  </si>
  <si>
    <t>Gulgasht</t>
  </si>
  <si>
    <t>Officers Colony</t>
  </si>
  <si>
    <t>RAUSHAN BADSHAH</t>
  </si>
  <si>
    <t>129600</t>
  </si>
  <si>
    <t>18798</t>
  </si>
  <si>
    <t>25828</t>
  </si>
  <si>
    <t>14092</t>
  </si>
  <si>
    <t>35721</t>
  </si>
  <si>
    <t>GES SHAH PUR SANI</t>
  </si>
  <si>
    <t>Shah Pur Sani</t>
  </si>
  <si>
    <t>Shah pur sani</t>
  </si>
  <si>
    <t>Fadda</t>
  </si>
  <si>
    <t>Muhammad Shakeel Ahmad</t>
  </si>
  <si>
    <t>34267</t>
  </si>
  <si>
    <t>34218</t>
  </si>
  <si>
    <t>GHS BASTI NAU MULTAN</t>
  </si>
  <si>
    <t>Basti Nau</t>
  </si>
  <si>
    <t>Govt High School Basti Nau near Nawabpur Road</t>
  </si>
  <si>
    <t>Wahid Iqbal</t>
  </si>
  <si>
    <t>37257</t>
  </si>
  <si>
    <t>GGPS 1/AH, KHANEWAL</t>
  </si>
  <si>
    <t>MAKHDOOM PUR - FEMALE</t>
  </si>
  <si>
    <t>1ah</t>
  </si>
  <si>
    <t>chak 1ah</t>
  </si>
  <si>
    <t>Chak4 Ah</t>
  </si>
  <si>
    <t>Hameeda Shafi</t>
  </si>
  <si>
    <t>24206</t>
  </si>
  <si>
    <t>27879</t>
  </si>
  <si>
    <t>GHS KUTHIALA SHEIKHAN</t>
  </si>
  <si>
    <t>kuthiala sheikhan</t>
  </si>
  <si>
    <t>VILL PO KUTHIALA SHEIKHAN TEHSIL DIST MANDI BAHAUDDIN</t>
  </si>
  <si>
    <t>KUTHIALA SHEIKHAN</t>
  </si>
  <si>
    <t>khalid mehmood Butt</t>
  </si>
  <si>
    <t>29950</t>
  </si>
  <si>
    <t>35903</t>
  </si>
  <si>
    <t>GGPS KANAKA</t>
  </si>
  <si>
    <t>Aziz Khom</t>
  </si>
  <si>
    <t>Ggps kanaka</t>
  </si>
  <si>
    <t>Kanaka</t>
  </si>
  <si>
    <t>Mitru</t>
  </si>
  <si>
    <t>10449</t>
  </si>
  <si>
    <t>21056</t>
  </si>
  <si>
    <t>11896</t>
  </si>
  <si>
    <t>GGPS CHAK NO. 632 TDA</t>
  </si>
  <si>
    <t>Chak Patal Shumali</t>
  </si>
  <si>
    <t>chak no 632/tda</t>
  </si>
  <si>
    <t>Mudasra Kousar</t>
  </si>
  <si>
    <t>52188</t>
  </si>
  <si>
    <t>51628</t>
  </si>
  <si>
    <t>12188</t>
  </si>
  <si>
    <t>GES BENGLAW NAWAN KOT</t>
  </si>
  <si>
    <t>NAWAN KOT - MALE</t>
  </si>
  <si>
    <t>bangla mori, bangla nawan kot</t>
  </si>
  <si>
    <t>Bangla</t>
  </si>
  <si>
    <t>Azeem Shah</t>
  </si>
  <si>
    <t>Ijaz Hussain Abbasi</t>
  </si>
  <si>
    <t>6543</t>
  </si>
  <si>
    <t>28059</t>
  </si>
  <si>
    <t>23344</t>
  </si>
  <si>
    <t>35586</t>
  </si>
  <si>
    <t>GGES CHAK NO.160/WB</t>
  </si>
  <si>
    <t>Chak 160</t>
  </si>
  <si>
    <t>chak# 160 w.b mailsi</t>
  </si>
  <si>
    <t>160 Wb</t>
  </si>
  <si>
    <t>335/wb</t>
  </si>
  <si>
    <t>15465</t>
  </si>
  <si>
    <t>GGES SAEED ABAD</t>
  </si>
  <si>
    <t>gges saeedabad</t>
  </si>
  <si>
    <t>Girwanwala</t>
  </si>
  <si>
    <t>Farhat Batool</t>
  </si>
  <si>
    <t>35882</t>
  </si>
  <si>
    <t>35827</t>
  </si>
  <si>
    <t>GGPS 142 /WB</t>
  </si>
  <si>
    <t>142/Wb</t>
  </si>
  <si>
    <t>chak#142/wb</t>
  </si>
  <si>
    <t>Zareena Bi Bi</t>
  </si>
  <si>
    <t>17414</t>
  </si>
  <si>
    <t>GHS KANDAN SHAHPUR</t>
  </si>
  <si>
    <t>KANDAN</t>
  </si>
  <si>
    <t>PO&amp;Vill.KANDAN   Tehsil.  ShahPur    Distt. Sargodha</t>
  </si>
  <si>
    <t>Muhammad Tariq Masood</t>
  </si>
  <si>
    <t>1212</t>
  </si>
  <si>
    <t>25204</t>
  </si>
  <si>
    <t>GMES GURHI MALIAN</t>
  </si>
  <si>
    <t>Gurhi Malian</t>
  </si>
  <si>
    <t>Village Gurhi Mallian Sialkot</t>
  </si>
  <si>
    <t>Gurhi Mallian</t>
  </si>
  <si>
    <t>Ghazala Sana</t>
  </si>
  <si>
    <t>7414</t>
  </si>
  <si>
    <t>5347</t>
  </si>
  <si>
    <t>35772</t>
  </si>
  <si>
    <t>16872</t>
  </si>
  <si>
    <t>GGHS RODU SULTAN</t>
  </si>
  <si>
    <t>rodu sultan</t>
  </si>
  <si>
    <t>rodu sultan p/o same tehsil 18-hazari distt jhang</t>
  </si>
  <si>
    <t>SHAFQAT PARVEEN D/O AZIZ BAKHSH</t>
  </si>
  <si>
    <t>41187</t>
  </si>
  <si>
    <t>GMPS BASTI FAZAL WAH</t>
  </si>
  <si>
    <t>post office ratta tibba Tehsil district vehari</t>
  </si>
  <si>
    <t>Sharif Abad</t>
  </si>
  <si>
    <t>Asifa Saeed</t>
  </si>
  <si>
    <t>2478</t>
  </si>
  <si>
    <t>23860</t>
  </si>
  <si>
    <t>19909</t>
  </si>
  <si>
    <t>20425</t>
  </si>
  <si>
    <t>5221</t>
  </si>
  <si>
    <t>8871</t>
  </si>
  <si>
    <t>GPS BUTKIL</t>
  </si>
  <si>
    <t>RETRA MALE</t>
  </si>
  <si>
    <t>ZORE MA HAZARA</t>
  </si>
  <si>
    <t>GPS BATKIL</t>
  </si>
  <si>
    <t>BASTI BATKIL</t>
  </si>
  <si>
    <t>MORE JHANGI</t>
  </si>
  <si>
    <t>Amir Ahamd Khan Qaisrani</t>
  </si>
  <si>
    <t>31105</t>
  </si>
  <si>
    <t>GES TALEEM-O-TARBIAT BHAGAT PURA</t>
  </si>
  <si>
    <t>BAGHBANPURA - MALE</t>
  </si>
  <si>
    <t>bhagat pura</t>
  </si>
  <si>
    <t>ehahi town bhgat pura lahore</t>
  </si>
  <si>
    <t>elahi town bhgat pura lahore</t>
  </si>
  <si>
    <t>gujjar pura</t>
  </si>
  <si>
    <t>Ghulam Rasool khalid</t>
  </si>
  <si>
    <t>3018</t>
  </si>
  <si>
    <t>7038</t>
  </si>
  <si>
    <t>17368</t>
  </si>
  <si>
    <t>GGPS BASTI HASSAN ABAD</t>
  </si>
  <si>
    <t>uch gul Imam</t>
  </si>
  <si>
    <t>chek 10/3Thal Bassti Hassan Abad Tehsail 18 Hazari Jhang</t>
  </si>
  <si>
    <t>Basti Hassan Abad</t>
  </si>
  <si>
    <t>uch Gul Imam</t>
  </si>
  <si>
    <t>Shamshad Begum</t>
  </si>
  <si>
    <t>17700</t>
  </si>
  <si>
    <t>20956</t>
  </si>
  <si>
    <t>5441</t>
  </si>
  <si>
    <t>3819</t>
  </si>
  <si>
    <t>GES CHAK 252 GB</t>
  </si>
  <si>
    <t>PHALORE MALE</t>
  </si>
  <si>
    <t>Lasoore</t>
  </si>
  <si>
    <t>252 GB Lasori  Toba Tek Singh</t>
  </si>
  <si>
    <t>252 GB</t>
  </si>
  <si>
    <t>183 Miankot</t>
  </si>
  <si>
    <t>Abdul Qadar</t>
  </si>
  <si>
    <t>36454</t>
  </si>
  <si>
    <t>GGPS SHARIF ABAD</t>
  </si>
  <si>
    <t>basti sharif abad</t>
  </si>
  <si>
    <t>Allah  Abad</t>
  </si>
  <si>
    <t>Gulshan  Bb</t>
  </si>
  <si>
    <t>26600</t>
  </si>
  <si>
    <t>39824</t>
  </si>
  <si>
    <t>25248</t>
  </si>
  <si>
    <t>GGES MOMAN KHURD</t>
  </si>
  <si>
    <t>Moman Khurd</t>
  </si>
  <si>
    <t>village moman khurd p/o moman kalan t/d SKT</t>
  </si>
  <si>
    <t>Moman Kalan</t>
  </si>
  <si>
    <t>Mehnaz Jafri</t>
  </si>
  <si>
    <t>38188</t>
  </si>
  <si>
    <t>23450</t>
  </si>
  <si>
    <t>GGHS BULANI</t>
  </si>
  <si>
    <t>Bulani</t>
  </si>
  <si>
    <t>GGHS  Bulani,Sarai Alamgir,Gujrat</t>
  </si>
  <si>
    <t>Peer KHANA</t>
  </si>
  <si>
    <t>Ghulam Zahra</t>
  </si>
  <si>
    <t>26587</t>
  </si>
  <si>
    <t>44316</t>
  </si>
  <si>
    <t>41671</t>
  </si>
  <si>
    <t>GGHS KURI KHURD BAKHSH</t>
  </si>
  <si>
    <t>Kuri Khuda Baksh</t>
  </si>
  <si>
    <t>Kuri khuda baksh</t>
  </si>
  <si>
    <t>10383</t>
  </si>
  <si>
    <t>719</t>
  </si>
  <si>
    <t>14146</t>
  </si>
  <si>
    <t>GMPS BASTI BAKHTIAR</t>
  </si>
  <si>
    <t>KOALA GAMOON</t>
  </si>
  <si>
    <t>ASNI</t>
  </si>
  <si>
    <t>Sughra Jabeen</t>
  </si>
  <si>
    <t>41449</t>
  </si>
  <si>
    <t>GGPS KALYAL</t>
  </si>
  <si>
    <t>Charhan</t>
  </si>
  <si>
    <t>village kalyal post office gulehara gali murree rawalpindi</t>
  </si>
  <si>
    <t>Kalyal</t>
  </si>
  <si>
    <t>Ayesha Bibi</t>
  </si>
  <si>
    <t>33405</t>
  </si>
  <si>
    <t>GGHS UMER PURA CHAK NO 50/RB</t>
  </si>
  <si>
    <t>Umerpura</t>
  </si>
  <si>
    <t>gghs umerpura chak#50 rb</t>
  </si>
  <si>
    <t>Umerpura Chak#50 Rb</t>
  </si>
  <si>
    <t>najma Perveen</t>
  </si>
  <si>
    <t>4185</t>
  </si>
  <si>
    <t>GPS PIR FAKHAR UD DIN</t>
  </si>
  <si>
    <t>WARCHA (MALE)</t>
  </si>
  <si>
    <t>Warchha</t>
  </si>
  <si>
    <t>warchha</t>
  </si>
  <si>
    <t>Muhammad Qamar Ul Islam</t>
  </si>
  <si>
    <t>45304</t>
  </si>
  <si>
    <t>GMPS CHAK NO.210 TDA</t>
  </si>
  <si>
    <t>210tda</t>
  </si>
  <si>
    <t>Dagar Kotli</t>
  </si>
  <si>
    <t>Salma Pareen</t>
  </si>
  <si>
    <t>40444</t>
  </si>
  <si>
    <t>49872</t>
  </si>
  <si>
    <t>GGHS FAROOKA</t>
  </si>
  <si>
    <t>Farooka</t>
  </si>
  <si>
    <t>gghsfarooka  tehsil shaiwal district sargodha</t>
  </si>
  <si>
    <t>Nasira Jalal</t>
  </si>
  <si>
    <t>23168</t>
  </si>
  <si>
    <t>GPS BAKHAL LAR NO. 1</t>
  </si>
  <si>
    <t>Bakhallar</t>
  </si>
  <si>
    <t>basti Karam hussain sial</t>
  </si>
  <si>
    <t>Bakhal Lar</t>
  </si>
  <si>
    <t>Kotla pathan</t>
  </si>
  <si>
    <t>51193</t>
  </si>
  <si>
    <t>GGPS ROSHA SHAHANI</t>
  </si>
  <si>
    <t>Arazi Yaqoob  Shah</t>
  </si>
  <si>
    <t>ggps rosha shahani arazi yaqoob shah</t>
  </si>
  <si>
    <t>Rosha Shahani</t>
  </si>
  <si>
    <t>10946</t>
  </si>
  <si>
    <t>GGPS 37/WB BONGA</t>
  </si>
  <si>
    <t>Chak No 37 Wb/ Basti Bong</t>
  </si>
  <si>
    <t>Chak no 37 wb basti bonga</t>
  </si>
  <si>
    <t>Chak No 37 Wb</t>
  </si>
  <si>
    <t>Shagufta Rani</t>
  </si>
  <si>
    <t>hand pump, water pump</t>
  </si>
  <si>
    <t>GPS CHAK 502 GB MAMUNKANJAN</t>
  </si>
  <si>
    <t>Baghdaran</t>
  </si>
  <si>
    <t>Chak no 502gb mamunkanjan</t>
  </si>
  <si>
    <t>Chak No 502gb</t>
  </si>
  <si>
    <t>Chak 558gb</t>
  </si>
  <si>
    <t>12223</t>
  </si>
  <si>
    <t>42144</t>
  </si>
  <si>
    <t>GHS CHALAWRA</t>
  </si>
  <si>
    <t>Chalawara</t>
  </si>
  <si>
    <t>vill po chalawara kotlisattian</t>
  </si>
  <si>
    <t>Dhirkotsattain</t>
  </si>
  <si>
    <t>hamid masood</t>
  </si>
  <si>
    <t>52979</t>
  </si>
  <si>
    <t>23441</t>
  </si>
  <si>
    <t>GHS PIR KHANA</t>
  </si>
  <si>
    <t>Pir Khana</t>
  </si>
  <si>
    <t>ghs pirkhana gujrat</t>
  </si>
  <si>
    <t>GPS KHALID MODEL KOTLI PIR ABDUL</t>
  </si>
  <si>
    <t>School</t>
  </si>
  <si>
    <t>GovtKhalidModlePrimrySchoolKotliPirAbdulRehmanSuknair</t>
  </si>
  <si>
    <t>kotliPeerAbdulRehman</t>
  </si>
  <si>
    <t>AngoriBaghScheme</t>
  </si>
  <si>
    <t>AnilaShabnum</t>
  </si>
  <si>
    <t>13805</t>
  </si>
  <si>
    <t>GPS MODEL CHAK NO 440 TDA</t>
  </si>
  <si>
    <t>Chak No 440 TDA</t>
  </si>
  <si>
    <t>chak no#440  tda   teh   choubara distt  layyah</t>
  </si>
  <si>
    <t>samina kousar</t>
  </si>
  <si>
    <t>23263</t>
  </si>
  <si>
    <t>38593</t>
  </si>
  <si>
    <t>25123</t>
  </si>
  <si>
    <t>GGHS KHALIL PUR</t>
  </si>
  <si>
    <t>Khalil Pur</t>
  </si>
  <si>
    <t>govt girls high school Khalil pur</t>
  </si>
  <si>
    <t>Head Marala</t>
  </si>
  <si>
    <t>Fouzia Yousaf</t>
  </si>
  <si>
    <t>37640</t>
  </si>
  <si>
    <t>51537</t>
  </si>
  <si>
    <t>3670</t>
  </si>
  <si>
    <t>33829</t>
  </si>
  <si>
    <t>GGPS DAULAT ABAD NO.2  MULTAN</t>
  </si>
  <si>
    <t>INDUSTRIAL ESTATE - FEMALE</t>
  </si>
  <si>
    <t>Garden Town</t>
  </si>
  <si>
    <t>garden town</t>
  </si>
  <si>
    <t>Bakhar Arbi</t>
  </si>
  <si>
    <t>GPS VIRK</t>
  </si>
  <si>
    <t>Virk</t>
  </si>
  <si>
    <t>village virk</t>
  </si>
  <si>
    <t>Dongian</t>
  </si>
  <si>
    <t>12147</t>
  </si>
  <si>
    <t>2954</t>
  </si>
  <si>
    <t>GGPS CHAK NO.24/BC KHAIRPUR TAMEWALI</t>
  </si>
  <si>
    <t>Sharif Shah</t>
  </si>
  <si>
    <t>GGPS 
24/bc</t>
  </si>
  <si>
    <t>24 BC</t>
  </si>
  <si>
    <t>Town  Comtti</t>
  </si>
  <si>
    <t>Khadija bano</t>
  </si>
  <si>
    <t>9457</t>
  </si>
  <si>
    <t>3897</t>
  </si>
  <si>
    <t>29460</t>
  </si>
  <si>
    <t>GGPS BHIDIAN USMAN wala</t>
  </si>
  <si>
    <t>HAMEED NIZAMI - FEMALE</t>
  </si>
  <si>
    <t>Bhedian Usman Wala</t>
  </si>
  <si>
    <t>bhedian usman wala</t>
  </si>
  <si>
    <t>Hussain Khan Wala</t>
  </si>
  <si>
    <t>Ramzana Allah Din</t>
  </si>
  <si>
    <t>27634</t>
  </si>
  <si>
    <t>GGHS PIND MACCO</t>
  </si>
  <si>
    <t>govt girls high school pind makko tehsil malakwal distt m b din</t>
  </si>
  <si>
    <t>20906</t>
  </si>
  <si>
    <t>GGPS KHANPUR</t>
  </si>
  <si>
    <t>Dakhli Jalo  Chak</t>
  </si>
  <si>
    <t>nakodar adda</t>
  </si>
  <si>
    <t>Nakodar Adda</t>
  </si>
  <si>
    <t>Sadia Bano</t>
  </si>
  <si>
    <t>48696</t>
  </si>
  <si>
    <t>42057</t>
  </si>
  <si>
    <t>GES ANWAR ABAD</t>
  </si>
  <si>
    <t>Ahata</t>
  </si>
  <si>
    <t>ahata, Taxila</t>
  </si>
  <si>
    <t>Garhi Sikandar</t>
  </si>
  <si>
    <t>Hina Arif</t>
  </si>
  <si>
    <t>25331</t>
  </si>
  <si>
    <t>4676</t>
  </si>
  <si>
    <t>34554</t>
  </si>
  <si>
    <t>17138</t>
  </si>
  <si>
    <t>GPS JEWAN ABAD</t>
  </si>
  <si>
    <t>Moza Haveli Lal P/O Same Tehsil And Ditrict  Jhang</t>
  </si>
  <si>
    <t>Jhari Wala</t>
  </si>
  <si>
    <t>16154</t>
  </si>
  <si>
    <t>42295</t>
  </si>
  <si>
    <t>5666</t>
  </si>
  <si>
    <t>GGPS CHAK NO 14/GB</t>
  </si>
  <si>
    <t>CTN -XVI-FEMALE</t>
  </si>
  <si>
    <t>Mohajar Colony</t>
  </si>
  <si>
    <t>GGPS 14/G.B</t>
  </si>
  <si>
    <t>14/GB</t>
  </si>
  <si>
    <t>CTN Urban-IV</t>
  </si>
  <si>
    <t>Ayesha Mehmood</t>
  </si>
  <si>
    <t>31533</t>
  </si>
  <si>
    <t>GGHS JANDIALA KALSAN</t>
  </si>
  <si>
    <t>JANDIALA KALSAN</t>
  </si>
  <si>
    <t>JANDIALA KALSAN P/O SAME TEH MURIDKE DISTT SKP</t>
  </si>
  <si>
    <t>RATTA GUJRAN</t>
  </si>
  <si>
    <t>Sadia Noreen</t>
  </si>
  <si>
    <t>8680</t>
  </si>
  <si>
    <t>419</t>
  </si>
  <si>
    <t>53624</t>
  </si>
  <si>
    <t>GGHS ANWAR SHAHEED COLONY</t>
  </si>
  <si>
    <t>renala khurd</t>
  </si>
  <si>
    <t>GGHS anwar shaheed colony</t>
  </si>
  <si>
    <t>anwar shaheed colony</t>
  </si>
  <si>
    <t>Shahida Rasheed</t>
  </si>
  <si>
    <t>21410</t>
  </si>
  <si>
    <t>36861</t>
  </si>
  <si>
    <t>GGCMS BANGLAY WALA, P/O KUKKAR HATTA, KABIRWALA</t>
  </si>
  <si>
    <t>Okanwala Sharqi</t>
  </si>
  <si>
    <t>g.g.c.model school banglay wala 
 .kabirwala</t>
  </si>
  <si>
    <t>Banglaywala Chawam</t>
  </si>
  <si>
    <t>Abida Rubab</t>
  </si>
  <si>
    <t>23998</t>
  </si>
  <si>
    <t>10237</t>
  </si>
  <si>
    <t>3722</t>
  </si>
  <si>
    <t>35645</t>
  </si>
  <si>
    <t>GPS 124 WB</t>
  </si>
  <si>
    <t>TIBBA SOUTH-MALE</t>
  </si>
  <si>
    <t>chak no 124wb</t>
  </si>
  <si>
    <t>4078</t>
  </si>
  <si>
    <t>8120</t>
  </si>
  <si>
    <t>7490</t>
  </si>
  <si>
    <t>24001</t>
  </si>
  <si>
    <t>23796</t>
  </si>
  <si>
    <t>GGPS KOT MUHAMMAD KHAN</t>
  </si>
  <si>
    <t>MITRANWALI - FEMALE</t>
  </si>
  <si>
    <t>Kot Muhammad Khan</t>
  </si>
  <si>
    <t>Ggps kot muhammad khan markz mitranwali</t>
  </si>
  <si>
    <t>Kot Muhammad khan</t>
  </si>
  <si>
    <t>Gulnaz Hameed</t>
  </si>
  <si>
    <t>27933</t>
  </si>
  <si>
    <t>GGHS LAKHNE WALA</t>
  </si>
  <si>
    <t>Lakhnewala</t>
  </si>
  <si>
    <t>Shaheedanwali</t>
  </si>
  <si>
    <t>7550</t>
  </si>
  <si>
    <t>49065</t>
  </si>
  <si>
    <t>GGES KOTLI MOHARAN</t>
  </si>
  <si>
    <t>Kotli Moharan</t>
  </si>
  <si>
    <t>village kotli moharan vpo satrah tehsil kamonki dist.gujranwala</t>
  </si>
  <si>
    <t>Dhainsar Pain</t>
  </si>
  <si>
    <t>Asma Rauf</t>
  </si>
  <si>
    <t>2217</t>
  </si>
  <si>
    <t>19679</t>
  </si>
  <si>
    <t>3097</t>
  </si>
  <si>
    <t>51307</t>
  </si>
  <si>
    <t>GHS CHAK SANDHAY KHAN</t>
  </si>
  <si>
    <t>Sandhay Khan</t>
  </si>
  <si>
    <t>GHS Sandhay khan distt. pakpattan</t>
  </si>
  <si>
    <t>Zafar Iqbal Fakhar Siddique</t>
  </si>
  <si>
    <t>1685</t>
  </si>
  <si>
    <t>39851</t>
  </si>
  <si>
    <t>GMPS KATTARIAN</t>
  </si>
  <si>
    <t>Kattarian</t>
  </si>
  <si>
    <t>village kattarian post office bahtar tehsil Hassan abdal district attock</t>
  </si>
  <si>
    <t>Shazia Bibi</t>
  </si>
  <si>
    <t>7359</t>
  </si>
  <si>
    <t>22673</t>
  </si>
  <si>
    <t>20870</t>
  </si>
  <si>
    <t>10528</t>
  </si>
  <si>
    <t>GGHS KHOKHAR WALA</t>
  </si>
  <si>
    <t>Khokharwala</t>
  </si>
  <si>
    <t>GGHS  Khokhar Wala Layah</t>
  </si>
  <si>
    <t>Sarishta Nashaib</t>
  </si>
  <si>
    <t>ANUM RAFIQUE</t>
  </si>
  <si>
    <t>43720</t>
  </si>
  <si>
    <t>38909</t>
  </si>
  <si>
    <t>GGPS THIKRIAN</t>
  </si>
  <si>
    <t>Theekrian</t>
  </si>
  <si>
    <t>ggps theekrian post office kamra kallan</t>
  </si>
  <si>
    <t>Kamra Kallan</t>
  </si>
  <si>
    <t>Humara Nasir</t>
  </si>
  <si>
    <t>28612</t>
  </si>
  <si>
    <t>851</t>
  </si>
  <si>
    <t>11548</t>
  </si>
  <si>
    <t>GHS DHARAM PUR</t>
  </si>
  <si>
    <t>Kashifabad</t>
  </si>
  <si>
    <t>Basti Islam Nager P/O Sanawan</t>
  </si>
  <si>
    <t>Islamnager</t>
  </si>
  <si>
    <t>16845</t>
  </si>
  <si>
    <t>44122</t>
  </si>
  <si>
    <t>GGHS DHARIALA KAHOON</t>
  </si>
  <si>
    <t>Dharyala Kahoon</t>
  </si>
  <si>
    <t>v.p.o dharyala kahoon teh.csshah distt. chakwal</t>
  </si>
  <si>
    <t>Dulmial</t>
  </si>
  <si>
    <t>Nosheen Akthar</t>
  </si>
  <si>
    <t>21038</t>
  </si>
  <si>
    <t>20940</t>
  </si>
  <si>
    <t>46602</t>
  </si>
  <si>
    <t>GHS BHAN SULTAN WALA KHUSHAB</t>
  </si>
  <si>
    <t>Golewali</t>
  </si>
  <si>
    <t>VPO Golewali Quaidabad District Khushab</t>
  </si>
  <si>
    <t>Muhammad Junaid Ali</t>
  </si>
  <si>
    <t>51929</t>
  </si>
  <si>
    <t>39908</t>
  </si>
  <si>
    <t>GHS HAMEED</t>
  </si>
  <si>
    <t>GBHS HAMEED TEHSILHAZRO DISTT. ATTOCK</t>
  </si>
  <si>
    <t>Muhammad Zahoor</t>
  </si>
  <si>
    <t>1641</t>
  </si>
  <si>
    <t>5996</t>
  </si>
  <si>
    <t>GGHS CHAK NO. 125/P</t>
  </si>
  <si>
    <t>Wahkona</t>
  </si>
  <si>
    <t>govt.girls high school chak no.125/p</t>
  </si>
  <si>
    <t>chak no.125/p</t>
  </si>
  <si>
    <t>wahkona</t>
  </si>
  <si>
    <t>MADAM SHAMIM AKHTAR</t>
  </si>
  <si>
    <t>47301</t>
  </si>
  <si>
    <t>1158</t>
  </si>
  <si>
    <t>GGHS CHAK NO 330 HR</t>
  </si>
  <si>
    <t>330/HR</t>
  </si>
  <si>
    <t>Chak #330/HR Tehsil Fortabbas District Bahawalnagar</t>
  </si>
  <si>
    <t>330/ HR</t>
  </si>
  <si>
    <t>Naila Rasheed</t>
  </si>
  <si>
    <t>37841</t>
  </si>
  <si>
    <t>GMPS 125/10-R, JAHANIAN</t>
  </si>
  <si>
    <t>Gmps 125/10-R</t>
  </si>
  <si>
    <t>125/10-R</t>
  </si>
  <si>
    <t>Sadia Wali</t>
  </si>
  <si>
    <t>19937</t>
  </si>
  <si>
    <t>29663</t>
  </si>
  <si>
    <t>43713</t>
  </si>
  <si>
    <t>GGHS MALIK WAL</t>
  </si>
  <si>
    <t>Malikwal</t>
  </si>
  <si>
    <t>gGHS MALIKWAL. TEHSIL TALAGANG. DISTRICT CHAKWAL</t>
  </si>
  <si>
    <t>Malikwsl</t>
  </si>
  <si>
    <t>ruqia iqbal</t>
  </si>
  <si>
    <t>30839</t>
  </si>
  <si>
    <t>GGHS FAISAL TOWN LAHORE</t>
  </si>
  <si>
    <t>423 B Block Faisal Town Lahore</t>
  </si>
  <si>
    <t>dr. najma arshad</t>
  </si>
  <si>
    <t>28858</t>
  </si>
  <si>
    <t>31378</t>
  </si>
  <si>
    <t>GGHS PEOPLES COLONY FEROZWALA</t>
  </si>
  <si>
    <t>peoples colony ferozewala</t>
  </si>
  <si>
    <t>MADIHA SHAHEEN</t>
  </si>
  <si>
    <t>47094</t>
  </si>
  <si>
    <t>GGES GULMERI WALA</t>
  </si>
  <si>
    <t>WAN BHACHRAN -FEMALE</t>
  </si>
  <si>
    <t>Gulmireewala</t>
  </si>
  <si>
    <t>Gulmiree</t>
  </si>
  <si>
    <t>Shams Un Nihar</t>
  </si>
  <si>
    <t>9844</t>
  </si>
  <si>
    <t>2877</t>
  </si>
  <si>
    <t>32632</t>
  </si>
  <si>
    <t>GGHSS MORE KHUNDA</t>
  </si>
  <si>
    <t>more khunda</t>
  </si>
  <si>
    <t>GGHSS MORE KHUNDA NNS</t>
  </si>
  <si>
    <t>kot sher e rubani</t>
  </si>
  <si>
    <t>NATHA</t>
  </si>
  <si>
    <t>RAHILA IKRAM</t>
  </si>
  <si>
    <t>20504</t>
  </si>
  <si>
    <t>GGHS SULAKHN ABAD</t>
  </si>
  <si>
    <t>Solakhnabad</t>
  </si>
  <si>
    <t>Govt girls High school solakhnabad post office solakhnabad pasroor road grw</t>
  </si>
  <si>
    <t>Talwandi Musa Khan</t>
  </si>
  <si>
    <t>SARFARAZ AKHTAR</t>
  </si>
  <si>
    <t>10417</t>
  </si>
  <si>
    <t>13321</t>
  </si>
  <si>
    <t>10425</t>
  </si>
  <si>
    <t>GPS DHORHI</t>
  </si>
  <si>
    <t>sheinh wala</t>
  </si>
  <si>
    <t>Basti Dhorhi Mouza Sheinh Wala</t>
  </si>
  <si>
    <t>Dhorhi</t>
  </si>
  <si>
    <t>ghazanfar abbass</t>
  </si>
  <si>
    <t>50985</t>
  </si>
  <si>
    <t>GHS BARU</t>
  </si>
  <si>
    <t>baru</t>
  </si>
  <si>
    <t>village baru p.o karianwala teh. &amp; distt. gujrat</t>
  </si>
  <si>
    <t>muhammad Munir</t>
  </si>
  <si>
    <t>24489</t>
  </si>
  <si>
    <t>19995</t>
  </si>
  <si>
    <t>GPS BILLOKA</t>
  </si>
  <si>
    <t>KOT WASAWA</t>
  </si>
  <si>
    <t>chak no 144 jb teh @ distt chiniot</t>
  </si>
  <si>
    <t>balkay khokhar</t>
  </si>
  <si>
    <t>chak no 140 jb</t>
  </si>
  <si>
    <t>22268</t>
  </si>
  <si>
    <t>37116</t>
  </si>
  <si>
    <t>GGHS 17/AH, KHANEWAL</t>
  </si>
  <si>
    <t>17 Chak</t>
  </si>
  <si>
    <t>gGHS17ah.Khanewal</t>
  </si>
  <si>
    <t>16 V</t>
  </si>
  <si>
    <t>Samina Akram</t>
  </si>
  <si>
    <t>38423</t>
  </si>
  <si>
    <t>GHS DUNYA PUR</t>
  </si>
  <si>
    <t>govt high school dunyapur</t>
  </si>
  <si>
    <t>Housing Scheme</t>
  </si>
  <si>
    <t>Muhammad Mumtaz Marral</t>
  </si>
  <si>
    <t>45800</t>
  </si>
  <si>
    <t>16691</t>
  </si>
  <si>
    <t>GGPS RIAZ ABAD MAMUNKANJAN</t>
  </si>
  <si>
    <t>govt girls primary school RIAZABAD mamukanjan</t>
  </si>
  <si>
    <t>RIAZABAD</t>
  </si>
  <si>
    <t>12351</t>
  </si>
  <si>
    <t>53426</t>
  </si>
  <si>
    <t>GGPS CHAK NO. 28/4-L</t>
  </si>
  <si>
    <t>28/4L</t>
  </si>
  <si>
    <t>28/4.l thana shabore</t>
  </si>
  <si>
    <t>28/4 L</t>
  </si>
  <si>
    <t>Shagufta Naaz Kiyani</t>
  </si>
  <si>
    <t>3041</t>
  </si>
  <si>
    <t>8040</t>
  </si>
  <si>
    <t>4106</t>
  </si>
  <si>
    <t>19124</t>
  </si>
  <si>
    <t>GGPS RAVI KHOKHAR</t>
  </si>
  <si>
    <t>Ravikhohar</t>
  </si>
  <si>
    <t>Ggps ravikhokhar</t>
  </si>
  <si>
    <t>Ravikhokhar</t>
  </si>
  <si>
    <t>M Shah</t>
  </si>
  <si>
    <t>50966</t>
  </si>
  <si>
    <t>22013</t>
  </si>
  <si>
    <t>GGHS DERA SHAH JAMAL</t>
  </si>
  <si>
    <t>Dera Shah Jamal</t>
  </si>
  <si>
    <t>Dera shah Jamal p/o lot ladha tahsil noshera  virkan district gujranwala</t>
  </si>
  <si>
    <t>Lot Ladha</t>
  </si>
  <si>
    <t>Rahat Jabeen</t>
  </si>
  <si>
    <t>16547</t>
  </si>
  <si>
    <t>39910</t>
  </si>
  <si>
    <t>GGHS GHOURGHUSHTI</t>
  </si>
  <si>
    <t>Mohallah ishaq zai ghourghushti</t>
  </si>
  <si>
    <t>Humera Qayyum</t>
  </si>
  <si>
    <t>8225</t>
  </si>
  <si>
    <t>25985</t>
  </si>
  <si>
    <t>GGHS AMAN NAROWAL</t>
  </si>
  <si>
    <t>Siddique Pura</t>
  </si>
  <si>
    <t>Govt Aman  Girl's  high school.siddique Pura, Narowal</t>
  </si>
  <si>
    <t>Siddique  Pura</t>
  </si>
  <si>
    <t>Mumtaz Akhtar</t>
  </si>
  <si>
    <t>46457</t>
  </si>
  <si>
    <t>GGES SADIQ NAGAR CHAK SARKARI</t>
  </si>
  <si>
    <t>Chak sarkari</t>
  </si>
  <si>
    <t>govtgirlelementryschoolchaksarkary</t>
  </si>
  <si>
    <t>Rasheeda Yasmeen</t>
  </si>
  <si>
    <t>35248</t>
  </si>
  <si>
    <t>53402</t>
  </si>
  <si>
    <t>GPS SHEIK FAZAL</t>
  </si>
  <si>
    <t>SHEIKH FAZAL - MALE</t>
  </si>
  <si>
    <t>Chak No 98/EB</t>
  </si>
  <si>
    <t>Chak No. 98/EB sheikh fazal the. burewala ( Vehari)</t>
  </si>
  <si>
    <t>Muhammad Abbass</t>
  </si>
  <si>
    <t>4743</t>
  </si>
  <si>
    <t>29384</t>
  </si>
  <si>
    <t>GGHS ISA KHEL</t>
  </si>
  <si>
    <t>Isakhel</t>
  </si>
  <si>
    <t>gghs isakhel</t>
  </si>
  <si>
    <t>Maimoona Bibi</t>
  </si>
  <si>
    <t>15612</t>
  </si>
  <si>
    <t>20058</t>
  </si>
  <si>
    <t>30888</t>
  </si>
  <si>
    <t>GHS ISLAMIA MISRI SHAH</t>
  </si>
  <si>
    <t>misri shah</t>
  </si>
  <si>
    <t>govt. islamia high school misri shah lahore</t>
  </si>
  <si>
    <t>kothi devi das misri shah lahore</t>
  </si>
  <si>
    <t>manzoora bad</t>
  </si>
  <si>
    <t>khalid waseem</t>
  </si>
  <si>
    <t>30600</t>
  </si>
  <si>
    <t>41510</t>
  </si>
  <si>
    <t>GHS DAV COLLEGE ROAD</t>
  </si>
  <si>
    <t>DAV COLLEGE ROAD</t>
  </si>
  <si>
    <t>GBHS DAV COLLEGE ROAD RWP</t>
  </si>
  <si>
    <t>SHAUAKAT ALI NASEER</t>
  </si>
  <si>
    <t>44331</t>
  </si>
  <si>
    <t>GHS DAGGAR SHADA</t>
  </si>
  <si>
    <t>daggar shada</t>
  </si>
  <si>
    <t>daggar shada teh. &amp; distt. bhakkar</t>
  </si>
  <si>
    <t>MUHAMMAD DAUD</t>
  </si>
  <si>
    <t>15217</t>
  </si>
  <si>
    <t>45770</t>
  </si>
  <si>
    <t>21295</t>
  </si>
  <si>
    <t>GMPS JATTI SHAH REHMAN</t>
  </si>
  <si>
    <t>Jatti Shah  Rehman</t>
  </si>
  <si>
    <t>GMPS Jatti Shah Rehman Tehsil wazirabad district Gujranwala</t>
  </si>
  <si>
    <t>Jatti Shah Rehman</t>
  </si>
  <si>
    <t>Sajid Mahmood</t>
  </si>
  <si>
    <t>24996</t>
  </si>
  <si>
    <t>20223</t>
  </si>
  <si>
    <t>GPS KOTHA SHAH BEHLOL</t>
  </si>
  <si>
    <t>Bahoudin</t>
  </si>
  <si>
    <t>kotha shah behlol lalia chiniot</t>
  </si>
  <si>
    <t>Kotha Shah Behlol</t>
  </si>
  <si>
    <t>Muhammad Abuzer</t>
  </si>
  <si>
    <t>14755</t>
  </si>
  <si>
    <t>19589</t>
  </si>
  <si>
    <t>18249</t>
  </si>
  <si>
    <t>GGHS HASSU BLAIL</t>
  </si>
  <si>
    <t>Hassu balail</t>
  </si>
  <si>
    <t>gGHS Hassu balail tehsil ahmad pur sial district jhang</t>
  </si>
  <si>
    <t>hassu balail</t>
  </si>
  <si>
    <t>Shazia Akhtar</t>
  </si>
  <si>
    <t>9922</t>
  </si>
  <si>
    <t>GHS KAROR NO. 1</t>
  </si>
  <si>
    <t>Govt. High School No 1 Karor city Layyah</t>
  </si>
  <si>
    <t>City Karor</t>
  </si>
  <si>
    <t>Karor Than Jandi</t>
  </si>
  <si>
    <t>muhammad akbar</t>
  </si>
  <si>
    <t>46140</t>
  </si>
  <si>
    <t>30316</t>
  </si>
  <si>
    <t>GPS QADRIA SHALIMAR TOWN</t>
  </si>
  <si>
    <t>Muslimbad</t>
  </si>
  <si>
    <t>mohla muslim abad karolbazar</t>
  </si>
  <si>
    <t>Muslimabad</t>
  </si>
  <si>
    <t>48900</t>
  </si>
  <si>
    <t>GPS MAHRA</t>
  </si>
  <si>
    <t>P/O Ehsan Pur, Tehsil Kot Addu, Distt Muzaffar Garh</t>
  </si>
  <si>
    <t>Mahry Wala</t>
  </si>
  <si>
    <t>Muhammad Naeem Ahmad</t>
  </si>
  <si>
    <t>9100</t>
  </si>
  <si>
    <t>4397</t>
  </si>
  <si>
    <t>24507</t>
  </si>
  <si>
    <t>GGPS KOTHAY MANGA</t>
  </si>
  <si>
    <t>Kothay Manga</t>
  </si>
  <si>
    <t>village Kothay Manga P\O Qila kalar wala tehsil pasrur District. sialkot</t>
  </si>
  <si>
    <t>Rahat Iqbal</t>
  </si>
  <si>
    <t>5678</t>
  </si>
  <si>
    <t>41507</t>
  </si>
  <si>
    <t>10538</t>
  </si>
  <si>
    <t>42791</t>
  </si>
  <si>
    <t>41116</t>
  </si>
  <si>
    <t>30842</t>
  </si>
  <si>
    <t>GGHS TAJ PURA SCHEME LAHORE CANTT</t>
  </si>
  <si>
    <t>TAJPURA</t>
  </si>
  <si>
    <t>GGHS TAJPURA SCHEME(NEAR BABRRI MASJID) LAHORE CANTT</t>
  </si>
  <si>
    <t>MISBAH TALLAT</t>
  </si>
  <si>
    <t>11596</t>
  </si>
  <si>
    <t>22321</t>
  </si>
  <si>
    <t>2866</t>
  </si>
  <si>
    <t>8730</t>
  </si>
  <si>
    <t>28204</t>
  </si>
  <si>
    <t>GHS BHOA HASAN</t>
  </si>
  <si>
    <t>BHOA HASSAN</t>
  </si>
  <si>
    <t>GHS BHOA HASSAN</t>
  </si>
  <si>
    <t>Muhammad Asif Cheema</t>
  </si>
  <si>
    <t>19583</t>
  </si>
  <si>
    <t>GGPS CHAK 184 GB NEW ABADI</t>
  </si>
  <si>
    <t>184g B</t>
  </si>
  <si>
    <t>Chak no 184gb</t>
  </si>
  <si>
    <t>Muzamil Iram Chandni</t>
  </si>
  <si>
    <t>11099</t>
  </si>
  <si>
    <t>1004</t>
  </si>
  <si>
    <t>20786</t>
  </si>
  <si>
    <t>GPS MISRI MIANI</t>
  </si>
  <si>
    <t>Misri Miani</t>
  </si>
  <si>
    <t>VILLAGE Misri miani    PO sherakot.    Gujranwala</t>
  </si>
  <si>
    <t>Dhariwall</t>
  </si>
  <si>
    <t>4429</t>
  </si>
  <si>
    <t>12706</t>
  </si>
  <si>
    <t>GGPS JAMHOOR WALA</t>
  </si>
  <si>
    <t>NOOR KUBRA- FEMALE</t>
  </si>
  <si>
    <t>Sadan Wali</t>
  </si>
  <si>
    <t>basti  jahmoor wala muzffargarh</t>
  </si>
  <si>
    <t>Jahmoor wala</t>
  </si>
  <si>
    <t>Gullnaz Parveen</t>
  </si>
  <si>
    <t>GGES NIDDOKEY</t>
  </si>
  <si>
    <t>Niddokay</t>
  </si>
  <si>
    <t>Asma Kalsoom</t>
  </si>
  <si>
    <t>6337</t>
  </si>
  <si>
    <t>31758</t>
  </si>
  <si>
    <t>GGHS MC RAILWAY GATE SHUJABAD</t>
  </si>
  <si>
    <t>GGHS MC RAILWAYGATE NEAR OLD MOUCHI BAZAR SHUJABAD</t>
  </si>
  <si>
    <t>MOUCHI BAZAR</t>
  </si>
  <si>
    <t>CITY SHUJABAD</t>
  </si>
  <si>
    <t>Dr Shazia Qadir</t>
  </si>
  <si>
    <t>48813</t>
  </si>
  <si>
    <t>GGHS MARI</t>
  </si>
  <si>
    <t>mari, teh. &amp; distt. sargodha.</t>
  </si>
  <si>
    <t>Saima Arshi</t>
  </si>
  <si>
    <t>25588</t>
  </si>
  <si>
    <t>GPS KOT MAHARAJ</t>
  </si>
  <si>
    <t>Kotmahraj</t>
  </si>
  <si>
    <t>village kotmahraj teh:sambrial Dist:sialkot</t>
  </si>
  <si>
    <t>Kotmehraj</t>
  </si>
  <si>
    <t>Majra Kalan</t>
  </si>
  <si>
    <t>Tahir Sharif</t>
  </si>
  <si>
    <t>GMPS MOUZA JUSSA</t>
  </si>
  <si>
    <t>MAI SAFORAN-FEMALE</t>
  </si>
  <si>
    <t>Jussa</t>
  </si>
  <si>
    <t>moza jussa</t>
  </si>
  <si>
    <t>Muhammad SIDDIQUE</t>
  </si>
  <si>
    <t>46717</t>
  </si>
  <si>
    <t>38122</t>
  </si>
  <si>
    <t>GGPS RAKAN PUR</t>
  </si>
  <si>
    <t>Rukan Pur</t>
  </si>
  <si>
    <t>moza rukan pur basti ghreeban abad</t>
  </si>
  <si>
    <t>Ghareeban Abad</t>
  </si>
  <si>
    <t>Kamal Pur Jetial</t>
  </si>
  <si>
    <t>Nusrat perveen</t>
  </si>
  <si>
    <t>20426</t>
  </si>
  <si>
    <t>GHS DOGRAN WALA</t>
  </si>
  <si>
    <t>Govt. high school dogranwala gujranwala</t>
  </si>
  <si>
    <t>Kot Amar Singh</t>
  </si>
  <si>
    <t>Sakhawat Ali</t>
  </si>
  <si>
    <t>42049</t>
  </si>
  <si>
    <t>GES GODHO</t>
  </si>
  <si>
    <t>Gohdo</t>
  </si>
  <si>
    <t>village gohdo</t>
  </si>
  <si>
    <t>Ghari Afghanan</t>
  </si>
  <si>
    <t>Nawazish Ali</t>
  </si>
  <si>
    <t>3837</t>
  </si>
  <si>
    <t>30873</t>
  </si>
  <si>
    <t>GHS CHAMRU PUR</t>
  </si>
  <si>
    <t>Chamrupur</t>
  </si>
  <si>
    <t>village chamrupur raiwind road lahore</t>
  </si>
  <si>
    <t>Bhobatian</t>
  </si>
  <si>
    <t>Suleman C J Gill</t>
  </si>
  <si>
    <t>22397</t>
  </si>
  <si>
    <t>3901</t>
  </si>
  <si>
    <t>GHS CHAK NO.41/DB</t>
  </si>
  <si>
    <t>41db</t>
  </si>
  <si>
    <t>Govt.High School 41/D.B Tehsil Yazman District Bahawalpur</t>
  </si>
  <si>
    <t>41/D.B</t>
  </si>
  <si>
    <t>Chak No 44/D.B</t>
  </si>
  <si>
    <t>CH Abdul Haq</t>
  </si>
  <si>
    <t>13088</t>
  </si>
  <si>
    <t>19506</t>
  </si>
  <si>
    <t>33355</t>
  </si>
  <si>
    <t>15807</t>
  </si>
  <si>
    <t>49865</t>
  </si>
  <si>
    <t>GHS MIR AHMED SHER GARH</t>
  </si>
  <si>
    <t>Mir Ahmed Sher Garh</t>
  </si>
  <si>
    <t>Mir Ahmed Sher Garh Tehsil:Sahiwal District:Sargodha</t>
  </si>
  <si>
    <t>Sajoka</t>
  </si>
  <si>
    <t>7976</t>
  </si>
  <si>
    <t>15687</t>
  </si>
  <si>
    <t>12984</t>
  </si>
  <si>
    <t>GGPS MC BUKHARI WALA NO. 6</t>
  </si>
  <si>
    <t>Lutkaran</t>
  </si>
  <si>
    <t>Mohallah Bukhari Wala Muzaffargarh</t>
  </si>
  <si>
    <t>Mohalla Bukhari Wala</t>
  </si>
  <si>
    <t>Mamoona Ejaz</t>
  </si>
  <si>
    <t>44054</t>
  </si>
  <si>
    <t>8359</t>
  </si>
  <si>
    <t>39015</t>
  </si>
  <si>
    <t>GPS SUKHWAL</t>
  </si>
  <si>
    <t>Sukhwal</t>
  </si>
  <si>
    <t>post office sukhwal</t>
  </si>
  <si>
    <t>Kaleem Ullah</t>
  </si>
  <si>
    <t>14788</t>
  </si>
  <si>
    <t>23488</t>
  </si>
  <si>
    <t>4403</t>
  </si>
  <si>
    <t>42163</t>
  </si>
  <si>
    <t>GHS KAHUTI</t>
  </si>
  <si>
    <t>Sangri</t>
  </si>
  <si>
    <t>Sangri po kahuti tehsil kotli sattian</t>
  </si>
  <si>
    <t>Lehtrar</t>
  </si>
  <si>
    <t>Naveed Ahmed</t>
  </si>
  <si>
    <t>49136</t>
  </si>
  <si>
    <t>50566</t>
  </si>
  <si>
    <t>33971</t>
  </si>
  <si>
    <t>GPS QURESHI WALA P.O AGHAR KHANI TEH SHUJABAD</t>
  </si>
  <si>
    <t>Rukkan Hatti</t>
  </si>
  <si>
    <t>chah qureshi wala,moza rukkan hatti tehsil shujaabad.</t>
  </si>
  <si>
    <t>Chah Qureshi Wala</t>
  </si>
  <si>
    <t>Muhammad Abbas Bodla</t>
  </si>
  <si>
    <t>3690</t>
  </si>
  <si>
    <t>49980</t>
  </si>
  <si>
    <t>24035</t>
  </si>
  <si>
    <t>GGHSS BADIANA</t>
  </si>
  <si>
    <t>Badiana</t>
  </si>
  <si>
    <t>Village Badiana Teh Pasrur Dist Sialkot</t>
  </si>
  <si>
    <t>25627</t>
  </si>
  <si>
    <t>GGHSS GHOTA FATEH GARH</t>
  </si>
  <si>
    <t>Ghota Fateh Garh</t>
  </si>
  <si>
    <t>Nargis Ara</t>
  </si>
  <si>
    <t>9338</t>
  </si>
  <si>
    <t>42457</t>
  </si>
  <si>
    <t>6712</t>
  </si>
  <si>
    <t>20864</t>
  </si>
  <si>
    <t>GGHSS GHAKHAR</t>
  </si>
  <si>
    <t>Govt Girls Higher Secondary School Ghakhar</t>
  </si>
  <si>
    <t>Kishwar naheed</t>
  </si>
  <si>
    <t>26595</t>
  </si>
  <si>
    <t>GES RAJIAN</t>
  </si>
  <si>
    <t>Rajian</t>
  </si>
  <si>
    <t>Rajian Tehsil zafarwal</t>
  </si>
  <si>
    <t>Unchan Kalan</t>
  </si>
  <si>
    <t>WAQAR AHMED</t>
  </si>
  <si>
    <t>40566</t>
  </si>
  <si>
    <t>18855</t>
  </si>
  <si>
    <t>GHS CHAK 670/11 GB</t>
  </si>
  <si>
    <t>Chak No 670/11 GB TEHSIL PIR MAHAL DISTT.T.T.SINGH</t>
  </si>
  <si>
    <t>Chak No 670/11 GB</t>
  </si>
  <si>
    <t>Muhammad  Hanif</t>
  </si>
  <si>
    <t>10892</t>
  </si>
  <si>
    <t>2812</t>
  </si>
  <si>
    <t>51301</t>
  </si>
  <si>
    <t>GHS MODEL 29/SP PAKPATAN</t>
  </si>
  <si>
    <t>CHAK NO 29SP ADDA CHAWANT SAHIWAL ROAD PAKPATTAN</t>
  </si>
  <si>
    <t>29/SP</t>
  </si>
  <si>
    <t>26/SP</t>
  </si>
  <si>
    <t>MUHAMMAD ISHAQ</t>
  </si>
  <si>
    <t>40016</t>
  </si>
  <si>
    <t>GPS FAIZ ABAD SAGWAN</t>
  </si>
  <si>
    <t>Basti kalo wala p\0 gaily wal lodhran</t>
  </si>
  <si>
    <t>Kalo Wala</t>
  </si>
  <si>
    <t>45138</t>
  </si>
  <si>
    <t>GHS CHAK NO.72/ML</t>
  </si>
  <si>
    <t>72ml</t>
  </si>
  <si>
    <t>chak no 72ml markera bhakkar</t>
  </si>
  <si>
    <t>Abdul Nasir</t>
  </si>
  <si>
    <t>19540</t>
  </si>
  <si>
    <t>GGPS CHAK 360 GB I</t>
  </si>
  <si>
    <t>Chak No 360GB</t>
  </si>
  <si>
    <t>Chak No 360GB/T. T. Singh</t>
  </si>
  <si>
    <t>360GB</t>
  </si>
  <si>
    <t>Chak No 361GB</t>
  </si>
  <si>
    <t>Riff at Kousar</t>
  </si>
  <si>
    <t>38690</t>
  </si>
  <si>
    <t>22811</t>
  </si>
  <si>
    <t>19223</t>
  </si>
  <si>
    <t>46199</t>
  </si>
  <si>
    <t>GHS DHULLI</t>
  </si>
  <si>
    <t>dhulli</t>
  </si>
  <si>
    <t>vpo dhulli</t>
  </si>
  <si>
    <t>bidher</t>
  </si>
  <si>
    <t>10843</t>
  </si>
  <si>
    <t>3829</t>
  </si>
  <si>
    <t>50040</t>
  </si>
  <si>
    <t>46748</t>
  </si>
  <si>
    <t>GGPS NO.2 FAROOKA</t>
  </si>
  <si>
    <t>FAROOQA - FEMALE</t>
  </si>
  <si>
    <t>Ishrat Naheed</t>
  </si>
  <si>
    <t>4413</t>
  </si>
  <si>
    <t>12423</t>
  </si>
  <si>
    <t>GGES WAN PITAFI</t>
  </si>
  <si>
    <t>CHAK GODAR- FEMALE</t>
  </si>
  <si>
    <t>G.G.E/s wan pitafi teh&amp;dist. M.Garh</t>
  </si>
  <si>
    <t>Samina Ashraf</t>
  </si>
  <si>
    <t>47720</t>
  </si>
  <si>
    <t>18531</t>
  </si>
  <si>
    <t>GGHS CHAK 338 JB</t>
  </si>
  <si>
    <t>cHAK NO 338 JB</t>
  </si>
  <si>
    <t>GOVT. GIRLS HIGH SCHOOL CHAK NO 338 JB  ,NAYA LAHORE  TEHSL GOJRA TOBA TEK SINGH</t>
  </si>
  <si>
    <t>nIA lAHORE</t>
  </si>
  <si>
    <t>CHAK NO 338 JB NIA LAHORE</t>
  </si>
  <si>
    <t>IFFATAMBRIN</t>
  </si>
  <si>
    <t>20968</t>
  </si>
  <si>
    <t>45267</t>
  </si>
  <si>
    <t>GGPS HAIDER ABAD  MOHALLA JANUBI</t>
  </si>
  <si>
    <t>DHINGANA - FEMALE</t>
  </si>
  <si>
    <t>Hayder  Abad</t>
  </si>
  <si>
    <t>hayder abad</t>
  </si>
  <si>
    <t>Hayder Abad</t>
  </si>
  <si>
    <t>Ruqia Shahin</t>
  </si>
  <si>
    <t>19278</t>
  </si>
  <si>
    <t>41504</t>
  </si>
  <si>
    <t>GGHSS COMPREHENSIVE DHOK KASHMIRIAN</t>
  </si>
  <si>
    <t>Govt Comp GHSS  Dhoke kashmirian  data gunj bakhs road Rwp</t>
  </si>
  <si>
    <t>Dhoke Kashmirian</t>
  </si>
  <si>
    <t>Munir Khalida</t>
  </si>
  <si>
    <t>35446</t>
  </si>
  <si>
    <t>GGHS 493 EB</t>
  </si>
  <si>
    <t>Chak num 493/E.B burewala</t>
  </si>
  <si>
    <t>493/EB</t>
  </si>
  <si>
    <t>Saima Rasheed</t>
  </si>
  <si>
    <t>22859</t>
  </si>
  <si>
    <t>26658</t>
  </si>
  <si>
    <t>GGES SAIR</t>
  </si>
  <si>
    <t>Sair</t>
  </si>
  <si>
    <t>Jasti Wala</t>
  </si>
  <si>
    <t>Humaira Riffat</t>
  </si>
  <si>
    <t>34282</t>
  </si>
  <si>
    <t>GGPS NASWARIAN WALA</t>
  </si>
  <si>
    <t>naroowala</t>
  </si>
  <si>
    <t>Naroowala</t>
  </si>
  <si>
    <t>Humera  Naseem</t>
  </si>
  <si>
    <t>3109</t>
  </si>
  <si>
    <t>38987</t>
  </si>
  <si>
    <t>GPS DHOK NATHEEN</t>
  </si>
  <si>
    <t>Dhok Nathain</t>
  </si>
  <si>
    <t>village dhok natheen post office dhulial tehsil fateh Jang district attock</t>
  </si>
  <si>
    <t>Dhulial</t>
  </si>
  <si>
    <t>Mumtaz Ahmed</t>
  </si>
  <si>
    <t>18437</t>
  </si>
  <si>
    <t>5709</t>
  </si>
  <si>
    <t>45375</t>
  </si>
  <si>
    <t>GGHS 38 FATEH CHISHTIAN</t>
  </si>
  <si>
    <t>38/f</t>
  </si>
  <si>
    <t>chak no 38/f dak khana khas tehsil chishtian</t>
  </si>
  <si>
    <t>35/f</t>
  </si>
  <si>
    <t>Mrs Maria Javaid</t>
  </si>
  <si>
    <t>17819</t>
  </si>
  <si>
    <t>50420</t>
  </si>
  <si>
    <t>50731</t>
  </si>
  <si>
    <t>GGHS 1/ 10-L</t>
  </si>
  <si>
    <t>1/10 - L</t>
  </si>
  <si>
    <t>Govt  girl high school 1/10 - L  sahiwal</t>
  </si>
  <si>
    <t>naheed kausar</t>
  </si>
  <si>
    <t>48862</t>
  </si>
  <si>
    <t>GGHS CHAK NO.115 SB</t>
  </si>
  <si>
    <t>115sb</t>
  </si>
  <si>
    <t>chak No. 115sb sgd</t>
  </si>
  <si>
    <t>Chak No 58 ASB</t>
  </si>
  <si>
    <t>26486</t>
  </si>
  <si>
    <t>GHS KAT ALLAH YAR</t>
  </si>
  <si>
    <t>Kat Allah yar</t>
  </si>
  <si>
    <t>Kat Allah yar bahawalnagar</t>
  </si>
  <si>
    <t>Nathy wala</t>
  </si>
  <si>
    <t>Hafiz Muhammad qasim</t>
  </si>
  <si>
    <t>50094</t>
  </si>
  <si>
    <t>GGHSS 45/12-L</t>
  </si>
  <si>
    <t>45/12-L</t>
  </si>
  <si>
    <t>GGHSS45/12-L</t>
  </si>
  <si>
    <t>Chak No45/12-L</t>
  </si>
  <si>
    <t>tahira waheed</t>
  </si>
  <si>
    <t>46169</t>
  </si>
  <si>
    <t>GHSS KATHA SAGHRAL</t>
  </si>
  <si>
    <t>katha saghral khushab</t>
  </si>
  <si>
    <t>Katha saghral</t>
  </si>
  <si>
    <t>25840</t>
  </si>
  <si>
    <t>605</t>
  </si>
  <si>
    <t>21404</t>
  </si>
  <si>
    <t>GGES DHENSER PAIN</t>
  </si>
  <si>
    <t>Dhansar Paeen</t>
  </si>
  <si>
    <t>village dhansar Paeen p/o same tehsil kamoke  district  gujeranwala</t>
  </si>
  <si>
    <t>Noor Muzamal</t>
  </si>
  <si>
    <t>43103</t>
  </si>
  <si>
    <t>GGHS JABAIR PUR CHAKWAL</t>
  </si>
  <si>
    <t>JABAIRPUR</t>
  </si>
  <si>
    <t>GGHS JABAIRPUR, TEH &amp; DISTT CHAKWAL</t>
  </si>
  <si>
    <t>46723</t>
  </si>
  <si>
    <t>52194</t>
  </si>
  <si>
    <t>16375</t>
  </si>
  <si>
    <t>GGPS CHAK 137 RB 1</t>
  </si>
  <si>
    <t>137 r.b first</t>
  </si>
  <si>
    <t>137 Rb First</t>
  </si>
  <si>
    <t>20556</t>
  </si>
  <si>
    <t>16962</t>
  </si>
  <si>
    <t>GGHS SHABIR ABAD</t>
  </si>
  <si>
    <t>Kurriyana</t>
  </si>
  <si>
    <t>GGHS Shabbir Abad</t>
  </si>
  <si>
    <t>Shabbir Abad</t>
  </si>
  <si>
    <t>Sheikh Choharr</t>
  </si>
  <si>
    <t>RUBINA ZAREEN</t>
  </si>
  <si>
    <t>15720</t>
  </si>
  <si>
    <t>33440</t>
  </si>
  <si>
    <t>4012</t>
  </si>
  <si>
    <t>13526</t>
  </si>
  <si>
    <t>GPS BHOREY KHAN</t>
  </si>
  <si>
    <t>THUL ALI MUHAMMAD - MALE</t>
  </si>
  <si>
    <t>Thul Ali Muhammad</t>
  </si>
  <si>
    <t>basti lal baksh shikani Thul Ali muhammad</t>
  </si>
  <si>
    <t>Basti Bhorey Khan</t>
  </si>
  <si>
    <t>Kabul Khan</t>
  </si>
  <si>
    <t>water cane</t>
  </si>
  <si>
    <t>22092</t>
  </si>
  <si>
    <t>GHS SHEIKHPUR</t>
  </si>
  <si>
    <t>Sheikh Pur</t>
  </si>
  <si>
    <t>village &amp; post office sheikh pur teh &amp;distt Gujrat</t>
  </si>
  <si>
    <t>Chak sada</t>
  </si>
  <si>
    <t>tariq mahmood</t>
  </si>
  <si>
    <t>36550</t>
  </si>
  <si>
    <t>GHSS BAGAR SARGANA, SARAI SIDHU</t>
  </si>
  <si>
    <t>MOUZA BAGAR SARGANA TEHSIL KABIRWALA DISTRICT KHANEWAL</t>
  </si>
  <si>
    <t>MUHAMMAD IRFAN KHALID SIDDIQI</t>
  </si>
  <si>
    <t>18314</t>
  </si>
  <si>
    <t>GGPS 61 KB (JANUBI)</t>
  </si>
  <si>
    <t>61/kb</t>
  </si>
  <si>
    <t>p/o same adda rata tiba chack no 6/kb vhari</t>
  </si>
  <si>
    <t>Chack No 61/kb</t>
  </si>
  <si>
    <t>7080</t>
  </si>
  <si>
    <t>7310</t>
  </si>
  <si>
    <t>41707</t>
  </si>
  <si>
    <t>2545</t>
  </si>
  <si>
    <t>GES CHAH MOULVIAN</t>
  </si>
  <si>
    <t>KOTLA MUSA KHAN - MALE</t>
  </si>
  <si>
    <t>Ali Kharak</t>
  </si>
  <si>
    <t>moza ali kharak</t>
  </si>
  <si>
    <t>Ali Khrak</t>
  </si>
  <si>
    <t>Bakht Ali</t>
  </si>
  <si>
    <t>GPS CHAK NO. 435 TDA</t>
  </si>
  <si>
    <t>MIRHAN</t>
  </si>
  <si>
    <t>CHAK NO 435 TDA</t>
  </si>
  <si>
    <t>435 TDA</t>
  </si>
  <si>
    <t>1817</t>
  </si>
  <si>
    <t>45106</t>
  </si>
  <si>
    <t>GPS DERA SHAMIR JHUNJ</t>
  </si>
  <si>
    <t>Soha Jhunj</t>
  </si>
  <si>
    <t>Dera shamir jhunj moza soha jhunj p.o chack no 55/d.b tehsil kaloor kot disst bhakkar</t>
  </si>
  <si>
    <t>Dera Shamir Jhunj</t>
  </si>
  <si>
    <t>Chack No 63/db</t>
  </si>
  <si>
    <t>7915</t>
  </si>
  <si>
    <t>7840</t>
  </si>
  <si>
    <t>18621</t>
  </si>
  <si>
    <t>23445</t>
  </si>
  <si>
    <t>GGHS BHAG NAGAR</t>
  </si>
  <si>
    <t>Bhag Nagar</t>
  </si>
  <si>
    <t>vill bhag nagar po same tehsil sarai alamgur dist. gujrat</t>
  </si>
  <si>
    <t>33654</t>
  </si>
  <si>
    <t>41454</t>
  </si>
  <si>
    <t>GGHS BANDI</t>
  </si>
  <si>
    <t>Bandi dewal</t>
  </si>
  <si>
    <t>Bandi Dewal MURREE</t>
  </si>
  <si>
    <t>dewal</t>
  </si>
  <si>
    <t>Maryam Rashid</t>
  </si>
  <si>
    <t>11638</t>
  </si>
  <si>
    <t>33302</t>
  </si>
  <si>
    <t>GGPS BARI KACHAN WALI CHAK NO 171</t>
  </si>
  <si>
    <t>Bari Kochan Wali</t>
  </si>
  <si>
    <t>bari kochan wali tehsil safdar abad district skp</t>
  </si>
  <si>
    <t>Bari  Kochan Wali</t>
  </si>
  <si>
    <t>Bushra Bi Bi</t>
  </si>
  <si>
    <t>4165</t>
  </si>
  <si>
    <t>9379</t>
  </si>
  <si>
    <t>8916</t>
  </si>
  <si>
    <t>3855</t>
  </si>
  <si>
    <t>GGPS LAITAN</t>
  </si>
  <si>
    <t>SHEIKHUPURA-XIV - FEMALE</t>
  </si>
  <si>
    <t>laittan near mannawala</t>
  </si>
  <si>
    <t>Laittan</t>
  </si>
  <si>
    <t>Fozia Anjum</t>
  </si>
  <si>
    <t>15403</t>
  </si>
  <si>
    <t>10704</t>
  </si>
  <si>
    <t>20901</t>
  </si>
  <si>
    <t>GGHS MANCHAR CHATHA</t>
  </si>
  <si>
    <t>Ali pur Chatha</t>
  </si>
  <si>
    <t>Govt. girls high school Manchar chatha</t>
  </si>
  <si>
    <t>Manchar Chatha</t>
  </si>
  <si>
    <t>Pandora Kalan</t>
  </si>
  <si>
    <t>safnooda tariq</t>
  </si>
  <si>
    <t>136150</t>
  </si>
  <si>
    <t>22993</t>
  </si>
  <si>
    <t>GGHS KOTLA QASIM KHAN</t>
  </si>
  <si>
    <t>Kotla Qasim Khan</t>
  </si>
  <si>
    <t>kotla qasim khan,lalamusa,tehsil kharian,distt gujrat</t>
  </si>
  <si>
    <t>Salma Iqbal</t>
  </si>
  <si>
    <t>35956</t>
  </si>
  <si>
    <t>GGPS 66 KB</t>
  </si>
  <si>
    <t>KARAM PUR - FEMALE</t>
  </si>
  <si>
    <t>Kotli Mahtum</t>
  </si>
  <si>
    <t>66,kb</t>
  </si>
  <si>
    <t>66 Kb</t>
  </si>
  <si>
    <t>Musart Aisha</t>
  </si>
  <si>
    <t>3038</t>
  </si>
  <si>
    <t>29492</t>
  </si>
  <si>
    <t>16725</t>
  </si>
  <si>
    <t>GGES 548/GB I</t>
  </si>
  <si>
    <t>Watowan</t>
  </si>
  <si>
    <t>548/1GB kalarwala</t>
  </si>
  <si>
    <t>Chak 548/1GB</t>
  </si>
  <si>
    <t>Rahila Kausar</t>
  </si>
  <si>
    <t>50096</t>
  </si>
  <si>
    <t>48430</t>
  </si>
  <si>
    <t>37361</t>
  </si>
  <si>
    <t>GGHS 78/15-L, KHANEWAL</t>
  </si>
  <si>
    <t>GGHS 78/15.L</t>
  </si>
  <si>
    <t>MUNAZZA SHARIF</t>
  </si>
  <si>
    <t>14847</t>
  </si>
  <si>
    <t>GHS NAUSHEHRA JADEED</t>
  </si>
  <si>
    <t>noushehra jadeed</t>
  </si>
  <si>
    <t>p/o pipli rajan</t>
  </si>
  <si>
    <t>Abdul Latif Rehmani</t>
  </si>
  <si>
    <t>4490</t>
  </si>
  <si>
    <t>22569</t>
  </si>
  <si>
    <t>GGPS KAILA</t>
  </si>
  <si>
    <t>TANDA-III-FEMALE</t>
  </si>
  <si>
    <t>kaila</t>
  </si>
  <si>
    <t>Kaila</t>
  </si>
  <si>
    <t>Baru</t>
  </si>
  <si>
    <t>Nafeesa Zaman</t>
  </si>
  <si>
    <t>15003</t>
  </si>
  <si>
    <t>42907</t>
  </si>
  <si>
    <t>10949</t>
  </si>
  <si>
    <t>GGPS CHAK NO.148/TDA LOHAR WALA</t>
  </si>
  <si>
    <t>148/TDA</t>
  </si>
  <si>
    <t>GGPS 148/TDA Lohar wala Layyah</t>
  </si>
  <si>
    <t>LoharWala Layyah</t>
  </si>
  <si>
    <t>Jamman Shah</t>
  </si>
  <si>
    <t>Aisha Kokub</t>
  </si>
  <si>
    <t>38666</t>
  </si>
  <si>
    <t>35390</t>
  </si>
  <si>
    <t>21617</t>
  </si>
  <si>
    <t>GMPS THATHA DARSA SINGH</t>
  </si>
  <si>
    <t>Darsa Singh</t>
  </si>
  <si>
    <t>Thatha Darsa Singh</t>
  </si>
  <si>
    <t>Saima Shahzadi</t>
  </si>
  <si>
    <t>GGPS CHAK 277 GB SATIANA</t>
  </si>
  <si>
    <t>niwala</t>
  </si>
  <si>
    <t>government girls primary school 277GB Teh Jrw District Fsd</t>
  </si>
  <si>
    <t>277GB</t>
  </si>
  <si>
    <t>Niwala</t>
  </si>
  <si>
    <t>Mannwer Siddiq</t>
  </si>
  <si>
    <t>8338</t>
  </si>
  <si>
    <t>GGMPS JARH WALA</t>
  </si>
  <si>
    <t>gadai</t>
  </si>
  <si>
    <t>jurh wala d g khan</t>
  </si>
  <si>
    <t>jarh wala</t>
  </si>
  <si>
    <t>churhatta 15</t>
  </si>
  <si>
    <t>Tahira Nasreen</t>
  </si>
  <si>
    <t>35601</t>
  </si>
  <si>
    <t>GGHS KOT HAROO</t>
  </si>
  <si>
    <t>Kot Haroo Mailsi</t>
  </si>
  <si>
    <t>Govt girls high school Kot Haroo Mailsi Vehari</t>
  </si>
  <si>
    <t>Kot Haroo</t>
  </si>
  <si>
    <t>Sana Asad</t>
  </si>
  <si>
    <t>31031</t>
  </si>
  <si>
    <t>35621</t>
  </si>
  <si>
    <t>37733</t>
  </si>
  <si>
    <t>GHS 137/10-R, JAHANIAN</t>
  </si>
  <si>
    <t>137/10-R</t>
  </si>
  <si>
    <t>CHAK NO.137/10-R JAHANIAN</t>
  </si>
  <si>
    <t>136/10-R</t>
  </si>
  <si>
    <t>Rao Shamshad Ali</t>
  </si>
  <si>
    <t>16109</t>
  </si>
  <si>
    <t>GGHS CHAK NO 241 RB</t>
  </si>
  <si>
    <t>govt.girls high school 241RB Faisalabad</t>
  </si>
  <si>
    <t>Chanchalwala</t>
  </si>
  <si>
    <t>abbaspur</t>
  </si>
  <si>
    <t>Qurratulain Aslam</t>
  </si>
  <si>
    <t>16413</t>
  </si>
  <si>
    <t>GGES CHAK 42 JB II</t>
  </si>
  <si>
    <t>42 JB ii bar,fsd</t>
  </si>
  <si>
    <t>42 JB IIBar</t>
  </si>
  <si>
    <t>Kadarqay</t>
  </si>
  <si>
    <t>GMES JHULKI</t>
  </si>
  <si>
    <t>Jhulki</t>
  </si>
  <si>
    <t>village jhulki tehsil and district sialkot</t>
  </si>
  <si>
    <t>Kamanwala</t>
  </si>
  <si>
    <t>38224</t>
  </si>
  <si>
    <t>33793</t>
  </si>
  <si>
    <t>23426</t>
  </si>
  <si>
    <t>GHSS BAGIRAN WALA</t>
  </si>
  <si>
    <t>BAGRIANWALA</t>
  </si>
  <si>
    <t>V.P.O BAGRIANWALA TEHSIL KHARIAN DISTRICT GUJRAT</t>
  </si>
  <si>
    <t>IFTIKHAR HUSSAIN SHAH</t>
  </si>
  <si>
    <t>44292</t>
  </si>
  <si>
    <t>GGHS KALU WAL</t>
  </si>
  <si>
    <t>Kalowal</t>
  </si>
  <si>
    <t>kalowal</t>
  </si>
  <si>
    <t>LANGER Makhdoom</t>
  </si>
  <si>
    <t>shabana iqbal</t>
  </si>
  <si>
    <t>19422</t>
  </si>
  <si>
    <t>4336</t>
  </si>
  <si>
    <t>12016</t>
  </si>
  <si>
    <t>32998</t>
  </si>
  <si>
    <t>GGPS SHOHRAT WALA</t>
  </si>
  <si>
    <t>MARI WALA- FEMALE</t>
  </si>
  <si>
    <t>Wardn o 14E chaah shohrat wala</t>
  </si>
  <si>
    <t>Kot Addu</t>
  </si>
  <si>
    <t>kishwar sultana</t>
  </si>
  <si>
    <t>GGES CHAK 156 RB</t>
  </si>
  <si>
    <t>156 Rb</t>
  </si>
  <si>
    <t>gges156rbdairh tehsil jhumra</t>
  </si>
  <si>
    <t>Dairh</t>
  </si>
  <si>
    <t>156rb Dairh</t>
  </si>
  <si>
    <t>Azra Naheed</t>
  </si>
  <si>
    <t>4887</t>
  </si>
  <si>
    <t>29034</t>
  </si>
  <si>
    <t>GHS TAEED-UL-ISLAM KASUR RARA GUJRAN WALA RAILWAY ROAD KASUR</t>
  </si>
  <si>
    <t>Rearrange Gujrain Kasur</t>
  </si>
  <si>
    <t>govt taeed ul islam high school rarra gujjran kasur</t>
  </si>
  <si>
    <t>city kasur</t>
  </si>
  <si>
    <t>MUHAMMAD ZUBAIR TAHIR</t>
  </si>
  <si>
    <t>GGCMS 98 EB</t>
  </si>
  <si>
    <t>98/EB</t>
  </si>
  <si>
    <t>Sheikh Fazil</t>
  </si>
  <si>
    <t>Huma Talib</t>
  </si>
  <si>
    <t>23917</t>
  </si>
  <si>
    <t>29982</t>
  </si>
  <si>
    <t>GGHS KOT INAYAT KHAN</t>
  </si>
  <si>
    <t>Kot Inayat Khan</t>
  </si>
  <si>
    <t>Shamsa Aslam</t>
  </si>
  <si>
    <t>4391</t>
  </si>
  <si>
    <t>28646</t>
  </si>
  <si>
    <t>GGHS TALAB WALA</t>
  </si>
  <si>
    <t>chunian</t>
  </si>
  <si>
    <t>GGHS TALAB WALA CHUNIAN</t>
  </si>
  <si>
    <t>CITY1</t>
  </si>
  <si>
    <t>syeda munazza fatima</t>
  </si>
  <si>
    <t>37210</t>
  </si>
  <si>
    <t>GGES HASSAN MODEL, KHANEWAL</t>
  </si>
  <si>
    <t>Vard No 3</t>
  </si>
  <si>
    <t>Govt. girls hassan model middle school, khanewal</t>
  </si>
  <si>
    <t>Khanewal City</t>
  </si>
  <si>
    <t>Sargana House</t>
  </si>
  <si>
    <t>Safia Qaisar</t>
  </si>
  <si>
    <t>46784</t>
  </si>
  <si>
    <t>22595</t>
  </si>
  <si>
    <t>25004</t>
  </si>
  <si>
    <t>41629</t>
  </si>
  <si>
    <t>GHS TAKHT PARI</t>
  </si>
  <si>
    <t>Takht Pari</t>
  </si>
  <si>
    <t>GHS TAKHT PARI RWP</t>
  </si>
  <si>
    <t>Muhammad Irfan</t>
  </si>
  <si>
    <t>24783</t>
  </si>
  <si>
    <t>GGES MALLHU CHHIT</t>
  </si>
  <si>
    <t>malluchitt</t>
  </si>
  <si>
    <t>GGES Malluchitt</t>
  </si>
  <si>
    <t>Malluchitt</t>
  </si>
  <si>
    <t>Sayedanwali</t>
  </si>
  <si>
    <t>Faiza Khalid</t>
  </si>
  <si>
    <t>12022</t>
  </si>
  <si>
    <t>GGES CHAK NO 33 JB</t>
  </si>
  <si>
    <t>33jb</t>
  </si>
  <si>
    <t>chak no 33 jb</t>
  </si>
  <si>
    <t>Chak No 33 Jb</t>
  </si>
  <si>
    <t>30 Jb</t>
  </si>
  <si>
    <t>Zunaira Mubeen</t>
  </si>
  <si>
    <t>49759</t>
  </si>
  <si>
    <t>36297</t>
  </si>
  <si>
    <t>GES CHAK NO. 58/KB EAST</t>
  </si>
  <si>
    <t>58 kB East</t>
  </si>
  <si>
    <t>chak 58/kB East , vehari</t>
  </si>
  <si>
    <t>58 kB East vehari</t>
  </si>
  <si>
    <t>22410</t>
  </si>
  <si>
    <t>8023</t>
  </si>
  <si>
    <t>GGPS CHAK NO. 419/ EB</t>
  </si>
  <si>
    <t>GGPS419/E.B tehsil Burewala district vehari</t>
  </si>
  <si>
    <t>419/EB</t>
  </si>
  <si>
    <t>Naila Batool</t>
  </si>
  <si>
    <t>4515</t>
  </si>
  <si>
    <t>13124</t>
  </si>
  <si>
    <t>22898</t>
  </si>
  <si>
    <t>GHS TALIM UL ISLAM KHARIAN</t>
  </si>
  <si>
    <t>Kharian</t>
  </si>
  <si>
    <t>Government Taleem ul Islam High School Guliana road Kharian</t>
  </si>
  <si>
    <t>Kharian City</t>
  </si>
  <si>
    <t>MC Kharian</t>
  </si>
  <si>
    <t>FARQAN WAHEED</t>
  </si>
  <si>
    <t>50364</t>
  </si>
  <si>
    <t>13208</t>
  </si>
  <si>
    <t>11843</t>
  </si>
  <si>
    <t>GGPS AQAID ABAS WALA</t>
  </si>
  <si>
    <t>government girls primary school aquaid Abbas Walla mehmood kot city</t>
  </si>
  <si>
    <t>Mehmood Kot City</t>
  </si>
  <si>
    <t>kaneez fizza</t>
  </si>
  <si>
    <t>18126</t>
  </si>
  <si>
    <t>38213</t>
  </si>
  <si>
    <t>GHSS RIND JADA</t>
  </si>
  <si>
    <t>rind jada</t>
  </si>
  <si>
    <t>p/o rind jada</t>
  </si>
  <si>
    <t>Bashir Ahmad Hashmi</t>
  </si>
  <si>
    <t>10515</t>
  </si>
  <si>
    <t>GHS KOTLA HAJI SHAH</t>
  </si>
  <si>
    <t>Chak No 123A TDA KOTLA HAJI SHAH</t>
  </si>
  <si>
    <t>GHS KOTLA HAJI SHAH LAYYAH</t>
  </si>
  <si>
    <t>KOTLA HAJI SHAH</t>
  </si>
  <si>
    <t>MUHAMMAD BAKHSH</t>
  </si>
  <si>
    <t>20042</t>
  </si>
  <si>
    <t>19024</t>
  </si>
  <si>
    <t>29479</t>
  </si>
  <si>
    <t>GGPS KILCHAMA DONA</t>
  </si>
  <si>
    <t>Kilchamadona</t>
  </si>
  <si>
    <t>village kilchamadona tehsil kasur</t>
  </si>
  <si>
    <t>Kilchmdona</t>
  </si>
  <si>
    <t>Bazeedpur</t>
  </si>
  <si>
    <t>Shazia Yaseen</t>
  </si>
  <si>
    <t>15258</t>
  </si>
  <si>
    <t>GGPS 74/RB-II</t>
  </si>
  <si>
    <t>74 rb second</t>
  </si>
  <si>
    <t>74 Rb Second</t>
  </si>
  <si>
    <t>76 Rb Rasool Pura</t>
  </si>
  <si>
    <t>Uzma Sadaf</t>
  </si>
  <si>
    <t>9116</t>
  </si>
  <si>
    <t>GHS KAKRALI</t>
  </si>
  <si>
    <t>KAKRALI</t>
  </si>
  <si>
    <t>VPO KAKRALI</t>
  </si>
  <si>
    <t>ahsan ul haq</t>
  </si>
  <si>
    <t>20896</t>
  </si>
  <si>
    <t>GGHS SOHDRA</t>
  </si>
  <si>
    <t>GGHS SOHDRA(34120033)Teh Wazirabad Distt Gujranwala</t>
  </si>
  <si>
    <t>TAHIRA KOUSAR</t>
  </si>
  <si>
    <t>31179</t>
  </si>
  <si>
    <t>GGPS AZIZ COLONY SHAHDARA</t>
  </si>
  <si>
    <t>GGPS Aziz colony near baba lachhian Wala darbar Farrukhabad shahdara</t>
  </si>
  <si>
    <t>Farrukhabad</t>
  </si>
  <si>
    <t>Chah Chhimbian Wala Khoh</t>
  </si>
  <si>
    <t>Tahira Maqsood</t>
  </si>
  <si>
    <t>23622</t>
  </si>
  <si>
    <t>36473</t>
  </si>
  <si>
    <t>GGPS KHAN GHAR ISLAM</t>
  </si>
  <si>
    <t>Khan Garh Islam</t>
  </si>
  <si>
    <t>mouza khan garh islam daakkhana ludden tehsail &amp;district vehari</t>
  </si>
  <si>
    <t>Ali Ul Din</t>
  </si>
  <si>
    <t>Kousar Latif</t>
  </si>
  <si>
    <t>37119</t>
  </si>
  <si>
    <t>37930</t>
  </si>
  <si>
    <t>37202</t>
  </si>
  <si>
    <t>GHS 8/9-R, KACHA KHUH</t>
  </si>
  <si>
    <t>8/9-r Qasba</t>
  </si>
  <si>
    <t>GHS 8/9-R QASBA, KHANEWAL</t>
  </si>
  <si>
    <t>8/9-R</t>
  </si>
  <si>
    <t>7/9-R</t>
  </si>
  <si>
    <t>Tanveer ul hasan</t>
  </si>
  <si>
    <t>11606</t>
  </si>
  <si>
    <t>26309</t>
  </si>
  <si>
    <t>11839</t>
  </si>
  <si>
    <t>GGES KUDNA</t>
  </si>
  <si>
    <t>Rao Bela Sharqi</t>
  </si>
  <si>
    <t>Basti kudna post office mehmodkot city</t>
  </si>
  <si>
    <t>Kudna</t>
  </si>
  <si>
    <t>Buddh</t>
  </si>
  <si>
    <t>Ruqia Ismat</t>
  </si>
  <si>
    <t>49160</t>
  </si>
  <si>
    <t>49110</t>
  </si>
  <si>
    <t>10642</t>
  </si>
  <si>
    <t>GPS CHAK NO 438 TDA</t>
  </si>
  <si>
    <t>chak no 438 tda</t>
  </si>
  <si>
    <t>Chak No 438/TDA</t>
  </si>
  <si>
    <t>393 TDA</t>
  </si>
  <si>
    <t>20660</t>
  </si>
  <si>
    <t>15125</t>
  </si>
  <si>
    <t>GGPS CHAK 560 GB II WEST LUNDIANWALA</t>
  </si>
  <si>
    <t>Kahlon Khel</t>
  </si>
  <si>
    <t>chak no 560 gb west</t>
  </si>
  <si>
    <t>Chak No 560 Gb West</t>
  </si>
  <si>
    <t>Chak No 562 Gb</t>
  </si>
  <si>
    <t>Farkhanda Ramzan</t>
  </si>
  <si>
    <t>16146</t>
  </si>
  <si>
    <t>GGES CHAK 29 JB</t>
  </si>
  <si>
    <t>29 Jb Sehtywala</t>
  </si>
  <si>
    <t>chak #29 jb south</t>
  </si>
  <si>
    <t>Chak #29 Jbsouth</t>
  </si>
  <si>
    <t>Sajida Nasreen</t>
  </si>
  <si>
    <t>51799</t>
  </si>
  <si>
    <t>GHS 91/EB</t>
  </si>
  <si>
    <t>CHAK 91/EB TEHSIL ARIFWALA DISTRICT PAKPATTAN</t>
  </si>
  <si>
    <t>CHAK 91/EB</t>
  </si>
  <si>
    <t>28611</t>
  </si>
  <si>
    <t>GHS CHAK NO. 17 CHUNIAN</t>
  </si>
  <si>
    <t>GHS Chak 17</t>
  </si>
  <si>
    <t>Chak No. 17 Tehsil CHUNIAN DISTRICT Kasur</t>
  </si>
  <si>
    <t>Chak No 17</t>
  </si>
  <si>
    <t>Chak No 18</t>
  </si>
  <si>
    <t>Anwar Farooq</t>
  </si>
  <si>
    <t>145800</t>
  </si>
  <si>
    <t>48749</t>
  </si>
  <si>
    <t>GHS MODEL NO.1 SARGODHA</t>
  </si>
  <si>
    <t>Block no.12 sgd</t>
  </si>
  <si>
    <t>Block 12</t>
  </si>
  <si>
    <t>MC  No11 Sgd</t>
  </si>
  <si>
    <t>Hafiz Muhammad Akhtar Mehmood</t>
  </si>
  <si>
    <t>20878</t>
  </si>
  <si>
    <t>GHS JAMKAY CHATHA</t>
  </si>
  <si>
    <t>jamke</t>
  </si>
  <si>
    <t>main road</t>
  </si>
  <si>
    <t>jamke chatha</t>
  </si>
  <si>
    <t>Nadeem Masih</t>
  </si>
  <si>
    <t>38197</t>
  </si>
  <si>
    <t>6743</t>
  </si>
  <si>
    <t>15164</t>
  </si>
  <si>
    <t>GGPS CHAK 275 SATIANA</t>
  </si>
  <si>
    <t>275 Madowana</t>
  </si>
  <si>
    <t>GGPS275GB satiana</t>
  </si>
  <si>
    <t>Nai Wala</t>
  </si>
  <si>
    <t>Hafiza Saman Latif</t>
  </si>
  <si>
    <t>water coler</t>
  </si>
  <si>
    <t>2077</t>
  </si>
  <si>
    <t>35321</t>
  </si>
  <si>
    <t>GMPS IQBAL NAGAR MARZI PURA BUREWALA</t>
  </si>
  <si>
    <t>BUREWALA WEST - FEMALE</t>
  </si>
  <si>
    <t>st no 7 iqbalnagar marzipura</t>
  </si>
  <si>
    <t>Mohala Iqbalnagar</t>
  </si>
  <si>
    <t>Abida Shahnaz</t>
  </si>
  <si>
    <t>50214</t>
  </si>
  <si>
    <t>49730</t>
  </si>
  <si>
    <t>GGPS CHAK 281 GB SATIANA</t>
  </si>
  <si>
    <t>Pithuana</t>
  </si>
  <si>
    <t>281GB</t>
  </si>
  <si>
    <t>Chk#281GB</t>
  </si>
  <si>
    <t>17774</t>
  </si>
  <si>
    <t>GMPS CHAK NO. 177</t>
  </si>
  <si>
    <t>Reemy</t>
  </si>
  <si>
    <t>chak no 177</t>
  </si>
  <si>
    <t>Reemy 177</t>
  </si>
  <si>
    <t>Mamoona Naz</t>
  </si>
  <si>
    <t>13769</t>
  </si>
  <si>
    <t>37837</t>
  </si>
  <si>
    <t>20606</t>
  </si>
  <si>
    <t>20450</t>
  </si>
  <si>
    <t>13448</t>
  </si>
  <si>
    <t>7158</t>
  </si>
  <si>
    <t>30880</t>
  </si>
  <si>
    <t>GHS CHOBURJI GARDENS</t>
  </si>
  <si>
    <t>GHS chauburji gardens Lahore</t>
  </si>
  <si>
    <t>Dr. Muhammad Iqbal Naeem</t>
  </si>
  <si>
    <t>11057</t>
  </si>
  <si>
    <t>36506</t>
  </si>
  <si>
    <t>GGCMS 11 WB</t>
  </si>
  <si>
    <t>11WB</t>
  </si>
  <si>
    <t>GGCMS11WB</t>
  </si>
  <si>
    <t>Nasreen Sarwar</t>
  </si>
  <si>
    <t>GGHS SHADAN LUND</t>
  </si>
  <si>
    <t>chak danda</t>
  </si>
  <si>
    <t>gGHS SHADAN LUND TEHSIL&amp;DISTRICT DG KHAN</t>
  </si>
  <si>
    <t>mohala balochan wala</t>
  </si>
  <si>
    <t>SHADAN LUND</t>
  </si>
  <si>
    <t>madiha islam</t>
  </si>
  <si>
    <t>48065</t>
  </si>
  <si>
    <t>18341</t>
  </si>
  <si>
    <t>16144</t>
  </si>
  <si>
    <t>GGES CHAK 26 JB NORTH</t>
  </si>
  <si>
    <t>26jb North</t>
  </si>
  <si>
    <t>26 jb north sadar faisalabad</t>
  </si>
  <si>
    <t>26 Jb North</t>
  </si>
  <si>
    <t>Shaheen Bano</t>
  </si>
  <si>
    <t>86400</t>
  </si>
  <si>
    <t>41575</t>
  </si>
  <si>
    <t>GGHS KOH-I-NOOR</t>
  </si>
  <si>
    <t>KOHINOOR COLONY PESHAWER ROAD RWP</t>
  </si>
  <si>
    <t>FARAH YASMIN</t>
  </si>
  <si>
    <t>15330</t>
  </si>
  <si>
    <t>GGES CHAK 73 GB SATIANA</t>
  </si>
  <si>
    <t>CHAK 73 GB</t>
  </si>
  <si>
    <t>SHAHNAZ SHAMA</t>
  </si>
  <si>
    <t>35063</t>
  </si>
  <si>
    <t>GHS CHAK NO.505/EB</t>
  </si>
  <si>
    <t>CHak No. 505-EB Burewala</t>
  </si>
  <si>
    <t>505/EB Burewala</t>
  </si>
  <si>
    <t>515-EB Burewala</t>
  </si>
  <si>
    <t>shahid hussain</t>
  </si>
  <si>
    <t>6223</t>
  </si>
  <si>
    <t>45020</t>
  </si>
  <si>
    <t>GES CHAK NO.571 EB</t>
  </si>
  <si>
    <t>MACHIWAL - MALE</t>
  </si>
  <si>
    <t>571/EB</t>
  </si>
  <si>
    <t>571/EB Vehari</t>
  </si>
  <si>
    <t>561/EB</t>
  </si>
  <si>
    <t>Munir Ahmad Javed</t>
  </si>
  <si>
    <t>47826</t>
  </si>
  <si>
    <t>GGPS CHAK 289 RB AROORY</t>
  </si>
  <si>
    <t>289 RB</t>
  </si>
  <si>
    <t>chak#289 RB Arrory fsd</t>
  </si>
  <si>
    <t>289 RB Arrory</t>
  </si>
  <si>
    <t>247 RB Miani</t>
  </si>
  <si>
    <t>7734</t>
  </si>
  <si>
    <t>GHS WALLAY WALA</t>
  </si>
  <si>
    <t>GADAI SHUMALI(NORTH)</t>
  </si>
  <si>
    <t>NEAR SAMINA CHOWK MULTAN ROAD D.G.KHAN</t>
  </si>
  <si>
    <t>WALAY WALA</t>
  </si>
  <si>
    <t>URBAN</t>
  </si>
  <si>
    <t>ABDUL HAMEED SIYAL</t>
  </si>
  <si>
    <t>22613</t>
  </si>
  <si>
    <t>12006</t>
  </si>
  <si>
    <t>1387</t>
  </si>
  <si>
    <t>48721</t>
  </si>
  <si>
    <t>GHSS CHAK NO.46 SB</t>
  </si>
  <si>
    <t>CHAK NO 46 SB</t>
  </si>
  <si>
    <t>CHAK NO 46 SB TEHSIL &amp; DISTRICT SARGODHA</t>
  </si>
  <si>
    <t>CHAK NO 45 SB</t>
  </si>
  <si>
    <t>25387</t>
  </si>
  <si>
    <t>GGCMES CHAK 61 GB JARANWALA</t>
  </si>
  <si>
    <t>61gb</t>
  </si>
  <si>
    <t>ggcmes61gb</t>
  </si>
  <si>
    <t>61 Gb</t>
  </si>
  <si>
    <t>61 Chak</t>
  </si>
  <si>
    <t>15175</t>
  </si>
  <si>
    <t>GGES CHAK 376 GB SATIANA</t>
  </si>
  <si>
    <t>376gb</t>
  </si>
  <si>
    <t>357gb</t>
  </si>
  <si>
    <t>Kiran Shehzadi</t>
  </si>
  <si>
    <t>45290</t>
  </si>
  <si>
    <t>41576</t>
  </si>
  <si>
    <t>GGHS LIAQAT BANGASH COLONY</t>
  </si>
  <si>
    <t>Govt Liaquat Girls high school bungish colony rawalpindi</t>
  </si>
  <si>
    <t>bungish colony</t>
  </si>
  <si>
    <t>najma naureen</t>
  </si>
  <si>
    <t>35033</t>
  </si>
  <si>
    <t>GHS CHAK NO.102/EB</t>
  </si>
  <si>
    <t>102 EB</t>
  </si>
  <si>
    <t>GOVT. HIGH SCHOOL 102/EB BUREWALA</t>
  </si>
  <si>
    <t>Chak No 102/EB</t>
  </si>
  <si>
    <t>CHAK No 124/EB</t>
  </si>
  <si>
    <t>15165</t>
  </si>
  <si>
    <t>GGPS CHAK 276 GB SATIANA</t>
  </si>
  <si>
    <t>Othianwala</t>
  </si>
  <si>
    <t>Chak no.276 GB othianwala tehseel jaranwala faisalabad</t>
  </si>
  <si>
    <t>Sarvet Jabeen</t>
  </si>
  <si>
    <t>7677</t>
  </si>
  <si>
    <t>GHS PIR AADIL JADEED</t>
  </si>
  <si>
    <t>Rakh Chabri Zeren</t>
  </si>
  <si>
    <t>Basti Dhoor Pur</t>
  </si>
  <si>
    <t>Chabri Zeren</t>
  </si>
  <si>
    <t>hamad Raza Farooqi</t>
  </si>
  <si>
    <t>14770</t>
  </si>
  <si>
    <t>32601</t>
  </si>
  <si>
    <t>16262</t>
  </si>
  <si>
    <t>GGCMS CHAK NO. 66 JB</t>
  </si>
  <si>
    <t>66jb dhandra</t>
  </si>
  <si>
    <t>66jb Dhandra</t>
  </si>
  <si>
    <t>49010</t>
  </si>
  <si>
    <t>16021</t>
  </si>
  <si>
    <t>GGPS CHAK 242 RB II AZAFI ABADI</t>
  </si>
  <si>
    <t>Dasuha</t>
  </si>
  <si>
    <t>242/r.b ii</t>
  </si>
  <si>
    <t>242/rb Ii</t>
  </si>
  <si>
    <t>Nazia Sadiq</t>
  </si>
  <si>
    <t>34935</t>
  </si>
  <si>
    <t>23305</t>
  </si>
  <si>
    <t>15969</t>
  </si>
  <si>
    <t>GGES CHAK NO 35 JB</t>
  </si>
  <si>
    <t>Satey Shah</t>
  </si>
  <si>
    <t>35 jb</t>
  </si>
  <si>
    <t>35 Jb</t>
  </si>
  <si>
    <t>Shamaila Naz</t>
  </si>
  <si>
    <t>GGHS ADHWAL</t>
  </si>
  <si>
    <t>ADHWAL</t>
  </si>
  <si>
    <t>GOVT. GIRLS HIGH SCHOOL ADHWAL.District Rawalpindi.</t>
  </si>
  <si>
    <t>CHOUNTRA</t>
  </si>
  <si>
    <t>Sadia Tabbassum</t>
  </si>
  <si>
    <t>36226</t>
  </si>
  <si>
    <t>15259</t>
  </si>
  <si>
    <t>GGPS 76/RB-I</t>
  </si>
  <si>
    <t>GGPS 76 RB I</t>
  </si>
  <si>
    <t>Musarrat Shaheen</t>
  </si>
  <si>
    <t>15961</t>
  </si>
  <si>
    <t>GGPS CHAK 70 JB II</t>
  </si>
  <si>
    <t>70jbll Fsd</t>
  </si>
  <si>
    <t>70jbll</t>
  </si>
  <si>
    <t>70jb Mansooran</t>
  </si>
  <si>
    <t>Mumtaz Kouser</t>
  </si>
  <si>
    <t>22303</t>
  </si>
  <si>
    <t>42124</t>
  </si>
  <si>
    <t>16115</t>
  </si>
  <si>
    <t>GGES CHAK NO 32 JB</t>
  </si>
  <si>
    <t>32jb</t>
  </si>
  <si>
    <t>34jb</t>
  </si>
  <si>
    <t>Farrukh Ijaz</t>
  </si>
  <si>
    <t>26859</t>
  </si>
  <si>
    <t>GPS BIRREE</t>
  </si>
  <si>
    <t>Birree</t>
  </si>
  <si>
    <t>Village Birree Tehsil Zafarwal District Narowal</t>
  </si>
  <si>
    <t>Dinga Nareinpure</t>
  </si>
  <si>
    <t>29855</t>
  </si>
  <si>
    <t>46106</t>
  </si>
  <si>
    <t>GGHS MARDWAL</t>
  </si>
  <si>
    <t>vpo Mardwal tehsil naushera district khushab</t>
  </si>
  <si>
    <t>Feroza Bibi</t>
  </si>
  <si>
    <t>GHS KOT GULLAH</t>
  </si>
  <si>
    <t>Kotgullah</t>
  </si>
  <si>
    <t>ghskotgullah lawa chakwal</t>
  </si>
  <si>
    <t>Akhtar  Hussain</t>
  </si>
  <si>
    <t>48432</t>
  </si>
  <si>
    <t>GMPS NOOR PUR NOON</t>
  </si>
  <si>
    <t>Noor Pur noon</t>
  </si>
  <si>
    <t>Saira Ilyass</t>
  </si>
  <si>
    <t>30118</t>
  </si>
  <si>
    <t>26516</t>
  </si>
  <si>
    <t>49397</t>
  </si>
  <si>
    <t>GHSS GONDAL SARGODHA</t>
  </si>
  <si>
    <t>gondal</t>
  </si>
  <si>
    <t>gondal shahpur Sargodha</t>
  </si>
  <si>
    <t>khalid mahmood</t>
  </si>
  <si>
    <t>13197</t>
  </si>
  <si>
    <t>3513</t>
  </si>
  <si>
    <t>6299</t>
  </si>
  <si>
    <t>7725</t>
  </si>
  <si>
    <t>GES ESAN GORAHA</t>
  </si>
  <si>
    <t>AALI WALA-MALE</t>
  </si>
  <si>
    <t>Essan Goraha</t>
  </si>
  <si>
    <t>GES Essan goraha</t>
  </si>
  <si>
    <t>Rana Iftakhar Ahmed</t>
  </si>
  <si>
    <t>39844</t>
  </si>
  <si>
    <t>49432</t>
  </si>
  <si>
    <t>GGHS KOT BHAI KHAN</t>
  </si>
  <si>
    <t>Kot Bhai Khan</t>
  </si>
  <si>
    <t>GGHS kot bhai khan</t>
  </si>
  <si>
    <t>Asia Kalsoom</t>
  </si>
  <si>
    <t>28915</t>
  </si>
  <si>
    <t>GGHS APWA</t>
  </si>
  <si>
    <t>Hamaitiyan</t>
  </si>
  <si>
    <t>GGHS APWA Satellite Town Bahawalpur</t>
  </si>
  <si>
    <t>Behari Colony</t>
  </si>
  <si>
    <t>Asma Qasim</t>
  </si>
  <si>
    <t>25800</t>
  </si>
  <si>
    <t>20914</t>
  </si>
  <si>
    <t>GHS BUCHA CHATTA</t>
  </si>
  <si>
    <t>GHS BUCHA CHATHA, P/O: ALIPUR CHATHA, TEH: WAZIRABAD, DISTT: GUJRANWALA</t>
  </si>
  <si>
    <t>BUCHA CHATHA</t>
  </si>
  <si>
    <t>NOIN WALA CHATHA</t>
  </si>
  <si>
    <t>Shahid Iqbal Warraich</t>
  </si>
  <si>
    <t>28944</t>
  </si>
  <si>
    <t>14137</t>
  </si>
  <si>
    <t>26604</t>
  </si>
  <si>
    <t>GPS OPIAN</t>
  </si>
  <si>
    <t>Opian</t>
  </si>
  <si>
    <t>vill.opian Teh. zafarwal</t>
  </si>
  <si>
    <t>Munir Sharif</t>
  </si>
  <si>
    <t>31965</t>
  </si>
  <si>
    <t>GGES MURIDKE GAON</t>
  </si>
  <si>
    <t>Muridkey</t>
  </si>
  <si>
    <t>Village  muridky  p/o farooqabad Teh/Distt Skp</t>
  </si>
  <si>
    <t>37768</t>
  </si>
  <si>
    <t>GGHS 130/10-R, JAHANIAN</t>
  </si>
  <si>
    <t>islam gar</t>
  </si>
  <si>
    <t>Chak No 130/10 R Jahanian</t>
  </si>
  <si>
    <t>chak no 130/10 r jahanian</t>
  </si>
  <si>
    <t>chak no 132/10 r (old)</t>
  </si>
  <si>
    <t>SAMINA KHANAM</t>
  </si>
  <si>
    <t>43782</t>
  </si>
  <si>
    <t>41444</t>
  </si>
  <si>
    <t>GGES MANGA</t>
  </si>
  <si>
    <t>GGES Manga</t>
  </si>
  <si>
    <t>Farida Bi Bi</t>
  </si>
  <si>
    <t>GHS HASSAN ABDAL</t>
  </si>
  <si>
    <t>Housing Colony Hassan Abdal</t>
  </si>
  <si>
    <t>Municipal Commite</t>
  </si>
  <si>
    <t>DR.IFTIKHAR AHMED</t>
  </si>
  <si>
    <t>9112</t>
  </si>
  <si>
    <t>21568</t>
  </si>
  <si>
    <t>GGPS GUMMA</t>
  </si>
  <si>
    <t>Ghouma</t>
  </si>
  <si>
    <t>GGP/S Ghouma</t>
  </si>
  <si>
    <t>Rahat Bano</t>
  </si>
  <si>
    <t>45950</t>
  </si>
  <si>
    <t>44374</t>
  </si>
  <si>
    <t>GGHS MANDI TOWN BHAKKAR</t>
  </si>
  <si>
    <t>MOHALLAH MANDI TOWN BHAKKAR</t>
  </si>
  <si>
    <t>BHAKKAR URBAN</t>
  </si>
  <si>
    <t>nighat jamil</t>
  </si>
  <si>
    <t>17970</t>
  </si>
  <si>
    <t>GES BUDHU ANA</t>
  </si>
  <si>
    <t>BUDHUANA</t>
  </si>
  <si>
    <t>MOUZA BUDHUANA P/O QAIM BHARWANA</t>
  </si>
  <si>
    <t>MEHRAM SIAL</t>
  </si>
  <si>
    <t>Muhammad Shakeel Usman</t>
  </si>
  <si>
    <t>50151</t>
  </si>
  <si>
    <t>GGHS CHAK NO. 104/12-L</t>
  </si>
  <si>
    <t>CHAK # 104/12-L</t>
  </si>
  <si>
    <t>Chak No 104/12-L PO  SAME TEHSIL CHICHAWATNI DISTT SAHIWAL</t>
  </si>
  <si>
    <t>CHAK NO 50/12-L</t>
  </si>
  <si>
    <t>Misbah Rasool</t>
  </si>
  <si>
    <t>6796</t>
  </si>
  <si>
    <t>38879</t>
  </si>
  <si>
    <t>32108</t>
  </si>
  <si>
    <t>39913</t>
  </si>
  <si>
    <t>GGHSS MALHOO</t>
  </si>
  <si>
    <t>Malhoo</t>
  </si>
  <si>
    <t>gghss malhoo hazro attock</t>
  </si>
  <si>
    <t>Kamalpurmusa</t>
  </si>
  <si>
    <t>Fozia Aslam</t>
  </si>
  <si>
    <t>31987</t>
  </si>
  <si>
    <t>16998</t>
  </si>
  <si>
    <t>46161</t>
  </si>
  <si>
    <t>GGHS JOYIA</t>
  </si>
  <si>
    <t>post office joyia</t>
  </si>
  <si>
    <t>Hassan Pur Tiwana</t>
  </si>
  <si>
    <t>Rubina Bano</t>
  </si>
  <si>
    <t>GGES 9/FW BAKSHAH KHAN</t>
  </si>
  <si>
    <t>Bakshan Khan</t>
  </si>
  <si>
    <t>chak 9 fordwah post office Bakshan khan. ctn</t>
  </si>
  <si>
    <t>9 Fordwah</t>
  </si>
  <si>
    <t>ANAM</t>
  </si>
  <si>
    <t>25694</t>
  </si>
  <si>
    <t>GHS DHABLI WALA</t>
  </si>
  <si>
    <t>Dhabliwala</t>
  </si>
  <si>
    <t>Vill. &amp; P/O Dhabliwala Tehsil &amp; District Narowal</t>
  </si>
  <si>
    <t>Muhammad Farid</t>
  </si>
  <si>
    <t>GGHS CHAK MUBARAK (OLD NAME CHAK RAMDAS)</t>
  </si>
  <si>
    <t>gghs chak mubarak</t>
  </si>
  <si>
    <t>Shamim Afzal</t>
  </si>
  <si>
    <t>18511</t>
  </si>
  <si>
    <t>1039</t>
  </si>
  <si>
    <t>20257</t>
  </si>
  <si>
    <t>GGPS TARKHAN WALA</t>
  </si>
  <si>
    <t>TARKHANWALA</t>
  </si>
  <si>
    <t>Ggps Tarkhanwala</t>
  </si>
  <si>
    <t>TARKHANAWALA</t>
  </si>
  <si>
    <t>29888</t>
  </si>
  <si>
    <t>9987</t>
  </si>
  <si>
    <t>GGHS CHAK NO. 250/TDA</t>
  </si>
  <si>
    <t>Chak No 250/TDA</t>
  </si>
  <si>
    <t>chak no. 250/TDA Tehsail Karor District Layyah</t>
  </si>
  <si>
    <t>250/TDA</t>
  </si>
  <si>
    <t>9444</t>
  </si>
  <si>
    <t>52132</t>
  </si>
  <si>
    <t>27633</t>
  </si>
  <si>
    <t>GHS BAR MUSA</t>
  </si>
  <si>
    <t>BAR MUSA</t>
  </si>
  <si>
    <t>V &amp; PO BAR MUSA,TEHSIL MALAKWAL DISTT. M.B.DIN</t>
  </si>
  <si>
    <t>SAJID MEHMOOD</t>
  </si>
  <si>
    <t>36689</t>
  </si>
  <si>
    <t>47989</t>
  </si>
  <si>
    <t>GGPS BASTI CHUTTI</t>
  </si>
  <si>
    <t>7 mrla sacheme bastichutti havaili naseer khan</t>
  </si>
  <si>
    <t>Basti Chutti</t>
  </si>
  <si>
    <t>Sobia Jamil</t>
  </si>
  <si>
    <t>41868</t>
  </si>
  <si>
    <t>GGPS DHOK RAHIM BUKSH</t>
  </si>
  <si>
    <t>Dhok Kala Khan</t>
  </si>
  <si>
    <t>Awan colony Dhok kala khan</t>
  </si>
  <si>
    <t>42043</t>
  </si>
  <si>
    <t>GHS ANJUMAN-E-ISLAM WAH CANTT</t>
  </si>
  <si>
    <t>Wah cantt</t>
  </si>
  <si>
    <t>sector  10 f wah cantt</t>
  </si>
  <si>
    <t>CB Wah Cantt</t>
  </si>
  <si>
    <t>32556</t>
  </si>
  <si>
    <t>GPS CHAUDRY WALA</t>
  </si>
  <si>
    <t>Chak#559/TDA</t>
  </si>
  <si>
    <t>Chak#559/TDA M.M Road Jhangi Adda Chowk Sarwar Shaheed</t>
  </si>
  <si>
    <t>Chak#567/TDA</t>
  </si>
  <si>
    <t>3997</t>
  </si>
  <si>
    <t>2597</t>
  </si>
  <si>
    <t>GPS GOTH RAZA</t>
  </si>
  <si>
    <t>Goth Raza</t>
  </si>
  <si>
    <t>Basti and Mouza goth Raza tehsil Ahmedpur East district Bahawalpur</t>
  </si>
  <si>
    <t>Muhammad Umair</t>
  </si>
  <si>
    <t>18892</t>
  </si>
  <si>
    <t>GGHS MADINA ABAD KAMALIA</t>
  </si>
  <si>
    <t>mohallah madina abad near quaid e azam college kamalia</t>
  </si>
  <si>
    <t>Kamalia City</t>
  </si>
  <si>
    <t>City Kamalia</t>
  </si>
  <si>
    <t>Rubina Nargis</t>
  </si>
  <si>
    <t>6902</t>
  </si>
  <si>
    <t>GHS TAMEER MILLAT</t>
  </si>
  <si>
    <t>City SDK</t>
  </si>
  <si>
    <t>Club Road Sadiqabad</t>
  </si>
  <si>
    <t>City Sadiqabad</t>
  </si>
  <si>
    <t>M.C Sadiqabad</t>
  </si>
  <si>
    <t>Malik Munir Ahmad</t>
  </si>
  <si>
    <t>29222</t>
  </si>
  <si>
    <t>33274</t>
  </si>
  <si>
    <t>47024</t>
  </si>
  <si>
    <t>GHS ABBA KHEL</t>
  </si>
  <si>
    <t>vpo abba khel tehsil and district mianwali</t>
  </si>
  <si>
    <t>M YONAS KALYAR</t>
  </si>
  <si>
    <t>18872</t>
  </si>
  <si>
    <t>15667</t>
  </si>
  <si>
    <t>GGES 462 GB</t>
  </si>
  <si>
    <t>Esanagri</t>
  </si>
  <si>
    <t>Govt Girls school 462gb</t>
  </si>
  <si>
    <t>462gb</t>
  </si>
  <si>
    <t>463gb</t>
  </si>
  <si>
    <t>nasreen fatima</t>
  </si>
  <si>
    <t>11674</t>
  </si>
  <si>
    <t>20047</t>
  </si>
  <si>
    <t>GGPS CHICHER SIDHIAN</t>
  </si>
  <si>
    <t>AEO (W) CHINIOT NO.15</t>
  </si>
  <si>
    <t>chichar saidhan</t>
  </si>
  <si>
    <t>Chicher  Saidhan</t>
  </si>
  <si>
    <t>Hersa Shaikh</t>
  </si>
  <si>
    <t>Shahnaz</t>
  </si>
  <si>
    <t>12550</t>
  </si>
  <si>
    <t>13953</t>
  </si>
  <si>
    <t>4813</t>
  </si>
  <si>
    <t>GHS KEHROR PACCA</t>
  </si>
  <si>
    <t>Quaid e Azam road kahror pacca distt lodhran</t>
  </si>
  <si>
    <t>kehror Pacca City</t>
  </si>
  <si>
    <t>Patwarian Wala</t>
  </si>
  <si>
    <t>HAMID SAEED</t>
  </si>
  <si>
    <t>23014</t>
  </si>
  <si>
    <t>3601</t>
  </si>
  <si>
    <t>15855</t>
  </si>
  <si>
    <t>GES CHAK 31 JB</t>
  </si>
  <si>
    <t>chak no 31 jb fsd</t>
  </si>
  <si>
    <t>Chak No 31 Jb Fsd</t>
  </si>
  <si>
    <t>Chak No 30 Jb Fsd</t>
  </si>
  <si>
    <t>Muhammad Khalid Mahmud</t>
  </si>
  <si>
    <t>52680</t>
  </si>
  <si>
    <t>26792</t>
  </si>
  <si>
    <t>GPS BARWAL</t>
  </si>
  <si>
    <t>village and post office barwal</t>
  </si>
  <si>
    <t>Imtiaz Ali</t>
  </si>
  <si>
    <t>7699</t>
  </si>
  <si>
    <t>GGHSS CITY   D.G.KHAN</t>
  </si>
  <si>
    <t>SADAR</t>
  </si>
  <si>
    <t>GGHSS CITY DGK BLOCK 49</t>
  </si>
  <si>
    <t>Sadar</t>
  </si>
  <si>
    <t>MEHBOOBABAD</t>
  </si>
  <si>
    <t>Mrs. Jamila Rahman</t>
  </si>
  <si>
    <t>25642</t>
  </si>
  <si>
    <t>16377</t>
  </si>
  <si>
    <t>GGPS CHAK NO 140 RB</t>
  </si>
  <si>
    <t>Muthyanwala</t>
  </si>
  <si>
    <t>140rb muthyanwala chk jhumra faisalabad</t>
  </si>
  <si>
    <t>Ghami</t>
  </si>
  <si>
    <t>ishrat naz</t>
  </si>
  <si>
    <t>22460</t>
  </si>
  <si>
    <t>20930</t>
  </si>
  <si>
    <t>GGHS JANDIALA DHAB WALA</t>
  </si>
  <si>
    <t>Jandiala Dhab Wala</t>
  </si>
  <si>
    <t>Dhounkal</t>
  </si>
  <si>
    <t>24023</t>
  </si>
  <si>
    <t>13213</t>
  </si>
  <si>
    <t>GGCMS TAKKOO WALA</t>
  </si>
  <si>
    <t>Bait Shahil Khan</t>
  </si>
  <si>
    <t>Moza Bait Shahil Khan P/O Mir Hazar Khan Tehsil Jatoi District Muzaffar Garh</t>
  </si>
  <si>
    <t>Seema Basheer</t>
  </si>
  <si>
    <t>43370</t>
  </si>
  <si>
    <t>47670</t>
  </si>
  <si>
    <t>28624</t>
  </si>
  <si>
    <t>GGHS CHAK NO.4 JAGO WALA</t>
  </si>
  <si>
    <t>Jagoowala</t>
  </si>
  <si>
    <t>jagoowala</t>
  </si>
  <si>
    <t>16951</t>
  </si>
  <si>
    <t>GGHS MOUZA HABIB</t>
  </si>
  <si>
    <t>Habib</t>
  </si>
  <si>
    <t>govt. girls high school habib</t>
  </si>
  <si>
    <t>habib</t>
  </si>
  <si>
    <t>pakkay wala</t>
  </si>
  <si>
    <t>chasma tahira narjis</t>
  </si>
  <si>
    <t>8825</t>
  </si>
  <si>
    <t>40938</t>
  </si>
  <si>
    <t>19267</t>
  </si>
  <si>
    <t>GGHS CHAK 394 JB JAJA</t>
  </si>
  <si>
    <t>Chak No 394jb</t>
  </si>
  <si>
    <t>Chak no 394jb</t>
  </si>
  <si>
    <t>Yes</t>
  </si>
  <si>
    <t>rafia kausar</t>
  </si>
  <si>
    <t>13906</t>
  </si>
  <si>
    <t>33724</t>
  </si>
  <si>
    <t>48691</t>
  </si>
  <si>
    <t>37538</t>
  </si>
  <si>
    <t>31910</t>
  </si>
  <si>
    <t>GGHS FATIMA JINNAH SHEIKHUPURA</t>
  </si>
  <si>
    <t>company bagh fatima jinnah road Sheikhupura</t>
  </si>
  <si>
    <t>MRS.MUQADDAS AMIN KAHLOON</t>
  </si>
  <si>
    <t>53412</t>
  </si>
  <si>
    <t>GGPS 5-A/4L</t>
  </si>
  <si>
    <t>5A/4-L</t>
  </si>
  <si>
    <t>ggps5a/4-L okara</t>
  </si>
  <si>
    <t>5A/4-L okara</t>
  </si>
  <si>
    <t>9/4-L</t>
  </si>
  <si>
    <t>Shamaila</t>
  </si>
  <si>
    <t>5784</t>
  </si>
  <si>
    <t>29116</t>
  </si>
  <si>
    <t>GGHS QADI WIND</t>
  </si>
  <si>
    <t>GGHS QADI WIND KASUR</t>
  </si>
  <si>
    <t>qadi wind</t>
  </si>
  <si>
    <t>Faiza Sehar</t>
  </si>
  <si>
    <t>41634</t>
  </si>
  <si>
    <t>19824</t>
  </si>
  <si>
    <t>GMPS THATHA LOONA</t>
  </si>
  <si>
    <t>Thathaloona</t>
  </si>
  <si>
    <t>gmps thatta loona tehsil bhowana dist chiniot</t>
  </si>
  <si>
    <t>Thatha Loona</t>
  </si>
  <si>
    <t>Samandr</t>
  </si>
  <si>
    <t>Rubeena Arshad</t>
  </si>
  <si>
    <t>4454</t>
  </si>
  <si>
    <t>19275</t>
  </si>
  <si>
    <t>43601</t>
  </si>
  <si>
    <t>GGCMS BAKHARI KALAN</t>
  </si>
  <si>
    <t>Bikhati kalan</t>
  </si>
  <si>
    <t>Vpo khas bikhari kalan teh and dist chakwal</t>
  </si>
  <si>
    <t>Bikhari kalan</t>
  </si>
  <si>
    <t>Balkassar</t>
  </si>
  <si>
    <t>Naghmana bibi</t>
  </si>
  <si>
    <t>11390</t>
  </si>
  <si>
    <t>42397</t>
  </si>
  <si>
    <t>4627</t>
  </si>
  <si>
    <t>46984</t>
  </si>
  <si>
    <t>GPS CHINLAN WALA</t>
  </si>
  <si>
    <t>KALLUAN WALA-MALE</t>
  </si>
  <si>
    <t>Kacha Noor Zaman Shah</t>
  </si>
  <si>
    <t>chinlan wala post office isa khel</t>
  </si>
  <si>
    <t>Chinlan Wala</t>
  </si>
  <si>
    <t>Kallour</t>
  </si>
  <si>
    <t>RUSTAM KHAN</t>
  </si>
  <si>
    <t>44856</t>
  </si>
  <si>
    <t>GMPS BASTI USMAN WALI</t>
  </si>
  <si>
    <t>Chack Abdulah</t>
  </si>
  <si>
    <t>Gmps Basti Usman wali muzza chak Abdullah hittar post office station madrasa</t>
  </si>
  <si>
    <t>Basti Usman Wali</t>
  </si>
  <si>
    <t>TaKhatMahal</t>
  </si>
  <si>
    <t>10574</t>
  </si>
  <si>
    <t>30602</t>
  </si>
  <si>
    <t>GGES FAROOQ COLONY</t>
  </si>
  <si>
    <t>Farooq Colony Walton Lahore near Usama masjid</t>
  </si>
  <si>
    <t>Farooq Colony Walton</t>
  </si>
  <si>
    <t>Contonment</t>
  </si>
  <si>
    <t>NIGHAT NAZLI</t>
  </si>
  <si>
    <t>42894</t>
  </si>
  <si>
    <t>54087</t>
  </si>
  <si>
    <t>GGHS LODHRAN CITY</t>
  </si>
  <si>
    <t>lodhran</t>
  </si>
  <si>
    <t>near special education ward no 9 gGHS Lodhran City</t>
  </si>
  <si>
    <t>gangagy wala</t>
  </si>
  <si>
    <t>Bushra Saeeda / Fazal Illah</t>
  </si>
  <si>
    <t>3319</t>
  </si>
  <si>
    <t>20138</t>
  </si>
  <si>
    <t>GHS THATHI BALA RAJA</t>
  </si>
  <si>
    <t>THATTI BALA RAJA</t>
  </si>
  <si>
    <t>Govt. High School Thatti Bala Raja</t>
  </si>
  <si>
    <t>Thatti Bala Raja</t>
  </si>
  <si>
    <t>Pir Panja</t>
  </si>
  <si>
    <t>MUHAMMAD IQBAL JAVED</t>
  </si>
  <si>
    <t>46588</t>
  </si>
  <si>
    <t>54745</t>
  </si>
  <si>
    <t>GGPS DAWOOD KHAN ABBASI MOUZA GOTH YAAR MOHAMMAD</t>
  </si>
  <si>
    <t>Mehrabwala</t>
  </si>
  <si>
    <t>basti goth yaar Muhammad</t>
  </si>
  <si>
    <t>Goth yar Muhammad</t>
  </si>
  <si>
    <t>37582</t>
  </si>
  <si>
    <t>GMPS 117/15-L OLD, MIAN CHANNU</t>
  </si>
  <si>
    <t>117/15L</t>
  </si>
  <si>
    <t>gmps 117/15L old chak no117/15L     tehsil mianchannu district khanewal</t>
  </si>
  <si>
    <t>Chak No 117/15L</t>
  </si>
  <si>
    <t>Ansa Zia</t>
  </si>
  <si>
    <t>13352</t>
  </si>
  <si>
    <t>9998</t>
  </si>
  <si>
    <t>GGES CHAK NO. 227-B/TDA</t>
  </si>
  <si>
    <t>Rakh Moj Garh</t>
  </si>
  <si>
    <t>chak no 227-B/TDA</t>
  </si>
  <si>
    <t>227-B/TDA</t>
  </si>
  <si>
    <t>Shoakatabad</t>
  </si>
  <si>
    <t>Vizra Anwar</t>
  </si>
  <si>
    <t>33308</t>
  </si>
  <si>
    <t>GGES BAGAN WALI KARYAL</t>
  </si>
  <si>
    <t>Bagan Wali Karyal</t>
  </si>
  <si>
    <t>Gges Began wali karyal</t>
  </si>
  <si>
    <t>Mandiala</t>
  </si>
  <si>
    <t>Sehrish Ramzan</t>
  </si>
  <si>
    <t>water pump,hand pump,water cooler</t>
  </si>
  <si>
    <t>43949</t>
  </si>
  <si>
    <t>26551</t>
  </si>
  <si>
    <t>27645</t>
  </si>
  <si>
    <t>GHS PINDI RAWAN</t>
  </si>
  <si>
    <t>PINDI RAWAN</t>
  </si>
  <si>
    <t>VPO PINDI RAWAN  TEH MALAKWAL DISTT M.B.DIN</t>
  </si>
  <si>
    <t>Muhammad azam</t>
  </si>
  <si>
    <t>GGPS CHAK 131 RB II</t>
  </si>
  <si>
    <t>ARRORI</t>
  </si>
  <si>
    <t>GGPS 131  RB  ARR0RI   CKJ   FSD</t>
  </si>
  <si>
    <t>131  RB</t>
  </si>
  <si>
    <t>44  JB</t>
  </si>
  <si>
    <t>Zahara Firdous</t>
  </si>
  <si>
    <t>48162</t>
  </si>
  <si>
    <t>46103</t>
  </si>
  <si>
    <t>GGHS CHAK NO 51 MB</t>
  </si>
  <si>
    <t>CHAK NO 51MB</t>
  </si>
  <si>
    <t>GOVT. GIRLS HIGH SCHOOL CHAK NO 51 MB</t>
  </si>
  <si>
    <t>51MB</t>
  </si>
  <si>
    <t>HUMERA SAEED</t>
  </si>
  <si>
    <t>WATER SUPPLY</t>
  </si>
  <si>
    <t>50275</t>
  </si>
  <si>
    <t>GGHS 75/12-L</t>
  </si>
  <si>
    <t>75/12</t>
  </si>
  <si>
    <t>GGHS 75/12 L</t>
  </si>
  <si>
    <t>75/12L</t>
  </si>
  <si>
    <t>Chak 77/12L</t>
  </si>
  <si>
    <t>163202</t>
  </si>
  <si>
    <t>29451</t>
  </si>
  <si>
    <t>4998</t>
  </si>
  <si>
    <t>22917</t>
  </si>
  <si>
    <t>GGHS CHANNAN</t>
  </si>
  <si>
    <t>Channan</t>
  </si>
  <si>
    <t>Chak Jani</t>
  </si>
  <si>
    <t>Samra Afzal</t>
  </si>
  <si>
    <t>24683</t>
  </si>
  <si>
    <t>6312</t>
  </si>
  <si>
    <t>13074</t>
  </si>
  <si>
    <t>32379</t>
  </si>
  <si>
    <t>GGES SHABIR ABAD</t>
  </si>
  <si>
    <t>DAMMAR WALA-II-FEMALE</t>
  </si>
  <si>
    <t>Kotla Lal Shah</t>
  </si>
  <si>
    <t>basti: massu shah tehsil: jatoi dist: m.garh</t>
  </si>
  <si>
    <t>Massu Shah</t>
  </si>
  <si>
    <t>Kotla Lal</t>
  </si>
  <si>
    <t>Nighat Yasmin</t>
  </si>
  <si>
    <t>5505</t>
  </si>
  <si>
    <t>24197</t>
  </si>
  <si>
    <t>GHS CHICHER WALI</t>
  </si>
  <si>
    <t>Chicherwali</t>
  </si>
  <si>
    <t>Chicherwali Tehsil Pasrur District Sialkot</t>
  </si>
  <si>
    <t>14686</t>
  </si>
  <si>
    <t>GGES MC FARID GUNJ</t>
  </si>
  <si>
    <t>Farid Gunj</t>
  </si>
  <si>
    <t>st no 11,gurunanak pura</t>
  </si>
  <si>
    <t>Gurunanakpura</t>
  </si>
  <si>
    <t>Gurunanak Pura</t>
  </si>
  <si>
    <t>Adeeba Tabassum</t>
  </si>
  <si>
    <t>39206</t>
  </si>
  <si>
    <t>20052</t>
  </si>
  <si>
    <t>GGES CHAK NO 10 GUJJAR</t>
  </si>
  <si>
    <t>Chak No 10 Jb</t>
  </si>
  <si>
    <t>Chak 10 Jb tensile and District chiniot</t>
  </si>
  <si>
    <t>Chak No 10jb</t>
  </si>
  <si>
    <t>Chak 14 Jb</t>
  </si>
  <si>
    <t>Naila Ghafur</t>
  </si>
  <si>
    <t>26011</t>
  </si>
  <si>
    <t>GGPS DHAPAI HASSAN WALI</t>
  </si>
  <si>
    <t>Dhapai hassan wali</t>
  </si>
  <si>
    <t>dhapai hassan wali teh Wazirabab dist Gujranwala</t>
  </si>
  <si>
    <t>Dhapai hassan Wali</t>
  </si>
  <si>
    <t>Saima Asghar</t>
  </si>
  <si>
    <t>1829</t>
  </si>
  <si>
    <t>47525</t>
  </si>
  <si>
    <t>GGHS PAKKI SHAH MARDAN</t>
  </si>
  <si>
    <t>pakkishahmardan</t>
  </si>
  <si>
    <t>p/o pakki shah mardan</t>
  </si>
  <si>
    <t>pakkishah mardan</t>
  </si>
  <si>
    <t>Sughra Rafique</t>
  </si>
  <si>
    <t>41667</t>
  </si>
  <si>
    <t>GGHS GOGRA</t>
  </si>
  <si>
    <t>Ghogra</t>
  </si>
  <si>
    <t>vill &amp; P/O Ghogra Teh &amp; Distt Rwp</t>
  </si>
  <si>
    <t>rashida faiz</t>
  </si>
  <si>
    <t>51152</t>
  </si>
  <si>
    <t>30122</t>
  </si>
  <si>
    <t>GHS ISLAMIA SAMANABAD</t>
  </si>
  <si>
    <t>JUSTICE SHARIF COLONY SAMANABAD LAHORE</t>
  </si>
  <si>
    <t>Justice Sharif Colony Samanabad</t>
  </si>
  <si>
    <t>ZUBAIDA PARK</t>
  </si>
  <si>
    <t>AMER HAFEEZ</t>
  </si>
  <si>
    <t>30622</t>
  </si>
  <si>
    <t>39170</t>
  </si>
  <si>
    <t>8399</t>
  </si>
  <si>
    <t>GGPS MANDI WALA</t>
  </si>
  <si>
    <t>Chak jarwar</t>
  </si>
  <si>
    <t>chak jarwar</t>
  </si>
  <si>
    <t>Ali Wala</t>
  </si>
  <si>
    <t>Koto Mubarak</t>
  </si>
  <si>
    <t>Asmat Shaheen</t>
  </si>
  <si>
    <t>15821</t>
  </si>
  <si>
    <t>GES CHAK 29 JB SOUTH</t>
  </si>
  <si>
    <t>29 JB south</t>
  </si>
  <si>
    <t>Chak 29 JB south Fsd</t>
  </si>
  <si>
    <t>Muhammad Amjad Aleem</t>
  </si>
  <si>
    <t>42074</t>
  </si>
  <si>
    <t>GPS KOLIAN HAMID</t>
  </si>
  <si>
    <t>Kolian</t>
  </si>
  <si>
    <t>kolian</t>
  </si>
  <si>
    <t>Ghari Afghana</t>
  </si>
  <si>
    <t>Sidra Kanwal</t>
  </si>
  <si>
    <t>5014</t>
  </si>
  <si>
    <t>36602</t>
  </si>
  <si>
    <t>GES ABDUL HAKIM NO.2 EID GAH</t>
  </si>
  <si>
    <t>ABDUL HAKIM - MALE</t>
  </si>
  <si>
    <t>Abdul Hakim</t>
  </si>
  <si>
    <t>Near post office A block Abdul Hakim</t>
  </si>
  <si>
    <t>Muhammad Yaqoob Shahid</t>
  </si>
  <si>
    <t>2595</t>
  </si>
  <si>
    <t>GPS TIBBI DHAKWAN</t>
  </si>
  <si>
    <t>Mouza Tibbi Tibbi  Tibbi Dhakwan</t>
  </si>
  <si>
    <t>Basti Zahar Peer Mouza Tibbi Dhakwan Tehsil Ahmadpur East</t>
  </si>
  <si>
    <t>Zahar Peer</t>
  </si>
  <si>
    <t>26364</t>
  </si>
  <si>
    <t>35668</t>
  </si>
  <si>
    <t>GGPS DIAL PUR</t>
  </si>
  <si>
    <t>NOOR KOT- FEMALE</t>
  </si>
  <si>
    <t>Dial Pur</t>
  </si>
  <si>
    <t>village Dial Pur Tehsil Shakargarh District Narowal</t>
  </si>
  <si>
    <t>Maingri</t>
  </si>
  <si>
    <t>Shahnaz Yousaf</t>
  </si>
  <si>
    <t>32460</t>
  </si>
  <si>
    <t>GGPS MOHALLAH TUFAIL ABAD</t>
  </si>
  <si>
    <t>Ferozwatowan</t>
  </si>
  <si>
    <t>mohallah tufailabad ferozwatowan</t>
  </si>
  <si>
    <t>Shamim Kousar</t>
  </si>
  <si>
    <t>GGHSS KEHROR PACCA</t>
  </si>
  <si>
    <t>kehror pacca</t>
  </si>
  <si>
    <t>gosia chok gghss kehror pacca</t>
  </si>
  <si>
    <t>gosia chok</t>
  </si>
  <si>
    <t>diyanat pura</t>
  </si>
  <si>
    <t>HAMEEDA PERVEEN</t>
  </si>
  <si>
    <t>26783</t>
  </si>
  <si>
    <t>GES BARRI MINHASAN</t>
  </si>
  <si>
    <t>Barri</t>
  </si>
  <si>
    <t>Barri Minhasan</t>
  </si>
  <si>
    <t>WARIS HUSSAIN</t>
  </si>
  <si>
    <t>10542</t>
  </si>
  <si>
    <t>44616</t>
  </si>
  <si>
    <t>GGHS CHAH CHIMNI</t>
  </si>
  <si>
    <t>nill</t>
  </si>
  <si>
    <t>gghschahchimni bhakkar</t>
  </si>
  <si>
    <t>Urbun Bhakkar</t>
  </si>
  <si>
    <t>Seema Anjum</t>
  </si>
  <si>
    <t>51805</t>
  </si>
  <si>
    <t>GGHS 69 EB ARIF WALA</t>
  </si>
  <si>
    <t>chak no.69 eb arifwala</t>
  </si>
  <si>
    <t>Chak No 69 Eb Arifwala</t>
  </si>
  <si>
    <t>69 Eb</t>
  </si>
  <si>
    <t>Naveeda Arshad</t>
  </si>
  <si>
    <t>GGPS SADIQ NAGAR</t>
  </si>
  <si>
    <t>G GPS Sadiq nagar Moza Sadiq nager</t>
  </si>
  <si>
    <t>42096</t>
  </si>
  <si>
    <t>GPS FAROOQIA</t>
  </si>
  <si>
    <t>Farooqia</t>
  </si>
  <si>
    <t>Bestway Cement Colony, Farooqia</t>
  </si>
  <si>
    <t>Garhi SIkandar</t>
  </si>
  <si>
    <t>Bushra Jabeen</t>
  </si>
  <si>
    <t>water supplied by colony</t>
  </si>
  <si>
    <t>12014</t>
  </si>
  <si>
    <t>20620</t>
  </si>
  <si>
    <t>27622</t>
  </si>
  <si>
    <t>GHS MAJHI</t>
  </si>
  <si>
    <t>Majhi teh. Malakwal Distt. M.B.Din.</t>
  </si>
  <si>
    <t>14050</t>
  </si>
  <si>
    <t>9931</t>
  </si>
  <si>
    <t>GHS BUCHI WALA</t>
  </si>
  <si>
    <t>Buchi Wala</t>
  </si>
  <si>
    <t>GHS buchi wala tehsil Karor layyah</t>
  </si>
  <si>
    <t>Samtia</t>
  </si>
  <si>
    <t>khalid mahboob</t>
  </si>
  <si>
    <t>GPS KULLEWAL SYEDAN</t>
  </si>
  <si>
    <t>kulewal syedan</t>
  </si>
  <si>
    <t>Sarwat  Abid</t>
  </si>
  <si>
    <t>14883</t>
  </si>
  <si>
    <t>16354</t>
  </si>
  <si>
    <t>GGCMS CHAK 126 RB</t>
  </si>
  <si>
    <t>126 RB</t>
  </si>
  <si>
    <t>126 RB, PAHARANG, CHAK JHUMRA, FAISALABAD</t>
  </si>
  <si>
    <t>Paharang</t>
  </si>
  <si>
    <t>Safina Yasin</t>
  </si>
  <si>
    <t>11546</t>
  </si>
  <si>
    <t>15163</t>
  </si>
  <si>
    <t>GGPS CHAK 274 GB SATIANA</t>
  </si>
  <si>
    <t>Buchianal</t>
  </si>
  <si>
    <t>chak no 274 gb</t>
  </si>
  <si>
    <t>274gb</t>
  </si>
  <si>
    <t>363G</t>
  </si>
  <si>
    <t>Rukhsnana Sardar</t>
  </si>
  <si>
    <t>7736</t>
  </si>
  <si>
    <t>GES CHABRI ZAREEN</t>
  </si>
  <si>
    <t>SADAR NORTH MALE</t>
  </si>
  <si>
    <t>Chabri Zareen</t>
  </si>
  <si>
    <t>chabri Zareen Marka sadder north</t>
  </si>
  <si>
    <t>Chabri ZAREEN</t>
  </si>
  <si>
    <t>Asjad Iqbal Nazim</t>
  </si>
  <si>
    <t>GHS DHOLLAN CHAK NO.27</t>
  </si>
  <si>
    <t>dholan Chak 27</t>
  </si>
  <si>
    <t>Dholan Chak 27</t>
  </si>
  <si>
    <t>zahoor ahmad</t>
  </si>
  <si>
    <t>29639</t>
  </si>
  <si>
    <t>12294</t>
  </si>
  <si>
    <t>GGHS GUJRAT</t>
  </si>
  <si>
    <t>Qasbagujrat</t>
  </si>
  <si>
    <t>gghs qasba gujrat</t>
  </si>
  <si>
    <t>Qasba  gujrat</t>
  </si>
  <si>
    <t>Samina Khalid</t>
  </si>
  <si>
    <t>34303</t>
  </si>
  <si>
    <t>26790</t>
  </si>
  <si>
    <t>GPS JATWAL KALAN</t>
  </si>
  <si>
    <t>Jatwal Kalan</t>
  </si>
  <si>
    <t>Village Jatwal kalan, p/o lesser kalan, Tehsil Zafarwal,Dist. Narowal.</t>
  </si>
  <si>
    <t>Dehlra</t>
  </si>
  <si>
    <t>48735</t>
  </si>
  <si>
    <t>GHS CHAK NO.84 NB</t>
  </si>
  <si>
    <t>Chak No 84 NB</t>
  </si>
  <si>
    <t>Chak No 84 NB Sargodha</t>
  </si>
  <si>
    <t>Chak No 92 NB</t>
  </si>
  <si>
    <t>Syed Muhammad Waheed-ud-Din</t>
  </si>
  <si>
    <t>14878</t>
  </si>
  <si>
    <t>42073</t>
  </si>
  <si>
    <t>GPS KARAM WAL</t>
  </si>
  <si>
    <t>Karamwal</t>
  </si>
  <si>
    <t>gbps karmwal taxila</t>
  </si>
  <si>
    <t>Cantt Taxila</t>
  </si>
  <si>
    <t>Nayyar Touseef</t>
  </si>
  <si>
    <t>24790</t>
  </si>
  <si>
    <t>22143</t>
  </si>
  <si>
    <t>GGHS MISSION GUJRAT</t>
  </si>
  <si>
    <t>gghs mission gujrat near fawara chowk gujrat</t>
  </si>
  <si>
    <t>city gujrat</t>
  </si>
  <si>
    <t>uc 5 gujrat</t>
  </si>
  <si>
    <t>ZAKIA TABASSUM</t>
  </si>
  <si>
    <t>6999</t>
  </si>
  <si>
    <t>GES LOW INCOME SCHEME NO. 1</t>
  </si>
  <si>
    <t>Fattakatta</t>
  </si>
  <si>
    <t>JDW road setlite town sadiq abad</t>
  </si>
  <si>
    <t>Setlite Town</t>
  </si>
  <si>
    <t>mAQBOOL AHMED</t>
  </si>
  <si>
    <t>GHS NALLI</t>
  </si>
  <si>
    <t>Nalli</t>
  </si>
  <si>
    <t>Muhallah Maidan village &amp; Post Office Nalli Tehsil &amp; District Khushab</t>
  </si>
  <si>
    <t>Umair Hamid</t>
  </si>
  <si>
    <t>29375</t>
  </si>
  <si>
    <t>GHS TARIQ COLONY MAMUNKANJAN</t>
  </si>
  <si>
    <t>TARIQ COLONY , MAMUNKANJAN</t>
  </si>
  <si>
    <t>TARIQ COLONY</t>
  </si>
  <si>
    <t>MC MAMUNKANJAN</t>
  </si>
  <si>
    <t>MUHAMMAD GULZAR</t>
  </si>
  <si>
    <t>44809</t>
  </si>
  <si>
    <t>GPS CHAH SULTAN WALA</t>
  </si>
  <si>
    <t>Daggar Shada</t>
  </si>
  <si>
    <t>Gps Chah sultan wala</t>
  </si>
  <si>
    <t>Sabir Hussain</t>
  </si>
  <si>
    <t>35052</t>
  </si>
  <si>
    <t>GGHS CHAK NO 235 EB GAGGOO</t>
  </si>
  <si>
    <t>Gaggoo</t>
  </si>
  <si>
    <t>235eb</t>
  </si>
  <si>
    <t>235EB</t>
  </si>
  <si>
    <t>Hafiza Sajida Perveen</t>
  </si>
  <si>
    <t>19899</t>
  </si>
  <si>
    <t>GHS AHMAD ABAD</t>
  </si>
  <si>
    <t>AHMAD ABAD</t>
  </si>
  <si>
    <t>VPO AHMAD ABAD TEHSIL AND DISTRICT CHINIOT</t>
  </si>
  <si>
    <t>10421</t>
  </si>
  <si>
    <t>513</t>
  </si>
  <si>
    <t>29847</t>
  </si>
  <si>
    <t>2259</t>
  </si>
  <si>
    <t>40994</t>
  </si>
  <si>
    <t>GGPS DULYAAL</t>
  </si>
  <si>
    <t>Bohrian</t>
  </si>
  <si>
    <t>bohrian dulyal</t>
  </si>
  <si>
    <t>Dulyal</t>
  </si>
  <si>
    <t>Mughalabad</t>
  </si>
  <si>
    <t>38989</t>
  </si>
  <si>
    <t>34535</t>
  </si>
  <si>
    <t>32857</t>
  </si>
  <si>
    <t>GPS MODEL BASTI LARAN</t>
  </si>
  <si>
    <t>GPS Model Basti Laran Hatheji</t>
  </si>
  <si>
    <t>Basti Laran</t>
  </si>
  <si>
    <t>Iqra Jafer</t>
  </si>
  <si>
    <t>GMES SANDRANA</t>
  </si>
  <si>
    <t>Sundrana Syedan</t>
  </si>
  <si>
    <t>Village Sundrana Syedan Tehsil and District Sialkot</t>
  </si>
  <si>
    <t>Dheera Sandah</t>
  </si>
  <si>
    <t>Hinna Qammar</t>
  </si>
  <si>
    <t>39602</t>
  </si>
  <si>
    <t>GHS PANMOTHA</t>
  </si>
  <si>
    <t>VPO MUKHAD ROAD TEHSIL JAND  DISTRICT ATTOCK</t>
  </si>
  <si>
    <t>Mukhad Shareef</t>
  </si>
  <si>
    <t>Muhammad Ismaeel</t>
  </si>
  <si>
    <t>GPS REHMATABAD</t>
  </si>
  <si>
    <t>Rehmatabad</t>
  </si>
  <si>
    <t>street no 5 Rehmatabad Burewala</t>
  </si>
  <si>
    <t>Ward 31</t>
  </si>
  <si>
    <t>20535</t>
  </si>
  <si>
    <t>15980</t>
  </si>
  <si>
    <t>16711</t>
  </si>
  <si>
    <t>GGES 53/1 TUKRA</t>
  </si>
  <si>
    <t>53/1 TUKRHA</t>
  </si>
  <si>
    <t>chak 53 1 TUKRHA</t>
  </si>
  <si>
    <t>Chak 53/1 Tukrha</t>
  </si>
  <si>
    <t>Sidra</t>
  </si>
  <si>
    <t>11560</t>
  </si>
  <si>
    <t>15208</t>
  </si>
  <si>
    <t>GGCMS CHAK 68 RB KHURRIANWALA</t>
  </si>
  <si>
    <t>JAMIANA</t>
  </si>
  <si>
    <t>GGCMPS 68 || RB</t>
  </si>
  <si>
    <t>68rb 2nd</t>
  </si>
  <si>
    <t>Chak No 71 RB</t>
  </si>
  <si>
    <t>23208</t>
  </si>
  <si>
    <t>5160</t>
  </si>
  <si>
    <t>45383</t>
  </si>
  <si>
    <t>GHS KHAWAR KALAN</t>
  </si>
  <si>
    <t>KOHAWAR KALAN</t>
  </si>
  <si>
    <t>GOVT. SECONDARY SCHOOL KOHAWAR KALAN</t>
  </si>
  <si>
    <t>MUHAMMAD RIZWAN</t>
  </si>
  <si>
    <t>19864</t>
  </si>
  <si>
    <t>52883</t>
  </si>
  <si>
    <t>GHS HASIL SARU</t>
  </si>
  <si>
    <t>Hasil Saru</t>
  </si>
  <si>
    <t>GHS HASIL SARU  TEHSIL MINCHINABAD DISTRICT BWN</t>
  </si>
  <si>
    <t>HASIL SARU</t>
  </si>
  <si>
    <t>Mansoor Ahmed</t>
  </si>
  <si>
    <t>1881</t>
  </si>
  <si>
    <t>7844</t>
  </si>
  <si>
    <t>12385</t>
  </si>
  <si>
    <t>GGHS RANGPUR</t>
  </si>
  <si>
    <t>DERA HAIBAT</t>
  </si>
  <si>
    <t>MOUZA DERA HAIBAT P/O RANG PUR TEHSIL&amp; DISTRICT MUZAFFAR GARH</t>
  </si>
  <si>
    <t>RANG PUR</t>
  </si>
  <si>
    <t>Fouzia Kanwal</t>
  </si>
  <si>
    <t>19328</t>
  </si>
  <si>
    <t>52617</t>
  </si>
  <si>
    <t>GGES CHAK 268 GB</t>
  </si>
  <si>
    <t>KOT KHITRAN FEMALE</t>
  </si>
  <si>
    <t>Govt Girls E/S 268 gb TTS</t>
  </si>
  <si>
    <t>268 GB</t>
  </si>
  <si>
    <t>44/269 GB</t>
  </si>
  <si>
    <t>Shaista Bibi</t>
  </si>
  <si>
    <t>25032</t>
  </si>
  <si>
    <t>GPS KATHOR KALAN</t>
  </si>
  <si>
    <t>Kathore Kalan</t>
  </si>
  <si>
    <t>Kathore kalan Tehsil wazirabad District Gujranwala</t>
  </si>
  <si>
    <t>Mansoor Wali</t>
  </si>
  <si>
    <t>Zubair Hussain</t>
  </si>
  <si>
    <t>GGPS CHAK 467 JB</t>
  </si>
  <si>
    <t>BARNALA - FEMALE</t>
  </si>
  <si>
    <t>chak no 467jb</t>
  </si>
  <si>
    <t>Chak No 467jb</t>
  </si>
  <si>
    <t>Khankey</t>
  </si>
  <si>
    <t>Talat Yasmeen</t>
  </si>
  <si>
    <t>45718</t>
  </si>
  <si>
    <t>52273</t>
  </si>
  <si>
    <t>GES SHAHAMAD</t>
  </si>
  <si>
    <t>SHAHMAND-MALE</t>
  </si>
  <si>
    <t>shahamad p/ o basirpur, tehsil depalpur distt okara</t>
  </si>
  <si>
    <t>Nazar Muhammad</t>
  </si>
  <si>
    <t>35550</t>
  </si>
  <si>
    <t>18570</t>
  </si>
  <si>
    <t>GGES CHAK 354 JB QADAR ABAD</t>
  </si>
  <si>
    <t>354/jb</t>
  </si>
  <si>
    <t>gges chak 354/jb qadar abad</t>
  </si>
  <si>
    <t>Qadar Abad</t>
  </si>
  <si>
    <t>Humaira Munir</t>
  </si>
  <si>
    <t>43070</t>
  </si>
  <si>
    <t>GHS CHAKRAL</t>
  </si>
  <si>
    <t>CHAKRAL</t>
  </si>
  <si>
    <t>VILLEGE &amp; POST OFFICE CHAKRAL TEHSIL &amp; DISTT CHAKWAL</t>
  </si>
  <si>
    <t>CHAK MALOOK</t>
  </si>
  <si>
    <t>AHSAN ALI KHAN</t>
  </si>
  <si>
    <t>30905</t>
  </si>
  <si>
    <t>27950</t>
  </si>
  <si>
    <t>35848</t>
  </si>
  <si>
    <t>GGES 114 WB</t>
  </si>
  <si>
    <t>114W/B</t>
  </si>
  <si>
    <t>88W/B</t>
  </si>
  <si>
    <t>114 W/B</t>
  </si>
  <si>
    <t>124W/B</t>
  </si>
  <si>
    <t>7360</t>
  </si>
  <si>
    <t>43729</t>
  </si>
  <si>
    <t>33269</t>
  </si>
  <si>
    <t>48851</t>
  </si>
  <si>
    <t>GHS CHAK NO.90 NB</t>
  </si>
  <si>
    <t>Chak No 90 Nb</t>
  </si>
  <si>
    <t>GHS Chak No 90 Nb Sargodha</t>
  </si>
  <si>
    <t>FAZAL AHMAD RANJHA</t>
  </si>
  <si>
    <t>25453</t>
  </si>
  <si>
    <t>GGPS KOT MAHRAJ</t>
  </si>
  <si>
    <t>Kot Mahraj</t>
  </si>
  <si>
    <t>post office humboke tehsil sambrial district Sialkot</t>
  </si>
  <si>
    <t>Shazia Ameen</t>
  </si>
  <si>
    <t>17730</t>
  </si>
  <si>
    <t>37824</t>
  </si>
  <si>
    <t>GGPS JINNAH COLONY NO.1 JAHANIAN</t>
  </si>
  <si>
    <t>GGPS jinnah colony no one jahanian</t>
  </si>
  <si>
    <t>Samreen Mushtaq</t>
  </si>
  <si>
    <t>GPS ALLAH ABAD</t>
  </si>
  <si>
    <t>Mouza Allah Abad, Tehsil and District Vehari</t>
  </si>
  <si>
    <t>Muhammad Rafiq Sajid</t>
  </si>
  <si>
    <t>47415</t>
  </si>
  <si>
    <t>51613</t>
  </si>
  <si>
    <t>44911</t>
  </si>
  <si>
    <t>GPS CENTRE BEHARI SHARQI</t>
  </si>
  <si>
    <t>bahari sharqi</t>
  </si>
  <si>
    <t>Bahari Sharqi</t>
  </si>
  <si>
    <t>Alikhail</t>
  </si>
  <si>
    <t>Ghulam Ahmed</t>
  </si>
  <si>
    <t>11631</t>
  </si>
  <si>
    <t>27710</t>
  </si>
  <si>
    <t>15548</t>
  </si>
  <si>
    <t>38819</t>
  </si>
  <si>
    <t>GPS SAQA ABAD</t>
  </si>
  <si>
    <t>SAQA ABAD</t>
  </si>
  <si>
    <t>SAQA ABAD ATTOCK</t>
  </si>
  <si>
    <t>BOLIANWAL</t>
  </si>
  <si>
    <t>Azhar Ali</t>
  </si>
  <si>
    <t>40471</t>
  </si>
  <si>
    <t>42878</t>
  </si>
  <si>
    <t>GHS BHALAKHAR</t>
  </si>
  <si>
    <t>Bhalakhar</t>
  </si>
  <si>
    <t>Village bhalakhar tehsil kallar Syedan District rawalpindi</t>
  </si>
  <si>
    <t>Ayaz Mahmood Amer</t>
  </si>
  <si>
    <t>20063</t>
  </si>
  <si>
    <t>GGES ASIAN</t>
  </si>
  <si>
    <t>GGP/S .Asian</t>
  </si>
  <si>
    <t>Hersa Shake</t>
  </si>
  <si>
    <t>Touseef zaidi</t>
  </si>
  <si>
    <t>54862</t>
  </si>
  <si>
    <t>35837</t>
  </si>
  <si>
    <t>6259</t>
  </si>
  <si>
    <t>13377</t>
  </si>
  <si>
    <t>GES LANGRIAL WALA</t>
  </si>
  <si>
    <t>JAMPUR (N) N0. 1 - MALE</t>
  </si>
  <si>
    <t>shahn wala</t>
  </si>
  <si>
    <t>shahn wala choti road jampur</t>
  </si>
  <si>
    <t>Langrial wala</t>
  </si>
  <si>
    <t>meeran</t>
  </si>
  <si>
    <t>Shahjahan</t>
  </si>
  <si>
    <t>34523</t>
  </si>
  <si>
    <t>GGHS RASHIDA, KOT ABBAS SHAHEED</t>
  </si>
  <si>
    <t>rasheeda</t>
  </si>
  <si>
    <t>bangal wala</t>
  </si>
  <si>
    <t>Uzma Javaid</t>
  </si>
  <si>
    <t>82219</t>
  </si>
  <si>
    <t>42333</t>
  </si>
  <si>
    <t>GHS QADRIA GUJAR KHAN</t>
  </si>
  <si>
    <t>City Gujar Khan</t>
  </si>
  <si>
    <t>govt qadria secondary school sabzi mandi gujar khan</t>
  </si>
  <si>
    <t>muhammad saeed</t>
  </si>
  <si>
    <t>44358</t>
  </si>
  <si>
    <t>GES NAWAN GUSSOO</t>
  </si>
  <si>
    <t>Nawan Gussoo</t>
  </si>
  <si>
    <t>40805</t>
  </si>
  <si>
    <t>51314</t>
  </si>
  <si>
    <t>20405</t>
  </si>
  <si>
    <t>GHS KHIALI</t>
  </si>
  <si>
    <t>Khiali</t>
  </si>
  <si>
    <t>Khiali Baypass Gujranwala</t>
  </si>
  <si>
    <t>muhammad aslam khokher</t>
  </si>
  <si>
    <t>5.03202e+006</t>
  </si>
  <si>
    <t>15309</t>
  </si>
  <si>
    <t>GGES 128 GB JARANWALA</t>
  </si>
  <si>
    <t>Nagal</t>
  </si>
  <si>
    <t>chak.no 128 gb</t>
  </si>
  <si>
    <t>128 gb</t>
  </si>
  <si>
    <t>hussain nagar jrw</t>
  </si>
  <si>
    <t>37043</t>
  </si>
  <si>
    <t>GHSS MODEL KHANEWAL</t>
  </si>
  <si>
    <t>MC Khanewal</t>
  </si>
  <si>
    <t>OPPOSITE DC OFFICE KHANEWAL</t>
  </si>
  <si>
    <t>KHANEWAL CITY</t>
  </si>
  <si>
    <t>MC KHANEWAL</t>
  </si>
  <si>
    <t>AQIDAT HUSSAIN</t>
  </si>
  <si>
    <t>72378</t>
  </si>
  <si>
    <t>16007</t>
  </si>
  <si>
    <t>GGCMES CHAK NO. 199 RB</t>
  </si>
  <si>
    <t>Fakhar Abad</t>
  </si>
  <si>
    <t>ggcmes199 rb fakhar abad</t>
  </si>
  <si>
    <t>199rb Fakhar Abad</t>
  </si>
  <si>
    <t>Gatwala</t>
  </si>
  <si>
    <t>Ghazala Nahid</t>
  </si>
  <si>
    <t>27735</t>
  </si>
  <si>
    <t>14765</t>
  </si>
  <si>
    <t>GGHSS ALLAMA IQBAL COLONY FSD</t>
  </si>
  <si>
    <t>E BLOCK ALLAMA IQBAL COLONY</t>
  </si>
  <si>
    <t>ALLAMA IQBAL COLONY</t>
  </si>
  <si>
    <t>MRS EJAZ AKHTAR</t>
  </si>
  <si>
    <t>15207</t>
  </si>
  <si>
    <t>GGCMS CHAK 60 RB III KHURRIANWALA</t>
  </si>
  <si>
    <t>60RB</t>
  </si>
  <si>
    <t>60RB sodagarpura</t>
  </si>
  <si>
    <t>Dhanu Ana</t>
  </si>
  <si>
    <t>Mussarat  Jabeen</t>
  </si>
  <si>
    <t>40990</t>
  </si>
  <si>
    <t>33591</t>
  </si>
  <si>
    <t>GHS AL-HUSSAIN ISLAMIA MUZAFFAR ABAD MULTAN</t>
  </si>
  <si>
    <t>JAKHAR PUR</t>
  </si>
  <si>
    <t>SHER SHAH ROAD MUZAFFARABAD MULTAN</t>
  </si>
  <si>
    <t>ANWAR MUHAMMAD</t>
  </si>
  <si>
    <t>41702</t>
  </si>
  <si>
    <t>15365</t>
  </si>
  <si>
    <t>GHS CHAK NO 113 GB</t>
  </si>
  <si>
    <t>Chak 113 GB</t>
  </si>
  <si>
    <t>CHAK NO 113 GB</t>
  </si>
  <si>
    <t>CHAK NO 112 GB</t>
  </si>
  <si>
    <t>ASHAR ALLAH DITTA</t>
  </si>
  <si>
    <t>Water Cane</t>
  </si>
  <si>
    <t>30889</t>
  </si>
  <si>
    <t>GHS ISLAMIA MOHNI ROAD</t>
  </si>
  <si>
    <t>Mohni Road</t>
  </si>
  <si>
    <t>Govt. Islamia High Scool Mohni Road Lahore</t>
  </si>
  <si>
    <t>Muhammad tahir ch.</t>
  </si>
  <si>
    <t>73350</t>
  </si>
  <si>
    <t>16257</t>
  </si>
  <si>
    <t>GGHSS CHAK 74 JB THIKRIWALA FSD</t>
  </si>
  <si>
    <t>74 jb</t>
  </si>
  <si>
    <t>chak no 74 jb fsd</t>
  </si>
  <si>
    <t>thikriwala</t>
  </si>
  <si>
    <t>Sajida Noor</t>
  </si>
  <si>
    <t>94617</t>
  </si>
  <si>
    <t>33631</t>
  </si>
  <si>
    <t>GHS NEW CENTRAL JAIL PIR COLONY MULTAN</t>
  </si>
  <si>
    <t>GHS NEW CENTRAL JAIL  PIR COLONY MULTAN</t>
  </si>
  <si>
    <t>Muhammad Ashfaq Nawaz</t>
  </si>
  <si>
    <t>8377</t>
  </si>
  <si>
    <t>15958</t>
  </si>
  <si>
    <t>GGCMS CHAK NO. 80 JB</t>
  </si>
  <si>
    <t>80 Jb</t>
  </si>
  <si>
    <t>ggcmps 80 jb</t>
  </si>
  <si>
    <t>Chak No 80 Jb</t>
  </si>
  <si>
    <t>Sarshamir</t>
  </si>
  <si>
    <t>YASMIN BEGUM</t>
  </si>
  <si>
    <t>GGHS CDG JUNIOR MODEL LOHARI GATE</t>
  </si>
  <si>
    <t>SHAHALAM</t>
  </si>
  <si>
    <t>CDGGH SCHOOL LOHARI LAHORE</t>
  </si>
  <si>
    <t>LOHARI LAHORE</t>
  </si>
  <si>
    <t>SHAALAM</t>
  </si>
  <si>
    <t>Madiha</t>
  </si>
  <si>
    <t>15990</t>
  </si>
  <si>
    <t>GGPS CHAK 104 JB II KATCH ABADI</t>
  </si>
  <si>
    <t>Katch Abadi</t>
  </si>
  <si>
    <t>chak no 104 jb ll katch Abadi</t>
  </si>
  <si>
    <t>Chak No 104 Jb</t>
  </si>
  <si>
    <t>113 Jb</t>
  </si>
  <si>
    <t>Saima Ghafar</t>
  </si>
  <si>
    <t>GGHSS PIRAN GHAIB MULTAN</t>
  </si>
  <si>
    <t>piran ghaib</t>
  </si>
  <si>
    <t>piran ghaib road multan near sui gas office</t>
  </si>
  <si>
    <t>Razia Niazi</t>
  </si>
  <si>
    <t>65824</t>
  </si>
  <si>
    <t>3084</t>
  </si>
  <si>
    <t>28906</t>
  </si>
  <si>
    <t>GGHS 78/GB</t>
  </si>
  <si>
    <t>78 GB East</t>
  </si>
  <si>
    <t>chck no 78gb east fsd</t>
  </si>
  <si>
    <t>chck no 78gb fsd</t>
  </si>
  <si>
    <t>237RB FSD</t>
  </si>
  <si>
    <t>Amara Javaid</t>
  </si>
  <si>
    <t>9167</t>
  </si>
  <si>
    <t>32083</t>
  </si>
  <si>
    <t>GGHS 122/JB NOOR PUR FAISALABAD</t>
  </si>
  <si>
    <t>122 jb noor pur fsd</t>
  </si>
  <si>
    <t>Gokhowal</t>
  </si>
  <si>
    <t>sadaf gulzar</t>
  </si>
  <si>
    <t>3347</t>
  </si>
  <si>
    <t>GGHS CHAK NO. 271/JB</t>
  </si>
  <si>
    <t>271/jb</t>
  </si>
  <si>
    <t>chak # 271/jb Faisalabad</t>
  </si>
  <si>
    <t>34/jb</t>
  </si>
  <si>
    <t>Sidra Hanif</t>
  </si>
  <si>
    <t>30964</t>
  </si>
  <si>
    <t>14684</t>
  </si>
  <si>
    <t>GGES JUNIOR MODEL GULFISHAN COLONY</t>
  </si>
  <si>
    <t>Gulfishancolony</t>
  </si>
  <si>
    <t>GGES junior model gulfishan colony</t>
  </si>
  <si>
    <t>Shazia Gulnaz</t>
  </si>
  <si>
    <t>27314</t>
  </si>
  <si>
    <t>16164</t>
  </si>
  <si>
    <t>GGHS CHAK 255 RB NAWAN PIND</t>
  </si>
  <si>
    <t>255 RB</t>
  </si>
  <si>
    <t>govt girls high school 255 rb nawan pind faisalabad</t>
  </si>
  <si>
    <t>255 RB nawan Pind</t>
  </si>
  <si>
    <t>248 RB Bismillah pur</t>
  </si>
  <si>
    <t>Nadia Rafique</t>
  </si>
  <si>
    <t>31265</t>
  </si>
  <si>
    <t>GGHS CDG SHISH MEHAL BILAL GUNJ</t>
  </si>
  <si>
    <t>BILAL GANJ</t>
  </si>
  <si>
    <t>CDG GIRLS HIGH SCHOOL  SHISH MAHAL  BILAL GANJ LHR.</t>
  </si>
  <si>
    <t>DARBAR PEER MAKI</t>
  </si>
  <si>
    <t>FARAH DEEBA</t>
  </si>
  <si>
    <t>16233</t>
  </si>
  <si>
    <t>GGHS CHAK 251 RB FSD</t>
  </si>
  <si>
    <t>251 rb</t>
  </si>
  <si>
    <t>chak no 251 rb</t>
  </si>
  <si>
    <t>251 RB</t>
  </si>
  <si>
    <t>Ayesha Shahzadi</t>
  </si>
  <si>
    <t>18849</t>
  </si>
  <si>
    <t>15768</t>
  </si>
  <si>
    <t>GPS 232 RB II</t>
  </si>
  <si>
    <t>232 Baway Wala</t>
  </si>
  <si>
    <t>chak 232 RB Baway Wala</t>
  </si>
  <si>
    <t>231 Risalewala</t>
  </si>
  <si>
    <t>Asia Parween</t>
  </si>
  <si>
    <t>13690</t>
  </si>
  <si>
    <t>48368</t>
  </si>
  <si>
    <t>14746</t>
  </si>
  <si>
    <t>GGHS MC HAJI ABAD</t>
  </si>
  <si>
    <t>Hajiabad</t>
  </si>
  <si>
    <t>Govt.MC.Girls High School Hajiabad Fsd</t>
  </si>
  <si>
    <t>Rehmatabad/Ashrafabad</t>
  </si>
  <si>
    <t>809</t>
  </si>
  <si>
    <t>94640</t>
  </si>
  <si>
    <t>15771</t>
  </si>
  <si>
    <t>GPS 233 RB III</t>
  </si>
  <si>
    <t>233 Rb</t>
  </si>
  <si>
    <t>233 rb 111 fsd</t>
  </si>
  <si>
    <t>Hari Singh</t>
  </si>
  <si>
    <t>Ashfaq Ahmad</t>
  </si>
  <si>
    <t>7959</t>
  </si>
  <si>
    <t>9562</t>
  </si>
  <si>
    <t>16222</t>
  </si>
  <si>
    <t>GGHS REFORMAR 220 RB JUDGE WALA</t>
  </si>
  <si>
    <t>220Judgewala</t>
  </si>
  <si>
    <t>Govt.reformer girls H/S 220 Rb Judgewala Faisalabad</t>
  </si>
  <si>
    <t>Judgewala</t>
  </si>
  <si>
    <t>Shersing wala</t>
  </si>
  <si>
    <t>Kausar Tasnim</t>
  </si>
  <si>
    <t>14633</t>
  </si>
  <si>
    <t>GGES MC 2ND SHIFT MUHAMMAD ABAD SATIANA ROAD</t>
  </si>
  <si>
    <t>street# 5mahammad abad satiana road fsd</t>
  </si>
  <si>
    <t>Muhamadabad</t>
  </si>
  <si>
    <t>Nusrat Hashmat</t>
  </si>
  <si>
    <t>3195</t>
  </si>
  <si>
    <t>32483</t>
  </si>
  <si>
    <t>GHS CHAK NO. 10 UCC</t>
  </si>
  <si>
    <t>Marh Bhangwan</t>
  </si>
  <si>
    <t>chak 10 ucc sharqpur</t>
  </si>
  <si>
    <t>Chak 10 Ucc</t>
  </si>
  <si>
    <t>mohammad mobeen</t>
  </si>
  <si>
    <t>19953</t>
  </si>
  <si>
    <t>43992</t>
  </si>
  <si>
    <t>GGPS SHARAL</t>
  </si>
  <si>
    <t>Sharal</t>
  </si>
  <si>
    <t>GGPS Sharal Vpo Bilalabad Tehsil Talagang District Chakwal</t>
  </si>
  <si>
    <t>Bilalabad</t>
  </si>
  <si>
    <t>FOZIA PERVEEN</t>
  </si>
  <si>
    <t>18056</t>
  </si>
  <si>
    <t>7503</t>
  </si>
  <si>
    <t>18406</t>
  </si>
  <si>
    <t>48548</t>
  </si>
  <si>
    <t>GGPS CHAK NO.21 SB</t>
  </si>
  <si>
    <t>KOT MOMIN WEST-II - FEMALE</t>
  </si>
  <si>
    <t>21sb</t>
  </si>
  <si>
    <t>11sb</t>
  </si>
  <si>
    <t>Asifa Sultan</t>
  </si>
  <si>
    <t>23910</t>
  </si>
  <si>
    <t>21910</t>
  </si>
  <si>
    <t>GES CHAK NO.67 NB</t>
  </si>
  <si>
    <t>Bhchranwala</t>
  </si>
  <si>
    <t>GES Chak No 67 NB</t>
  </si>
  <si>
    <t>Chak No 67 NB</t>
  </si>
  <si>
    <t>67 ANB</t>
  </si>
  <si>
    <t>6595</t>
  </si>
  <si>
    <t>30108</t>
  </si>
  <si>
    <t>40761</t>
  </si>
  <si>
    <t>GGPS DHOK AMB</t>
  </si>
  <si>
    <t>Dhok Amb</t>
  </si>
  <si>
    <t>Village Dhok Amb po Diwane hazori dist jhelum</t>
  </si>
  <si>
    <t>Pail Biny Khan</t>
  </si>
  <si>
    <t>Ansar Sultana</t>
  </si>
  <si>
    <t>electrical motor</t>
  </si>
  <si>
    <t>35311</t>
  </si>
  <si>
    <t>31709</t>
  </si>
  <si>
    <t>47972</t>
  </si>
  <si>
    <t>34195</t>
  </si>
  <si>
    <t>GPS NOOR-UL-ISLAM</t>
  </si>
  <si>
    <t>SHUJABAD - MALE</t>
  </si>
  <si>
    <t>Gardeezpur</t>
  </si>
  <si>
    <t>chah hadda wala mouza gardeezpur tehsil shujabad district Multan</t>
  </si>
  <si>
    <t>Chah Hadda  Wala</t>
  </si>
  <si>
    <t>Muhammad Sadiq</t>
  </si>
  <si>
    <t>20656</t>
  </si>
  <si>
    <t>GMPS SHEIKH RAJADHA</t>
  </si>
  <si>
    <t>Sheikhrajada</t>
  </si>
  <si>
    <t>village sheikhrajada p/o sulakhanabad dist.gujranwala</t>
  </si>
  <si>
    <t>Jandialabaghwala</t>
  </si>
  <si>
    <t>48099</t>
  </si>
  <si>
    <t>GHS MEELA</t>
  </si>
  <si>
    <t>Mela</t>
  </si>
  <si>
    <t>GHS Mela</t>
  </si>
  <si>
    <t>Abdur Razzaq</t>
  </si>
  <si>
    <t>7424</t>
  </si>
  <si>
    <t>29961</t>
  </si>
  <si>
    <t>GHS KOT SARDAR MUHAMMAD KHAN KOT RADHA KISHAN</t>
  </si>
  <si>
    <t>Kot sher Singh</t>
  </si>
  <si>
    <t>Govt. High School Kot Sardar Muhammad Khan, Kot Radha Kishen District Kasur</t>
  </si>
  <si>
    <t>Chak no.55</t>
  </si>
  <si>
    <t>Pervaiz Ahmad Khan</t>
  </si>
  <si>
    <t>15686</t>
  </si>
  <si>
    <t>GGHS 487/GB</t>
  </si>
  <si>
    <t>Machanikka</t>
  </si>
  <si>
    <t>GGHS 487 GB</t>
  </si>
  <si>
    <t>Shaista Munir</t>
  </si>
  <si>
    <t>51814</t>
  </si>
  <si>
    <t>33534</t>
  </si>
  <si>
    <t>33322</t>
  </si>
  <si>
    <t>GGPS MOMEN</t>
  </si>
  <si>
    <t>Moman</t>
  </si>
  <si>
    <t>moman chak no 30</t>
  </si>
  <si>
    <t>Tallat Naheed</t>
  </si>
  <si>
    <t>20240</t>
  </si>
  <si>
    <t>19027</t>
  </si>
  <si>
    <t>GPS ASAD KHAN WALA OUT SIDE CHOWTAQA GATE P/O SHUJABAD</t>
  </si>
  <si>
    <t>Asad Khan Wala</t>
  </si>
  <si>
    <t>Mc Shujabad</t>
  </si>
  <si>
    <t>6924</t>
  </si>
  <si>
    <t>GHS KOT SANJOR KHAN</t>
  </si>
  <si>
    <t>Kot Sanjar Khan</t>
  </si>
  <si>
    <t>P/Ã² kot sabzal</t>
  </si>
  <si>
    <t>Knot Sanjar Khan</t>
  </si>
  <si>
    <t>muhammad munawar</t>
  </si>
  <si>
    <t>16325</t>
  </si>
  <si>
    <t>31253</t>
  </si>
  <si>
    <t>GGPS KOTLA RAHIM</t>
  </si>
  <si>
    <t>WANG</t>
  </si>
  <si>
    <t>G GPS KOTLA RAHEEM</t>
  </si>
  <si>
    <t>HAFIZ ABAD</t>
  </si>
  <si>
    <t>DHENGAN</t>
  </si>
  <si>
    <t>17383</t>
  </si>
  <si>
    <t>GGHS CHAK 10 THAL KASHMIRIAN</t>
  </si>
  <si>
    <t>Chak 10/1 Thal</t>
  </si>
  <si>
    <t>Govt. girls high school Chak 4/10 Thal kashmirian Tehseel 18hazari Jhang</t>
  </si>
  <si>
    <t>4/10Thal Kashmirian</t>
  </si>
  <si>
    <t>Uch Gull Imaam</t>
  </si>
  <si>
    <t>35839</t>
  </si>
  <si>
    <t>22720</t>
  </si>
  <si>
    <t>GGHS PUBLIC ENGLISH MOHALLA CH. NAIKE</t>
  </si>
  <si>
    <t>MOHALLA CH.NAIKE</t>
  </si>
  <si>
    <t>GGHS PUBLIC ENGLISH MOHALLA  CH.NAIKE RYK</t>
  </si>
  <si>
    <t>CITY RAHIM YAR KHAN</t>
  </si>
  <si>
    <t>NAJMA SHAHZAD</t>
  </si>
  <si>
    <t>chiller</t>
  </si>
  <si>
    <t>17675</t>
  </si>
  <si>
    <t>1761</t>
  </si>
  <si>
    <t>5387</t>
  </si>
  <si>
    <t>PACCA LARRAN - MALE</t>
  </si>
  <si>
    <t>Lakhani</t>
  </si>
  <si>
    <t>Basti Adil Arrain,Mouza Lakhani,P/o Khan Bela,Teh.Liaquat Pur,Distt.Rahim Yar Khan</t>
  </si>
  <si>
    <t>Basti Adil Arrain</t>
  </si>
  <si>
    <t>Kotla Doulat</t>
  </si>
  <si>
    <t>46785</t>
  </si>
  <si>
    <t>15484</t>
  </si>
  <si>
    <t>GPS CHAK 175 GB SAMUNDRI</t>
  </si>
  <si>
    <t>Chak no 175 GB</t>
  </si>
  <si>
    <t>Chak 175 GB</t>
  </si>
  <si>
    <t>Chao 175</t>
  </si>
  <si>
    <t>20529</t>
  </si>
  <si>
    <t>GGES BAKHRAY WALI KALAN</t>
  </si>
  <si>
    <t>BHAKHREWALI KALA</t>
  </si>
  <si>
    <t>Bhakhraywali Kalan Daak khana khas</t>
  </si>
  <si>
    <t>Bhakhraywali Kalan</t>
  </si>
  <si>
    <t>Kot Amer Singh</t>
  </si>
  <si>
    <t>41451</t>
  </si>
  <si>
    <t>GGPS 22 MILL</t>
  </si>
  <si>
    <t>Village 22meel P.O Tret Teh. Murree Dist. Rawalpindi</t>
  </si>
  <si>
    <t>22Meel</t>
  </si>
  <si>
    <t>Zaheen Akhtar</t>
  </si>
  <si>
    <t>7773</t>
  </si>
  <si>
    <t>49407</t>
  </si>
  <si>
    <t>GGHS SHAHPUR SADAR</t>
  </si>
  <si>
    <t>Shahpur Sadar</t>
  </si>
  <si>
    <t>shahpur sadar teh.shahpur DIstt.Sargodha</t>
  </si>
  <si>
    <t>Rehana Parveen</t>
  </si>
  <si>
    <t>30875</t>
  </si>
  <si>
    <t>GHS JIA BAGGA</t>
  </si>
  <si>
    <t>Jia BAGGA</t>
  </si>
  <si>
    <t>vill. Jia Bagg, Teh Raiwind Distt Lahore</t>
  </si>
  <si>
    <t>12825</t>
  </si>
  <si>
    <t>41101</t>
  </si>
  <si>
    <t>GPS KHARANG KALLAN</t>
  </si>
  <si>
    <t>Kharang Kallan</t>
  </si>
  <si>
    <t>kharang kallan tehsil kahuta</t>
  </si>
  <si>
    <t>Khrang kallan</t>
  </si>
  <si>
    <t>17927</t>
  </si>
  <si>
    <t>16723</t>
  </si>
  <si>
    <t>GGES 621/GB</t>
  </si>
  <si>
    <t>Chak no 621G.B Teh.Tandlianwala Faisalabad</t>
  </si>
  <si>
    <t>Chak No 621 GB</t>
  </si>
  <si>
    <t>SHERAZA</t>
  </si>
  <si>
    <t>Saba Rani</t>
  </si>
  <si>
    <t>21587</t>
  </si>
  <si>
    <t>GMPS QADIAN VIRKAN</t>
  </si>
  <si>
    <t>Qadian Virkan</t>
  </si>
  <si>
    <t>Village Qadian Virkan tehsil kamoke District Gujranwala</t>
  </si>
  <si>
    <t>Ghania Nou</t>
  </si>
  <si>
    <t>Salma Naz</t>
  </si>
  <si>
    <t>17912</t>
  </si>
  <si>
    <t>46916</t>
  </si>
  <si>
    <t>23435</t>
  </si>
  <si>
    <t>GHS KARIALA</t>
  </si>
  <si>
    <t>Kariala</t>
  </si>
  <si>
    <t>GHS Kariala Tehsil sarai alamgir Distt. Gujrat</t>
  </si>
  <si>
    <t>19536</t>
  </si>
  <si>
    <t>GGPS KOHAL KHURD</t>
  </si>
  <si>
    <t>Kohal Khurd</t>
  </si>
  <si>
    <t>kohal khurd</t>
  </si>
  <si>
    <t>Chak No103 Gb</t>
  </si>
  <si>
    <t>319 Gb</t>
  </si>
  <si>
    <t>sana Jameel</t>
  </si>
  <si>
    <t>2816</t>
  </si>
  <si>
    <t>3288</t>
  </si>
  <si>
    <t>21079</t>
  </si>
  <si>
    <t>1789</t>
  </si>
  <si>
    <t>53673</t>
  </si>
  <si>
    <t>49083</t>
  </si>
  <si>
    <t>GPS NO. 2 HYDERABAD TOWN</t>
  </si>
  <si>
    <t>Hyder Abad Town</t>
  </si>
  <si>
    <t>GPS No.2 Hyder Abad Town</t>
  </si>
  <si>
    <t>Sikandar Hayat</t>
  </si>
  <si>
    <t>36078</t>
  </si>
  <si>
    <t>GGHSS MACHIAN WALA</t>
  </si>
  <si>
    <t>557/E.B</t>
  </si>
  <si>
    <t>GOVT.GIRLS HIGHER SECONDARY SCHOOL MACHIANWALA vehari</t>
  </si>
  <si>
    <t>557/E.B Vehari</t>
  </si>
  <si>
    <t>CHAK NO.533/E.B</t>
  </si>
  <si>
    <t>Mrs. Razia Sultana</t>
  </si>
  <si>
    <t>15296</t>
  </si>
  <si>
    <t>GGES 112 GB KHURD</t>
  </si>
  <si>
    <t>112 Gb Khurd</t>
  </si>
  <si>
    <t>Govt girls elementary school 112 gb khurd.</t>
  </si>
  <si>
    <t>112 Gb</t>
  </si>
  <si>
    <t>NAILA ABDUL SATTAR</t>
  </si>
  <si>
    <t>34289</t>
  </si>
  <si>
    <t>31171</t>
  </si>
  <si>
    <t>34875</t>
  </si>
  <si>
    <t>25616</t>
  </si>
  <si>
    <t>GGHS MB NAROWAL</t>
  </si>
  <si>
    <t>mohallah khawajgan narowal</t>
  </si>
  <si>
    <t>Amber Irfan</t>
  </si>
  <si>
    <t>GGHS TOBA BALOCHAN</t>
  </si>
  <si>
    <t>Dhab Wazir Ka</t>
  </si>
  <si>
    <t>Govt. Girls High School Toba Balochan Tehsil Minchin abad</t>
  </si>
  <si>
    <t>Toba Balochan</t>
  </si>
  <si>
    <t>Afshan Munir</t>
  </si>
  <si>
    <t>11712</t>
  </si>
  <si>
    <t>28060</t>
  </si>
  <si>
    <t>GGHS SHAHANA LOK</t>
  </si>
  <si>
    <t>Shahana Lok</t>
  </si>
  <si>
    <t>village shahanalok</t>
  </si>
  <si>
    <t>Koto Balloch</t>
  </si>
  <si>
    <t>Mudiha Rasul</t>
  </si>
  <si>
    <t>37666</t>
  </si>
  <si>
    <t>12433</t>
  </si>
  <si>
    <t>GGES DASTI WALA</t>
  </si>
  <si>
    <t>Ghazi Pur Dasti</t>
  </si>
  <si>
    <t>chowk qureshi</t>
  </si>
  <si>
    <t>Dasti Wala</t>
  </si>
  <si>
    <t>41290</t>
  </si>
  <si>
    <t>GES KOTLA RUBAIT</t>
  </si>
  <si>
    <t>Chak kotla rubait</t>
  </si>
  <si>
    <t>kotla rubait</t>
  </si>
  <si>
    <t>kotla Rubait</t>
  </si>
  <si>
    <t>chak lassa</t>
  </si>
  <si>
    <t>HAMAD RAZA</t>
  </si>
  <si>
    <t>9134</t>
  </si>
  <si>
    <t>18050</t>
  </si>
  <si>
    <t>15623</t>
  </si>
  <si>
    <t>7621</t>
  </si>
  <si>
    <t>20904</t>
  </si>
  <si>
    <t>GGHS DILAWAR CHEEMA</t>
  </si>
  <si>
    <t>Near union council Dilawar cheema</t>
  </si>
  <si>
    <t>Nazia Alyas</t>
  </si>
  <si>
    <t>3631</t>
  </si>
  <si>
    <t>53382</t>
  </si>
  <si>
    <t>GGPS 27/GD</t>
  </si>
  <si>
    <t>27 GD</t>
  </si>
  <si>
    <t>27/gd</t>
  </si>
  <si>
    <t>27/ GD</t>
  </si>
  <si>
    <t>Maria jabeen</t>
  </si>
  <si>
    <t>20308</t>
  </si>
  <si>
    <t>15491</t>
  </si>
  <si>
    <t>GPS CHAK 437 GB N PUR SAMUNDRI</t>
  </si>
  <si>
    <t>Chak No 437 Gb Noor Pur</t>
  </si>
  <si>
    <t>chak no 437 GB 2 noor pur</t>
  </si>
  <si>
    <t>Salman Shabbir</t>
  </si>
  <si>
    <t>8070</t>
  </si>
  <si>
    <t>48244</t>
  </si>
  <si>
    <t>44178</t>
  </si>
  <si>
    <t>GGHS BHOUN</t>
  </si>
  <si>
    <t>BHOUN</t>
  </si>
  <si>
    <t>vpo bhoun tehsil kallar kahar dist chakwal</t>
  </si>
  <si>
    <t>BhOUN</t>
  </si>
  <si>
    <t>Bhoun</t>
  </si>
  <si>
    <t>TAYYABA YASMIN</t>
  </si>
  <si>
    <t>16252</t>
  </si>
  <si>
    <t>26022</t>
  </si>
  <si>
    <t>GGHS GUMTALA</t>
  </si>
  <si>
    <t>Gumtala</t>
  </si>
  <si>
    <t>gghs gumtala shakargarh</t>
  </si>
  <si>
    <t>39598</t>
  </si>
  <si>
    <t>GPS RATI DANDI</t>
  </si>
  <si>
    <t>haddowali jand attock</t>
  </si>
  <si>
    <t>Ratti Dandi</t>
  </si>
  <si>
    <t>MEHMOOD HUSSAIN</t>
  </si>
  <si>
    <t>15617</t>
  </si>
  <si>
    <t>52075</t>
  </si>
  <si>
    <t>45339</t>
  </si>
  <si>
    <t>6370</t>
  </si>
  <si>
    <t>24075</t>
  </si>
  <si>
    <t>GES CHAHOOR</t>
  </si>
  <si>
    <t>SEHOWAL - MALE</t>
  </si>
  <si>
    <t>Chahoor</t>
  </si>
  <si>
    <t>Village  P.O Chahoor Tehsil Pasrur District Sialkot</t>
  </si>
  <si>
    <t>Dugree Harya</t>
  </si>
  <si>
    <t>Jehangir Alim</t>
  </si>
  <si>
    <t>3087</t>
  </si>
  <si>
    <t>GGHS SYED IMAM SHAH BAHAWALPUR</t>
  </si>
  <si>
    <t>near puarani sabzi mandi opposite tibiyah college bwp</t>
  </si>
  <si>
    <t>aam khaas</t>
  </si>
  <si>
    <t>Naila Shahid</t>
  </si>
  <si>
    <t>29655</t>
  </si>
  <si>
    <t>GES BUNGI LALOO</t>
  </si>
  <si>
    <t>Bungi Laloo</t>
  </si>
  <si>
    <t>Govt. E/S Bungi Laloo Tehsil Pattoki District Kasur</t>
  </si>
  <si>
    <t>2192</t>
  </si>
  <si>
    <t>47308</t>
  </si>
  <si>
    <t>47108</t>
  </si>
  <si>
    <t>45116</t>
  </si>
  <si>
    <t>45848</t>
  </si>
  <si>
    <t>GPS NO 2 PAIL</t>
  </si>
  <si>
    <t>Haytum Khan</t>
  </si>
  <si>
    <t>public scheme</t>
  </si>
  <si>
    <t>54546</t>
  </si>
  <si>
    <t>51764</t>
  </si>
  <si>
    <t>44066</t>
  </si>
  <si>
    <t>GHS LEHRI KAKAN</t>
  </si>
  <si>
    <t>Lehri KAKAN</t>
  </si>
  <si>
    <t>VPO LEHRI KAKAN TEH CHOA SAIDEN SHAH DISTRICT CHAKWAL</t>
  </si>
  <si>
    <t>Basharat</t>
  </si>
  <si>
    <t>muhammad bashir</t>
  </si>
  <si>
    <t>28546</t>
  </si>
  <si>
    <t>26709</t>
  </si>
  <si>
    <t>GPS CHAK VICHLA</t>
  </si>
  <si>
    <t>CHAK VICHLA</t>
  </si>
  <si>
    <t>GOVERNMENT PRIMARY SCHOOL CHAK VICHLA</t>
  </si>
  <si>
    <t>SAKROOR</t>
  </si>
  <si>
    <t>Both hand and water pump</t>
  </si>
  <si>
    <t>40852</t>
  </si>
  <si>
    <t>GHS SAGRI</t>
  </si>
  <si>
    <t>SAGRI</t>
  </si>
  <si>
    <t>V.P.O SAGRI, TEHSIL DINA, DISTRICT JHELUM.</t>
  </si>
  <si>
    <t>MADUKALAS</t>
  </si>
  <si>
    <t>Muhammad Tanveer</t>
  </si>
  <si>
    <t>48498</t>
  </si>
  <si>
    <t>5302</t>
  </si>
  <si>
    <t>23755</t>
  </si>
  <si>
    <t>GPS KOT BUKHRAN</t>
  </si>
  <si>
    <t>GHUINKE - MALE</t>
  </si>
  <si>
    <t>Kot Bukhran</t>
  </si>
  <si>
    <t>G.P.S.Kot Bukhran</t>
  </si>
  <si>
    <t>Sehjokala</t>
  </si>
  <si>
    <t>42567</t>
  </si>
  <si>
    <t>30717</t>
  </si>
  <si>
    <t>GES SUTAR MILLS</t>
  </si>
  <si>
    <t>BHASEEN - MALE</t>
  </si>
  <si>
    <t>Sutter mills Lahore</t>
  </si>
  <si>
    <t>Government Elementary school sutter mills stop main  G.T roads
shalimar  lahore</t>
  </si>
  <si>
    <t>G T  Road Sutter mills</t>
  </si>
  <si>
    <t>Hando Gujjar</t>
  </si>
  <si>
    <t>Subhan Ali</t>
  </si>
  <si>
    <t>54420</t>
  </si>
  <si>
    <t>52516</t>
  </si>
  <si>
    <t>4375</t>
  </si>
  <si>
    <t>11530</t>
  </si>
  <si>
    <t>GES ZAFAR ABAD</t>
  </si>
  <si>
    <t>GURMANI- MALE</t>
  </si>
  <si>
    <t>Alurid</t>
  </si>
  <si>
    <t>Post office Mehmood kot City tehsil kot addu District M.Garh.</t>
  </si>
  <si>
    <t>Zafar abad</t>
  </si>
  <si>
    <t>Rai manzoor hussain</t>
  </si>
  <si>
    <t>36240</t>
  </si>
  <si>
    <t>50376</t>
  </si>
  <si>
    <t>GES 165/9-L</t>
  </si>
  <si>
    <t>165/9l</t>
  </si>
  <si>
    <t>chak 165/9_l</t>
  </si>
  <si>
    <t>Cha# 165/9l</t>
  </si>
  <si>
    <t>Masood Ahmad</t>
  </si>
  <si>
    <t>15060</t>
  </si>
  <si>
    <t>12086</t>
  </si>
  <si>
    <t>8351</t>
  </si>
  <si>
    <t>GGMPS ZUBAIR ABAD</t>
  </si>
  <si>
    <t>zubairabad chak 3 paigah</t>
  </si>
  <si>
    <t>Zubairabad</t>
  </si>
  <si>
    <t>Pagha</t>
  </si>
  <si>
    <t>Bareera Zubair</t>
  </si>
  <si>
    <t>5630</t>
  </si>
  <si>
    <t>42870</t>
  </si>
  <si>
    <t>GHS SIR SUBA SHAH</t>
  </si>
  <si>
    <t>vpo sir suba shah tehsil kallar syedan district rawalpindi</t>
  </si>
  <si>
    <t>Sir Suba Shah</t>
  </si>
  <si>
    <t>AKHLAQ AHMED</t>
  </si>
  <si>
    <t>41618</t>
  </si>
  <si>
    <t>GHS ZARAI FORM</t>
  </si>
  <si>
    <t>dhoke kashmirian</t>
  </si>
  <si>
    <t>data gunj bukhsh road near 6th road rawalpindi</t>
  </si>
  <si>
    <t>na</t>
  </si>
  <si>
    <t>Muhammad Abdullah Khan Muhammad AbdullahKhan</t>
  </si>
  <si>
    <t>GGHS CHAK NO. 170 M</t>
  </si>
  <si>
    <t>170/M</t>
  </si>
  <si>
    <t>GOVT GIRLS HIGH SCHOOL 170/M, P.O:SAME, TEH:CTN, DISTT:BWN</t>
  </si>
  <si>
    <t>TANVEER NIGAM</t>
  </si>
  <si>
    <t>23407</t>
  </si>
  <si>
    <t>GPS MC EID GAH ROAD LALA MUSA</t>
  </si>
  <si>
    <t>GOVT M C BOYS P/S NO 1 EID GAAH ROAD LALAMUSA</t>
  </si>
  <si>
    <t>M C LALAMUSA</t>
  </si>
  <si>
    <t>23374</t>
  </si>
  <si>
    <t>39825</t>
  </si>
  <si>
    <t>35163</t>
  </si>
  <si>
    <t>GPS CHAK NO.441 EB</t>
  </si>
  <si>
    <t>street No.7 yaqoob Abad Burewala</t>
  </si>
  <si>
    <t>441/EB</t>
  </si>
  <si>
    <t>Ward 30</t>
  </si>
  <si>
    <t>Muhammad Safdar</t>
  </si>
  <si>
    <t>14114</t>
  </si>
  <si>
    <t>27871</t>
  </si>
  <si>
    <t>GHS CHOROUND</t>
  </si>
  <si>
    <t>chorund</t>
  </si>
  <si>
    <t>vill &amp; p/o chorund teh &amp; distt mandi bahauddin</t>
  </si>
  <si>
    <t>4654</t>
  </si>
  <si>
    <t>37823</t>
  </si>
  <si>
    <t>GGPS JINNAH COLONY NO.2 JAHANIAN</t>
  </si>
  <si>
    <t>Jahania</t>
  </si>
  <si>
    <t>jinnah colony no.2 jahanian</t>
  </si>
  <si>
    <t>MC JAHANIAN</t>
  </si>
  <si>
    <t>2099</t>
  </si>
  <si>
    <t>4188</t>
  </si>
  <si>
    <t>GGPS MUHAMMADIA COLONY</t>
  </si>
  <si>
    <t>DAMMAR WALA JANUBI - FEMALE</t>
  </si>
  <si>
    <t>Azmat pur</t>
  </si>
  <si>
    <t>Basti bahary wali moza azmat pur,  tehsil Ali pur. Distt. M. Garh</t>
  </si>
  <si>
    <t>Basti Malanrhas</t>
  </si>
  <si>
    <t>Ghalwan 2</t>
  </si>
  <si>
    <t>Farzana Shaheen</t>
  </si>
  <si>
    <t>26005</t>
  </si>
  <si>
    <t>20053</t>
  </si>
  <si>
    <t>GGPS CHAK NO. 12 SLOTRIAN WALA</t>
  </si>
  <si>
    <t>Chak no 12 slotrianwala</t>
  </si>
  <si>
    <t>Slotrianwala</t>
  </si>
  <si>
    <t>Rasoolan Bibi</t>
  </si>
  <si>
    <t>35898</t>
  </si>
  <si>
    <t>41659</t>
  </si>
  <si>
    <t>GGES SHOUKAT SADDAR BAZAR</t>
  </si>
  <si>
    <t>govt shoukat girls elementary school saddar rwp ahata mithoo khan</t>
  </si>
  <si>
    <t>Samina Haider Malik</t>
  </si>
  <si>
    <t>34892</t>
  </si>
  <si>
    <t>GGHS CHAK NO 135/6-R</t>
  </si>
  <si>
    <t>govt girls high school 135/6r</t>
  </si>
  <si>
    <t>135/6r</t>
  </si>
  <si>
    <t>133/6r</t>
  </si>
  <si>
    <t>shahida fatima</t>
  </si>
  <si>
    <t>38028</t>
  </si>
  <si>
    <t>GGHS CHAK NO.9/FW</t>
  </si>
  <si>
    <t>Chak No 9/fw</t>
  </si>
  <si>
    <t>chak no 9/fw Tehsil Chishtian.Distt.BWN</t>
  </si>
  <si>
    <t>Chak No9/fw</t>
  </si>
  <si>
    <t>9/fw Bakhshan Khan</t>
  </si>
  <si>
    <t>Aasma Sikandar</t>
  </si>
  <si>
    <t>45717</t>
  </si>
  <si>
    <t>16827</t>
  </si>
  <si>
    <t>GHS KOT SAI SINGH</t>
  </si>
  <si>
    <t>kot sai singh</t>
  </si>
  <si>
    <t>MUHAMMAD ZAFAR</t>
  </si>
  <si>
    <t>140624</t>
  </si>
  <si>
    <t>35915</t>
  </si>
  <si>
    <t>GGES 94 WB</t>
  </si>
  <si>
    <t>94wb</t>
  </si>
  <si>
    <t>Chak no 94wb</t>
  </si>
  <si>
    <t>Sadia Raees</t>
  </si>
  <si>
    <t>GGHS TIBBI QAISRANI</t>
  </si>
  <si>
    <t>Tibbi Miana</t>
  </si>
  <si>
    <t>TIBBI QAISRANI TEH TAUNSA Disst. D G Khan</t>
  </si>
  <si>
    <t>TIBBI QAISRANI</t>
  </si>
  <si>
    <t>Khadija Bibi</t>
  </si>
  <si>
    <t>15183</t>
  </si>
  <si>
    <t>GGPS CHAK 114 GB SATIANA</t>
  </si>
  <si>
    <t>114 GB  mangoor</t>
  </si>
  <si>
    <t>chack no 114 G.B tehsile jaranwla Disst Faisalabad</t>
  </si>
  <si>
    <t>114 GB</t>
  </si>
  <si>
    <t>115 GB</t>
  </si>
  <si>
    <t>Nahid kousar Naz</t>
  </si>
  <si>
    <t>5898</t>
  </si>
  <si>
    <t>26702</t>
  </si>
  <si>
    <t>46066</t>
  </si>
  <si>
    <t>GHS MODEL NO. 1 (BLOCK NO. 4) JAUHARABAD</t>
  </si>
  <si>
    <t>block no.4 near old bus stand jauharabad</t>
  </si>
  <si>
    <t>block no. 4</t>
  </si>
  <si>
    <t>mc jauharabad</t>
  </si>
  <si>
    <t>17012</t>
  </si>
  <si>
    <t>44485</t>
  </si>
  <si>
    <t>2984</t>
  </si>
  <si>
    <t>32597</t>
  </si>
  <si>
    <t>GGPS NIZAM PURA</t>
  </si>
  <si>
    <t>SHARAQPUR-I - FEMALE</t>
  </si>
  <si>
    <t>nizam Pura</t>
  </si>
  <si>
    <t>Rabia Rehmat</t>
  </si>
  <si>
    <t>8103</t>
  </si>
  <si>
    <t>43057</t>
  </si>
  <si>
    <t>GGHSS KALAS</t>
  </si>
  <si>
    <t>KALAS</t>
  </si>
  <si>
    <t>GGHSS KALAS P/O CHAK CHAKORA TEH&amp;DISTT CHAKWAL</t>
  </si>
  <si>
    <t>MOGLA</t>
  </si>
  <si>
    <t>SAFEER AAKHTAR</t>
  </si>
  <si>
    <t>22183</t>
  </si>
  <si>
    <t>GHS FEROZE ABAD</t>
  </si>
  <si>
    <t>amin Abad</t>
  </si>
  <si>
    <t>amin abad gujrat</t>
  </si>
  <si>
    <t>Daswandhi Pura</t>
  </si>
  <si>
    <t>Syed Hussnain Haider Zaidi</t>
  </si>
  <si>
    <t>5123</t>
  </si>
  <si>
    <t>GHSS FEROZAA</t>
  </si>
  <si>
    <t>CHAK 70/A</t>
  </si>
  <si>
    <t>UC Hayat Lar Feroza</t>
  </si>
  <si>
    <t>FEROZA</t>
  </si>
  <si>
    <t>Hayyat Lar</t>
  </si>
  <si>
    <t>Ghulam Arabi Naveed</t>
  </si>
  <si>
    <t>435600</t>
  </si>
  <si>
    <t>15116</t>
  </si>
  <si>
    <t>26907</t>
  </si>
  <si>
    <t>GHSS KASSOKE</t>
  </si>
  <si>
    <t>KASSOKE</t>
  </si>
  <si>
    <t>KASSOKE TEHSIL AND DISTRICT HAFIZABAD</t>
  </si>
  <si>
    <t>32206</t>
  </si>
  <si>
    <t>49082</t>
  </si>
  <si>
    <t>GPS NO.3 HAYDER ABAD TOWN</t>
  </si>
  <si>
    <t>Hayder Abad Town</t>
  </si>
  <si>
    <t>GPS No.3 Hayder Abad Town</t>
  </si>
  <si>
    <t>15901</t>
  </si>
  <si>
    <t>49570</t>
  </si>
  <si>
    <t>28953</t>
  </si>
  <si>
    <t>GGHS PALAY KAY</t>
  </si>
  <si>
    <t>Polay Kay</t>
  </si>
  <si>
    <t>govt girls high school polay kay tehsil chunian district kasur</t>
  </si>
  <si>
    <t>Akikay Rasool Pur</t>
  </si>
  <si>
    <t>Hena Naureen</t>
  </si>
  <si>
    <t>17949</t>
  </si>
  <si>
    <t>GGHS QAIM BHARWANA</t>
  </si>
  <si>
    <t>qaim bharwana</t>
  </si>
  <si>
    <t>GGHS Qaim Bharwan</t>
  </si>
  <si>
    <t>qaim Bharwana</t>
  </si>
  <si>
    <t>Umreen Hyder sakeena</t>
  </si>
  <si>
    <t>12355</t>
  </si>
  <si>
    <t>GPS MANJA GHUNDI</t>
  </si>
  <si>
    <t>Village Manjaghundi P.O. Injra Teh. Jand Disstt. Attock</t>
  </si>
  <si>
    <t>Manjaghundi</t>
  </si>
  <si>
    <t>Mukhad</t>
  </si>
  <si>
    <t>Khan Bahadur Zafar</t>
  </si>
  <si>
    <t>16323</t>
  </si>
  <si>
    <t>47730</t>
  </si>
  <si>
    <t>18831</t>
  </si>
  <si>
    <t>GHSS SANDHALIAN WALI</t>
  </si>
  <si>
    <t>Govt.higher secondary school sandhilianwali</t>
  </si>
  <si>
    <t>SANDHILIANWALI</t>
  </si>
  <si>
    <t>sandhilianwali</t>
  </si>
  <si>
    <t>Muhammad  Iqbal</t>
  </si>
  <si>
    <t>53040</t>
  </si>
  <si>
    <t>30417</t>
  </si>
  <si>
    <t>15839</t>
  </si>
  <si>
    <t>GPS 59 JB III</t>
  </si>
  <si>
    <t>59 Jb Nathu Check</t>
  </si>
  <si>
    <t>59 jb ||| narwala banglow fsd</t>
  </si>
  <si>
    <t>59 Jb</t>
  </si>
  <si>
    <t>Amjad Iqbal</t>
  </si>
  <si>
    <t>5376</t>
  </si>
  <si>
    <t>GGPS JOWALA SINGH WALA</t>
  </si>
  <si>
    <t>SHAHKOT CITY 2-FEMALE</t>
  </si>
  <si>
    <t>Jawala Sing Wala</t>
  </si>
  <si>
    <t>jawalasing wala chak no 35 teh shahkot district nankana sahib</t>
  </si>
  <si>
    <t>Jawalla Sing Wala</t>
  </si>
  <si>
    <t>Karkan</t>
  </si>
  <si>
    <t>shagfta parveen</t>
  </si>
  <si>
    <t>50709</t>
  </si>
  <si>
    <t>GHS 118/9-L SAHIWAL</t>
  </si>
  <si>
    <t>chak no. 118/9-L Sahiwal</t>
  </si>
  <si>
    <t>MUHAMMAD JAVED AKHTAR</t>
  </si>
  <si>
    <t>63307</t>
  </si>
  <si>
    <t>16427</t>
  </si>
  <si>
    <t>GGES CHAK NO 127 RB BHLOL PUR</t>
  </si>
  <si>
    <t>Bhlol Pur</t>
  </si>
  <si>
    <t>gges 127 rb bhlolpur</t>
  </si>
  <si>
    <t>126  rb</t>
  </si>
  <si>
    <t>khudija kousar</t>
  </si>
  <si>
    <t>52242</t>
  </si>
  <si>
    <t>GGHSS MANDI AHMED ABAD</t>
  </si>
  <si>
    <t>mandi ahmad abad</t>
  </si>
  <si>
    <t>gghss mandi ahmad abad</t>
  </si>
  <si>
    <t>RUKHSANA KHURSHEED</t>
  </si>
  <si>
    <t>GPS KOSHAK BALOCH</t>
  </si>
  <si>
    <t>Basti Koshak Baloch Ahmad Pur Sial</t>
  </si>
  <si>
    <t>Toowt Wala</t>
  </si>
  <si>
    <t>MC Ahmad Pur Sial</t>
  </si>
  <si>
    <t>Nazim Hussain</t>
  </si>
  <si>
    <t>23520</t>
  </si>
  <si>
    <t>31915</t>
  </si>
  <si>
    <t>GGHS RAKH MACHIKAY</t>
  </si>
  <si>
    <t>Gazi</t>
  </si>
  <si>
    <t>Rakh machikay</t>
  </si>
  <si>
    <t>Rakh Machikay</t>
  </si>
  <si>
    <t>Gazi Minara</t>
  </si>
  <si>
    <t>46866</t>
  </si>
  <si>
    <t>GES CHAK NO.514/GB</t>
  </si>
  <si>
    <t>Chak no  514gb</t>
  </si>
  <si>
    <t>chak no . 514gb mamunkanjan Teh tandlianwala district fsd</t>
  </si>
  <si>
    <t>Chak No 514gb</t>
  </si>
  <si>
    <t>SAEED AKHTER</t>
  </si>
  <si>
    <t>38894</t>
  </si>
  <si>
    <t>GGES BROTHA</t>
  </si>
  <si>
    <t>Brotha</t>
  </si>
  <si>
    <t>gg e\s brotha</t>
  </si>
  <si>
    <t>Shaheen Bashir</t>
  </si>
  <si>
    <t>8405</t>
  </si>
  <si>
    <t>29920</t>
  </si>
  <si>
    <t>31928</t>
  </si>
  <si>
    <t>26273</t>
  </si>
  <si>
    <t>40288</t>
  </si>
  <si>
    <t>GHS HARAN PUR</t>
  </si>
  <si>
    <t>V. P. O Haranpur (Jhelum)</t>
  </si>
  <si>
    <t>Pervez Ahmed</t>
  </si>
  <si>
    <t>30127</t>
  </si>
  <si>
    <t>GHS MILLAT MUGHAL PURA</t>
  </si>
  <si>
    <t>--</t>
  </si>
  <si>
    <t>GOVT. MILLAT HIGH SCHOOL MUGHALPURA SHAH KAMAL ROAD LAHORE</t>
  </si>
  <si>
    <t>Mujahid Abad</t>
  </si>
  <si>
    <t>ZAHIR AHMAD</t>
  </si>
  <si>
    <t>44877</t>
  </si>
  <si>
    <t>GGHSS WASU ASTANA</t>
  </si>
  <si>
    <t>Wasu Astana</t>
  </si>
  <si>
    <t>GGHSS Wasu Astana.</t>
  </si>
  <si>
    <t>Abida Perveen Maqbool</t>
  </si>
  <si>
    <t>7943</t>
  </si>
  <si>
    <t>46304</t>
  </si>
  <si>
    <t>GGCMES DHAMAK</t>
  </si>
  <si>
    <t>Dhamak</t>
  </si>
  <si>
    <t>Ghulam Zareena</t>
  </si>
  <si>
    <t>34200</t>
  </si>
  <si>
    <t>9274</t>
  </si>
  <si>
    <t>GGPS CHOLANI</t>
  </si>
  <si>
    <t>CHULANI-FEMALE</t>
  </si>
  <si>
    <t>Chulani</t>
  </si>
  <si>
    <t>basti chulani</t>
  </si>
  <si>
    <t>Anisa Iqbal</t>
  </si>
  <si>
    <t>17966</t>
  </si>
  <si>
    <t>GHS FAREED MAHMOOD KATHIA</t>
  </si>
  <si>
    <t>Fareed Mehmood Kathia</t>
  </si>
  <si>
    <t>colony Qasam abad Moza Fareed Mehmood Kathia tehsil shorkot</t>
  </si>
  <si>
    <t>Shah Sadiq Nehang</t>
  </si>
  <si>
    <t>16565</t>
  </si>
  <si>
    <t>GPS WAN RAMZAN TANDLIANWALA</t>
  </si>
  <si>
    <t>Wanramzan</t>
  </si>
  <si>
    <t>GPS wanramzan</t>
  </si>
  <si>
    <t>Manzoor Khan</t>
  </si>
  <si>
    <t>29830</t>
  </si>
  <si>
    <t>21100</t>
  </si>
  <si>
    <t>49992</t>
  </si>
  <si>
    <t>GGPS JAISAK</t>
  </si>
  <si>
    <t>Jaisak</t>
  </si>
  <si>
    <t>ggps jaisak teh sahiwal dist sargodha</t>
  </si>
  <si>
    <t>Dera Jara</t>
  </si>
  <si>
    <t>Najma Nourin</t>
  </si>
  <si>
    <t>31420</t>
  </si>
  <si>
    <t>27574</t>
  </si>
  <si>
    <t>33605</t>
  </si>
  <si>
    <t>GGHS MUSLIM PUL MOJ DARYA</t>
  </si>
  <si>
    <t>Pul Moj Darya</t>
  </si>
  <si>
    <t>govt model girls high school near kalma Chowk multan</t>
  </si>
  <si>
    <t>pul muj daria</t>
  </si>
  <si>
    <t>sadiq colony</t>
  </si>
  <si>
    <t>Mah Talat</t>
  </si>
  <si>
    <t>2059</t>
  </si>
  <si>
    <t>35939</t>
  </si>
  <si>
    <t>GGPS PEER SHAH</t>
  </si>
  <si>
    <t>Peer Shah</t>
  </si>
  <si>
    <t>Ggps peer shah</t>
  </si>
  <si>
    <t>Borana Khas</t>
  </si>
  <si>
    <t>Najma Perveen</t>
  </si>
  <si>
    <t>26044</t>
  </si>
  <si>
    <t>37079</t>
  </si>
  <si>
    <t>GGHSS 19/9-R, KACHA KHUH</t>
  </si>
  <si>
    <t>G.G.H.S.S.19/9-R KACH khuh khanewal</t>
  </si>
  <si>
    <t>19/9-R</t>
  </si>
  <si>
    <t>19/9R kacha khuh</t>
  </si>
  <si>
    <t>Dr.Shamim Akhter</t>
  </si>
  <si>
    <t>27898</t>
  </si>
  <si>
    <t>GGHS SAHNA</t>
  </si>
  <si>
    <t>Sahna</t>
  </si>
  <si>
    <t>sahna Tehsil &amp;distt Mandi Baha uddin</t>
  </si>
  <si>
    <t>Hafiza bilqis Akhter</t>
  </si>
  <si>
    <t>5928</t>
  </si>
  <si>
    <t>35810</t>
  </si>
  <si>
    <t>GGPS 168 WB</t>
  </si>
  <si>
    <t>tibba</t>
  </si>
  <si>
    <t>168/wb</t>
  </si>
  <si>
    <t>158/wb</t>
  </si>
  <si>
    <t>irram zaman</t>
  </si>
  <si>
    <t>22420</t>
  </si>
  <si>
    <t>24861</t>
  </si>
  <si>
    <t>20527</t>
  </si>
  <si>
    <t>GGHS KOT BOHANI DASS</t>
  </si>
  <si>
    <t>Kot Bohani Dass</t>
  </si>
  <si>
    <t>kot bohani dass</t>
  </si>
  <si>
    <t>Kot Bohani Das</t>
  </si>
  <si>
    <t>Botala Janda Singh</t>
  </si>
  <si>
    <t>FAREEDA KHATOON</t>
  </si>
  <si>
    <t>20252</t>
  </si>
  <si>
    <t>4466</t>
  </si>
  <si>
    <t>GHS CANAL COLONY</t>
  </si>
  <si>
    <t>Kachi Jamaal</t>
  </si>
  <si>
    <t>canal colony</t>
  </si>
  <si>
    <t>Anhar Colony</t>
  </si>
  <si>
    <t>57173</t>
  </si>
  <si>
    <t>51283</t>
  </si>
  <si>
    <t>GGES 87-A/6-R MEHMOOD SHAH WALI</t>
  </si>
  <si>
    <t>87a6r Mahmoud Shah Wali</t>
  </si>
  <si>
    <t>chack number 87.a.6.r mahmood shah wali</t>
  </si>
  <si>
    <t>876r Swl</t>
  </si>
  <si>
    <t>Asma Alam</t>
  </si>
  <si>
    <t>GGEMS CHAK 229 RB KHURRIANWALA</t>
  </si>
  <si>
    <t>makuana</t>
  </si>
  <si>
    <t>chak # 229 rb makuana</t>
  </si>
  <si>
    <t>yes</t>
  </si>
  <si>
    <t>chak no 229 Rb makuana</t>
  </si>
  <si>
    <t>Zahida Khanam</t>
  </si>
  <si>
    <t>GES HUSSAIN WALA</t>
  </si>
  <si>
    <t>MANHAN- MALE</t>
  </si>
  <si>
    <t>Radho</t>
  </si>
  <si>
    <t>basti veero wala mouza radho tehsil kotadu</t>
  </si>
  <si>
    <t>Veero Wala</t>
  </si>
  <si>
    <t>Ghulam  Abbas</t>
  </si>
  <si>
    <t>10278</t>
  </si>
  <si>
    <t>50073</t>
  </si>
  <si>
    <t>GGES CHOHAL</t>
  </si>
  <si>
    <t>Chohal</t>
  </si>
  <si>
    <t>Riffat Abida Shaheen</t>
  </si>
  <si>
    <t>10774</t>
  </si>
  <si>
    <t>36077</t>
  </si>
  <si>
    <t>GGHS MC VEHARI</t>
  </si>
  <si>
    <t>vehari</t>
  </si>
  <si>
    <t>f block vehari</t>
  </si>
  <si>
    <t>mrs rizwana tahir</t>
  </si>
  <si>
    <t>39238</t>
  </si>
  <si>
    <t>40304</t>
  </si>
  <si>
    <t>GGHS CHAK SHADI</t>
  </si>
  <si>
    <t>Chak Shadi</t>
  </si>
  <si>
    <t>village Chakshadi post office dharyala jalip tehsil pind dadan Khan jhelum</t>
  </si>
  <si>
    <t>chak shadi</t>
  </si>
  <si>
    <t>water supply  scheme</t>
  </si>
  <si>
    <t>23496</t>
  </si>
  <si>
    <t>6270</t>
  </si>
  <si>
    <t>GES TRANDA SHAIB YAR KHAN</t>
  </si>
  <si>
    <t>Tranda Sahib Yar Khan</t>
  </si>
  <si>
    <t>Tranda Sahib yar khan</t>
  </si>
  <si>
    <t>Tranda Sahib Yar</t>
  </si>
  <si>
    <t>Tibbi Gul Muhammad</t>
  </si>
  <si>
    <t>Malik Shabbir Ahmad</t>
  </si>
  <si>
    <t>49629</t>
  </si>
  <si>
    <t>GHSS SHAH NIKDAR</t>
  </si>
  <si>
    <t>SHAHNIKDAR</t>
  </si>
  <si>
    <t>2118</t>
  </si>
  <si>
    <t>28251</t>
  </si>
  <si>
    <t>GGHS CHAK ZAHIR</t>
  </si>
  <si>
    <t>Chak Zahir</t>
  </si>
  <si>
    <t>chak zahir</t>
  </si>
  <si>
    <t>Haigerwala</t>
  </si>
  <si>
    <t>Naveela Akhtar</t>
  </si>
  <si>
    <t>7589</t>
  </si>
  <si>
    <t>23346</t>
  </si>
  <si>
    <t>33950</t>
  </si>
  <si>
    <t>GGES CHAK R S SHUJABAD DISTT. MULTAN</t>
  </si>
  <si>
    <t>CHAK R.S - FEMALE</t>
  </si>
  <si>
    <t>Chak RS</t>
  </si>
  <si>
    <t>30155</t>
  </si>
  <si>
    <t>GHS PANDOKI</t>
  </si>
  <si>
    <t>PANDOKI</t>
  </si>
  <si>
    <t>VILLAGE PANDOKI P/O KAHNA NAU LAHORE</t>
  </si>
  <si>
    <t>NAEEM ABBAS RANA</t>
  </si>
  <si>
    <t>46390</t>
  </si>
  <si>
    <t>GHS AINO</t>
  </si>
  <si>
    <t>Aino</t>
  </si>
  <si>
    <t>vpo aino teh noor pur distt khushab</t>
  </si>
  <si>
    <t>Peelowains</t>
  </si>
  <si>
    <t>8855</t>
  </si>
  <si>
    <t>GGHS RETRA</t>
  </si>
  <si>
    <t>govt girls high school retra</t>
  </si>
  <si>
    <t>Retra</t>
  </si>
  <si>
    <t>Tibi Qaisrani</t>
  </si>
  <si>
    <t>farzana kauser</t>
  </si>
  <si>
    <t>5296</t>
  </si>
  <si>
    <t>47773</t>
  </si>
  <si>
    <t>GGHS KHAN QAH SERAJIA PO WAPDA COLONY KUNDIAN</t>
  </si>
  <si>
    <t>Khola</t>
  </si>
  <si>
    <t>GGHS Khanqah sirajia tehsil piplan, District Mianwali</t>
  </si>
  <si>
    <t>Khanqah Sirajia</t>
  </si>
  <si>
    <t>Nabeela Tabassum</t>
  </si>
  <si>
    <t>3323</t>
  </si>
  <si>
    <t>GPS CHAK 379 JB</t>
  </si>
  <si>
    <t>USMAN PUR MALE</t>
  </si>
  <si>
    <t>CHAK No 379 Jb</t>
  </si>
  <si>
    <t>chak no 379jb</t>
  </si>
  <si>
    <t>Chak No 379jb</t>
  </si>
  <si>
    <t>Chak No 375 Jb</t>
  </si>
  <si>
    <t>Aqil Afzal</t>
  </si>
  <si>
    <t>47031</t>
  </si>
  <si>
    <t>GHS THATHI</t>
  </si>
  <si>
    <t>THATHI</t>
  </si>
  <si>
    <t>GOVT. HIGH SCHOOL THATHI TEH&amp; DISTT MIANWALI</t>
  </si>
  <si>
    <t>THATHi</t>
  </si>
  <si>
    <t>DHER UMAID ALI SHAH</t>
  </si>
  <si>
    <t>mian shahid ali shah</t>
  </si>
  <si>
    <t>26043</t>
  </si>
  <si>
    <t>53427</t>
  </si>
  <si>
    <t>GGPS CHAK NO. 27/4-L</t>
  </si>
  <si>
    <t>chak 27/4,L shahbore</t>
  </si>
  <si>
    <t>Fozia Siddique</t>
  </si>
  <si>
    <t>8274</t>
  </si>
  <si>
    <t>14274</t>
  </si>
  <si>
    <t>GGHS COMMUNITY BAHAWALPUR</t>
  </si>
  <si>
    <t>Muhammd Pura</t>
  </si>
  <si>
    <t>Phata wali gali near shahi bazar bwp</t>
  </si>
  <si>
    <t>City Patha Wali Gali</t>
  </si>
  <si>
    <t>city bwp</t>
  </si>
  <si>
    <t>Hanifa Akhtar</t>
  </si>
  <si>
    <t>30265</t>
  </si>
  <si>
    <t>GGHS LAKHODHER</t>
  </si>
  <si>
    <t>Lakhodair</t>
  </si>
  <si>
    <t>GGHS Lakhodair Lahore</t>
  </si>
  <si>
    <t>Salma Basharat</t>
  </si>
  <si>
    <t>9506</t>
  </si>
  <si>
    <t>3804</t>
  </si>
  <si>
    <t>44109</t>
  </si>
  <si>
    <t>GPS MOHRI</t>
  </si>
  <si>
    <t>ARA-MALE</t>
  </si>
  <si>
    <t>Mohri</t>
  </si>
  <si>
    <t>p/o Lehri Kakan teh Choa Saidin Shah Distt Chakwal</t>
  </si>
  <si>
    <t>Muhammad Hussain Ranjha</t>
  </si>
  <si>
    <t>17972</t>
  </si>
  <si>
    <t>34640</t>
  </si>
  <si>
    <t>39897</t>
  </si>
  <si>
    <t>17964</t>
  </si>
  <si>
    <t>GES MAHRAM SIAL</t>
  </si>
  <si>
    <t>Mahram Sial</t>
  </si>
  <si>
    <t>Mouza Mahram Sial P/O Haveli Bahadar shah Tehsile Shorkot District jhang.</t>
  </si>
  <si>
    <t>Abdul Majeed Kausar</t>
  </si>
  <si>
    <t>45815</t>
  </si>
  <si>
    <t>GPS CHHAB</t>
  </si>
  <si>
    <t>chhab padhrar teh and distt. khushab</t>
  </si>
  <si>
    <t>15742</t>
  </si>
  <si>
    <t>GGHSS CHAK NO. 447 GB SAMUNDRI</t>
  </si>
  <si>
    <t>chak no 447 gb</t>
  </si>
  <si>
    <t>chak no 447 gb tehsil samundri district faisal abad</t>
  </si>
  <si>
    <t>chak no 448 gb</t>
  </si>
  <si>
    <t>MUSSARAT QAMAR</t>
  </si>
  <si>
    <t>11883</t>
  </si>
  <si>
    <t>6101</t>
  </si>
  <si>
    <t>21573</t>
  </si>
  <si>
    <t>GMPS NAGREY BHATTI</t>
  </si>
  <si>
    <t>Nangrey Bhatti</t>
  </si>
  <si>
    <t>nangrey bhatti  ,kamoki,dist,gujranwala</t>
  </si>
  <si>
    <t>Ghaniya</t>
  </si>
  <si>
    <t>Maria Noreen</t>
  </si>
  <si>
    <t>61472</t>
  </si>
  <si>
    <t>30848</t>
  </si>
  <si>
    <t>20081</t>
  </si>
  <si>
    <t>20422</t>
  </si>
  <si>
    <t>GHS TALWANDI KHAJOOR WALI</t>
  </si>
  <si>
    <t>talwandi khajoor wali</t>
  </si>
  <si>
    <t>ghs talwandi khajoor wali gujranwala</t>
  </si>
  <si>
    <t>ABDUL RASHID</t>
  </si>
  <si>
    <t>42535</t>
  </si>
  <si>
    <t>GPS MODEL DHOK BADHAL</t>
  </si>
  <si>
    <t>NIRALI - FEMALE</t>
  </si>
  <si>
    <t>Dhoke Budhal</t>
  </si>
  <si>
    <t>dhoke budhal</t>
  </si>
  <si>
    <t>Nirali</t>
  </si>
  <si>
    <t>Soveba Farooq</t>
  </si>
  <si>
    <t>20597</t>
  </si>
  <si>
    <t>48418</t>
  </si>
  <si>
    <t>GPS RANJHIAN WALA</t>
  </si>
  <si>
    <t>Ranjhianwala</t>
  </si>
  <si>
    <t>41646</t>
  </si>
  <si>
    <t>GGPS AKHTAR ISLAMIA</t>
  </si>
  <si>
    <t>Dhoke  Khaba</t>
  </si>
  <si>
    <t>dhoke khaba rwp</t>
  </si>
  <si>
    <t>Dhoke Khaba</t>
  </si>
  <si>
    <t>Nazia Akhtar</t>
  </si>
  <si>
    <t>supply</t>
  </si>
  <si>
    <t>45660</t>
  </si>
  <si>
    <t>GPS BASTI AHMAD SHAH WALI NASHIB</t>
  </si>
  <si>
    <t>Haji Hussain Shah Nashaib</t>
  </si>
  <si>
    <t>Basti Ahmad Shah Wali Nashaib</t>
  </si>
  <si>
    <t>Panjgirain Nashaib</t>
  </si>
  <si>
    <t>9593</t>
  </si>
  <si>
    <t>25629</t>
  </si>
  <si>
    <t>GHS SAHARAN</t>
  </si>
  <si>
    <t>village &amp; PO Saharan, narowal</t>
  </si>
  <si>
    <t>Maddo Kahlowan</t>
  </si>
  <si>
    <t>50822</t>
  </si>
  <si>
    <t>53949</t>
  </si>
  <si>
    <t>GGES 567 GB II</t>
  </si>
  <si>
    <t>567gb2 daduka Jrw fsd</t>
  </si>
  <si>
    <t>567 Gb2 Daduka</t>
  </si>
  <si>
    <t>Aysha Batool</t>
  </si>
  <si>
    <t>8983</t>
  </si>
  <si>
    <t>47491</t>
  </si>
  <si>
    <t>51353</t>
  </si>
  <si>
    <t>GGHS MC NO. 1 GHALLA MANDI PAKPATTAN</t>
  </si>
  <si>
    <t>ghallah mandi pakpattan</t>
  </si>
  <si>
    <t>gGMC H/S GhALLAH mANDI PAKPATTAN</t>
  </si>
  <si>
    <t>mohallah</t>
  </si>
  <si>
    <t>Farzana Anwar</t>
  </si>
  <si>
    <t>18686</t>
  </si>
  <si>
    <t>2898</t>
  </si>
  <si>
    <t>GMPS SANGRI SHUJABAD DISTT. MULTAN</t>
  </si>
  <si>
    <t>Malhey Wala Moza Sangri, Shujabad</t>
  </si>
  <si>
    <t>Malhey Wala</t>
  </si>
  <si>
    <t>Muhammad Tariq Naseer</t>
  </si>
  <si>
    <t>4944</t>
  </si>
  <si>
    <t>53641</t>
  </si>
  <si>
    <t>GGES 1/1-RA RENALA KHURD</t>
  </si>
  <si>
    <t>1/1ra</t>
  </si>
  <si>
    <t>GGES1/1ra</t>
  </si>
  <si>
    <t>4/1ra</t>
  </si>
  <si>
    <t>Abida nazir</t>
  </si>
  <si>
    <t>39013</t>
  </si>
  <si>
    <t>GPS DHOK MARI</t>
  </si>
  <si>
    <t>Dhok Mari</t>
  </si>
  <si>
    <t>gbps dhoke mari  villig dhoke mari p/o mari</t>
  </si>
  <si>
    <t>3393</t>
  </si>
  <si>
    <t>40692</t>
  </si>
  <si>
    <t>GGPS JHANG KHOKHRAN</t>
  </si>
  <si>
    <t>Jhang Khokhran</t>
  </si>
  <si>
    <t>village jhang khokhran post office Domeli tehsil Sohawa district jhelum</t>
  </si>
  <si>
    <t>Saba Ghazanfar</t>
  </si>
  <si>
    <t>47446</t>
  </si>
  <si>
    <t>47305</t>
  </si>
  <si>
    <t>GPS LATKA SAKASER DHOK WATAY KHEL</t>
  </si>
  <si>
    <t>Dhok wattay khel</t>
  </si>
  <si>
    <t>Dhok wattay khel markaz namal tehsil &amp; district mianwali</t>
  </si>
  <si>
    <t>Junaid Ahmed Khan</t>
  </si>
  <si>
    <t>25505</t>
  </si>
  <si>
    <t>16836</t>
  </si>
  <si>
    <t>53417</t>
  </si>
  <si>
    <t>GGPS 15/4.L</t>
  </si>
  <si>
    <t>15/4L</t>
  </si>
  <si>
    <t>Cantt Board</t>
  </si>
  <si>
    <t>Najma Zareen</t>
  </si>
  <si>
    <t>6125</t>
  </si>
  <si>
    <t>9885</t>
  </si>
  <si>
    <t>38053</t>
  </si>
  <si>
    <t>GPS THAKRAY WALA</t>
  </si>
  <si>
    <t>chah thakray wala</t>
  </si>
  <si>
    <t>Thakray Wala</t>
  </si>
  <si>
    <t>water connection</t>
  </si>
  <si>
    <t>18674</t>
  </si>
  <si>
    <t>GPS CHAK 351 JB</t>
  </si>
  <si>
    <t>Chak No 351 Jb</t>
  </si>
  <si>
    <t>chak no 351 jb</t>
  </si>
  <si>
    <t>Chak 363 Jb</t>
  </si>
  <si>
    <t>10293</t>
  </si>
  <si>
    <t>41047</t>
  </si>
  <si>
    <t>GHS HOTHLA KAHUTA</t>
  </si>
  <si>
    <t>gbhs hothla</t>
  </si>
  <si>
    <t>Muhammad Ahsan</t>
  </si>
  <si>
    <t>26786</t>
  </si>
  <si>
    <t>GGHSS JABBAL</t>
  </si>
  <si>
    <t>VPO Jabbal Tehsil Zafarwal, District Narowal</t>
  </si>
  <si>
    <t>SAIMA IQBAL</t>
  </si>
  <si>
    <t>12267</t>
  </si>
  <si>
    <t>GPS SULTAN MEHMOOD WALA</t>
  </si>
  <si>
    <t>Abbas Naghar Moza Ehsan pur mustakil</t>
  </si>
  <si>
    <t>37370</t>
  </si>
  <si>
    <t>GPS 75/15-L, P/O 70/15-L, KHANEWAL</t>
  </si>
  <si>
    <t>75/15l</t>
  </si>
  <si>
    <t>chak no 75.15/l tehsil KHANEWAL district kwl</t>
  </si>
  <si>
    <t>70/15l</t>
  </si>
  <si>
    <t>14323</t>
  </si>
  <si>
    <t>GPS DHORA HASIL</t>
  </si>
  <si>
    <t>MIRANPUR - MALE</t>
  </si>
  <si>
    <t>Kota gulshair</t>
  </si>
  <si>
    <t>Kotla gulshair</t>
  </si>
  <si>
    <t>Haji Bakhtair Khan</t>
  </si>
  <si>
    <t>Ghulam  Shabir</t>
  </si>
  <si>
    <t>19555</t>
  </si>
  <si>
    <t>GMPS CHAK 185 GB</t>
  </si>
  <si>
    <t>185GB</t>
  </si>
  <si>
    <t>Chak no. 185 GB</t>
  </si>
  <si>
    <t>184gb</t>
  </si>
  <si>
    <t>Asma riaz</t>
  </si>
  <si>
    <t>16671</t>
  </si>
  <si>
    <t>GGES CHAK 489 GB MAMUNKANJAN</t>
  </si>
  <si>
    <t>ladha</t>
  </si>
  <si>
    <t>chak no 489 gb</t>
  </si>
  <si>
    <t>489 gb</t>
  </si>
  <si>
    <t>sabeen kiran</t>
  </si>
  <si>
    <t>40856</t>
  </si>
  <si>
    <t>42083</t>
  </si>
  <si>
    <t>GES UNIVERSITY COLONY TAXILA</t>
  </si>
  <si>
    <t>Gangoo Bahder</t>
  </si>
  <si>
    <t>Govt boys elementary school uet taxila</t>
  </si>
  <si>
    <t>UET Campus</t>
  </si>
  <si>
    <t>Khurram Paracha</t>
  </si>
  <si>
    <t>Gul Fareen</t>
  </si>
  <si>
    <t>13746</t>
  </si>
  <si>
    <t>5683</t>
  </si>
  <si>
    <t>GGES CHAK NO. 172/7-R</t>
  </si>
  <si>
    <t>FTS-I-FEMALE</t>
  </si>
  <si>
    <t>172  /7R</t>
  </si>
  <si>
    <t>172  7/r</t>
  </si>
  <si>
    <t>172  7/7R</t>
  </si>
  <si>
    <t>185 7 /r</t>
  </si>
  <si>
    <t>1115</t>
  </si>
  <si>
    <t>26129</t>
  </si>
  <si>
    <t>25015</t>
  </si>
  <si>
    <t>GGHS RAM THAMAN PO KASUR</t>
  </si>
  <si>
    <t>RAM THAMMAN</t>
  </si>
  <si>
    <t>GOVT.GIRLS HIGH SCHOOL RAM THAMMAN</t>
  </si>
  <si>
    <t>SOBIA MAJEED</t>
  </si>
  <si>
    <t>27266</t>
  </si>
  <si>
    <t>GGHS KOT NAKKA</t>
  </si>
  <si>
    <t>KotNakka</t>
  </si>
  <si>
    <t>Kot Nakka</t>
  </si>
  <si>
    <t>Farah Yasmin</t>
  </si>
  <si>
    <t>38458</t>
  </si>
  <si>
    <t>GES CHAK NO. 9/MPR</t>
  </si>
  <si>
    <t>Chak NO 1-4 MPR</t>
  </si>
  <si>
    <t>GES 9/MPR</t>
  </si>
  <si>
    <t>1-4 MPR</t>
  </si>
  <si>
    <t>JALLAH ARAIN</t>
  </si>
  <si>
    <t>MUHAMMAD SHABIR AHMED</t>
  </si>
  <si>
    <t>6448</t>
  </si>
  <si>
    <t>52123</t>
  </si>
  <si>
    <t>1109</t>
  </si>
  <si>
    <t>29678</t>
  </si>
  <si>
    <t>GGHS KHAN KE MORE</t>
  </si>
  <si>
    <t>khan k morr</t>
  </si>
  <si>
    <t>Khan K Morr</t>
  </si>
  <si>
    <t>Rahat Sultana</t>
  </si>
  <si>
    <t>36216</t>
  </si>
  <si>
    <t>10485</t>
  </si>
  <si>
    <t>GGHS CHAK NO. 268 TDA</t>
  </si>
  <si>
    <t>Fatah Pur</t>
  </si>
  <si>
    <t>Gghs 268/tda</t>
  </si>
  <si>
    <t>Chak No 268/tda</t>
  </si>
  <si>
    <t>Noshahra Thal Klan</t>
  </si>
  <si>
    <t>Rizwana Shaeen</t>
  </si>
  <si>
    <t>29406</t>
  </si>
  <si>
    <t>GES BROTHA</t>
  </si>
  <si>
    <t>Village Brotha , Tehsil &amp; District Attock</t>
  </si>
  <si>
    <t>Syed Saqlain Abbas Shah</t>
  </si>
  <si>
    <t>26670</t>
  </si>
  <si>
    <t>23865</t>
  </si>
  <si>
    <t>5081</t>
  </si>
  <si>
    <t>GGHS RAILWAY COLONY KHANPUR</t>
  </si>
  <si>
    <t>railway colony near railway station khanpur</t>
  </si>
  <si>
    <t>NEIL GARH</t>
  </si>
  <si>
    <t>Misbah sajid</t>
  </si>
  <si>
    <t>42837</t>
  </si>
  <si>
    <t>14574</t>
  </si>
  <si>
    <t>GGPS MC JAWALA NAGAR</t>
  </si>
  <si>
    <t>Jawalanagar</t>
  </si>
  <si>
    <t>G.G.P.S. M.C. Jawalanagar</t>
  </si>
  <si>
    <t>Zarina Shahnaz</t>
  </si>
  <si>
    <t>30295</t>
  </si>
  <si>
    <t>26647</t>
  </si>
  <si>
    <t>47655</t>
  </si>
  <si>
    <t>15913</t>
  </si>
  <si>
    <t>30198</t>
  </si>
  <si>
    <t>GHS LAKHOKI</t>
  </si>
  <si>
    <t>GOVT BOYS HIGH SCHOOL LAKHOKI LAHORE CANTT</t>
  </si>
  <si>
    <t>JAHMN</t>
  </si>
  <si>
    <t>Muhammad iqbal</t>
  </si>
  <si>
    <t>48563</t>
  </si>
  <si>
    <t>11414</t>
  </si>
  <si>
    <t>13270</t>
  </si>
  <si>
    <t>GGES BINDA ISHAQ</t>
  </si>
  <si>
    <t>3096</t>
  </si>
  <si>
    <t>26280</t>
  </si>
  <si>
    <t>GPS CHAH PIRAN WALA</t>
  </si>
  <si>
    <t>Chak No 144</t>
  </si>
  <si>
    <t>Chah Peeran wala Chak No 144 jb</t>
  </si>
  <si>
    <t>Chah Peeran Wala</t>
  </si>
  <si>
    <t>Chak 140 Lal Koti</t>
  </si>
  <si>
    <t>22238</t>
  </si>
  <si>
    <t>44179</t>
  </si>
  <si>
    <t>GGHS BHATTI GUJJAR P.O. BHATTI GUJJAR</t>
  </si>
  <si>
    <t>Bhatti Gujar</t>
  </si>
  <si>
    <t>bhatti gujar teh kallar kahar chakwal</t>
  </si>
  <si>
    <t>Tanveer Zahra</t>
  </si>
  <si>
    <t>30067</t>
  </si>
  <si>
    <t>25020</t>
  </si>
  <si>
    <t>3951</t>
  </si>
  <si>
    <t>GGPS CHAK 390 GB II SAMUNDRI</t>
  </si>
  <si>
    <t>390 Gb East</t>
  </si>
  <si>
    <t>chak no 390 gb east .Samundri  Faisalabad</t>
  </si>
  <si>
    <t>390 GB East</t>
  </si>
  <si>
    <t>Rasiana Kalan</t>
  </si>
  <si>
    <t>Asma Bashir</t>
  </si>
  <si>
    <t>24352</t>
  </si>
  <si>
    <t>44527</t>
  </si>
  <si>
    <t>GHSS MUSLIM MODEL KOTLA AFGHANAN</t>
  </si>
  <si>
    <t>Kotla Afghanan</t>
  </si>
  <si>
    <t>Kotla Afghanan post office kanjrur Tehsil shakargarh district Narowal</t>
  </si>
  <si>
    <t>K0tla Afghanan</t>
  </si>
  <si>
    <t>Kotli Bare Khan</t>
  </si>
  <si>
    <t>KHALID MAHMOOD KHAN</t>
  </si>
  <si>
    <t>16399</t>
  </si>
  <si>
    <t>GGPS CHAK 165 RB</t>
  </si>
  <si>
    <t>Jandwali</t>
  </si>
  <si>
    <t>chak 165 rb jand wali</t>
  </si>
  <si>
    <t>165 Rb</t>
  </si>
  <si>
    <t>156 Rb Dheer</t>
  </si>
  <si>
    <t>Fardous Kousar</t>
  </si>
  <si>
    <t>9563</t>
  </si>
  <si>
    <t>46874</t>
  </si>
  <si>
    <t>40188</t>
  </si>
  <si>
    <t>20511</t>
  </si>
  <si>
    <t>GGHS LOHIAN WALA</t>
  </si>
  <si>
    <t>LOHIANWALA</t>
  </si>
  <si>
    <t>NASREEN KOUSAR</t>
  </si>
  <si>
    <t>GHS UMAR WADDA DASHTI</t>
  </si>
  <si>
    <t>P/I  THUL HAMZA  TEH.LQ PUR  DIST. RY KHAN</t>
  </si>
  <si>
    <t>DASHTI</t>
  </si>
  <si>
    <t>43615</t>
  </si>
  <si>
    <t>GGCMS BHEEN</t>
  </si>
  <si>
    <t>BHEEN-FEMALE</t>
  </si>
  <si>
    <t>Bheen</t>
  </si>
  <si>
    <t>v.p.o bheen chakwal</t>
  </si>
  <si>
    <t>Shaista Taimoor</t>
  </si>
  <si>
    <t>36673</t>
  </si>
  <si>
    <t>GGHSS KOT ISLAM, ABDUL HAKIM</t>
  </si>
  <si>
    <t>Kotislam</t>
  </si>
  <si>
    <t>Shahla Jabeen</t>
  </si>
  <si>
    <t>19828</t>
  </si>
  <si>
    <t>8634</t>
  </si>
  <si>
    <t>GMPS CHAK NO 239 JB EAST</t>
  </si>
  <si>
    <t>AEO (W) BHOWANA NO.27</t>
  </si>
  <si>
    <t>239east</t>
  </si>
  <si>
    <t>chak no 239 east</t>
  </si>
  <si>
    <t>208 Sahmal</t>
  </si>
  <si>
    <t>Ghulam Bibi</t>
  </si>
  <si>
    <t>6828</t>
  </si>
  <si>
    <t>GGPS KALIA SHAH</t>
  </si>
  <si>
    <t>Kalia Shah</t>
  </si>
  <si>
    <t>basti kalia shah daak khana jodhayka</t>
  </si>
  <si>
    <t>Nazia Nayyar</t>
  </si>
  <si>
    <t>46801</t>
  </si>
  <si>
    <t>GPS MIANA WALA</t>
  </si>
  <si>
    <t>Mitha Khattak</t>
  </si>
  <si>
    <t>Village mianawala Teh.Isa khel mianwali</t>
  </si>
  <si>
    <t>Mianawala</t>
  </si>
  <si>
    <t>Kalluan Wala</t>
  </si>
  <si>
    <t>Parvez Shah</t>
  </si>
  <si>
    <t>37516</t>
  </si>
  <si>
    <t>GPS MC LATIF GARDEN SADIQ COLONY MIAN CHANNU</t>
  </si>
  <si>
    <t>Sadiq Colony Mian Channu</t>
  </si>
  <si>
    <t>Mohammad Arshad</t>
  </si>
  <si>
    <t>7531</t>
  </si>
  <si>
    <t>26368</t>
  </si>
  <si>
    <t>28709</t>
  </si>
  <si>
    <t>21873</t>
  </si>
  <si>
    <t>33325</t>
  </si>
  <si>
    <t>GGES BARNALA CHAK 23 RB</t>
  </si>
  <si>
    <t>BARNALA</t>
  </si>
  <si>
    <t>Barnala chak 23rb teh safdarabad distt sheikhupura</t>
  </si>
  <si>
    <t>BARNALA CHAK 23RB</t>
  </si>
  <si>
    <t>Abdullah pur kollar</t>
  </si>
  <si>
    <t>Mehmoodah Arif</t>
  </si>
  <si>
    <t>2798</t>
  </si>
  <si>
    <t>25630</t>
  </si>
  <si>
    <t>22832</t>
  </si>
  <si>
    <t>28872</t>
  </si>
  <si>
    <t>3085</t>
  </si>
  <si>
    <t>GGHS MOHAJIR COLONY BAHAWALPUR</t>
  </si>
  <si>
    <t>mohajir colony</t>
  </si>
  <si>
    <t>street no 7 mohajir colony bwp</t>
  </si>
  <si>
    <t>mohajir colony bwp</t>
  </si>
  <si>
    <t>Shagufta kousar</t>
  </si>
  <si>
    <t>2219</t>
  </si>
  <si>
    <t>GPS CHAK NO. 457 TDA</t>
  </si>
  <si>
    <t>Chak 457</t>
  </si>
  <si>
    <t>chak 457 tda layyah</t>
  </si>
  <si>
    <t>12253</t>
  </si>
  <si>
    <t>42206</t>
  </si>
  <si>
    <t>40296</t>
  </si>
  <si>
    <t>GHS KHEWRA</t>
  </si>
  <si>
    <t>KHEWRA</t>
  </si>
  <si>
    <t>GHS KHEWRA NEW MODREN COLONY KHEWRA</t>
  </si>
  <si>
    <t>MC KHEWRA</t>
  </si>
  <si>
    <t>21228</t>
  </si>
  <si>
    <t>18899</t>
  </si>
  <si>
    <t>42157</t>
  </si>
  <si>
    <t>GGHS LEHTRAR</t>
  </si>
  <si>
    <t>Lehtrar Bala</t>
  </si>
  <si>
    <t>village lehtrar paien.p.o lehtrar Teh.  kotli sattian</t>
  </si>
  <si>
    <t>Shazia Zaheer</t>
  </si>
  <si>
    <t>574</t>
  </si>
  <si>
    <t>GMPS BASTI CHOHDRAIAN</t>
  </si>
  <si>
    <t>Mohsin pura</t>
  </si>
  <si>
    <t>Dhani meruka, P/O dhabsunateqa, bahawalnagar</t>
  </si>
  <si>
    <t>Dhani Meruka</t>
  </si>
  <si>
    <t>5289</t>
  </si>
  <si>
    <t>GHS CHAK 165/7R</t>
  </si>
  <si>
    <t>Rafiqueabad</t>
  </si>
  <si>
    <t>chak 165/7r fortabbas</t>
  </si>
  <si>
    <t>165/7r</t>
  </si>
  <si>
    <t>GHULAM MURTAZA NAEEM</t>
  </si>
  <si>
    <t>14110</t>
  </si>
  <si>
    <t>29750</t>
  </si>
  <si>
    <t>20427</t>
  </si>
  <si>
    <t>GHS QILA MIAN SINGH</t>
  </si>
  <si>
    <t>qila mian singh</t>
  </si>
  <si>
    <t>village qila mian singh gujranwala</t>
  </si>
  <si>
    <t>Abbas Ahmad</t>
  </si>
  <si>
    <t>7335</t>
  </si>
  <si>
    <t>46609</t>
  </si>
  <si>
    <t>GHS SHAH WALA SHUMALI</t>
  </si>
  <si>
    <t>Uttra</t>
  </si>
  <si>
    <t>village shahwala shumali tehsil qaidabad distt kuushab</t>
  </si>
  <si>
    <t>Shahwala Shumali</t>
  </si>
  <si>
    <t>39842</t>
  </si>
  <si>
    <t>GGES KAMRA SHARQI</t>
  </si>
  <si>
    <t>Kamra Sharqi</t>
  </si>
  <si>
    <t>kamra sharqi</t>
  </si>
  <si>
    <t>Pourmiana</t>
  </si>
  <si>
    <t>Moniqa Shafique</t>
  </si>
  <si>
    <t>23927</t>
  </si>
  <si>
    <t>31517</t>
  </si>
  <si>
    <t>GHSS NANGAL SAHDAN</t>
  </si>
  <si>
    <t>NANGAL Sahdan SAHDAN</t>
  </si>
  <si>
    <t>Nangal Sahdan muridke sheikhupura.</t>
  </si>
  <si>
    <t>Nangal Sahdan</t>
  </si>
  <si>
    <t>25655</t>
  </si>
  <si>
    <t>GGHS PEJOWALI KALAN</t>
  </si>
  <si>
    <t>Pejowali</t>
  </si>
  <si>
    <t>G G H  S  Pejowali Kalan</t>
  </si>
  <si>
    <t>Riffat Mehmood</t>
  </si>
  <si>
    <t>17852</t>
  </si>
  <si>
    <t>GHS CHAK 38/3R</t>
  </si>
  <si>
    <t>38/3-R</t>
  </si>
  <si>
    <t>GOVT. HIGH SCHOOL 38/3-R HAROONABAD</t>
  </si>
  <si>
    <t>38/3-r</t>
  </si>
  <si>
    <t>CHACK NO 42/3-R HAROONABAD</t>
  </si>
  <si>
    <t>GHS CHAK 157 GB CHATHAY</t>
  </si>
  <si>
    <t>Chak No. 157/GB</t>
  </si>
  <si>
    <t>Chak No. 157/GB, Tehsil Gojra, Distt. T.T.Singh</t>
  </si>
  <si>
    <t>Chak No 157 GB</t>
  </si>
  <si>
    <t>Chak No. 158/GB</t>
  </si>
  <si>
    <t>Muhammad Sardar Ahmad</t>
  </si>
  <si>
    <t>44321</t>
  </si>
  <si>
    <t>GHS SIAL</t>
  </si>
  <si>
    <t>sial p.o sial</t>
  </si>
  <si>
    <t>sial</t>
  </si>
  <si>
    <t>Liquat Ali</t>
  </si>
  <si>
    <t>26023</t>
  </si>
  <si>
    <t>GGHSS MAINGRI</t>
  </si>
  <si>
    <t>Maingri p/O Noor Kot Teh Shakargarh District Narowal</t>
  </si>
  <si>
    <t>Ayesha Qudsia</t>
  </si>
  <si>
    <t>12236</t>
  </si>
  <si>
    <t>GPS AKBARI WALA</t>
  </si>
  <si>
    <t>Ehsan pur musataqil</t>
  </si>
  <si>
    <t>GPS AKBARI WALA EHSAN PUR TEHSIL KOT ADU DISTRICT MUZAFFERGARH</t>
  </si>
  <si>
    <t>Allah Dewaya</t>
  </si>
  <si>
    <t>10615</t>
  </si>
  <si>
    <t>GGHS JAMAN SHAH</t>
  </si>
  <si>
    <t>chak# 149C/TDA</t>
  </si>
  <si>
    <t>GGHS Jaman Shah</t>
  </si>
  <si>
    <t>fozia saeed</t>
  </si>
  <si>
    <t>23960</t>
  </si>
  <si>
    <t>30670</t>
  </si>
  <si>
    <t>43402</t>
  </si>
  <si>
    <t>GGHS TATRAL CHAKWAL</t>
  </si>
  <si>
    <t>Tatral</t>
  </si>
  <si>
    <t>Gghstatral chakwal</t>
  </si>
  <si>
    <t>Naila Afshan</t>
  </si>
  <si>
    <t>29394</t>
  </si>
  <si>
    <t>GPS GUJJAR WALA</t>
  </si>
  <si>
    <t>Bsati Amin Sial, Mouza Sukhail, APE</t>
  </si>
  <si>
    <t>Basti Amin Sial</t>
  </si>
  <si>
    <t>53042</t>
  </si>
  <si>
    <t>GHS SADAR GOGERA</t>
  </si>
  <si>
    <t>Sadargogera</t>
  </si>
  <si>
    <t>sadargogera</t>
  </si>
  <si>
    <t>78880</t>
  </si>
  <si>
    <t>4443</t>
  </si>
  <si>
    <t>40563</t>
  </si>
  <si>
    <t>GHS SURGDHAN</t>
  </si>
  <si>
    <t>Surgdhan</t>
  </si>
  <si>
    <t>GHS. Surgdhan P/O Surgdhan Sohawa Jhelum</t>
  </si>
  <si>
    <t>Pind Mattay Khan</t>
  </si>
  <si>
    <t>19460</t>
  </si>
  <si>
    <t>9582</t>
  </si>
  <si>
    <t>GHS N.I. REHMAN ABAD</t>
  </si>
  <si>
    <t>CHAK NO. 349/T.D.A. TEHSIL CHOUBARA DISTT. LAYYAH.</t>
  </si>
  <si>
    <t>CHAK NO. 349/T.D.A.</t>
  </si>
  <si>
    <t>RAFIQUE ABAD</t>
  </si>
  <si>
    <t>MUHAMMAD MUNIR  SHAHID</t>
  </si>
  <si>
    <t>14675</t>
  </si>
  <si>
    <t>GGES 219 RB TALAINA WALA</t>
  </si>
  <si>
    <t>219 Rb Talian Wala</t>
  </si>
  <si>
    <t>Gges 219 rb talian wala</t>
  </si>
  <si>
    <t>Anjum Robina</t>
  </si>
  <si>
    <t>10474</t>
  </si>
  <si>
    <t>GGPS CHAK NO 231/TDA</t>
  </si>
  <si>
    <t>moj ghar</t>
  </si>
  <si>
    <t>chak no.231/TDA</t>
  </si>
  <si>
    <t>chak#231/TDA</t>
  </si>
  <si>
    <t>shoukat abad</t>
  </si>
  <si>
    <t>mehar khatoon</t>
  </si>
  <si>
    <t>5402</t>
  </si>
  <si>
    <t>15962</t>
  </si>
  <si>
    <t>46160</t>
  </si>
  <si>
    <t>GGHS MODEL JOUHAR ABAD</t>
  </si>
  <si>
    <t>jauharabd</t>
  </si>
  <si>
    <t>Saman Batool</t>
  </si>
  <si>
    <t>22136</t>
  </si>
  <si>
    <t>3409</t>
  </si>
  <si>
    <t>24712</t>
  </si>
  <si>
    <t>GHS CHAPRAR</t>
  </si>
  <si>
    <t>Chaprar</t>
  </si>
  <si>
    <t>chaprar sialkot</t>
  </si>
  <si>
    <t>chaprar</t>
  </si>
  <si>
    <t>49784</t>
  </si>
  <si>
    <t>8438</t>
  </si>
  <si>
    <t>29032</t>
  </si>
  <si>
    <t>GHS HANFIA ISLAMIA DIN GARH ROAD</t>
  </si>
  <si>
    <t>DiN GARH ROAD NEAR NATIONAL BANK OF PAKISTAN MAIN BRANCH KASUR</t>
  </si>
  <si>
    <t>mC KASUR</t>
  </si>
  <si>
    <t>MUHAMMAD RAFIQ RIZVI</t>
  </si>
  <si>
    <t>20407</t>
  </si>
  <si>
    <t>GHS P.B. MODEL</t>
  </si>
  <si>
    <t>Hafizabad Road GRW</t>
  </si>
  <si>
    <t>Baghban Pura</t>
  </si>
  <si>
    <t>muhammad zakaria</t>
  </si>
  <si>
    <t>17781</t>
  </si>
  <si>
    <t>GGPS CHAK NO. 254 III</t>
  </si>
  <si>
    <t>254/3</t>
  </si>
  <si>
    <t>Imam Kot 254/3 Chimranwali jhang</t>
  </si>
  <si>
    <t>Imam Kot</t>
  </si>
  <si>
    <t>CHAK NO 250</t>
  </si>
  <si>
    <t>Tallat Tahira</t>
  </si>
  <si>
    <t>38765</t>
  </si>
  <si>
    <t>GHSS F-6 PAC KAMRA</t>
  </si>
  <si>
    <t>ARF Colony</t>
  </si>
  <si>
    <t>GBHSS ARF PAC KAMRA Attock</t>
  </si>
  <si>
    <t>AZAM KHAN</t>
  </si>
  <si>
    <t>42465</t>
  </si>
  <si>
    <t>GGHS KALIAM AWAN</t>
  </si>
  <si>
    <t>Kalyam Awan</t>
  </si>
  <si>
    <t>village and PO Kaliam awan tensil gujar khan rawalpindi</t>
  </si>
  <si>
    <t>Kaliam Awan</t>
  </si>
  <si>
    <t>Farhana anjum</t>
  </si>
  <si>
    <t>8666</t>
  </si>
  <si>
    <t>GPS CHAK 417 GB I SAMUNDRI</t>
  </si>
  <si>
    <t>Kalowani</t>
  </si>
  <si>
    <t>CHAK NO. 417 GB I</t>
  </si>
  <si>
    <t>CHAK NO. 441 GB I</t>
  </si>
  <si>
    <t>Shafique Anwar</t>
  </si>
  <si>
    <t>35690</t>
  </si>
  <si>
    <t>5149</t>
  </si>
  <si>
    <t>GGHS MOHAJAR COLONY LQP</t>
  </si>
  <si>
    <t>GGHS Mohajir Colony LQP.</t>
  </si>
  <si>
    <t>Mohajir Colony</t>
  </si>
  <si>
    <t>LQP</t>
  </si>
  <si>
    <t>mrs.Samina Ambreen</t>
  </si>
  <si>
    <t>3558</t>
  </si>
  <si>
    <t>GGHS HASILPUR MANDI</t>
  </si>
  <si>
    <t>hasilpur</t>
  </si>
  <si>
    <t>GGMHS HASILPUR MANDI</t>
  </si>
  <si>
    <t>hasilpur mandi</t>
  </si>
  <si>
    <t>MC HASILPUR</t>
  </si>
  <si>
    <t>Mrs Shehnaz Firdous</t>
  </si>
  <si>
    <t>125111</t>
  </si>
  <si>
    <t>6936</t>
  </si>
  <si>
    <t>GES GEHLAN CHAK NO.9</t>
  </si>
  <si>
    <t>Gehlan Chak No 9</t>
  </si>
  <si>
    <t>Gehlan Chak No. 9</t>
  </si>
  <si>
    <t>Gehlan Chak NO 9</t>
  </si>
  <si>
    <t>Kothi Wala Chak No 7</t>
  </si>
  <si>
    <t>AFZAL  MUNIR</t>
  </si>
  <si>
    <t>21747</t>
  </si>
  <si>
    <t>GHSS TATLAY AALI</t>
  </si>
  <si>
    <t>tatlay aali</t>
  </si>
  <si>
    <t>ghss tatlay aali</t>
  </si>
  <si>
    <t>tatlay Aali</t>
  </si>
  <si>
    <t>muhammad sadiq</t>
  </si>
  <si>
    <t>2988</t>
  </si>
  <si>
    <t>41370</t>
  </si>
  <si>
    <t>GMPS ARO KASS</t>
  </si>
  <si>
    <t>arokass</t>
  </si>
  <si>
    <t>gmps arokass</t>
  </si>
  <si>
    <t>tret</t>
  </si>
  <si>
    <t>17352</t>
  </si>
  <si>
    <t>37340</t>
  </si>
  <si>
    <t>GHS CITY BLOCK 10</t>
  </si>
  <si>
    <t>saddar</t>
  </si>
  <si>
    <t>block no 10</t>
  </si>
  <si>
    <t>ubran no 14</t>
  </si>
  <si>
    <t>arang water</t>
  </si>
  <si>
    <t>2845</t>
  </si>
  <si>
    <t>41578</t>
  </si>
  <si>
    <t>GGHS MC NIA MAHALLAH RAWALPINDI</t>
  </si>
  <si>
    <t>Nia Muhallah RWP</t>
  </si>
  <si>
    <t>Nia Muhallah</t>
  </si>
  <si>
    <t>Farzana Sadiq</t>
  </si>
  <si>
    <t>13349</t>
  </si>
  <si>
    <t>GHS KOTLA MUGHLAN</t>
  </si>
  <si>
    <t>Kotla Mughlan</t>
  </si>
  <si>
    <t>GHS Kotla mughlan tehsil jampur district rajanpur</t>
  </si>
  <si>
    <t>Kotla mughlan</t>
  </si>
  <si>
    <t>Rafi Ud Din Khan</t>
  </si>
  <si>
    <t>20678</t>
  </si>
  <si>
    <t>GGPS ADREHMA</t>
  </si>
  <si>
    <t>KOT MOMIN EAST-I - FEMALE</t>
  </si>
  <si>
    <t>Adrahman</t>
  </si>
  <si>
    <t>ggps adrahman</t>
  </si>
  <si>
    <t>Hlalpur</t>
  </si>
  <si>
    <t>Nusrat Nazir</t>
  </si>
  <si>
    <t>22482</t>
  </si>
  <si>
    <t>31357</t>
  </si>
  <si>
    <t>GGHS KOT ABDUL MALIK SCHEME NO.1</t>
  </si>
  <si>
    <t>kot abdul malik sch.no 1</t>
  </si>
  <si>
    <t>kot abdul malik</t>
  </si>
  <si>
    <t>najma rashid</t>
  </si>
  <si>
    <t>12454</t>
  </si>
  <si>
    <t>GPS DHAU</t>
  </si>
  <si>
    <t>Dhau</t>
  </si>
  <si>
    <t>Village Dhau P/O Miana Chak</t>
  </si>
  <si>
    <t>Miana Chak</t>
  </si>
  <si>
    <t>2635</t>
  </si>
  <si>
    <t>22905</t>
  </si>
  <si>
    <t>26882</t>
  </si>
  <si>
    <t>40951</t>
  </si>
  <si>
    <t>GGPS WITTALIAN</t>
  </si>
  <si>
    <t>Watalian</t>
  </si>
  <si>
    <t>village watalian teh Dina District jhelum</t>
  </si>
  <si>
    <t>24254</t>
  </si>
  <si>
    <t>30864</t>
  </si>
  <si>
    <t>27196</t>
  </si>
  <si>
    <t>GHSS MODEL HAFIZABAD</t>
  </si>
  <si>
    <t>GOVT. MODEL HIGHER SECONDARY SCHOOL HAFIZABAD</t>
  </si>
  <si>
    <t>GHARI AWAN</t>
  </si>
  <si>
    <t>Muhammad Inayat Ullah</t>
  </si>
  <si>
    <t>16078</t>
  </si>
  <si>
    <t>GES 227 RB P/O 215 RB</t>
  </si>
  <si>
    <t>227 RB Chaddar</t>
  </si>
  <si>
    <t>Chak no 227 RB Fsd</t>
  </si>
  <si>
    <t>Chak No 227 RB Fsd</t>
  </si>
  <si>
    <t>Zaka Ullah Cheema</t>
  </si>
  <si>
    <t>46247</t>
  </si>
  <si>
    <t>40654</t>
  </si>
  <si>
    <t>34121</t>
  </si>
  <si>
    <t>6494</t>
  </si>
  <si>
    <t>GGPS BASTI KANJWAN</t>
  </si>
  <si>
    <t>Patan Monira</t>
  </si>
  <si>
    <t>ggps basti kanjuwan ryk</t>
  </si>
  <si>
    <t>Basti Kanjuwan</t>
  </si>
  <si>
    <t>114/P</t>
  </si>
  <si>
    <t>Ghazala Ishaq</t>
  </si>
  <si>
    <t>31295</t>
  </si>
  <si>
    <t>52245</t>
  </si>
  <si>
    <t>GGHSS SHER GARRH</t>
  </si>
  <si>
    <t>govt girls
higer secondary school sher garh</t>
  </si>
  <si>
    <t>iffat naheed</t>
  </si>
  <si>
    <t>36061</t>
  </si>
  <si>
    <t>GHS CHAK 160 EB VEHARI</t>
  </si>
  <si>
    <t>chak 160/e.b</t>
  </si>
  <si>
    <t>GHS CHAK 160/E.B VEHARI</t>
  </si>
  <si>
    <t>chak 160/e.b vehari</t>
  </si>
  <si>
    <t>CHAK 166/E.B VEHARI</t>
  </si>
  <si>
    <t>Muhammad Talib</t>
  </si>
  <si>
    <t>16533</t>
  </si>
  <si>
    <t>21372</t>
  </si>
  <si>
    <t>GGHS KALI SUBA KHAN</t>
  </si>
  <si>
    <t>Kalisubakhan</t>
  </si>
  <si>
    <t>vill.kalisubakhan teh.kamoki dist.gujranwala</t>
  </si>
  <si>
    <t>53180</t>
  </si>
  <si>
    <t>6977</t>
  </si>
  <si>
    <t>30765</t>
  </si>
  <si>
    <t>GGHS CDG WAHDAT COLONY</t>
  </si>
  <si>
    <t>samnanbad</t>
  </si>
  <si>
    <t>cdg ghs wahdat nazd filter hospital</t>
  </si>
  <si>
    <t>muslim town</t>
  </si>
  <si>
    <t>ASIMA SAFDAR</t>
  </si>
  <si>
    <t>15198</t>
  </si>
  <si>
    <t>GGPS CHAK 374 GB SATIANA</t>
  </si>
  <si>
    <t>arkana</t>
  </si>
  <si>
    <t>CHAK NO 374GB ARKANA WASEERAN</t>
  </si>
  <si>
    <t>CHAK NO 357GB</t>
  </si>
  <si>
    <t>Farzana Hayat</t>
  </si>
  <si>
    <t>48663</t>
  </si>
  <si>
    <t>39976</t>
  </si>
  <si>
    <t>GES GHOURGHUSHTI NO.1</t>
  </si>
  <si>
    <t>ghourghushti</t>
  </si>
  <si>
    <t>Govt boys elementary school 1 mohallah shera banda v.p.o ghourghushti tehsil hazro distt attock</t>
  </si>
  <si>
    <t>Zahoor Ahmed</t>
  </si>
  <si>
    <t>30903</t>
  </si>
  <si>
    <t>GHS WATAN ISLAMIA BRANDRATH ROAD</t>
  </si>
  <si>
    <t>Brandreth Road</t>
  </si>
  <si>
    <t>brandreth road lahore</t>
  </si>
  <si>
    <t>brandreth road</t>
  </si>
  <si>
    <t>gawalmandi</t>
  </si>
  <si>
    <t>amir mahmood</t>
  </si>
  <si>
    <t>14501</t>
  </si>
  <si>
    <t>42785</t>
  </si>
  <si>
    <t>10094</t>
  </si>
  <si>
    <t>19263</t>
  </si>
  <si>
    <t>GGHS CHAK 361 GB</t>
  </si>
  <si>
    <t>Chak No 361gb</t>
  </si>
  <si>
    <t>Govt.girls high school 361 gbt.t.singh</t>
  </si>
  <si>
    <t>Chak No 361 Gb</t>
  </si>
  <si>
    <t>14716</t>
  </si>
  <si>
    <t>GGPS 118 / WB</t>
  </si>
  <si>
    <t>118/wb</t>
  </si>
  <si>
    <t>chak no 118/w.b</t>
  </si>
  <si>
    <t>Kishwer Sultana</t>
  </si>
  <si>
    <t>6635</t>
  </si>
  <si>
    <t>27635</t>
  </si>
  <si>
    <t>38416</t>
  </si>
  <si>
    <t>GHSS MAKHDOOM AALI DUNYA PUR</t>
  </si>
  <si>
    <t>BAKHAT ALI</t>
  </si>
  <si>
    <t>30200</t>
  </si>
  <si>
    <t>13926</t>
  </si>
  <si>
    <t>13864</t>
  </si>
  <si>
    <t>GHS SAHAN WALA</t>
  </si>
  <si>
    <t>Sahan Wala</t>
  </si>
  <si>
    <t>Sahan wala tehsil and district rajanpur.</t>
  </si>
  <si>
    <t>Muhammad Ashfaq Faridi</t>
  </si>
  <si>
    <t>25660</t>
  </si>
  <si>
    <t>GGHS KULLAH MINDIALA</t>
  </si>
  <si>
    <t>Kullah Mandiala</t>
  </si>
  <si>
    <t>Kullah mandiala</t>
  </si>
  <si>
    <t>Waheeda Yasmin</t>
  </si>
  <si>
    <t>50122</t>
  </si>
  <si>
    <t>GHS 180/9-L</t>
  </si>
  <si>
    <t>Chak No 180/9-L</t>
  </si>
  <si>
    <t>chak no 180/9-L,Tehsil Chichawatni :Distt. Sahiwal</t>
  </si>
  <si>
    <t>Khizer Hayat Akhtar</t>
  </si>
  <si>
    <t>33576</t>
  </si>
  <si>
    <t>GHS MODEL GULGASHT BOSAN ROAD NEAR CHUNGI NO.6</t>
  </si>
  <si>
    <t>GULGASHT</t>
  </si>
  <si>
    <t>GOVT.MODEL HIGH SCHOOL GULGASHT OPP EDUCATION UNIVERSITY LAHORE BOSAN ROAD NEAR TEHSIL CHOWK MULTAN</t>
  </si>
  <si>
    <t>GULGASHT MULTAN</t>
  </si>
  <si>
    <t>Officer Colony</t>
  </si>
  <si>
    <t>muhammad sohaib imran</t>
  </si>
  <si>
    <t>11698</t>
  </si>
  <si>
    <t>GPS SANJRANI WALA</t>
  </si>
  <si>
    <t>chah beren Wala kot addu</t>
  </si>
  <si>
    <t>Chah Beren Wala</t>
  </si>
  <si>
    <t>Khalil Ahmed Khan</t>
  </si>
  <si>
    <t>3617</t>
  </si>
  <si>
    <t>54808</t>
  </si>
  <si>
    <t>GES JHANGRA GHARBI</t>
  </si>
  <si>
    <t>KHAIRPUR DAHA - MALE</t>
  </si>
  <si>
    <t>Jhangra Gharbi</t>
  </si>
  <si>
    <t>moza jhangra gharbi tehsil ape</t>
  </si>
  <si>
    <t>Islamabad</t>
  </si>
  <si>
    <t>Uch Gillani</t>
  </si>
  <si>
    <t>Shabir Ahmad</t>
  </si>
  <si>
    <t>4166</t>
  </si>
  <si>
    <t>15628</t>
  </si>
  <si>
    <t>GES CHAK NO.171/GB</t>
  </si>
  <si>
    <t>Chak 171 GB Bumboo</t>
  </si>
  <si>
    <t>Chak No 171 GB TESIL SAMMUNDRI FAISALABAD</t>
  </si>
  <si>
    <t>Chak No 171 GB</t>
  </si>
  <si>
    <t>Chak No 170 Qutrowal</t>
  </si>
  <si>
    <t>MOHAMMAD SHABBIR</t>
  </si>
  <si>
    <t>9108</t>
  </si>
  <si>
    <t>43082</t>
  </si>
  <si>
    <t>GPS SHERAN WALA</t>
  </si>
  <si>
    <t>GPS Sheran wala</t>
  </si>
  <si>
    <t>Sheran Wala</t>
  </si>
  <si>
    <t>Ghulam Hur</t>
  </si>
  <si>
    <t>41542</t>
  </si>
  <si>
    <t>36839</t>
  </si>
  <si>
    <t>GGHS MOULA PUR KABIRWALA</t>
  </si>
  <si>
    <t>Mula Pur</t>
  </si>
  <si>
    <t>Mula Pur P/O Same Tehsil Kabirwala Distt, Khanewal</t>
  </si>
  <si>
    <t>Shahnaz Saleem</t>
  </si>
  <si>
    <t>21771</t>
  </si>
  <si>
    <t>35555</t>
  </si>
  <si>
    <t>GGHS CHAK NO. 158/WB</t>
  </si>
  <si>
    <t>chak 158wb teh Mailsi dist Vehari</t>
  </si>
  <si>
    <t>GGHS GULAB ALI</t>
  </si>
  <si>
    <t>gghs gulab ali bwn</t>
  </si>
  <si>
    <t>Zaitoon Kousar</t>
  </si>
  <si>
    <t>22240</t>
  </si>
  <si>
    <t>19542</t>
  </si>
  <si>
    <t>GGES CHAK 536 GB I SOUTH</t>
  </si>
  <si>
    <t>536 GB</t>
  </si>
  <si>
    <t>chak No 536 G.B Toba.Tek.Singh</t>
  </si>
  <si>
    <t>35/361 GB</t>
  </si>
  <si>
    <t>Robina Naz</t>
  </si>
  <si>
    <t>13793</t>
  </si>
  <si>
    <t>30104</t>
  </si>
  <si>
    <t>32463</t>
  </si>
  <si>
    <t>GGPS DERA RAJPUTAN</t>
  </si>
  <si>
    <t>Dera Rajputan</t>
  </si>
  <si>
    <t>Dera rajputan district sheikhupura</t>
  </si>
  <si>
    <t>Jewan Pura</t>
  </si>
  <si>
    <t>Mehwish Akram</t>
  </si>
  <si>
    <t>32900</t>
  </si>
  <si>
    <t>16006</t>
  </si>
  <si>
    <t>10531</t>
  </si>
  <si>
    <t>GGHS TDA COLONY LAYYAH</t>
  </si>
  <si>
    <t>GGHS TDA Colony layyah   Near Tda chock  layyah</t>
  </si>
  <si>
    <t>layyah 1</t>
  </si>
  <si>
    <t>SHAHEENA FARID</t>
  </si>
  <si>
    <t>23831</t>
  </si>
  <si>
    <t>40072</t>
  </si>
  <si>
    <t>GGHS JAHANGIR</t>
  </si>
  <si>
    <t>jahangir</t>
  </si>
  <si>
    <t>gghs jahangir p.o chak doulat</t>
  </si>
  <si>
    <t>jahahgir</t>
  </si>
  <si>
    <t>boken</t>
  </si>
  <si>
    <t>tehreem gul</t>
  </si>
  <si>
    <t>761</t>
  </si>
  <si>
    <t>29035</t>
  </si>
  <si>
    <t>GHS SHEIKH UMAD KOHNA KASUR</t>
  </si>
  <si>
    <t>sheikh umad kohna</t>
  </si>
  <si>
    <t>Govt. boys high school sheikh umad kohna p.o kasur</t>
  </si>
  <si>
    <t>Sheikh Umad Kohna</t>
  </si>
  <si>
    <t>37471</t>
  </si>
  <si>
    <t>GGHS 96/15-L, MIAN CHANNU</t>
  </si>
  <si>
    <t>96/15l</t>
  </si>
  <si>
    <t>gghs 96/15l,mian channu</t>
  </si>
  <si>
    <t>92/15l</t>
  </si>
  <si>
    <t>nazish kiran</t>
  </si>
  <si>
    <t>16063</t>
  </si>
  <si>
    <t>43657</t>
  </si>
  <si>
    <t>GGHSS JHATLA</t>
  </si>
  <si>
    <t>v/p/o jhatla</t>
  </si>
  <si>
    <t>jhatla</t>
  </si>
  <si>
    <t>imrana fozia</t>
  </si>
  <si>
    <t>12233</t>
  </si>
  <si>
    <t>996</t>
  </si>
  <si>
    <t>52615</t>
  </si>
  <si>
    <t>39143</t>
  </si>
  <si>
    <t>GGHS SHAH RAI SADULLAH</t>
  </si>
  <si>
    <t>GGHS shah rai sadullah</t>
  </si>
  <si>
    <t>Ismat Un Nisa</t>
  </si>
  <si>
    <t>20974</t>
  </si>
  <si>
    <t>39903</t>
  </si>
  <si>
    <t>GHS WAISA</t>
  </si>
  <si>
    <t>Waisa</t>
  </si>
  <si>
    <t>niamat abad Waisa tehsil hazro Attock</t>
  </si>
  <si>
    <t>Nimat Abad</t>
  </si>
  <si>
    <t>kamalpur Musa</t>
  </si>
  <si>
    <t>abdul waheed butt</t>
  </si>
  <si>
    <t>19271</t>
  </si>
  <si>
    <t>7004</t>
  </si>
  <si>
    <t>43182</t>
  </si>
  <si>
    <t>41687</t>
  </si>
  <si>
    <t>GGHS DHANDA</t>
  </si>
  <si>
    <t>Vill &amp; P/O  Dhanda The/Distt Rawaloindi</t>
  </si>
  <si>
    <t>Arshia Zaheer</t>
  </si>
  <si>
    <t>4124</t>
  </si>
  <si>
    <t>38853</t>
  </si>
  <si>
    <t>GGES PIND GHULAM KHAN</t>
  </si>
  <si>
    <t>Pind ghulam Khan</t>
  </si>
  <si>
    <t>mohalla pind ghulam khan dhok fateh attock city</t>
  </si>
  <si>
    <t>Dhok fateh</t>
  </si>
  <si>
    <t>Jawaria Siddiqui</t>
  </si>
  <si>
    <t>33463</t>
  </si>
  <si>
    <t>GGES CHAK 102 JB</t>
  </si>
  <si>
    <t>Burj</t>
  </si>
  <si>
    <t>chak no 102 burj</t>
  </si>
  <si>
    <t>Burjj</t>
  </si>
  <si>
    <t>46856</t>
  </si>
  <si>
    <t>30477</t>
  </si>
  <si>
    <t>GHS NAWAN KOT</t>
  </si>
  <si>
    <t>Mouza nawan kot tehsil choubara distt layyah</t>
  </si>
  <si>
    <t>Malik Kareem Bukhsh s/o Allah wasaya</t>
  </si>
  <si>
    <t>GGPS KOT SAWAN</t>
  </si>
  <si>
    <t>kot sawan</t>
  </si>
  <si>
    <t>18845</t>
  </si>
  <si>
    <t>37207</t>
  </si>
  <si>
    <t>28659</t>
  </si>
  <si>
    <t>GGES BHAGO BUDHO KI</t>
  </si>
  <si>
    <t>CHANGA MANGA - FEMALE</t>
  </si>
  <si>
    <t>Bhago Buduki</t>
  </si>
  <si>
    <t>Bhago buduki teh chunian distt kasur</t>
  </si>
  <si>
    <t>Sofia Kousar</t>
  </si>
  <si>
    <t>36739</t>
  </si>
  <si>
    <t>11218</t>
  </si>
  <si>
    <t>GPS CHAK NO. 398 TDA</t>
  </si>
  <si>
    <t>398 Chak</t>
  </si>
  <si>
    <t>chak no 398/tda</t>
  </si>
  <si>
    <t>Gola Ada</t>
  </si>
  <si>
    <t>8455</t>
  </si>
  <si>
    <t>40429</t>
  </si>
  <si>
    <t>7035</t>
  </si>
  <si>
    <t>44810</t>
  </si>
  <si>
    <t>GPS CHAK NO 191 TDA</t>
  </si>
  <si>
    <t>dagar shada</t>
  </si>
  <si>
    <t>chak no 191/tda tehsil and district bhakkar p/o khsnsar</t>
  </si>
  <si>
    <t>chakno 191/tda</t>
  </si>
  <si>
    <t>GHS BHAGAT PUR</t>
  </si>
  <si>
    <t>Bhagatpur</t>
  </si>
  <si>
    <t>bhagatpur tehsil daska district sialkot</t>
  </si>
  <si>
    <t>MUHAMMAD ARIF JAJJA</t>
  </si>
  <si>
    <t>19250</t>
  </si>
  <si>
    <t>1596</t>
  </si>
  <si>
    <t>GGHS CHAK NO 68/4-R</t>
  </si>
  <si>
    <t>68/4R</t>
  </si>
  <si>
    <t>CHAK no 68/4R. Tehsil Haroonabad.Dist Bahawalnagar.PO same</t>
  </si>
  <si>
    <t>Sobia saleem</t>
  </si>
  <si>
    <t>35277</t>
  </si>
  <si>
    <t>8795</t>
  </si>
  <si>
    <t>GGHSS TAUNSA SHARIF</t>
  </si>
  <si>
    <t>COLLEGE ROAD TAUNSA</t>
  </si>
  <si>
    <t>SAFIA SHAHNAZ</t>
  </si>
  <si>
    <t>2685</t>
  </si>
  <si>
    <t>15353</t>
  </si>
  <si>
    <t>GGHS CHAK NO 93 RB</t>
  </si>
  <si>
    <t>Chak 93 RB Chitti</t>
  </si>
  <si>
    <t>gghs 93 RB Chitt Tehsil Jaranwala District Faisalabad</t>
  </si>
  <si>
    <t>Chak 93 RB Chitt</t>
  </si>
  <si>
    <t>Chak 61 RB</t>
  </si>
  <si>
    <t>Wajeeha Khan</t>
  </si>
  <si>
    <t>14312</t>
  </si>
  <si>
    <t>15571</t>
  </si>
  <si>
    <t>GGHS CHAK 465 GB SAMUNDRI</t>
  </si>
  <si>
    <t>chak no.465 gb samundri</t>
  </si>
  <si>
    <t>four sixty five gb</t>
  </si>
  <si>
    <t>8573</t>
  </si>
  <si>
    <t>43711</t>
  </si>
  <si>
    <t>GGES ADLAKAH</t>
  </si>
  <si>
    <t>Adlaka</t>
  </si>
  <si>
    <t>VPO Adlaka</t>
  </si>
  <si>
    <t>5645</t>
  </si>
  <si>
    <t>44900</t>
  </si>
  <si>
    <t>36562</t>
  </si>
  <si>
    <t>GGHS KABIRWALA, KUTCHERY BAZAR, KABIRWALA</t>
  </si>
  <si>
    <t>kabir wala</t>
  </si>
  <si>
    <t>city kabir wala</t>
  </si>
  <si>
    <t>tma kabir wala</t>
  </si>
  <si>
    <t>MRS AMINA ZILADAR</t>
  </si>
  <si>
    <t>4219</t>
  </si>
  <si>
    <t>31917</t>
  </si>
  <si>
    <t>GGHS JANDIALA SHER KHAN</t>
  </si>
  <si>
    <t>Sr.Headmistress GGHS Jandiala sher khan</t>
  </si>
  <si>
    <t>Jandiala sher khan</t>
  </si>
  <si>
    <t>jandiala sher khan sheikhupura</t>
  </si>
  <si>
    <t>Afnan Habib</t>
  </si>
  <si>
    <t>39912</t>
  </si>
  <si>
    <t>GGHS SHAMAS ABAD</t>
  </si>
  <si>
    <t>sHAMSABAD</t>
  </si>
  <si>
    <t>GGHS SHAMSABAD VILL AND PO SHAMSABAD</t>
  </si>
  <si>
    <t>SHAMSABAD</t>
  </si>
  <si>
    <t>JAVERIA UMBREEN</t>
  </si>
  <si>
    <t>48682</t>
  </si>
  <si>
    <t>2341</t>
  </si>
  <si>
    <t>16381</t>
  </si>
  <si>
    <t>GGPS CHAK NO 143 RB II</t>
  </si>
  <si>
    <t>143 RB</t>
  </si>
  <si>
    <t>143 Rb Matiani</t>
  </si>
  <si>
    <t>17388</t>
  </si>
  <si>
    <t>47159</t>
  </si>
  <si>
    <t>29048</t>
  </si>
  <si>
    <t>GHS MOHALAM KALAN P/O KHAS</t>
  </si>
  <si>
    <t>Govt High School Mahalam Kalan, Kasur</t>
  </si>
  <si>
    <t>Fatohi wala</t>
  </si>
  <si>
    <t>45537</t>
  </si>
  <si>
    <t>10497</t>
  </si>
  <si>
    <t>GHS CHAK NO 464 TDA</t>
  </si>
  <si>
    <t>Chak No 464/TDA</t>
  </si>
  <si>
    <t>464/TDA</t>
  </si>
  <si>
    <t>MUHAMMAD NAEEM AHMAD</t>
  </si>
  <si>
    <t>3396</t>
  </si>
  <si>
    <t>23172</t>
  </si>
  <si>
    <t>20438</t>
  </si>
  <si>
    <t>GGHS HAKIM BIBI</t>
  </si>
  <si>
    <t>Gala Mehar Baguwala</t>
  </si>
  <si>
    <t>GOVT HAKAM BIBI GIRLS HIGH SCHOOL GUJRANWALA</t>
  </si>
  <si>
    <t>Bakhtay Wala</t>
  </si>
  <si>
    <t>Chah Malhian</t>
  </si>
  <si>
    <t>SAYMA BATOOL</t>
  </si>
  <si>
    <t>24201</t>
  </si>
  <si>
    <t>GPS BASRA SHAMA WALA</t>
  </si>
  <si>
    <t>basra shamawala</t>
  </si>
  <si>
    <t>chicherwali</t>
  </si>
  <si>
    <t>38068</t>
  </si>
  <si>
    <t>6940</t>
  </si>
  <si>
    <t>GGHS AHMAD PUR LAMMA</t>
  </si>
  <si>
    <t>AHMAD  PUR LAMMA</t>
  </si>
  <si>
    <t>ahmed pur lamma</t>
  </si>
  <si>
    <t>AHMAD pur lamma</t>
  </si>
  <si>
    <t>Rashida Perveen Principal</t>
  </si>
  <si>
    <t>1463</t>
  </si>
  <si>
    <t>34854</t>
  </si>
  <si>
    <t>GPS AMIN ABAD BASTI BARAR</t>
  </si>
  <si>
    <t>Mochi Panuhan</t>
  </si>
  <si>
    <t>Basti Brar moza mochi panohan jppw Multan</t>
  </si>
  <si>
    <t>Basti Brar</t>
  </si>
  <si>
    <t>Inayat Pur</t>
  </si>
  <si>
    <t>Naeem Ul Hassan</t>
  </si>
  <si>
    <t>44769</t>
  </si>
  <si>
    <t>50784</t>
  </si>
  <si>
    <t>38440</t>
  </si>
  <si>
    <t>GGHS DUNYA PUR</t>
  </si>
  <si>
    <t>COMMETTI ROAD DUNYAPUR</t>
  </si>
  <si>
    <t>EID GAH WALI</t>
  </si>
  <si>
    <t>ALICE GILL</t>
  </si>
  <si>
    <t>25732</t>
  </si>
  <si>
    <t>35909</t>
  </si>
  <si>
    <t>GGES 108 WB</t>
  </si>
  <si>
    <t>108WB</t>
  </si>
  <si>
    <t>Government Girls Elementary school 108WB</t>
  </si>
  <si>
    <t>Zaheer Abad Shahid</t>
  </si>
  <si>
    <t>Nasreen Ashraf</t>
  </si>
  <si>
    <t>10635</t>
  </si>
  <si>
    <t>37436</t>
  </si>
  <si>
    <t>GGHSS 16/8-BR, TULAMBA</t>
  </si>
  <si>
    <t>TULAMMBA</t>
  </si>
  <si>
    <t>CHAK NO 16/8.BR MIAN CHANNU</t>
  </si>
  <si>
    <t>Mrs Robina Nazneen</t>
  </si>
  <si>
    <t>27769</t>
  </si>
  <si>
    <t>53100</t>
  </si>
  <si>
    <t>GHS ASHRAF UL MADARAS</t>
  </si>
  <si>
    <t>GT ROAD OKARA</t>
  </si>
  <si>
    <t>33796</t>
  </si>
  <si>
    <t>GGES MAHMOOD ABAD QASIM PUR COLONY MULTAN</t>
  </si>
  <si>
    <t>TARAF DAIRAH - FEMALE</t>
  </si>
  <si>
    <t>Gulshan Faiz Colony Qasim Pur</t>
  </si>
  <si>
    <t>Gulshan Faiz Colony</t>
  </si>
  <si>
    <t>Gulshan 5 Faiz</t>
  </si>
  <si>
    <t>Azra Nasreen</t>
  </si>
  <si>
    <t>40253</t>
  </si>
  <si>
    <t>GGPS KOTLI SYEDAN</t>
  </si>
  <si>
    <t>Kotli Syedan</t>
  </si>
  <si>
    <t>village kotli syedan p/o bajwala kalan teh distt jhelum</t>
  </si>
  <si>
    <t>37950</t>
  </si>
  <si>
    <t>31990</t>
  </si>
  <si>
    <t>41866</t>
  </si>
  <si>
    <t>GGPS DHOK MANGTAL NO.1</t>
  </si>
  <si>
    <t>Farooqya Chowk</t>
  </si>
  <si>
    <t>Ggps Mangtal</t>
  </si>
  <si>
    <t>Dhoke Mangtal</t>
  </si>
  <si>
    <t>28615</t>
  </si>
  <si>
    <t>GHS TALWANDI</t>
  </si>
  <si>
    <t>talwandi</t>
  </si>
  <si>
    <t>talwandi p/o talwandi tehsil chunian district kasur</t>
  </si>
  <si>
    <t>SYED IFTIKHAR-UL-HAQ</t>
  </si>
  <si>
    <t>16120</t>
  </si>
  <si>
    <t>GGHS CHAK NO 62 JB</t>
  </si>
  <si>
    <t>Chak No 62 Jb Fds</t>
  </si>
  <si>
    <t>chak no 62 jb fds</t>
  </si>
  <si>
    <t>Chanankay</t>
  </si>
  <si>
    <t>64 Jb Fsd</t>
  </si>
  <si>
    <t>Zohra Batool</t>
  </si>
  <si>
    <t>21852</t>
  </si>
  <si>
    <t>17854</t>
  </si>
  <si>
    <t>44584</t>
  </si>
  <si>
    <t>GMPS HANSAN WALA</t>
  </si>
  <si>
    <t>GADOLA-FEMALE</t>
  </si>
  <si>
    <t>Hansanwala</t>
  </si>
  <si>
    <t>hansanwala bhakkar</t>
  </si>
  <si>
    <t>Gadolah</t>
  </si>
  <si>
    <t>Sumia Altaf</t>
  </si>
  <si>
    <t>9179</t>
  </si>
  <si>
    <t>50704</t>
  </si>
  <si>
    <t>24228</t>
  </si>
  <si>
    <t>GPS FAQIRAN WALI</t>
  </si>
  <si>
    <t>Faqiranwali</t>
  </si>
  <si>
    <t>village Faqiranwali p/o Basi Wala Tehsil pasrur District Sialkot</t>
  </si>
  <si>
    <t>21752</t>
  </si>
  <si>
    <t>GGHS NOWSHERA VIRKAN NO.01</t>
  </si>
  <si>
    <t>nowsher virkan</t>
  </si>
  <si>
    <t>GGHS nowshera Virkan distt gujranwala</t>
  </si>
  <si>
    <t>purana committe ghar</t>
  </si>
  <si>
    <t>nowshera virkan</t>
  </si>
  <si>
    <t>14855</t>
  </si>
  <si>
    <t>GGHS CHAK NO 6/1-R</t>
  </si>
  <si>
    <t>6/1R</t>
  </si>
  <si>
    <t>GGHS 6/1.R</t>
  </si>
  <si>
    <t>Bushra nazir</t>
  </si>
  <si>
    <t>29675</t>
  </si>
  <si>
    <t>29362</t>
  </si>
  <si>
    <t>42869</t>
  </si>
  <si>
    <t>10670</t>
  </si>
  <si>
    <t>GPS CHAK NO 418 TDA</t>
  </si>
  <si>
    <t>chack no. 418/tda tehsil and district layyah</t>
  </si>
  <si>
    <t>Chack No 418</t>
  </si>
  <si>
    <t>Chack 393 TDA</t>
  </si>
  <si>
    <t>6379</t>
  </si>
  <si>
    <t>6098</t>
  </si>
  <si>
    <t>30538</t>
  </si>
  <si>
    <t>52187</t>
  </si>
  <si>
    <t>16835</t>
  </si>
  <si>
    <t>15668</t>
  </si>
  <si>
    <t>GGHS CHAK NO 467 GB</t>
  </si>
  <si>
    <t>Govt Girls High School 467/GB.</t>
  </si>
  <si>
    <t>Chak No 467/GB</t>
  </si>
  <si>
    <t>Chak No 467/GB.</t>
  </si>
  <si>
    <t>30979</t>
  </si>
  <si>
    <t>GGHS NIAZ BAIG</t>
  </si>
  <si>
    <t>Niaz  Baig</t>
  </si>
  <si>
    <t>Govt. Girls H/S Niaz Baig Lahore in Qasim Chowk</t>
  </si>
  <si>
    <t>Niaz Baig</t>
  </si>
  <si>
    <t>farah dar</t>
  </si>
  <si>
    <t>GGHS 168/10-R, KHANEWAL</t>
  </si>
  <si>
    <t>GGHS 168/10 R KWL</t>
  </si>
  <si>
    <t>Rafia Bano Qadri</t>
  </si>
  <si>
    <t>GHS CHACK NO 160/WB</t>
  </si>
  <si>
    <t>chak No. 160WB</t>
  </si>
  <si>
    <t>GHS 160WB Tehsil Mailsi District Vehari</t>
  </si>
  <si>
    <t>Chak No. 160WB</t>
  </si>
  <si>
    <t>69-335WB</t>
  </si>
  <si>
    <t>basharat ali</t>
  </si>
  <si>
    <t>22232</t>
  </si>
  <si>
    <t>29470</t>
  </si>
  <si>
    <t>GGPS BAZID PUR</t>
  </si>
  <si>
    <t>Bazeed Pur</t>
  </si>
  <si>
    <t>village Bazeed pur</t>
  </si>
  <si>
    <t>11113</t>
  </si>
  <si>
    <t>47701</t>
  </si>
  <si>
    <t>16042</t>
  </si>
  <si>
    <t>GGPS CHAK NO. 262 RB I</t>
  </si>
  <si>
    <t>Kacha Raya</t>
  </si>
  <si>
    <t>262rb</t>
  </si>
  <si>
    <t>Kacha Rayya Xx No</t>
  </si>
  <si>
    <t>Quraishain Wala</t>
  </si>
  <si>
    <t>Uzma Parveen</t>
  </si>
  <si>
    <t>31540</t>
  </si>
  <si>
    <t>23111</t>
  </si>
  <si>
    <t>GES KOTLA QASIM KHAN</t>
  </si>
  <si>
    <t>6428</t>
  </si>
  <si>
    <t>36628</t>
  </si>
  <si>
    <t>GGHS JAMES ABAD, KABIRWALA</t>
  </si>
  <si>
    <t>jamesabad</t>
  </si>
  <si>
    <t>GGHS Jamesabad</t>
  </si>
  <si>
    <t>Jamesabad</t>
  </si>
  <si>
    <t>safia khaliq</t>
  </si>
  <si>
    <t>4242</t>
  </si>
  <si>
    <t>39424</t>
  </si>
  <si>
    <t>15745</t>
  </si>
  <si>
    <t>GGHSS CHAK 218 GB</t>
  </si>
  <si>
    <t>218 Gb</t>
  </si>
  <si>
    <t>GGHSS 218 GB Tehsil Samundri Distt. Faisalabad</t>
  </si>
  <si>
    <t>218gb</t>
  </si>
  <si>
    <t>Chak No. 142 GB</t>
  </si>
  <si>
    <t>Tahira Abaida</t>
  </si>
  <si>
    <t>42120</t>
  </si>
  <si>
    <t>38430</t>
  </si>
  <si>
    <t>GHS 35/M</t>
  </si>
  <si>
    <t>CHAK NO.35/M</t>
  </si>
  <si>
    <t>CHAK NO.35/M P/O CHAK NO.35/M DUNYA PUR DISTT.LODHRAN</t>
  </si>
  <si>
    <t>21707</t>
  </si>
  <si>
    <t>GGPS MC NO. 4 JARANWALA</t>
  </si>
  <si>
    <t>JRW</t>
  </si>
  <si>
    <t>M C G P School no4</t>
  </si>
  <si>
    <t>Lubna MUBARK</t>
  </si>
  <si>
    <t>26532</t>
  </si>
  <si>
    <t>GGHS DUDHU CHAK</t>
  </si>
  <si>
    <t>vpo dudhuchak tehseel shakargarh district narowal</t>
  </si>
  <si>
    <t>10535</t>
  </si>
  <si>
    <t>GGHSS LADHANA</t>
  </si>
  <si>
    <t>ladhana</t>
  </si>
  <si>
    <t>Safia parveen</t>
  </si>
  <si>
    <t>51774</t>
  </si>
  <si>
    <t>GHSS QABOOLA</t>
  </si>
  <si>
    <t>49/EB</t>
  </si>
  <si>
    <t>PAKPATTAN ROAD QABOOLA</t>
  </si>
  <si>
    <t>18/KB</t>
  </si>
  <si>
    <t>Syed Sikandar Hayat</t>
  </si>
  <si>
    <t>22590</t>
  </si>
  <si>
    <t>18732</t>
  </si>
  <si>
    <t>34762</t>
  </si>
  <si>
    <t>GHSS BAHADAR PUR</t>
  </si>
  <si>
    <t>BAHADARPUR</t>
  </si>
  <si>
    <t>Bahadarpur Tehsil Jalalpur Pirwala District Multan</t>
  </si>
  <si>
    <t>ABDUL HAQ</t>
  </si>
  <si>
    <t>18246</t>
  </si>
  <si>
    <t>GPS CHAK 36 JB WEST</t>
  </si>
  <si>
    <t>36 JB</t>
  </si>
  <si>
    <t>chak no 36 jb faisalabad</t>
  </si>
  <si>
    <t>Chak No36 JB</t>
  </si>
  <si>
    <t>Chak 34 JB</t>
  </si>
  <si>
    <t>15324</t>
  </si>
  <si>
    <t>17124</t>
  </si>
  <si>
    <t>51460</t>
  </si>
  <si>
    <t>GHS BAHARWAL</t>
  </si>
  <si>
    <t>KASHMIR COLONY BAHARWAL</t>
  </si>
  <si>
    <t>VPO Baharwal, Tehsil Kharian District Gujrat</t>
  </si>
  <si>
    <t>BAHARWAL</t>
  </si>
  <si>
    <t>Mobasher Ahmed</t>
  </si>
  <si>
    <t>5520</t>
  </si>
  <si>
    <t>37110</t>
  </si>
  <si>
    <t>GGES 93/10-R, KHANEWAL</t>
  </si>
  <si>
    <t>93/10-R</t>
  </si>
  <si>
    <t>GGMS 93/10-R Chakra No 93/10-R Khanewal</t>
  </si>
  <si>
    <t>92/10-R</t>
  </si>
  <si>
    <t>kokab jalal</t>
  </si>
  <si>
    <t>35539</t>
  </si>
  <si>
    <t>GHS DROHAR WAHIN</t>
  </si>
  <si>
    <t>Drohar Wahin</t>
  </si>
  <si>
    <t>ghs drohar wahin mailsi</t>
  </si>
  <si>
    <t>Bulandpur</t>
  </si>
  <si>
    <t>26606</t>
  </si>
  <si>
    <t>GHS A.M. ISLAMIA NO.1 GUJRANWALA</t>
  </si>
  <si>
    <t>Noshehra Roag Gujrnawal Momina Abad a St no. 11.</t>
  </si>
  <si>
    <t>Govt A.M. Islamia HIgh School no !. Gujranwala</t>
  </si>
  <si>
    <t>Momina Abad</t>
  </si>
  <si>
    <t>Mubarik SHah</t>
  </si>
  <si>
    <t>18109</t>
  </si>
  <si>
    <t>24056</t>
  </si>
  <si>
    <t>GHS ISLAMIA KLASWALA</t>
  </si>
  <si>
    <t>Circular road kalaswala Tehsil pasrur</t>
  </si>
  <si>
    <t>Kalaswals</t>
  </si>
  <si>
    <t>Kabir Ahmad Bhatti</t>
  </si>
  <si>
    <t>45381</t>
  </si>
  <si>
    <t>2594</t>
  </si>
  <si>
    <t>6897</t>
  </si>
  <si>
    <t>GGPS BASTI LARRAN NO. 2</t>
  </si>
  <si>
    <t>A man Garh</t>
  </si>
  <si>
    <t>Basti larran no 2,Rahim Yar khan.</t>
  </si>
  <si>
    <t>Shafqat Parven</t>
  </si>
  <si>
    <t>36613</t>
  </si>
  <si>
    <t>36566</t>
  </si>
  <si>
    <t>GGHSS JODH PUR KABIRWALA</t>
  </si>
  <si>
    <t>Jodh Pur</t>
  </si>
  <si>
    <t>GOVT. GIRLS HIGHER SECONDARY SCHOOL JODH PUR (KABIRWALA)</t>
  </si>
  <si>
    <t>JODH PUR</t>
  </si>
  <si>
    <t>surriya anjum bhutta</t>
  </si>
  <si>
    <t>41344</t>
  </si>
  <si>
    <t>33650</t>
  </si>
  <si>
    <t>GGHS MANGO RESERCH</t>
  </si>
  <si>
    <t>GGHS MANGO RESEARH S BLOCK NEW MULTAN</t>
  </si>
  <si>
    <t>new Multan</t>
  </si>
  <si>
    <t>NEW MULTAN</t>
  </si>
  <si>
    <t>Mah Jabeen</t>
  </si>
  <si>
    <t>10216</t>
  </si>
  <si>
    <t>water filtration plant</t>
  </si>
  <si>
    <t>14594</t>
  </si>
  <si>
    <t>GGPS MC 220 RB JUDGE WALA</t>
  </si>
  <si>
    <t>Judge Wala</t>
  </si>
  <si>
    <t>220rb judge wala</t>
  </si>
  <si>
    <t>220rb Judge Wala</t>
  </si>
  <si>
    <t>Asifa Qayyum</t>
  </si>
  <si>
    <t>37045</t>
  </si>
  <si>
    <t>GHS NANAK PUR, KHANEWAL</t>
  </si>
  <si>
    <t>NANAK PUR</t>
  </si>
  <si>
    <t>CHAK NANAK PUR KHANEWAL</t>
  </si>
  <si>
    <t>BHEROWAL</t>
  </si>
  <si>
    <t>13116</t>
  </si>
  <si>
    <t>5571</t>
  </si>
  <si>
    <t>29062</t>
  </si>
  <si>
    <t>GGHS MAAN</t>
  </si>
  <si>
    <t>maan</t>
  </si>
  <si>
    <t>maan kasur</t>
  </si>
  <si>
    <t>SAMIA SALEEM</t>
  </si>
  <si>
    <t>GGES CHAK QAZIAN</t>
  </si>
  <si>
    <t>Chak Qazian</t>
  </si>
  <si>
    <t>Govt .girls elementary school chak qazian via noorkot ,tehsil shakrgrh,district Narowal.</t>
  </si>
  <si>
    <t>Kallah</t>
  </si>
  <si>
    <t>Sadiqa Tabassum</t>
  </si>
  <si>
    <t>52694</t>
  </si>
  <si>
    <t>33714</t>
  </si>
  <si>
    <t>15966</t>
  </si>
  <si>
    <t>GGPS CHAK NO. 276 JB I</t>
  </si>
  <si>
    <t>276jb</t>
  </si>
  <si>
    <t>GGPS276JB</t>
  </si>
  <si>
    <t>Dandewal</t>
  </si>
  <si>
    <t>Painsra</t>
  </si>
  <si>
    <t>Ishrat Bano</t>
  </si>
  <si>
    <t>32534</t>
  </si>
  <si>
    <t>43790</t>
  </si>
  <si>
    <t>44162</t>
  </si>
  <si>
    <t>GPS DHOK VIRK</t>
  </si>
  <si>
    <t>dhoke virak</t>
  </si>
  <si>
    <t>dhoke virak uc ara</t>
  </si>
  <si>
    <t>Muhammad Ashiq Bilal</t>
  </si>
  <si>
    <t>14305</t>
  </si>
  <si>
    <t>51784</t>
  </si>
  <si>
    <t>GHS 69/EB ARIF WALA</t>
  </si>
  <si>
    <t>Chak no 69eb Arifwala</t>
  </si>
  <si>
    <t>Chak No 69 EB</t>
  </si>
  <si>
    <t>MUHAMMAD MANZOOR WATTOO</t>
  </si>
  <si>
    <t>15360</t>
  </si>
  <si>
    <t>GHS CHAK NO 229 RB FSD</t>
  </si>
  <si>
    <t>Chak # 229 Rb Makuana</t>
  </si>
  <si>
    <t>muhammad ikram ul haq</t>
  </si>
  <si>
    <t>14593</t>
  </si>
  <si>
    <t>GGPS MC ALTAF GUNJ FSD</t>
  </si>
  <si>
    <t>Rsala Number 12</t>
  </si>
  <si>
    <t>rsala number 12 ayub research</t>
  </si>
  <si>
    <t>Aqsa Azhar</t>
  </si>
  <si>
    <t>46968</t>
  </si>
  <si>
    <t>10095</t>
  </si>
  <si>
    <t>GGHS BHEEKHO PUR (FATTOMAND)</t>
  </si>
  <si>
    <t>Bheeko pur</t>
  </si>
  <si>
    <t>GGHS BHEEKO PUR Galla shaan marriage hal wala sialkot road GRW</t>
  </si>
  <si>
    <t>Bheeko Pur</t>
  </si>
  <si>
    <t>pakki fattomand</t>
  </si>
  <si>
    <t>Madiha Younas</t>
  </si>
  <si>
    <t>1406</t>
  </si>
  <si>
    <t>33581</t>
  </si>
  <si>
    <t>GHS SUMRA PUBLIC HASSAN PARWANA ROAD MULTAN</t>
  </si>
  <si>
    <t>Guldin Colony</t>
  </si>
  <si>
    <t>Hassan Parwana Road Near GPO Multan</t>
  </si>
  <si>
    <t>Hassan Parwana</t>
  </si>
  <si>
    <t>abid fareed khan Anjum</t>
  </si>
  <si>
    <t>19390</t>
  </si>
  <si>
    <t>37117</t>
  </si>
  <si>
    <t>GGES 91/10-R, KHANEWAL</t>
  </si>
  <si>
    <t>91/10R</t>
  </si>
  <si>
    <t>91 /10.R khanewal</t>
  </si>
  <si>
    <t>91/10-R</t>
  </si>
  <si>
    <t>Shanti Nagar 172/10-R</t>
  </si>
  <si>
    <t>11336</t>
  </si>
  <si>
    <t>GMPS PANJATHA</t>
  </si>
  <si>
    <t>pnjhatha</t>
  </si>
  <si>
    <t>punjhatha</t>
  </si>
  <si>
    <t>kot hasan khan</t>
  </si>
  <si>
    <t>Asma Farooq</t>
  </si>
  <si>
    <t>5102</t>
  </si>
  <si>
    <t>16141</t>
  </si>
  <si>
    <t>GGHS CHAK 117 JB</t>
  </si>
  <si>
    <t>Dhanola</t>
  </si>
  <si>
    <t>GGHS 117/JB Dhanola</t>
  </si>
  <si>
    <t>117JB</t>
  </si>
  <si>
    <t>Nazia Musharaf</t>
  </si>
  <si>
    <t>18465</t>
  </si>
  <si>
    <t>51467</t>
  </si>
  <si>
    <t>20463</t>
  </si>
  <si>
    <t>GHS RATTA BAJWA</t>
  </si>
  <si>
    <t>RATTA BAJWA</t>
  </si>
  <si>
    <t>RATTA BAJWA, GUJRANWALA</t>
  </si>
  <si>
    <t>Ratta Bajwa</t>
  </si>
  <si>
    <t>GUIZAR COLONY RATTA BAJWA</t>
  </si>
  <si>
    <t>8974</t>
  </si>
  <si>
    <t>6515</t>
  </si>
  <si>
    <t>37067</t>
  </si>
  <si>
    <t>GGHS MC KHANEWAL</t>
  </si>
  <si>
    <t>GOVT. MC GIRLS HIGH SCHOOL KHANEWAL</t>
  </si>
  <si>
    <t>21672</t>
  </si>
  <si>
    <t>25475</t>
  </si>
  <si>
    <t>GGHS MODEL NAZOOLI BAZAR MOZANG</t>
  </si>
  <si>
    <t>nazooli bazar mozang</t>
  </si>
  <si>
    <t>Data Ganj Baksh</t>
  </si>
  <si>
    <t>Mrs Munaza Kausar</t>
  </si>
  <si>
    <t>14864</t>
  </si>
  <si>
    <t>GES CHAK 656/7 GB II</t>
  </si>
  <si>
    <t>Chan No 656/ 7 GB II</t>
  </si>
  <si>
    <t>Chak 656/7 GB. II</t>
  </si>
  <si>
    <t>Chak No 656/7 GB II</t>
  </si>
  <si>
    <t>Chak No 657/8 G B</t>
  </si>
  <si>
    <t>Muhammad Saleem Shad</t>
  </si>
  <si>
    <t>4656</t>
  </si>
  <si>
    <t>6922</t>
  </si>
  <si>
    <t>28195</t>
  </si>
  <si>
    <t>GHS PILOT PHALIA</t>
  </si>
  <si>
    <t>Phalia</t>
  </si>
  <si>
    <t>phalia city</t>
  </si>
  <si>
    <t>Phalia City</t>
  </si>
  <si>
    <t>Municipal Cometti Phalia</t>
  </si>
  <si>
    <t>266805</t>
  </si>
  <si>
    <t>1649</t>
  </si>
  <si>
    <t>15847</t>
  </si>
  <si>
    <t>GPS CHAK NO. 31 JB II</t>
  </si>
  <si>
    <t>Chak No 31 Jb //</t>
  </si>
  <si>
    <t>Aminpur Banglow chak no 31 JB District Faisalabad</t>
  </si>
  <si>
    <t>Chak no 31 JB  //</t>
  </si>
  <si>
    <t>Chak no 30 JB</t>
  </si>
  <si>
    <t>33614</t>
  </si>
  <si>
    <t>GGHSS COMPREHENSIVE GULGASHT COLONY MULTAN</t>
  </si>
  <si>
    <t>gulgasht colony.</t>
  </si>
  <si>
    <t>gghss comprehensive, gulgasht colony, multan</t>
  </si>
  <si>
    <t>Gulgasht Colony</t>
  </si>
  <si>
    <t>gulgasht</t>
  </si>
  <si>
    <t>Naghma shireen</t>
  </si>
  <si>
    <t>201466</t>
  </si>
  <si>
    <t>2133</t>
  </si>
  <si>
    <t>9536</t>
  </si>
  <si>
    <t>30186</t>
  </si>
  <si>
    <t>GGHS YASMIN ISLAMIA FIAZ PARK MUGHAL PURA</t>
  </si>
  <si>
    <t>Mughalpura</t>
  </si>
  <si>
    <t>Mughalpura, Lahore</t>
  </si>
  <si>
    <t>Dry Port Mughalpura Lahore</t>
  </si>
  <si>
    <t>Zubaira yasmin</t>
  </si>
  <si>
    <t>15989</t>
  </si>
  <si>
    <t>GGPS CHAK NO 254 I</t>
  </si>
  <si>
    <t>Chak 254</t>
  </si>
  <si>
    <t>chak 254</t>
  </si>
  <si>
    <t>Nangey Imrany</t>
  </si>
  <si>
    <t>Naz Naseer</t>
  </si>
  <si>
    <t>5930</t>
  </si>
  <si>
    <t>9944</t>
  </si>
  <si>
    <t>GGHS CHAK NO. 218/TDA</t>
  </si>
  <si>
    <t>chak NO.218/TDA</t>
  </si>
  <si>
    <t>GOVT.GIRLS HIGH SCHOOL 218/TDA</t>
  </si>
  <si>
    <t>218/TDA</t>
  </si>
  <si>
    <t>93/M.L</t>
  </si>
  <si>
    <t>Sakeena Barket</t>
  </si>
  <si>
    <t>35514</t>
  </si>
  <si>
    <t>14585</t>
  </si>
  <si>
    <t>GGPS CHAK 221 RB BURRIA PIND</t>
  </si>
  <si>
    <t>Buria Pind</t>
  </si>
  <si>
    <t>221/RB buria pind near air port Jhang Road</t>
  </si>
  <si>
    <t>36320</t>
  </si>
  <si>
    <t>5603</t>
  </si>
  <si>
    <t>GGHSS ATTOCK CITY NO.1</t>
  </si>
  <si>
    <t>attock</t>
  </si>
  <si>
    <t>k block near deen plaza attock city</t>
  </si>
  <si>
    <t>attock city</t>
  </si>
  <si>
    <t>TEHSEEN URFIA</t>
  </si>
  <si>
    <t>2591</t>
  </si>
  <si>
    <t>21742</t>
  </si>
  <si>
    <t>GHS NOWSHERA VIRKAN</t>
  </si>
  <si>
    <t>TEHSIL NOWSHERA VIRKAN, DISTT. GUJRANWALA</t>
  </si>
  <si>
    <t>14231</t>
  </si>
  <si>
    <t>3469</t>
  </si>
  <si>
    <t>45913</t>
  </si>
  <si>
    <t>GGHS KHATEEBAN WALA</t>
  </si>
  <si>
    <t>mohallah himat Pura khushab</t>
  </si>
  <si>
    <t>Saima Parveen</t>
  </si>
  <si>
    <t>GHS PEER JAGGI</t>
  </si>
  <si>
    <t>pir jaggi</t>
  </si>
  <si>
    <t>CHAK NO 170 TDA</t>
  </si>
  <si>
    <t>PIR JAGGI</t>
  </si>
  <si>
    <t>MUHAMMAD ISHFAQ AHMAD</t>
  </si>
  <si>
    <t>5556</t>
  </si>
  <si>
    <t>26465</t>
  </si>
  <si>
    <t>GGPS MASYAL</t>
  </si>
  <si>
    <t>ggps Masyal</t>
  </si>
  <si>
    <t>Nazia Hameed</t>
  </si>
  <si>
    <t>43660</t>
  </si>
  <si>
    <t>16469</t>
  </si>
  <si>
    <t>GGPS 19 JB II</t>
  </si>
  <si>
    <t>Burili</t>
  </si>
  <si>
    <t>GGPS19JBii</t>
  </si>
  <si>
    <t>Burali</t>
  </si>
  <si>
    <t>kadar K</t>
  </si>
  <si>
    <t>Numra Akram</t>
  </si>
  <si>
    <t>15614</t>
  </si>
  <si>
    <t>41408</t>
  </si>
  <si>
    <t>31372</t>
  </si>
  <si>
    <t>GGHS SHARAQPUR KHURD</t>
  </si>
  <si>
    <t>Sharaq Pur Khurd</t>
  </si>
  <si>
    <t>gghs sharaq pur khurd</t>
  </si>
  <si>
    <t>Kotabdulmalik</t>
  </si>
  <si>
    <t>nosheen Rafique</t>
  </si>
  <si>
    <t>50971</t>
  </si>
  <si>
    <t>53044</t>
  </si>
  <si>
    <t>GHS CHAK NO. 21 GD OKARA</t>
  </si>
  <si>
    <t>CHAK NO. 21 GD OKARA</t>
  </si>
  <si>
    <t>CHAK NO. 21 GD-OKARA</t>
  </si>
  <si>
    <t>chak no 32/2r okara</t>
  </si>
  <si>
    <t>JAVED SATTAR CH</t>
  </si>
  <si>
    <t>11329</t>
  </si>
  <si>
    <t>26562</t>
  </si>
  <si>
    <t>GGES DINGAH NARAIN PUR</t>
  </si>
  <si>
    <t>Dingah Narain Pur</t>
  </si>
  <si>
    <t>Govt girls E/s Dingah narain pur</t>
  </si>
  <si>
    <t>Aqsa Abid</t>
  </si>
  <si>
    <t>11106</t>
  </si>
  <si>
    <t>31909</t>
  </si>
  <si>
    <t>GGHS KOT SOHNDA</t>
  </si>
  <si>
    <t>farooq abad</t>
  </si>
  <si>
    <t>village kot sondha post office farooq abad tehsile and district sheikhupura</t>
  </si>
  <si>
    <t>kot sondha</t>
  </si>
  <si>
    <t>samia ishaq</t>
  </si>
  <si>
    <t>6051</t>
  </si>
  <si>
    <t>54016</t>
  </si>
  <si>
    <t>GGPS 334/WB NEW</t>
  </si>
  <si>
    <t>334WB New</t>
  </si>
  <si>
    <t>G.G p\s334\WB New</t>
  </si>
  <si>
    <t>334WB</t>
  </si>
  <si>
    <t>335WB</t>
  </si>
  <si>
    <t>40468</t>
  </si>
  <si>
    <t>64869</t>
  </si>
  <si>
    <t>7733</t>
  </si>
  <si>
    <t>9343</t>
  </si>
  <si>
    <t>GES BASTI RUSTOMANI EAST</t>
  </si>
  <si>
    <t>SADAR WEST MALE</t>
  </si>
  <si>
    <t>Bela</t>
  </si>
  <si>
    <t>basti rustmani monza Bela,  darkhana wadoor markaz sadar west dg khan.</t>
  </si>
  <si>
    <t>Basti Rustmani East</t>
  </si>
  <si>
    <t>20480</t>
  </si>
  <si>
    <t>15753</t>
  </si>
  <si>
    <t>GPS 129 GB</t>
  </si>
  <si>
    <t>129 gb Nabiabad</t>
  </si>
  <si>
    <t>chak no 129 gb tehsil &amp; distt faisalabad</t>
  </si>
  <si>
    <t>chak no 129 gb fsd</t>
  </si>
  <si>
    <t>chak no 91 gb</t>
  </si>
  <si>
    <t>Abid Ali</t>
  </si>
  <si>
    <t>40394</t>
  </si>
  <si>
    <t>40204</t>
  </si>
  <si>
    <t>36361</t>
  </si>
  <si>
    <t>GGPS 23 WB</t>
  </si>
  <si>
    <t>23wb</t>
  </si>
  <si>
    <t>GGPS23WB</t>
  </si>
  <si>
    <t>Chak no 15 Wb Vhr</t>
  </si>
  <si>
    <t>Raseela Begum</t>
  </si>
  <si>
    <t>35144</t>
  </si>
  <si>
    <t>GGHS NOSHEHRA JAMLARA</t>
  </si>
  <si>
    <t>Govt girls high school noshera jamlera, burewala</t>
  </si>
  <si>
    <t>Mehr-un-Nisa</t>
  </si>
  <si>
    <t>11401</t>
  </si>
  <si>
    <t>52992</t>
  </si>
  <si>
    <t>GPS TULLAH KAMBOH</t>
  </si>
  <si>
    <t>Tullah Kamboh</t>
  </si>
  <si>
    <t>gps tullah kamboh village</t>
  </si>
  <si>
    <t>Vendla Jagir</t>
  </si>
  <si>
    <t>Mohammad Khan</t>
  </si>
  <si>
    <t>23023</t>
  </si>
  <si>
    <t>GGHS HAZARA MUGHLAN</t>
  </si>
  <si>
    <t>village Hazara Mughlan post office karianwala tehsil &amp; district gujrat</t>
  </si>
  <si>
    <t>Narjis Bano</t>
  </si>
  <si>
    <t>22907</t>
  </si>
  <si>
    <t>GGHS DOGA</t>
  </si>
  <si>
    <t>v.p.o Dogs,The.Kharian,Distt.Gujrat</t>
  </si>
  <si>
    <t>Nasreen</t>
  </si>
  <si>
    <t>23412</t>
  </si>
  <si>
    <t>46842</t>
  </si>
  <si>
    <t>37034</t>
  </si>
  <si>
    <t>GPS SAJID ABAD KORHI BLOUCH KABIRWALA</t>
  </si>
  <si>
    <t>KORAIBALOCH</t>
  </si>
  <si>
    <t>BASTI SAJIDABAD KORAI BALOCH P/o HAJIPUR KABIRWALA KHANEWAL</t>
  </si>
  <si>
    <t>SAJIDABAD</t>
  </si>
  <si>
    <t>MUNGA WALA</t>
  </si>
  <si>
    <t>Mazher Hussain</t>
  </si>
  <si>
    <t>12082</t>
  </si>
  <si>
    <t>28163</t>
  </si>
  <si>
    <t>GHS MC MANDI BAHAUDDIN</t>
  </si>
  <si>
    <t>City MBDIN</t>
  </si>
  <si>
    <t>GURRAH MOHALLAH NEAR CHILDREN HOSPITAL M.B.DIN</t>
  </si>
  <si>
    <t>GURRAH MOHALLAH</t>
  </si>
  <si>
    <t>Latif Ahmad Cheema</t>
  </si>
  <si>
    <t>37843</t>
  </si>
  <si>
    <t>20452</t>
  </si>
  <si>
    <t>GGHS KOHLO WALA</t>
  </si>
  <si>
    <t>Kohlowala</t>
  </si>
  <si>
    <t>Dak Khana Khas, Kohlowala, Tehsil: Gujranwala Sadar, Gujranwala</t>
  </si>
  <si>
    <t>Fozia Sumer</t>
  </si>
  <si>
    <t>31368</t>
  </si>
  <si>
    <t>5608</t>
  </si>
  <si>
    <t>38421</t>
  </si>
  <si>
    <t>GHS 253/WB</t>
  </si>
  <si>
    <t>Chak 253 Wb</t>
  </si>
  <si>
    <t>CHAK NO 253/WB DUNYAPUR (LODHRAN)</t>
  </si>
  <si>
    <t>253/wb</t>
  </si>
  <si>
    <t>Darbar Sultan Ayyub</t>
  </si>
  <si>
    <t>13006</t>
  </si>
  <si>
    <t>GES KHAN WALA</t>
  </si>
  <si>
    <t>BARA SADAT- MALE</t>
  </si>
  <si>
    <t>Chak Ali Daha</t>
  </si>
  <si>
    <t>bara chandia p/o basira tehsil and district muzaffargarh</t>
  </si>
  <si>
    <t>Bara Chandia</t>
  </si>
  <si>
    <t>Ali Daha</t>
  </si>
  <si>
    <t>JAM MUNIR AHMAD</t>
  </si>
  <si>
    <t>16408</t>
  </si>
  <si>
    <t>GGPS CHAK 23 JB II</t>
  </si>
  <si>
    <t>sadhan</t>
  </si>
  <si>
    <t>23 jb.ii</t>
  </si>
  <si>
    <t>Chak # 23 Jb</t>
  </si>
  <si>
    <t>Khankay</t>
  </si>
  <si>
    <t>Sajida Kousar</t>
  </si>
  <si>
    <t>15851</t>
  </si>
  <si>
    <t>53560</t>
  </si>
  <si>
    <t>GGPS MEHR PURA SHARQI</t>
  </si>
  <si>
    <t>GGPS Mehr Pura Sharqi Attock</t>
  </si>
  <si>
    <t>mehr pura sharqi</t>
  </si>
  <si>
    <t>54523</t>
  </si>
  <si>
    <t>13858</t>
  </si>
  <si>
    <t>GGHS SHIKAR PUR</t>
  </si>
  <si>
    <t>near makee masjid shikarpur</t>
  </si>
  <si>
    <t>nasira hussain</t>
  </si>
  <si>
    <t>9032</t>
  </si>
  <si>
    <t>684</t>
  </si>
  <si>
    <t>4405</t>
  </si>
  <si>
    <t>11718</t>
  </si>
  <si>
    <t>GES SHAH WALA JADEED</t>
  </si>
  <si>
    <t>TAUNSA BARRAGE-I- MALE</t>
  </si>
  <si>
    <t>Janu Ghair Mustaqil Mustaqi</t>
  </si>
  <si>
    <t>muza janu ghair mustaqil</t>
  </si>
  <si>
    <t>Darkhast Wala</t>
  </si>
  <si>
    <t>Shamshad Ali</t>
  </si>
  <si>
    <t>26190</t>
  </si>
  <si>
    <t>GES FATEH PUR AFGHANA</t>
  </si>
  <si>
    <t>GES Fateh Pur Teh Shakergrh distt Narowal</t>
  </si>
  <si>
    <t>Tariq Javaid</t>
  </si>
  <si>
    <t>36315</t>
  </si>
  <si>
    <t>GGPS 212 EB</t>
  </si>
  <si>
    <t>Chak #212/Eb</t>
  </si>
  <si>
    <t>chak#212/eb Vehari</t>
  </si>
  <si>
    <t>212/Eb</t>
  </si>
  <si>
    <t>3381</t>
  </si>
  <si>
    <t>29665</t>
  </si>
  <si>
    <t>GGHS BURJ MAHALAM CHAK NO. 35</t>
  </si>
  <si>
    <t>GGHS Burjmahalam chk 35</t>
  </si>
  <si>
    <t>Burjmahalm Chk35</t>
  </si>
  <si>
    <t>Burjmahalm Chk 35</t>
  </si>
  <si>
    <t>Saba Khalid</t>
  </si>
  <si>
    <t>25518</t>
  </si>
  <si>
    <t>33599</t>
  </si>
  <si>
    <t>GHS MC C.T.M. ISMIAL ABAD MUZAFFAR ABAD</t>
  </si>
  <si>
    <t>MUZAFFARABAD</t>
  </si>
  <si>
    <t>GOVT. CTM HIGH SCHOOL ISMAILABAD, MULTAN.</t>
  </si>
  <si>
    <t>ISMAILABAD</t>
  </si>
  <si>
    <t>Mill Water Supply</t>
  </si>
  <si>
    <t>35162</t>
  </si>
  <si>
    <t>GPS CHAK NO.439/EB</t>
  </si>
  <si>
    <t>GPS 439/EB</t>
  </si>
  <si>
    <t>439 EB</t>
  </si>
  <si>
    <t>Ward 25</t>
  </si>
  <si>
    <t>Muhammad Binyamin</t>
  </si>
  <si>
    <t>40436</t>
  </si>
  <si>
    <t>41283</t>
  </si>
  <si>
    <t>4224</t>
  </si>
  <si>
    <t>11276</t>
  </si>
  <si>
    <t>GGES ALIPUR</t>
  </si>
  <si>
    <t>ALI PUR-I- FEMALE</t>
  </si>
  <si>
    <t>tehsil alipur</t>
  </si>
  <si>
    <t>old tehsil road tehsil alipur district muzaffargarh</t>
  </si>
  <si>
    <t>town commettiee alipur</t>
  </si>
  <si>
    <t>farah malik</t>
  </si>
  <si>
    <t>15912</t>
  </si>
  <si>
    <t>5748</t>
  </si>
  <si>
    <t>GGPS CHAK NO 123/6-R</t>
  </si>
  <si>
    <t>HND-13-FEMALE</t>
  </si>
  <si>
    <t>123/6R</t>
  </si>
  <si>
    <t>chak #123/6R faqirwali teh. haroonabad</t>
  </si>
  <si>
    <t>142/6R</t>
  </si>
  <si>
    <t>Saba Munir</t>
  </si>
  <si>
    <t>GGPS 10/AH, KHANEWAL</t>
  </si>
  <si>
    <t>10 Ah</t>
  </si>
  <si>
    <t>10 ah</t>
  </si>
  <si>
    <t>10ah</t>
  </si>
  <si>
    <t>60580</t>
  </si>
  <si>
    <t>7847</t>
  </si>
  <si>
    <t>25626</t>
  </si>
  <si>
    <t>GGHS TALWANDI BHINDRAN</t>
  </si>
  <si>
    <t>Talwandi bhindran</t>
  </si>
  <si>
    <t>gghs talwandi bhindran</t>
  </si>
  <si>
    <t>Shazia Kalsoom</t>
  </si>
  <si>
    <t>GHSS SHAH JAMAL</t>
  </si>
  <si>
    <t>shah jamal</t>
  </si>
  <si>
    <t>main adda khan garh road</t>
  </si>
  <si>
    <t>50592</t>
  </si>
  <si>
    <t>GGHSS GULIANA</t>
  </si>
  <si>
    <t>VPO GULIANA TESHIL KHARIAN DISTRICT GUJRAT</t>
  </si>
  <si>
    <t>guliana</t>
  </si>
  <si>
    <t>Tanveer- Un -Nisa</t>
  </si>
  <si>
    <t>1211</t>
  </si>
  <si>
    <t>95375</t>
  </si>
  <si>
    <t>41776</t>
  </si>
  <si>
    <t>GPS CENTRAL JAIL RWP</t>
  </si>
  <si>
    <t>Jail Colony</t>
  </si>
  <si>
    <t>Govt Boys Primary School Central Jail Colony RWP</t>
  </si>
  <si>
    <t>Dahgal</t>
  </si>
  <si>
    <t>AnwarHussain</t>
  </si>
  <si>
    <t>2639</t>
  </si>
  <si>
    <t>27850</t>
  </si>
  <si>
    <t>21556</t>
  </si>
  <si>
    <t>GGES NAGRAY DADAN</t>
  </si>
  <si>
    <t>Nagray Dadan</t>
  </si>
  <si>
    <t>village nagray dadan post ofice dapahi Tehsil kamoki Dist Gujranwala.</t>
  </si>
  <si>
    <t>Nangray Dadan</t>
  </si>
  <si>
    <t>Ladhe Wala Goraya</t>
  </si>
  <si>
    <t>Amtul Maqsood</t>
  </si>
  <si>
    <t>14724</t>
  </si>
  <si>
    <t>GHSS CRESCENT MODEL FAISALABAD</t>
  </si>
  <si>
    <t>BOLEY DI JHUGGI</t>
  </si>
  <si>
    <t>SHEIKHUPURA ROAD FSD</t>
  </si>
  <si>
    <t>Boley Di Jughi</t>
  </si>
  <si>
    <t>SAEED AHMAD ZAFAR</t>
  </si>
  <si>
    <t>6647</t>
  </si>
  <si>
    <t>33470</t>
  </si>
  <si>
    <t>GGPS MAJAWAR WALI CHAK NO. 26</t>
  </si>
  <si>
    <t>Majawarwali</t>
  </si>
  <si>
    <t>chak no. 26 majawarwali tahsil shahkot distt.NNS</t>
  </si>
  <si>
    <t>Saher Afzal</t>
  </si>
  <si>
    <t>13763</t>
  </si>
  <si>
    <t>28744</t>
  </si>
  <si>
    <t>GPS BHAGOKI</t>
  </si>
  <si>
    <t>bhagoki mojoki teh chunian kasur</t>
  </si>
  <si>
    <t>Bhagoki</t>
  </si>
  <si>
    <t>Rana M Arif</t>
  </si>
  <si>
    <t>21280</t>
  </si>
  <si>
    <t>GHS PIR WALA</t>
  </si>
  <si>
    <t>PIR WALA</t>
  </si>
  <si>
    <t>GHS PIRWALA</t>
  </si>
  <si>
    <t>RUSTAM SARGANA</t>
  </si>
  <si>
    <t>28829</t>
  </si>
  <si>
    <t>GGES CHAK NO 21 JB</t>
  </si>
  <si>
    <t>Ranikay</t>
  </si>
  <si>
    <t>GGES 21JB RANIKAY. Cjk fsd</t>
  </si>
  <si>
    <t>21/jb Ranikay</t>
  </si>
  <si>
    <t>20/jb Khankay</t>
  </si>
  <si>
    <t>GES FARID KOT</t>
  </si>
  <si>
    <t>FARID KOT</t>
  </si>
  <si>
    <t>Farid Kot</t>
  </si>
  <si>
    <t>Ratta Khana</t>
  </si>
  <si>
    <t>Abdul Qayyum Rana</t>
  </si>
  <si>
    <t>48214</t>
  </si>
  <si>
    <t>GGPS CHAK 296 RB WAKEEL WALA</t>
  </si>
  <si>
    <t>296 Rb</t>
  </si>
  <si>
    <t>296 rb wakeel wala</t>
  </si>
  <si>
    <t>Wakeel Wala</t>
  </si>
  <si>
    <t>Maini</t>
  </si>
  <si>
    <t>Afshan Noreen</t>
  </si>
  <si>
    <t>25206</t>
  </si>
  <si>
    <t>GMES GURDHAN PUR</t>
  </si>
  <si>
    <t>Gurdan Pur</t>
  </si>
  <si>
    <t>village Gurdan pur tehsil and district Sialkot</t>
  </si>
  <si>
    <t>18325</t>
  </si>
  <si>
    <t>13748</t>
  </si>
  <si>
    <t>41935</t>
  </si>
  <si>
    <t>GGEMS HOSSAIL</t>
  </si>
  <si>
    <t>Hoshial</t>
  </si>
  <si>
    <t>vpo Jhaata hathial, tehsil RWP</t>
  </si>
  <si>
    <t>Jhaata Hathial</t>
  </si>
  <si>
    <t>29843</t>
  </si>
  <si>
    <t>GGES GAGGA CHAK NO 29</t>
  </si>
  <si>
    <t>Gagga Chak29</t>
  </si>
  <si>
    <t>gagga chak 29</t>
  </si>
  <si>
    <t>Gagga Chak 29</t>
  </si>
  <si>
    <t>Bhopay Wal</t>
  </si>
  <si>
    <t>Zubaid Ishaq</t>
  </si>
  <si>
    <t>46509</t>
  </si>
  <si>
    <t>38554</t>
  </si>
  <si>
    <t>GPS 1-4MPR</t>
  </si>
  <si>
    <t>1-4MPR</t>
  </si>
  <si>
    <t>Chak.no 1-4Mpr Tehsil Dunyapur District, Lodhran</t>
  </si>
  <si>
    <t>Muhammad Zahoor Azad</t>
  </si>
  <si>
    <t>GGPS BANGLA MURLI DHAR</t>
  </si>
  <si>
    <t>Hassan Shah</t>
  </si>
  <si>
    <t>hassan shah</t>
  </si>
  <si>
    <t>Bangla Murli Dhar</t>
  </si>
  <si>
    <t>Karampur</t>
  </si>
  <si>
    <t>12918</t>
  </si>
  <si>
    <t>GGPS PATTI LOHAR WALI</t>
  </si>
  <si>
    <t>ggp/s pati lohar wali m garh</t>
  </si>
  <si>
    <t>Basti Mohana</t>
  </si>
  <si>
    <t>MC City</t>
  </si>
  <si>
    <t>AQEELA NARGIS</t>
  </si>
  <si>
    <t>22783</t>
  </si>
  <si>
    <t>15899</t>
  </si>
  <si>
    <t>GGES 4 WB</t>
  </si>
  <si>
    <t>4 wb</t>
  </si>
  <si>
    <t>GGES4WB Vehari</t>
  </si>
  <si>
    <t>4WB</t>
  </si>
  <si>
    <t>water Filter</t>
  </si>
  <si>
    <t>4272</t>
  </si>
  <si>
    <t>40966</t>
  </si>
  <si>
    <t>GMES KALWANT PUR</t>
  </si>
  <si>
    <t>GARH MAHAL-FEMALE</t>
  </si>
  <si>
    <t>Kalwant Pur</t>
  </si>
  <si>
    <t>GMES Kalwant pur, Po ghar Mahal, Teh Dina, Distt Jhelum</t>
  </si>
  <si>
    <t>GARH MAHAL</t>
  </si>
  <si>
    <t>Farhat Almas</t>
  </si>
  <si>
    <t>4688</t>
  </si>
  <si>
    <t>34154</t>
  </si>
  <si>
    <t>52330</t>
  </si>
  <si>
    <t>50681</t>
  </si>
  <si>
    <t>GHS 58/5-L</t>
  </si>
  <si>
    <t>Gunno Bhattian</t>
  </si>
  <si>
    <t>CHAK# 58/5-L  TEH.&amp; DISTT. SAHIWAL</t>
  </si>
  <si>
    <t>CHAK # 58/5-L Sahiwal</t>
  </si>
  <si>
    <t>CHAK NO 58/5-L Sahiwal</t>
  </si>
  <si>
    <t>J.ROBSON</t>
  </si>
  <si>
    <t>7457</t>
  </si>
  <si>
    <t>GHSS CHAK JHUMRA FSD</t>
  </si>
  <si>
    <t>JHUMRA CITY</t>
  </si>
  <si>
    <t>SANGLA HILL ROAD CHAK JHUMRA CITY</t>
  </si>
  <si>
    <t>MUMTAZ-UL-HASSAN</t>
  </si>
  <si>
    <t>5058</t>
  </si>
  <si>
    <t>29632</t>
  </si>
  <si>
    <t>GES SRASER CHAK NO. 21</t>
  </si>
  <si>
    <t>Saraser Ch 21</t>
  </si>
  <si>
    <t>Sraser Ch 21 pattoki</t>
  </si>
  <si>
    <t>Bhopaywal</t>
  </si>
  <si>
    <t>Razzaq Ali</t>
  </si>
  <si>
    <t>1127</t>
  </si>
  <si>
    <t>11999</t>
  </si>
  <si>
    <t>GGPS TAJAMMUL WALA</t>
  </si>
  <si>
    <t>ward 14/D chah suary wala moza pirhar sharqi kot adu</t>
  </si>
  <si>
    <t>Sunary Wala</t>
  </si>
  <si>
    <t>Mc Kot adu</t>
  </si>
  <si>
    <t>RUKHSANA PARVEEN</t>
  </si>
  <si>
    <t>16442</t>
  </si>
  <si>
    <t>GGES CHAK NO. 18 JB</t>
  </si>
  <si>
    <t>HAMON  K</t>
  </si>
  <si>
    <t>GGES. 18. JB.  CHK. JHUMRA.  FSD</t>
  </si>
  <si>
    <t>Chak  No   18JB  Hmaun</t>
  </si>
  <si>
    <t>19  JB  Qader K</t>
  </si>
  <si>
    <t>ZAKIA FIRDOUS</t>
  </si>
  <si>
    <t>13916</t>
  </si>
  <si>
    <t>22443</t>
  </si>
  <si>
    <t>GGHS QUTAB PUR DUNYA PUR</t>
  </si>
  <si>
    <t>qutabpur</t>
  </si>
  <si>
    <t>gghssqutabpur tehsil duyapur distt.lodhran</t>
  </si>
  <si>
    <t>ROBINA TABASSUM</t>
  </si>
  <si>
    <t>22280</t>
  </si>
  <si>
    <t>36052</t>
  </si>
  <si>
    <t>GHSS 198 EB</t>
  </si>
  <si>
    <t>CHAK NO 198 EB VEHARI</t>
  </si>
  <si>
    <t>CHAK NO 198 EB</t>
  </si>
  <si>
    <t>muhammad khalil</t>
  </si>
  <si>
    <t>25698</t>
  </si>
  <si>
    <t>38464</t>
  </si>
  <si>
    <t>GGES MIAN PUR</t>
  </si>
  <si>
    <t>gges mianpur via qutab pur</t>
  </si>
  <si>
    <t>Samina Sultana</t>
  </si>
  <si>
    <t>GGPS CHAK 354 GB JARANWALA</t>
  </si>
  <si>
    <t>Chak no 354gb</t>
  </si>
  <si>
    <t>Chak No354gb</t>
  </si>
  <si>
    <t>Kot Kabeer</t>
  </si>
  <si>
    <t>50194</t>
  </si>
  <si>
    <t>41517</t>
  </si>
  <si>
    <t>GHS KHAYABAN-E-SIR SYED</t>
  </si>
  <si>
    <t>GOVT. HIGH SCHOOL KHAYABAN-E-SIR SYED SECTOR II RAWALPINDI</t>
  </si>
  <si>
    <t>KHAYABAN-E-SIR SYED</t>
  </si>
  <si>
    <t>SHAKIR ALI KHAN</t>
  </si>
  <si>
    <t>4714</t>
  </si>
  <si>
    <t>2134</t>
  </si>
  <si>
    <t>35545</t>
  </si>
  <si>
    <t>GHS ZAHEER ABAD SHAHEED</t>
  </si>
  <si>
    <t>Zaheer abad Shaheed</t>
  </si>
  <si>
    <t>GHS Zaheer Abad shaheed tehsil mailsi district vehari</t>
  </si>
  <si>
    <t>15632</t>
  </si>
  <si>
    <t>1497</t>
  </si>
  <si>
    <t>28617</t>
  </si>
  <si>
    <t>GHS DAOKAY KALAN</t>
  </si>
  <si>
    <t>DAOKAY KALAN</t>
  </si>
  <si>
    <t>DAOKAY KALAN P/O USMAN WALA TEHSIL CHUNIAN DISTRICT KASUR</t>
  </si>
  <si>
    <t>DAOKAY KHINIANA</t>
  </si>
  <si>
    <t>WAHEED ANWAR</t>
  </si>
  <si>
    <t>GGCMES CHAK 67 GB JARANWALA</t>
  </si>
  <si>
    <t>67 Gb</t>
  </si>
  <si>
    <t>67 gb</t>
  </si>
  <si>
    <t>67 Gb Dhariwaal</t>
  </si>
  <si>
    <t>Azra Rani</t>
  </si>
  <si>
    <t>buying from outside source</t>
  </si>
  <si>
    <t>35021</t>
  </si>
  <si>
    <t>GGHSS GAGGOO</t>
  </si>
  <si>
    <t>187 EB</t>
  </si>
  <si>
    <t>SAMINA MANNAN</t>
  </si>
  <si>
    <t>28016</t>
  </si>
  <si>
    <t>GGHS SAFDAR ABAD RWP</t>
  </si>
  <si>
    <t>Govt.Girls High school Safdarabad Rawalpindi</t>
  </si>
  <si>
    <t>Shaista Bano</t>
  </si>
  <si>
    <t>1379</t>
  </si>
  <si>
    <t>35057</t>
  </si>
  <si>
    <t>GGHS CHAK NO 303 EB</t>
  </si>
  <si>
    <t>chak no 303</t>
  </si>
  <si>
    <t>Chackno 265 EB</t>
  </si>
  <si>
    <t>6867</t>
  </si>
  <si>
    <t>14823</t>
  </si>
  <si>
    <t>GPS CHAK 21 GB JARANWALA FSD</t>
  </si>
  <si>
    <t>21gb</t>
  </si>
  <si>
    <t>chak # 21gb jaranwala,Faisalabad</t>
  </si>
  <si>
    <t>Chak # 21gb</t>
  </si>
  <si>
    <t>Chak # 22gb</t>
  </si>
  <si>
    <t>54663</t>
  </si>
  <si>
    <t>GGES CHAK NO 230 GB</t>
  </si>
  <si>
    <t>GGE/S 230 GB</t>
  </si>
  <si>
    <t>230 GB</t>
  </si>
  <si>
    <t>Tallat Jabeen</t>
  </si>
  <si>
    <t>6582</t>
  </si>
  <si>
    <t>14837</t>
  </si>
  <si>
    <t>GPS CHAK 65 GB</t>
  </si>
  <si>
    <t>chak no 65 gb  jaranwala district  faisalabad</t>
  </si>
  <si>
    <t>Chak No 65 Gb</t>
  </si>
  <si>
    <t>3439</t>
  </si>
  <si>
    <t>59849</t>
  </si>
  <si>
    <t>15257</t>
  </si>
  <si>
    <t>GGPS 74/RB-I</t>
  </si>
  <si>
    <t>74 Rb 1st</t>
  </si>
  <si>
    <t>GGPS 74 RB 1st</t>
  </si>
  <si>
    <t>74 Rb 1st  Gorbajpora</t>
  </si>
  <si>
    <t>Rasool Pora</t>
  </si>
  <si>
    <t>HAFIZA ZAHIDA MANZOOR</t>
  </si>
  <si>
    <t>18173</t>
  </si>
  <si>
    <t>53073</t>
  </si>
  <si>
    <t>20986</t>
  </si>
  <si>
    <t>siran wali</t>
  </si>
  <si>
    <t>siran wali wazirabad gujranwala</t>
  </si>
  <si>
    <t>35938</t>
  </si>
  <si>
    <t>GGPS HALEM KHICHI</t>
  </si>
  <si>
    <t>MAILSI WEST - FEMALE</t>
  </si>
  <si>
    <t>Haleem Khichi</t>
  </si>
  <si>
    <t>GGPS Haleem Khichi</t>
  </si>
  <si>
    <t>Syeda Shahina Anjum Bukhari</t>
  </si>
  <si>
    <t>3295</t>
  </si>
  <si>
    <t>7002</t>
  </si>
  <si>
    <t>GPS GHAFOOR A SADIQABAD NO.2</t>
  </si>
  <si>
    <t>Ghafoor Abad 2 Sadiq Abad</t>
  </si>
  <si>
    <t>contactor</t>
  </si>
  <si>
    <t>26064</t>
  </si>
  <si>
    <t>GGES FATEH PUR AFGHANAN</t>
  </si>
  <si>
    <t>Fateh Pur Afghana</t>
  </si>
  <si>
    <t>village &amp; P/o Fateh pur Afghana tehsil skg district narowal</t>
  </si>
  <si>
    <t>Zaib Un Nisa</t>
  </si>
  <si>
    <t>45423</t>
  </si>
  <si>
    <t>GPS CHAK NO 1 RAKH DALA</t>
  </si>
  <si>
    <t>Rakh Dala</t>
  </si>
  <si>
    <t>gps chak 1 rakh dala p/o dullewala tehseel darya khan (bhakkar)</t>
  </si>
  <si>
    <t>Chak No1 Rakh Dala</t>
  </si>
  <si>
    <t>Rural Dullewala</t>
  </si>
  <si>
    <t>GGHS SATELLITE TOWN CHISHTIAN</t>
  </si>
  <si>
    <t>Y block  Satellitetown ctn</t>
  </si>
  <si>
    <t>TMA Chishtian</t>
  </si>
  <si>
    <t>Farhat Sultana</t>
  </si>
  <si>
    <t>GGES RAHMAN ABAD</t>
  </si>
  <si>
    <t>rehmanabad</t>
  </si>
  <si>
    <t>106275</t>
  </si>
  <si>
    <t>6532</t>
  </si>
  <si>
    <t>18201</t>
  </si>
  <si>
    <t>3359</t>
  </si>
  <si>
    <t>2459</t>
  </si>
  <si>
    <t>16646</t>
  </si>
  <si>
    <t>GGPS HUSSAIN ABAD TANDLIANWALA</t>
  </si>
  <si>
    <t>TANDLIANWALA 1 - FEMALE</t>
  </si>
  <si>
    <t>MOHALA</t>
  </si>
  <si>
    <t>GGPS HUSSAIN ABAD OKARA ROAD TEHSIL TANDLIANWALA</t>
  </si>
  <si>
    <t>Hussaina Bad</t>
  </si>
  <si>
    <t>MC Tandlianwala</t>
  </si>
  <si>
    <t>Ghazala Asghar</t>
  </si>
  <si>
    <t>3949</t>
  </si>
  <si>
    <t>38836</t>
  </si>
  <si>
    <t>20768</t>
  </si>
  <si>
    <t>GPS MODEL LALA DERA</t>
  </si>
  <si>
    <t>Gul Dera</t>
  </si>
  <si>
    <t>lala dera</t>
  </si>
  <si>
    <t>Lala Dera</t>
  </si>
  <si>
    <t>Sanjar</t>
  </si>
  <si>
    <t>Munaza Jabeen</t>
  </si>
  <si>
    <t>1767</t>
  </si>
  <si>
    <t>15882</t>
  </si>
  <si>
    <t>GPS CHAK 248 RBI DALOWAL</t>
  </si>
  <si>
    <t>KHANUANA 1 - MALE</t>
  </si>
  <si>
    <t>GPS 248 RB 1 DALOWAL</t>
  </si>
  <si>
    <t>CHAK NO 248 RB</t>
  </si>
  <si>
    <t>Bismillahpur</t>
  </si>
  <si>
    <t>Safinah Kausar</t>
  </si>
  <si>
    <t>40258</t>
  </si>
  <si>
    <t>46280</t>
  </si>
  <si>
    <t>23771</t>
  </si>
  <si>
    <t>GES ISMAILKAY</t>
  </si>
  <si>
    <t>Ismailky</t>
  </si>
  <si>
    <t>village ismailky p/o wadala sandhwan daska sialkot</t>
  </si>
  <si>
    <t>Iftikhar Ali</t>
  </si>
  <si>
    <t>3923</t>
  </si>
  <si>
    <t>12243</t>
  </si>
  <si>
    <t>16882</t>
  </si>
  <si>
    <t>GGHS KHEWA</t>
  </si>
  <si>
    <t>Khewa</t>
  </si>
  <si>
    <t>khewa</t>
  </si>
  <si>
    <t>Seerat Zaidi</t>
  </si>
  <si>
    <t>47246</t>
  </si>
  <si>
    <t>21738</t>
  </si>
  <si>
    <t>GHS GHARMULA VIRKAN</t>
  </si>
  <si>
    <t>GaRMULA VIRKAN</t>
  </si>
  <si>
    <t>GHS garmula virkan</t>
  </si>
  <si>
    <t>GaRMOLA  VIRKAN</t>
  </si>
  <si>
    <t>abdul rashid</t>
  </si>
  <si>
    <t>22991</t>
  </si>
  <si>
    <t>GGHS GANJA</t>
  </si>
  <si>
    <t>Govt. Girls High School Gunja.Tehsil Kharian. District Gujrat..</t>
  </si>
  <si>
    <t>Rubina Kousar</t>
  </si>
  <si>
    <t>39349</t>
  </si>
  <si>
    <t>33349</t>
  </si>
  <si>
    <t>GGPS MISSION</t>
  </si>
  <si>
    <t>NAWANPIND</t>
  </si>
  <si>
    <t>GGPS MISSION NAWAN PIND CHAK 78</t>
  </si>
  <si>
    <t>Fozia Nazir</t>
  </si>
  <si>
    <t>WATER COOLER</t>
  </si>
  <si>
    <t>28706</t>
  </si>
  <si>
    <t>15184</t>
  </si>
  <si>
    <t>GGES CHAK 116 GB SATIANA</t>
  </si>
  <si>
    <t>Chak no 116GB</t>
  </si>
  <si>
    <t>Chak No 116 GB</t>
  </si>
  <si>
    <t>Kaniz Fatima Khatoon</t>
  </si>
  <si>
    <t>15915</t>
  </si>
  <si>
    <t>47886</t>
  </si>
  <si>
    <t>GGHS SHAH HUSSAIN GUJRAT</t>
  </si>
  <si>
    <t>MOHALLAH SHAH HUSSAIN GUJRAT</t>
  </si>
  <si>
    <t>City GUJRAT</t>
  </si>
  <si>
    <t>Mrs. Fozia Naz</t>
  </si>
  <si>
    <t>9946</t>
  </si>
  <si>
    <t>GGHS CHAK NO.98/ML</t>
  </si>
  <si>
    <t>98/ml</t>
  </si>
  <si>
    <t>chak no.98/ml teh karor dist.layyah</t>
  </si>
  <si>
    <t>RAHAT PERVEEN</t>
  </si>
  <si>
    <t>GHS CHAK NO.125-B/TDA</t>
  </si>
  <si>
    <t>Sumra Thal Jandi</t>
  </si>
  <si>
    <t>GHS CHAK NO.125-B/TDA LAYYAH</t>
  </si>
  <si>
    <t>CHAK NO.125-B/TDA LAYYAH</t>
  </si>
  <si>
    <t>Naveed Ahmad Khan</t>
  </si>
  <si>
    <t>6859</t>
  </si>
  <si>
    <t>18005</t>
  </si>
  <si>
    <t>51684</t>
  </si>
  <si>
    <t>47428</t>
  </si>
  <si>
    <t>47005</t>
  </si>
  <si>
    <t>33307</t>
  </si>
  <si>
    <t>GGPS NAWAN PIND VIRKAN</t>
  </si>
  <si>
    <t>nawan pind virkan chak 14</t>
  </si>
  <si>
    <t>Nawan Pind Virkan</t>
  </si>
  <si>
    <t>Nawan Pind Chak No 78</t>
  </si>
  <si>
    <t>Aysha Niaz</t>
  </si>
  <si>
    <t>9155</t>
  </si>
  <si>
    <t>9477</t>
  </si>
  <si>
    <t>9401</t>
  </si>
  <si>
    <t>GGPS MC DHOK HASSU</t>
  </si>
  <si>
    <t>Dhoke Hassu</t>
  </si>
  <si>
    <t>Model colony dhoke hassu</t>
  </si>
  <si>
    <t>Dhoke Hassu South</t>
  </si>
  <si>
    <t>musawara shaheen</t>
  </si>
  <si>
    <t>5513</t>
  </si>
  <si>
    <t>14638</t>
  </si>
  <si>
    <t>GGPS REHMAN PURA FSD</t>
  </si>
  <si>
    <t>mustafabad</t>
  </si>
  <si>
    <t>Farwa Saleem</t>
  </si>
  <si>
    <t>11046</t>
  </si>
  <si>
    <t>45380</t>
  </si>
  <si>
    <t>20717</t>
  </si>
  <si>
    <t>GGES KOTLI MUGHLAN</t>
  </si>
  <si>
    <t>Kotli Mughlan</t>
  </si>
  <si>
    <t>kotli mughlan Gujranwala</t>
  </si>
  <si>
    <t>kishwar naheed</t>
  </si>
  <si>
    <t>38196</t>
  </si>
  <si>
    <t>GGHS CHAK NO.429 EB</t>
  </si>
  <si>
    <t>Chack No. 429eb Burewala</t>
  </si>
  <si>
    <t>Chack No 429/Eb</t>
  </si>
  <si>
    <t>199/Eb</t>
  </si>
  <si>
    <t>Aasia Noreen</t>
  </si>
  <si>
    <t>11634</t>
  </si>
  <si>
    <t>26574</t>
  </si>
  <si>
    <t>45425</t>
  </si>
  <si>
    <t>GPS CHAK NO. 4 RDW</t>
  </si>
  <si>
    <t>Rakh Dullewala</t>
  </si>
  <si>
    <t>chak no 4 rakh dullewala</t>
  </si>
  <si>
    <t>Ghulam Mustafa Muntazir</t>
  </si>
  <si>
    <t>23260</t>
  </si>
  <si>
    <t>15848</t>
  </si>
  <si>
    <t>GES CHAK 271 JB FSD</t>
  </si>
  <si>
    <t>NARWALA - MALE</t>
  </si>
  <si>
    <t>271 Jb</t>
  </si>
  <si>
    <t>G E S 271 JB FSD</t>
  </si>
  <si>
    <t>34 Jb</t>
  </si>
  <si>
    <t>Afzaal Hussain</t>
  </si>
  <si>
    <t>45426</t>
  </si>
  <si>
    <t>GPS BEHRAM KHEL</t>
  </si>
  <si>
    <t>Rakh Dulle Wala</t>
  </si>
  <si>
    <t>chak no 2 RDW Dulle walla</t>
  </si>
  <si>
    <t>Behram Khel</t>
  </si>
  <si>
    <t>Rural Dulle Wala</t>
  </si>
  <si>
    <t>15451</t>
  </si>
  <si>
    <t>4730</t>
  </si>
  <si>
    <t>GPS CHAK NO.86/TDA</t>
  </si>
  <si>
    <t>THAL JANDI MALE</t>
  </si>
  <si>
    <t>86/tda</t>
  </si>
  <si>
    <t>chak no 86tda karor layyah</t>
  </si>
  <si>
    <t>86TDA</t>
  </si>
  <si>
    <t>Karor Thal Jundi</t>
  </si>
  <si>
    <t>Syed Saqlain Hussain Shah</t>
  </si>
  <si>
    <t>8489</t>
  </si>
  <si>
    <t>23678</t>
  </si>
  <si>
    <t>GGHS SEOKAY</t>
  </si>
  <si>
    <t>seokay</t>
  </si>
  <si>
    <t>seokay, teh daska.district sialkot</t>
  </si>
  <si>
    <t>Seokay</t>
  </si>
  <si>
    <t>Waseem Basharat</t>
  </si>
  <si>
    <t>14827</t>
  </si>
  <si>
    <t>20684</t>
  </si>
  <si>
    <t>GGES PIPLI WALA</t>
  </si>
  <si>
    <t>PIPLIWALA</t>
  </si>
  <si>
    <t>Aqsa Naureen</t>
  </si>
  <si>
    <t>51450</t>
  </si>
  <si>
    <t>GPS CHAK 64 JB</t>
  </si>
  <si>
    <t>64 Jb</t>
  </si>
  <si>
    <t>chak no 64 jb seetal mansoran tehsil sadar distt faisalabad</t>
  </si>
  <si>
    <t>3656</t>
  </si>
  <si>
    <t>45538</t>
  </si>
  <si>
    <t>GPS BARRANGA GHARBI</t>
  </si>
  <si>
    <t>Barranga</t>
  </si>
  <si>
    <t>R/o barranga gharbi,P/o dullewala</t>
  </si>
  <si>
    <t>Mohammad Tariq</t>
  </si>
  <si>
    <t>37420</t>
  </si>
  <si>
    <t>15074</t>
  </si>
  <si>
    <t>GGES CHAK 656-7 GB II JARANWALA</t>
  </si>
  <si>
    <t>Savank Nagar</t>
  </si>
  <si>
    <t>chak no 656/7 mandi buchiana</t>
  </si>
  <si>
    <t>Chak No 657-/8</t>
  </si>
  <si>
    <t>aneela kiran</t>
  </si>
  <si>
    <t>25695</t>
  </si>
  <si>
    <t>46896</t>
  </si>
  <si>
    <t>20713</t>
  </si>
  <si>
    <t>GMPS ZAFAR ULLAH COLONY</t>
  </si>
  <si>
    <t>Zafarullah Coloney</t>
  </si>
  <si>
    <t>zafarullah colony ferozwala</t>
  </si>
  <si>
    <t>Zafarullah Colony</t>
  </si>
  <si>
    <t>Ferozewla</t>
  </si>
  <si>
    <t>12334</t>
  </si>
  <si>
    <t>10202</t>
  </si>
  <si>
    <t>15191</t>
  </si>
  <si>
    <t>16763</t>
  </si>
  <si>
    <t>GGES CHAK NO. 507 GB</t>
  </si>
  <si>
    <t>Rattan Gar</t>
  </si>
  <si>
    <t>chak No. 507 GB</t>
  </si>
  <si>
    <t>507 GB</t>
  </si>
  <si>
    <t>Sidra Fatima</t>
  </si>
  <si>
    <t>48859</t>
  </si>
  <si>
    <t>GGHS CHAK NO.111 SB</t>
  </si>
  <si>
    <t>111 Sb Sgd</t>
  </si>
  <si>
    <t>chak no.111 sb sgd</t>
  </si>
  <si>
    <t>Chak 111 Sb Sgd</t>
  </si>
  <si>
    <t>Zamara Nasir</t>
  </si>
  <si>
    <t>39173</t>
  </si>
  <si>
    <t>GGPS BHATU</t>
  </si>
  <si>
    <t>BAHTER - FEMALE</t>
  </si>
  <si>
    <t>Bathu</t>
  </si>
  <si>
    <t>bathu</t>
  </si>
  <si>
    <t>Jabbi Kasran</t>
  </si>
  <si>
    <t>Rehmat Jan</t>
  </si>
  <si>
    <t>18114</t>
  </si>
  <si>
    <t>14032</t>
  </si>
  <si>
    <t>GHS JHAMMAT SHUMALI</t>
  </si>
  <si>
    <t>jhammat shumali</t>
  </si>
  <si>
    <t>SOHAIL AHMED</t>
  </si>
  <si>
    <t>13571</t>
  </si>
  <si>
    <t>8009</t>
  </si>
  <si>
    <t>29126</t>
  </si>
  <si>
    <t>GGHS LAKHNAY KAY</t>
  </si>
  <si>
    <t>Lakhneykay</t>
  </si>
  <si>
    <t>lakhneykay</t>
  </si>
  <si>
    <t>MALIHA YAMEEN</t>
  </si>
  <si>
    <t>18811</t>
  </si>
  <si>
    <t>GGPS BASTI NOSHARA</t>
  </si>
  <si>
    <t>Landa Badhera</t>
  </si>
  <si>
    <t>basti noshera tehsil ctn district bwn</t>
  </si>
  <si>
    <t>Basti Noshera</t>
  </si>
  <si>
    <t>Chak No10 F/w</t>
  </si>
  <si>
    <t>Raheela Yasmin</t>
  </si>
  <si>
    <t>1672</t>
  </si>
  <si>
    <t>29606</t>
  </si>
  <si>
    <t>GHS BHOPE WAL CHAK NO.23</t>
  </si>
  <si>
    <t>bhopewal chak no.23</t>
  </si>
  <si>
    <t>Bhopewal Chak No.23 pattoki (kasur)</t>
  </si>
  <si>
    <t>Bhopewal Chak No.23</t>
  </si>
  <si>
    <t>nasir mehmood</t>
  </si>
  <si>
    <t>4377</t>
  </si>
  <si>
    <t>43064</t>
  </si>
  <si>
    <t>GHS JETHAL CHAKWAL</t>
  </si>
  <si>
    <t>JETHAL</t>
  </si>
  <si>
    <t>VPO JETHAL TEHSIL AND DISTT CHAKWAL</t>
  </si>
  <si>
    <t>CH. MUHAMMAD UMRAIZ</t>
  </si>
  <si>
    <t>18399</t>
  </si>
  <si>
    <t>31977</t>
  </si>
  <si>
    <t>GGES WARA IMAMDIN SHARQI</t>
  </si>
  <si>
    <t>Wara Imam Din</t>
  </si>
  <si>
    <t>Wara Imam Din Sharqi</t>
  </si>
  <si>
    <t>Manawala Karpal   Mananwala Karpal Singh</t>
  </si>
  <si>
    <t>47780</t>
  </si>
  <si>
    <t>13264</t>
  </si>
  <si>
    <t>GGPS MOZA KALLAR WALI</t>
  </si>
  <si>
    <t>kalar wali</t>
  </si>
  <si>
    <t>toheed abad kalar wali jatoi  m.garh</t>
  </si>
  <si>
    <t>toheed abad</t>
  </si>
  <si>
    <t>Aqeela Nawaz Khan</t>
  </si>
  <si>
    <t>49969</t>
  </si>
  <si>
    <t>13353</t>
  </si>
  <si>
    <t>GHSS MUHAMMAD PUR</t>
  </si>
  <si>
    <t>MUHAMMAD PUR -2</t>
  </si>
  <si>
    <t>P\O MUHAMMAD PUR U/C MUHAMMAD PUR-2</t>
  </si>
  <si>
    <t>MUHAMMAD PUR</t>
  </si>
  <si>
    <t>MUHAMMAD PUR-2</t>
  </si>
  <si>
    <t>Abdul Hamid</t>
  </si>
  <si>
    <t>3030</t>
  </si>
  <si>
    <t>46152</t>
  </si>
  <si>
    <t>GHS TECHNICAL MODEL JAUHAR ABAD</t>
  </si>
  <si>
    <t>Near college jauharabad</t>
  </si>
  <si>
    <t>HABIB ULLAH KHAN</t>
  </si>
  <si>
    <t>72386</t>
  </si>
  <si>
    <t>3016</t>
  </si>
  <si>
    <t>44886</t>
  </si>
  <si>
    <t>GGES KALLUR KOT CITY</t>
  </si>
  <si>
    <t>Kallur Kot</t>
  </si>
  <si>
    <t>kallur kot</t>
  </si>
  <si>
    <t>Kallur Kot Urban</t>
  </si>
  <si>
    <t>30056</t>
  </si>
  <si>
    <t>29800</t>
  </si>
  <si>
    <t>15536</t>
  </si>
  <si>
    <t>GGCMES CHAK 41 GB SAMUNDRI</t>
  </si>
  <si>
    <t>Jugdey</t>
  </si>
  <si>
    <t>chak no.41gb</t>
  </si>
  <si>
    <t>41gb</t>
  </si>
  <si>
    <t>Chak 41gb</t>
  </si>
  <si>
    <t>Asia Saeed</t>
  </si>
  <si>
    <t>25634</t>
  </si>
  <si>
    <t>36916</t>
  </si>
  <si>
    <t>GMPS NAWAN SHEHAR ABDUL HAKIM</t>
  </si>
  <si>
    <t>G.M.P.S Nawan Shehr Abdul Hakim</t>
  </si>
  <si>
    <t>MC Abdul Hakim</t>
  </si>
  <si>
    <t>Rukhsana Tabasam</t>
  </si>
  <si>
    <t>8628</t>
  </si>
  <si>
    <t>29154</t>
  </si>
  <si>
    <t>21744</t>
  </si>
  <si>
    <t>GHS LALA PUR</t>
  </si>
  <si>
    <t>LALA PUR</t>
  </si>
  <si>
    <t>Lala pur</t>
  </si>
  <si>
    <t>Mattu Bhaiky</t>
  </si>
  <si>
    <t>Muhammad Malik Virk</t>
  </si>
  <si>
    <t>8182</t>
  </si>
  <si>
    <t>54858</t>
  </si>
  <si>
    <t>46674</t>
  </si>
  <si>
    <t>24702</t>
  </si>
  <si>
    <t>GHS DALOWALI</t>
  </si>
  <si>
    <t>Dalowali</t>
  </si>
  <si>
    <t>viilage and po dalowali</t>
  </si>
  <si>
    <t>ARSHAD JAVED</t>
  </si>
  <si>
    <t>6914</t>
  </si>
  <si>
    <t>GGES KHEMGARH</t>
  </si>
  <si>
    <t>Khaim Garh</t>
  </si>
  <si>
    <t>khaim garh p/o sadiq nagar bahawal nagar</t>
  </si>
  <si>
    <t>Razia Qadir</t>
  </si>
  <si>
    <t>39185</t>
  </si>
  <si>
    <t>GGPS DHOK ALI MUHAMMAD</t>
  </si>
  <si>
    <t>Dhoke Ali Muhammad Muhammad</t>
  </si>
  <si>
    <t>Dhoke Ali Muhammad Teh Fateh Jang Distt Attock</t>
  </si>
  <si>
    <t>Dhoke Ali Muhammad</t>
  </si>
  <si>
    <t>Saima Anjum</t>
  </si>
  <si>
    <t>45230</t>
  </si>
  <si>
    <t>8797</t>
  </si>
  <si>
    <t>GGHS MODEL DAUNA</t>
  </si>
  <si>
    <t>Dauna</t>
  </si>
  <si>
    <t>dauna</t>
  </si>
  <si>
    <t>FOUZIA JAVED</t>
  </si>
  <si>
    <t>89025</t>
  </si>
  <si>
    <t>35532</t>
  </si>
  <si>
    <t>GHS 122/WB</t>
  </si>
  <si>
    <t>CHAK 122WB, MAILSI DISTRICT VEHARI</t>
  </si>
  <si>
    <t>122/WB</t>
  </si>
  <si>
    <t>SANDAH</t>
  </si>
  <si>
    <t>HASSAN BAKHSH</t>
  </si>
  <si>
    <t>3826</t>
  </si>
  <si>
    <t>37606</t>
  </si>
  <si>
    <t>GMPS 130/15-L QUARTER, MIAN CHANNU</t>
  </si>
  <si>
    <t>130/15L</t>
  </si>
  <si>
    <t>GMPS 130/15-l quarter</t>
  </si>
  <si>
    <t>130/15LQ</t>
  </si>
  <si>
    <t>131/15-l</t>
  </si>
  <si>
    <t>Saira Yasmeen</t>
  </si>
  <si>
    <t>12873</t>
  </si>
  <si>
    <t>9713</t>
  </si>
  <si>
    <t>GGPS CHAK NO 412 TDA</t>
  </si>
  <si>
    <t>GGPS412/TDA TEH CHOUBARA DISTRCT LYYAH</t>
  </si>
  <si>
    <t>Chak No 412TDA</t>
  </si>
  <si>
    <t>CHAK NO 452TDA</t>
  </si>
  <si>
    <t>19632</t>
  </si>
  <si>
    <t>41432</t>
  </si>
  <si>
    <t>GGPS KARLOT</t>
  </si>
  <si>
    <t>chattar Karlot</t>
  </si>
  <si>
    <t>Asmah Hassan</t>
  </si>
  <si>
    <t>50154</t>
  </si>
  <si>
    <t>GGHS 7/11-L LAHORIANA WALA</t>
  </si>
  <si>
    <t>7/11L</t>
  </si>
  <si>
    <t>Chak No. 7/11.L(Lahorianwala) Teh. Chichawatni Distt. Sahiwal.</t>
  </si>
  <si>
    <t>23656</t>
  </si>
  <si>
    <t>GGHS DASKA KALAN</t>
  </si>
  <si>
    <t>govt girls high school daska kalan</t>
  </si>
  <si>
    <t>daska kalan</t>
  </si>
  <si>
    <t>daska</t>
  </si>
  <si>
    <t>Tallat Yasmin</t>
  </si>
  <si>
    <t>28608</t>
  </si>
  <si>
    <t>GHS NIZAM PURA CHAK NO 2</t>
  </si>
  <si>
    <t>Nizampura</t>
  </si>
  <si>
    <t>nizampura chak no 2</t>
  </si>
  <si>
    <t>Nizampura Chak No 2</t>
  </si>
  <si>
    <t>Sadda Ottar</t>
  </si>
  <si>
    <t>Muhammad Yahya Hashmi</t>
  </si>
  <si>
    <t>9278</t>
  </si>
  <si>
    <t>GHS CHAK NO. 28/G</t>
  </si>
  <si>
    <t>chak no 28/G chishtian</t>
  </si>
  <si>
    <t>chak 28/G</t>
  </si>
  <si>
    <t>chak no 28/G</t>
  </si>
  <si>
    <t>latif ullah</t>
  </si>
  <si>
    <t>130560</t>
  </si>
  <si>
    <t>1148</t>
  </si>
  <si>
    <t>35055</t>
  </si>
  <si>
    <t>GGHSS 173 EB</t>
  </si>
  <si>
    <t>chak no 173</t>
  </si>
  <si>
    <t>mrs  abida aslam</t>
  </si>
  <si>
    <t>GPS CHAK 32 JB II</t>
  </si>
  <si>
    <t>32 Jb</t>
  </si>
  <si>
    <t>chak no.32 jb .jhugiyan</t>
  </si>
  <si>
    <t>Chak No32jb2nd</t>
  </si>
  <si>
    <t>34 Jbsouth</t>
  </si>
  <si>
    <t>Abdul Hafeez</t>
  </si>
  <si>
    <t>13533</t>
  </si>
  <si>
    <t>11813</t>
  </si>
  <si>
    <t>GGPS SHAHEED ABAD</t>
  </si>
  <si>
    <t>Panwarshumali</t>
  </si>
  <si>
    <t>basti shaheed abad p/o mehmoodkot city tehsil kot addu district muzaffar garh</t>
  </si>
  <si>
    <t>Mehmoodkot</t>
  </si>
  <si>
    <t>Shahida Rubab</t>
  </si>
  <si>
    <t>2322</t>
  </si>
  <si>
    <t>46126</t>
  </si>
  <si>
    <t>GHS BIJAR</t>
  </si>
  <si>
    <t>Bijar, distt. Khushab</t>
  </si>
  <si>
    <t>Muhammad Aziz</t>
  </si>
  <si>
    <t>50084</t>
  </si>
  <si>
    <t>44984</t>
  </si>
  <si>
    <t>GMPS ALI PUR BHATTIAN</t>
  </si>
  <si>
    <t>Kallurkot</t>
  </si>
  <si>
    <t>Ali pur Bhattian  Kallurkot (Bhakkar)</t>
  </si>
  <si>
    <t>Ali Pur Bhattian</t>
  </si>
  <si>
    <t>Noon Daggar</t>
  </si>
  <si>
    <t>Nabila Mehvish</t>
  </si>
  <si>
    <t>7073</t>
  </si>
  <si>
    <t>36160</t>
  </si>
  <si>
    <t>GGHS 62 WB</t>
  </si>
  <si>
    <t>62wb</t>
  </si>
  <si>
    <t>gghs 62wb vehari</t>
  </si>
  <si>
    <t>58wb</t>
  </si>
  <si>
    <t>Asia Rehmat</t>
  </si>
  <si>
    <t>49005</t>
  </si>
  <si>
    <t>41730</t>
  </si>
  <si>
    <t>GPS TAYYAB WALA CHAK NO. 436 TDA</t>
  </si>
  <si>
    <t>Chak no. 436/TDA</t>
  </si>
  <si>
    <t>Chak 436/TDA</t>
  </si>
  <si>
    <t>GGHS KHANQAH SHARIF</t>
  </si>
  <si>
    <t>Khanqah Sharif</t>
  </si>
  <si>
    <t>gghs khanqah sharif bwp</t>
  </si>
  <si>
    <t>NAEEM AKHTER</t>
  </si>
  <si>
    <t>32886</t>
  </si>
  <si>
    <t>37890</t>
  </si>
  <si>
    <t>GGHS 110/10-R JAHANIAN</t>
  </si>
  <si>
    <t>Chak No 110/10r</t>
  </si>
  <si>
    <t>GGHS 110/10-R Jahanian</t>
  </si>
  <si>
    <t>106/10r</t>
  </si>
  <si>
    <t>Nimra Fatima</t>
  </si>
  <si>
    <t>10288</t>
  </si>
  <si>
    <t>GGPS CHAK NO.294/TDA</t>
  </si>
  <si>
    <t>294 Tda</t>
  </si>
  <si>
    <t>294 tda</t>
  </si>
  <si>
    <t>Noshrhra Kalan</t>
  </si>
  <si>
    <t>GES AJNIAN WALA</t>
  </si>
  <si>
    <t>Ajnianwala</t>
  </si>
  <si>
    <t>GES Ajnianwala, sheikhupura</t>
  </si>
  <si>
    <t>3888</t>
  </si>
  <si>
    <t>GES CHAK 392 JB I</t>
  </si>
  <si>
    <t>392 Jb 1</t>
  </si>
  <si>
    <t>Chak no 392 jb 1</t>
  </si>
  <si>
    <t>Abdul Razzaq</t>
  </si>
  <si>
    <t>4081</t>
  </si>
  <si>
    <t>30932</t>
  </si>
  <si>
    <t>11485</t>
  </si>
  <si>
    <t>GGPS MUD SONHARAY SHAH</t>
  </si>
  <si>
    <t>KHAIR PUR-I- FEMALE</t>
  </si>
  <si>
    <t>Mud Sohara Shah</t>
  </si>
  <si>
    <t>mud sohara shah tahisel ali pur distrek mzafar ghar</t>
  </si>
  <si>
    <t>Basti BOSAN</t>
  </si>
  <si>
    <t>Murad Pur Janobi</t>
  </si>
  <si>
    <t>M  Safdar</t>
  </si>
  <si>
    <t>10455</t>
  </si>
  <si>
    <t>38763</t>
  </si>
  <si>
    <t>GHSS ATTOCK NO.2</t>
  </si>
  <si>
    <t>ATTOCK CITY</t>
  </si>
  <si>
    <t>MOH. MEHR PURA ATTOCK</t>
  </si>
  <si>
    <t>muhammad hanif</t>
  </si>
  <si>
    <t>23922</t>
  </si>
  <si>
    <t>GHS SALEEM ABAD</t>
  </si>
  <si>
    <t>Selra</t>
  </si>
  <si>
    <t>P.O Saleem abad</t>
  </si>
  <si>
    <t>Saleem abad</t>
  </si>
  <si>
    <t>Qamber shah</t>
  </si>
  <si>
    <t>38017</t>
  </si>
  <si>
    <t>GES RAHUJA P/O GOGRAN</t>
  </si>
  <si>
    <t>basti shair wala p/o gogran lodhran</t>
  </si>
  <si>
    <t>Shair Wala</t>
  </si>
  <si>
    <t>6203</t>
  </si>
  <si>
    <t>19686</t>
  </si>
  <si>
    <t>GHSS BHOWANA</t>
  </si>
  <si>
    <t>Bhowana</t>
  </si>
  <si>
    <t>MC BHOWANA</t>
  </si>
  <si>
    <t>MUNAWAR ABBAS</t>
  </si>
  <si>
    <t>14546</t>
  </si>
  <si>
    <t>3657</t>
  </si>
  <si>
    <t>25256</t>
  </si>
  <si>
    <t>51916</t>
  </si>
  <si>
    <t>GGPS DHUTAL</t>
  </si>
  <si>
    <t>ADALAT GARH - FEMALE</t>
  </si>
  <si>
    <t>Dhuttal</t>
  </si>
  <si>
    <t>dhuttal</t>
  </si>
  <si>
    <t>Adalat Garh</t>
  </si>
  <si>
    <t>Nafeesa Kazmi</t>
  </si>
  <si>
    <t>50642</t>
  </si>
  <si>
    <t>16496</t>
  </si>
  <si>
    <t>GPS THATHA FAZAL SHAH TANDLIANWALA</t>
  </si>
  <si>
    <t>Pindi Shaikh Mosa</t>
  </si>
  <si>
    <t>gpsthatafazalshah</t>
  </si>
  <si>
    <t>Thatha Fazal Shah</t>
  </si>
  <si>
    <t>M Usman</t>
  </si>
  <si>
    <t>15694</t>
  </si>
  <si>
    <t>6946</t>
  </si>
  <si>
    <t>GES CHAK NO. 193/P</t>
  </si>
  <si>
    <t>GORHELA-MALE</t>
  </si>
  <si>
    <t>Chak No 193/P</t>
  </si>
  <si>
    <t>Govt Boys E/S Chak no 193/P</t>
  </si>
  <si>
    <t>Chak 193/P</t>
  </si>
  <si>
    <t>Chak No 173/P</t>
  </si>
  <si>
    <t>Usman Anjum</t>
  </si>
  <si>
    <t>30391</t>
  </si>
  <si>
    <t>40556</t>
  </si>
  <si>
    <t>GHS FORT ABBAS</t>
  </si>
  <si>
    <t>Govt. Model High School fortabbas</t>
  </si>
  <si>
    <t>Fortabbas</t>
  </si>
  <si>
    <t>M.C Fortabbas</t>
  </si>
  <si>
    <t>RANA HAMID AKHTAR</t>
  </si>
  <si>
    <t>79570</t>
  </si>
  <si>
    <t>GGPS BASTI KHOKHARAN WALI</t>
  </si>
  <si>
    <t>Thakhtal Mahil Hithar</t>
  </si>
  <si>
    <t>Basti Khokhrain Wali Markz Madrassa</t>
  </si>
  <si>
    <t>Khokhrain Wali</t>
  </si>
  <si>
    <t>Takhat Mehal</t>
  </si>
  <si>
    <t>TASLEEM NAZ</t>
  </si>
  <si>
    <t>4401</t>
  </si>
  <si>
    <t>GGHS LOONA</t>
  </si>
  <si>
    <t>Village loona kahuta</t>
  </si>
  <si>
    <t>Naeema Munir</t>
  </si>
  <si>
    <t>22566</t>
  </si>
  <si>
    <t>41566</t>
  </si>
  <si>
    <t>GGHS DHERI HASSAN ABAD</t>
  </si>
  <si>
    <t>GOVT GIRLS HIGH SCHOOL DHERI HASSANABAD,RAWALPINDI</t>
  </si>
  <si>
    <t>Dheri Hassanabad</t>
  </si>
  <si>
    <t>CANTT AREA</t>
  </si>
  <si>
    <t>MANAZZA MANAWAR</t>
  </si>
  <si>
    <t>31896</t>
  </si>
  <si>
    <t>36534</t>
  </si>
  <si>
    <t>GGHSS ABDUL HAKIM, ABDUL HAKIM</t>
  </si>
  <si>
    <t>ABDUL HAKIM</t>
  </si>
  <si>
    <t>hospital road abdul hakim</t>
  </si>
  <si>
    <t>Fouzia Firdous</t>
  </si>
  <si>
    <t>46240</t>
  </si>
  <si>
    <t>38976</t>
  </si>
  <si>
    <t>GGHS DHURNAL</t>
  </si>
  <si>
    <t>vpo dhurnal</t>
  </si>
  <si>
    <t>3380</t>
  </si>
  <si>
    <t>44507</t>
  </si>
  <si>
    <t>46558</t>
  </si>
  <si>
    <t>16360</t>
  </si>
  <si>
    <t>GGPS CHAK 103 JB</t>
  </si>
  <si>
    <t>103 JB BARNALA</t>
  </si>
  <si>
    <t>103 JB</t>
  </si>
  <si>
    <t>102 BURAJ</t>
  </si>
  <si>
    <t>31307</t>
  </si>
  <si>
    <t>29061</t>
  </si>
  <si>
    <t>GGHS KASUR HAJI FARID ROAD</t>
  </si>
  <si>
    <t>Haji Fareed Road</t>
  </si>
  <si>
    <t>gghs haji fareed road kasur</t>
  </si>
  <si>
    <t>Rahila arif</t>
  </si>
  <si>
    <t>5409</t>
  </si>
  <si>
    <t>22865</t>
  </si>
  <si>
    <t>GHS SEEKARIALI</t>
  </si>
  <si>
    <t>Sikeryali</t>
  </si>
  <si>
    <t>GHS Sikeryali</t>
  </si>
  <si>
    <t>GGES 109/15-L, MIAN CHANNU</t>
  </si>
  <si>
    <t>chak no 109/15.L</t>
  </si>
  <si>
    <t>109/15L</t>
  </si>
  <si>
    <t>100/15L</t>
  </si>
  <si>
    <t>Naseem  Saleh</t>
  </si>
  <si>
    <t>6664</t>
  </si>
  <si>
    <t>39769</t>
  </si>
  <si>
    <t>GPS DHOK BILAL</t>
  </si>
  <si>
    <t>Thatti Syedan</t>
  </si>
  <si>
    <t>v&amp;p.o  thatti syedan  dk Bilal</t>
  </si>
  <si>
    <t>6296</t>
  </si>
  <si>
    <t>38479</t>
  </si>
  <si>
    <t>32183</t>
  </si>
  <si>
    <t>50512</t>
  </si>
  <si>
    <t>GGHS 9/11-L</t>
  </si>
  <si>
    <t>9/11-l</t>
  </si>
  <si>
    <t>chak no 9/11-l chichawatni</t>
  </si>
  <si>
    <t>chak no 9/11-l</t>
  </si>
  <si>
    <t>chak no 8/11-l</t>
  </si>
  <si>
    <t>15712</t>
  </si>
  <si>
    <t>GHS CHAK 222 GB SAMUNDRI FSD</t>
  </si>
  <si>
    <t>CHAK NO 222/GB</t>
  </si>
  <si>
    <t>CHAK NO 222/GB TEH .SAMUNDRI DISTT.FAISALABAD</t>
  </si>
  <si>
    <t>CHAK NO 225/GB</t>
  </si>
  <si>
    <t>8754</t>
  </si>
  <si>
    <t>21419</t>
  </si>
  <si>
    <t>29442</t>
  </si>
  <si>
    <t>48701</t>
  </si>
  <si>
    <t>43706</t>
  </si>
  <si>
    <t>GGHS KOT QAZI</t>
  </si>
  <si>
    <t>Kot Kazi</t>
  </si>
  <si>
    <t>vpo kotqazi</t>
  </si>
  <si>
    <t>Kotqazt</t>
  </si>
  <si>
    <t>Kotqazi</t>
  </si>
  <si>
    <t>Fehmida Hamdani</t>
  </si>
  <si>
    <t>21693</t>
  </si>
  <si>
    <t>GGPS GILGHITTI</t>
  </si>
  <si>
    <t>Galgitti</t>
  </si>
  <si>
    <t>galgitti p/o dhensar paien tehsil kamoke dist grw</t>
  </si>
  <si>
    <t>Zartashia Akram</t>
  </si>
  <si>
    <t>1727</t>
  </si>
  <si>
    <t>53578</t>
  </si>
  <si>
    <t>GHS MC OKARA</t>
  </si>
  <si>
    <t>GOVT.M.C HIGH SCHOOL OKARA</t>
  </si>
  <si>
    <t>MUNCIPAL COMMITTE OKARA</t>
  </si>
  <si>
    <t>AZHAR MAHMOOD</t>
  </si>
  <si>
    <t>53915</t>
  </si>
  <si>
    <t>37093</t>
  </si>
  <si>
    <t>GES 16/9-R, KACHA KHUH</t>
  </si>
  <si>
    <t>16/9-R</t>
  </si>
  <si>
    <t>Chak No. 16/9-R Kacha Khuh</t>
  </si>
  <si>
    <t>Haibat Khan</t>
  </si>
  <si>
    <t>36760</t>
  </si>
  <si>
    <t>28602</t>
  </si>
  <si>
    <t>GHSS KANGAN PUR</t>
  </si>
  <si>
    <t>Govt. Higher Secondary School kangan pur</t>
  </si>
  <si>
    <t>Muhammad Ali Bhatti</t>
  </si>
  <si>
    <t>tube well, water pump,govt. water supply</t>
  </si>
  <si>
    <t>46142</t>
  </si>
  <si>
    <t>GHS NAUSHERA</t>
  </si>
  <si>
    <t>naushera</t>
  </si>
  <si>
    <t>Mc Naushera</t>
  </si>
  <si>
    <t>Shah Muhammad</t>
  </si>
  <si>
    <t>39993</t>
  </si>
  <si>
    <t>GGHS JATIAL</t>
  </si>
  <si>
    <t>Jatial</t>
  </si>
  <si>
    <t>Gghs Jatial Hazro Attock.</t>
  </si>
  <si>
    <t>Bahadur Khan</t>
  </si>
  <si>
    <t>GHS CHRISTIAN DASKA</t>
  </si>
  <si>
    <t>CITY DASKA</t>
  </si>
  <si>
    <t>Kuchehri road daska</t>
  </si>
  <si>
    <t>City Daska</t>
  </si>
  <si>
    <t>Haq Pura</t>
  </si>
  <si>
    <t>IFTIKHAR JAVID AHMED CHEEMA</t>
  </si>
  <si>
    <t>35836</t>
  </si>
  <si>
    <t>GGPS 198 WB</t>
  </si>
  <si>
    <t>198wb</t>
  </si>
  <si>
    <t>chack no 198 W.B tehsil mailsi district vehari</t>
  </si>
  <si>
    <t>198 WBWB</t>
  </si>
  <si>
    <t>15166</t>
  </si>
  <si>
    <t>19255</t>
  </si>
  <si>
    <t>GGHS CHAK 247 GB</t>
  </si>
  <si>
    <t>247 GB</t>
  </si>
  <si>
    <t>G G H / S 247 G.B. T.T.SINGH</t>
  </si>
  <si>
    <t>251 GB</t>
  </si>
  <si>
    <t>FAHMIDA KHANUM</t>
  </si>
  <si>
    <t>21163</t>
  </si>
  <si>
    <t>21685</t>
  </si>
  <si>
    <t>GGPS MOHAN PUR BHATIAN</t>
  </si>
  <si>
    <t>Mohan Pur Bhatian</t>
  </si>
  <si>
    <t>mohen pur bhatian tehsil kamoki district gjw</t>
  </si>
  <si>
    <t>Mohen Pur Bhatian</t>
  </si>
  <si>
    <t>Chak Ramdas</t>
  </si>
  <si>
    <t>18359</t>
  </si>
  <si>
    <t>16675</t>
  </si>
  <si>
    <t>GGES CHAK 500 GB MAMUNKANJAN</t>
  </si>
  <si>
    <t>Bali Ka Chak</t>
  </si>
  <si>
    <t>GGES 500gb</t>
  </si>
  <si>
    <t>500 Gb</t>
  </si>
  <si>
    <t>498 Gb</t>
  </si>
  <si>
    <t>Asma Bibi</t>
  </si>
  <si>
    <t>21950</t>
  </si>
  <si>
    <t>38931</t>
  </si>
  <si>
    <t>GPS SURAG SALAR</t>
  </si>
  <si>
    <t>Surag</t>
  </si>
  <si>
    <t>GPS Surag,Attock</t>
  </si>
  <si>
    <t>Bushra Bukhari</t>
  </si>
  <si>
    <t>7066</t>
  </si>
  <si>
    <t>22442</t>
  </si>
  <si>
    <t>54799</t>
  </si>
  <si>
    <t>GGHS TOQEER SHAHEED LALA MUSA (NEWLY EST)</t>
  </si>
  <si>
    <t>GGHS TOQEER SHAHEED LALAMUSA,Sardar Pura Road Near Eid Gah Masjid</t>
  </si>
  <si>
    <t>SARDAR PURA</t>
  </si>
  <si>
    <t>Fouzia Bibi</t>
  </si>
  <si>
    <t>42660</t>
  </si>
  <si>
    <t>20457</t>
  </si>
  <si>
    <t>39138</t>
  </si>
  <si>
    <t>GGHS GULYAL FATEH JANG</t>
  </si>
  <si>
    <t>GULIAL</t>
  </si>
  <si>
    <t>GGHS GULIAL P/O KOT FATEH KHAN TEH FATEH JANG DISTRICT ATTOCK</t>
  </si>
  <si>
    <t>FARHAT ZAHRA</t>
  </si>
  <si>
    <t>17364</t>
  </si>
  <si>
    <t>GGHS OULAKH BHAIKE</t>
  </si>
  <si>
    <t>oulakh bhaike</t>
  </si>
  <si>
    <t>oulakh bhaike tehsil nowshera virkan (gujranwala)</t>
  </si>
  <si>
    <t>urgan</t>
  </si>
  <si>
    <t>SUMBAL SAHAB</t>
  </si>
  <si>
    <t>9945</t>
  </si>
  <si>
    <t>GGPS CHAK NO. 379/TDA</t>
  </si>
  <si>
    <t>Chak No 379 TDA</t>
  </si>
  <si>
    <t>Chak No. 379 TDA TEHSIL CHOUBARA DISTRICT LAYYAH</t>
  </si>
  <si>
    <t>Chak No 379/TDA</t>
  </si>
  <si>
    <t>Saharn452/TDA</t>
  </si>
  <si>
    <t>41087</t>
  </si>
  <si>
    <t>GGHS HOTHLA</t>
  </si>
  <si>
    <t>Mohra</t>
  </si>
  <si>
    <t>Gghs hothla p.o hothla tehsil kahuta distt. rawalpindi</t>
  </si>
  <si>
    <t>Rubina Begum</t>
  </si>
  <si>
    <t>4785</t>
  </si>
  <si>
    <t>15479</t>
  </si>
  <si>
    <t>GPS CHAK 165 GB WEST SAMUNDRI</t>
  </si>
  <si>
    <t>165 GB Harsa KOT</t>
  </si>
  <si>
    <t>Chak No. 165 GB, SAMUNDRI</t>
  </si>
  <si>
    <t>Zahid Rashid</t>
  </si>
  <si>
    <t>21050</t>
  </si>
  <si>
    <t>24731</t>
  </si>
  <si>
    <t>GGHS GONDAL</t>
  </si>
  <si>
    <t>gGHS Gondal</t>
  </si>
  <si>
    <t>Shazia Noureen</t>
  </si>
  <si>
    <t>GPS BODIAL</t>
  </si>
  <si>
    <t>Bodiyal</t>
  </si>
  <si>
    <t>village bodiyal po dhalla tehsil and district rawalpindi</t>
  </si>
  <si>
    <t>Adyala</t>
  </si>
  <si>
    <t>Chaudary Sajjad Akhter</t>
  </si>
  <si>
    <t>29241</t>
  </si>
  <si>
    <t>11593</t>
  </si>
  <si>
    <t>GPS KATEY MAR</t>
  </si>
  <si>
    <t>GUJRAT-II-MALE</t>
  </si>
  <si>
    <t>Khokhar</t>
  </si>
  <si>
    <t>Basti Katey Mar mouza khokhar tehsil kot addu district Muzaffargarh p/o Mehmood kot city</t>
  </si>
  <si>
    <t>Basti Katey Mar</t>
  </si>
  <si>
    <t>Alu Rid</t>
  </si>
  <si>
    <t>13657</t>
  </si>
  <si>
    <t>12738</t>
  </si>
  <si>
    <t>36131</t>
  </si>
  <si>
    <t>GGES 539 EB</t>
  </si>
  <si>
    <t>539/EB</t>
  </si>
  <si>
    <t>Chak#539/E.B Vehari</t>
  </si>
  <si>
    <t>537/EB</t>
  </si>
  <si>
    <t>Tahira Kalsoom</t>
  </si>
  <si>
    <t>23649</t>
  </si>
  <si>
    <t>16171</t>
  </si>
  <si>
    <t>GGES CHAK NO 276 RB</t>
  </si>
  <si>
    <t>Chak No 276RB</t>
  </si>
  <si>
    <t>chak no 276RB</t>
  </si>
  <si>
    <t>Gokowall</t>
  </si>
  <si>
    <t>275rb Kartarpor</t>
  </si>
  <si>
    <t>Nasreen Akhter</t>
  </si>
  <si>
    <t>45750</t>
  </si>
  <si>
    <t>39508</t>
  </si>
  <si>
    <t>GGHS MUKHAD</t>
  </si>
  <si>
    <t>gghs makhad tehsil jand district Attock</t>
  </si>
  <si>
    <t>15422</t>
  </si>
  <si>
    <t>GGHS CHAK 72 GB</t>
  </si>
  <si>
    <t>GGHS 72 GB</t>
  </si>
  <si>
    <t>NASIM AKHTAR</t>
  </si>
  <si>
    <t>15226</t>
  </si>
  <si>
    <t>10599</t>
  </si>
  <si>
    <t>GGHS CHAK NO.164-A/TDA</t>
  </si>
  <si>
    <t>Thal  Jandi</t>
  </si>
  <si>
    <t>GGHS164a/TDA Layyah</t>
  </si>
  <si>
    <t>Chak #164a</t>
  </si>
  <si>
    <t>Chak # 164 TDA</t>
  </si>
  <si>
    <t>30188</t>
  </si>
  <si>
    <t>19367</t>
  </si>
  <si>
    <t>GGHS CHAK 520 GB</t>
  </si>
  <si>
    <t>Toba Tek Singh</t>
  </si>
  <si>
    <t>gghs 520 gb</t>
  </si>
  <si>
    <t>Chak No 520 Gb</t>
  </si>
  <si>
    <t>Chak No 521 Gb</t>
  </si>
  <si>
    <t>Rufqa Sardar</t>
  </si>
  <si>
    <t>16178</t>
  </si>
  <si>
    <t>GHS CHAK 61 JB FSD</t>
  </si>
  <si>
    <t>61 Jb</t>
  </si>
  <si>
    <t>chak no 61 jb</t>
  </si>
  <si>
    <t>61 JB</t>
  </si>
  <si>
    <t>athar kamran gulzar</t>
  </si>
  <si>
    <t>3299</t>
  </si>
  <si>
    <t>10549</t>
  </si>
  <si>
    <t>GHS BHUTTAY WALA</t>
  </si>
  <si>
    <t>Sohanrawasawa</t>
  </si>
  <si>
    <t>bhuttaywala</t>
  </si>
  <si>
    <t>Bhuttay Wala</t>
  </si>
  <si>
    <t>9104</t>
  </si>
  <si>
    <t>37408</t>
  </si>
  <si>
    <t>GHS 43/15-L, MIAN CHANNU</t>
  </si>
  <si>
    <t>43/15-L</t>
  </si>
  <si>
    <t>Chak # 43/15-L</t>
  </si>
  <si>
    <t>Chak # 44/15-L</t>
  </si>
  <si>
    <t>Zeeshan Ahmad</t>
  </si>
  <si>
    <t>19240</t>
  </si>
  <si>
    <t>GHS CHAK 375 JB</t>
  </si>
  <si>
    <t>chak 375 Jb tts</t>
  </si>
  <si>
    <t>Chak No 375 Jb Tts</t>
  </si>
  <si>
    <t>MUHAMMAD JAVAID</t>
  </si>
  <si>
    <t>16880</t>
  </si>
  <si>
    <t>GGHS CHAK NO 446 JB</t>
  </si>
  <si>
    <t>Chak No 446 JB</t>
  </si>
  <si>
    <t>Govt Girls High School Chak No 446 JB Jhang</t>
  </si>
  <si>
    <t>GPS BORING GHULAM MUHAMMAD</t>
  </si>
  <si>
    <t>GPS Boring Ghulam Muhammad</t>
  </si>
  <si>
    <t>Boring Ghulam Muhammad</t>
  </si>
  <si>
    <t>Hina Shakeel</t>
  </si>
  <si>
    <t>28752</t>
  </si>
  <si>
    <t>35064</t>
  </si>
  <si>
    <t>GES CHAK NO.287 EB</t>
  </si>
  <si>
    <t>JAMLERA - MALE</t>
  </si>
  <si>
    <t>GES 287/E.B Burewala</t>
  </si>
  <si>
    <t>287/EB</t>
  </si>
  <si>
    <t>287/E.B</t>
  </si>
  <si>
    <t>MUBARIK ALI</t>
  </si>
  <si>
    <t>17778</t>
  </si>
  <si>
    <t>GGPS CHAK NO. 251 JB I</t>
  </si>
  <si>
    <t>Chak No251</t>
  </si>
  <si>
    <t>Chak No. 251</t>
  </si>
  <si>
    <t>Chak No 251</t>
  </si>
  <si>
    <t>Chak No 250</t>
  </si>
  <si>
    <t>Fozia</t>
  </si>
  <si>
    <t>4417</t>
  </si>
  <si>
    <t>15364</t>
  </si>
  <si>
    <t>GHS CHAK NO 108 GB FSD</t>
  </si>
  <si>
    <t>Chak No. 108/GB</t>
  </si>
  <si>
    <t>GHS 108/GB</t>
  </si>
  <si>
    <t>Chak No.106/GB</t>
  </si>
  <si>
    <t>7152</t>
  </si>
  <si>
    <t>12460</t>
  </si>
  <si>
    <t>15968</t>
  </si>
  <si>
    <t>GGES CHAK 34 JB NORTH</t>
  </si>
  <si>
    <t>Chak# 34 Jb N</t>
  </si>
  <si>
    <t>chak#34 jb N, fsd</t>
  </si>
  <si>
    <t>chak 34 jb N</t>
  </si>
  <si>
    <t>Sana Asghar</t>
  </si>
  <si>
    <t>GGPS BANGLOW KOT KHUDA YAR</t>
  </si>
  <si>
    <t>104jb</t>
  </si>
  <si>
    <t>chak104jb</t>
  </si>
  <si>
    <t>bagla kot khuda yar 104jb</t>
  </si>
  <si>
    <t>Saeed Ahmad</t>
  </si>
  <si>
    <t>25428</t>
  </si>
  <si>
    <t>GGPS CHAK 278 GB SATIANA</t>
  </si>
  <si>
    <t>Sheerka Chak</t>
  </si>
  <si>
    <t>chak no 278GB Jaranwala Faisalabad.</t>
  </si>
  <si>
    <t>Chak No 278GB Jaranwala Faisalabad</t>
  </si>
  <si>
    <t>Rurala Mandi</t>
  </si>
  <si>
    <t>Sobia Kirn</t>
  </si>
  <si>
    <t>16135</t>
  </si>
  <si>
    <t>GGES GHULAM MUHAMMAD ABAD NO. 2</t>
  </si>
  <si>
    <t>G M Abad No 2</t>
  </si>
  <si>
    <t>g m abad no 2</t>
  </si>
  <si>
    <t>Gm Abad No 2</t>
  </si>
  <si>
    <t>100 Jb</t>
  </si>
  <si>
    <t>Nusrat Batool</t>
  </si>
  <si>
    <t>GGHS CHAK 104 GB JARANWALA</t>
  </si>
  <si>
    <t>chak no 104gb</t>
  </si>
  <si>
    <t>Chak no 104gb</t>
  </si>
  <si>
    <t>63 GB</t>
  </si>
  <si>
    <t>SOBIA MUZAFFAR</t>
  </si>
  <si>
    <t>6626</t>
  </si>
  <si>
    <t>16094</t>
  </si>
  <si>
    <t>GES CHAK 88 JB</t>
  </si>
  <si>
    <t>Chak No. 88 J.b (Hassiana) tehsil &amp; district Faisalabad</t>
  </si>
  <si>
    <t>88 Jb</t>
  </si>
  <si>
    <t>88 Jb Hassiana</t>
  </si>
  <si>
    <t>Dr Liaqat Ali</t>
  </si>
  <si>
    <t>14511</t>
  </si>
  <si>
    <t>GHS 203 RB MALIKPUR</t>
  </si>
  <si>
    <t>CHAK NO.203 RB MALIKPUR</t>
  </si>
  <si>
    <t>2840</t>
  </si>
  <si>
    <t>14772</t>
  </si>
  <si>
    <t>GGHS GULISTAN COLONY</t>
  </si>
  <si>
    <t>aziz Fatima road near masjid quba millat chowk faisalabad</t>
  </si>
  <si>
    <t>Rukhsana Ismail</t>
  </si>
  <si>
    <t>14678</t>
  </si>
  <si>
    <t>GGES MC RASALA NO 12</t>
  </si>
  <si>
    <t>Firdous Colony</t>
  </si>
  <si>
    <t>M C Girls Middle School Rasala ,12  Faisalabad</t>
  </si>
  <si>
    <t>5265</t>
  </si>
  <si>
    <t>26852</t>
  </si>
  <si>
    <t>36873</t>
  </si>
  <si>
    <t>14683</t>
  </si>
  <si>
    <t>GGHS CHAK NO 225 RB</t>
  </si>
  <si>
    <t>CHAK NO 225 RB MALKHANWALA FAISALABAD</t>
  </si>
  <si>
    <t>Mamoona Yasmin</t>
  </si>
  <si>
    <t>FILTERED</t>
  </si>
  <si>
    <t>16794</t>
  </si>
  <si>
    <t>40203</t>
  </si>
  <si>
    <t>14741</t>
  </si>
  <si>
    <t>GHS TECHNICAL PEOPLES COLONY FSD</t>
  </si>
  <si>
    <t>GHS TECHNICAL PEOPLES COLONY NO. 1 FAISALABAD</t>
  </si>
  <si>
    <t>PEOPLES COLONY NO. 1</t>
  </si>
  <si>
    <t>Nisar Ahmad Awan</t>
  </si>
  <si>
    <t>55760</t>
  </si>
  <si>
    <t>14752</t>
  </si>
  <si>
    <t>GGHS MC JHAL KHNUANA FAISALABAD</t>
  </si>
  <si>
    <t>saleemi Chowk Jhalkhanuana Faisal Abad</t>
  </si>
  <si>
    <t>jhalkhanuana</t>
  </si>
  <si>
    <t>Safia</t>
  </si>
  <si>
    <t>1787</t>
  </si>
  <si>
    <t>45424</t>
  </si>
  <si>
    <t>16718</t>
  </si>
  <si>
    <t>GGPS 614/GB</t>
  </si>
  <si>
    <t>Baig Ka Chak</t>
  </si>
  <si>
    <t>GGPS 614 GB</t>
  </si>
  <si>
    <t>chak no 614 gB</t>
  </si>
  <si>
    <t>chak no 615 GB</t>
  </si>
  <si>
    <t>Khadija Yasmin Sabri</t>
  </si>
  <si>
    <t>3388</t>
  </si>
  <si>
    <t>GMPS  BASTI SAMLAN</t>
  </si>
  <si>
    <t>Qadir Bux Channar</t>
  </si>
  <si>
    <t>basti samlan</t>
  </si>
  <si>
    <t>Basti Samlan</t>
  </si>
  <si>
    <t>Jhangi Wala</t>
  </si>
  <si>
    <t>Farzana Yasmin</t>
  </si>
  <si>
    <t>3382</t>
  </si>
  <si>
    <t>40597</t>
  </si>
  <si>
    <t>GGES DOONGI</t>
  </si>
  <si>
    <t>Dhongi</t>
  </si>
  <si>
    <t>dhongi sohawa</t>
  </si>
  <si>
    <t>Maroofa Sultana</t>
  </si>
  <si>
    <t>17321</t>
  </si>
  <si>
    <t>30916</t>
  </si>
  <si>
    <t>GGHS MANDI RAIWIND</t>
  </si>
  <si>
    <t>Railway Road Raiwind</t>
  </si>
  <si>
    <t>Raiwind City</t>
  </si>
  <si>
    <t>amtul qadir athar</t>
  </si>
  <si>
    <t>39759</t>
  </si>
  <si>
    <t>32571</t>
  </si>
  <si>
    <t>GGPS NARRANGI</t>
  </si>
  <si>
    <t>narinjni</t>
  </si>
  <si>
    <t>Narinjni</t>
  </si>
  <si>
    <t>Zaiba Rani</t>
  </si>
  <si>
    <t>17465</t>
  </si>
  <si>
    <t>GHS DOUNA</t>
  </si>
  <si>
    <t>Govt Boys High School Douna</t>
  </si>
  <si>
    <t>Sohail Ahmad</t>
  </si>
  <si>
    <t>19427</t>
  </si>
  <si>
    <t>GPS CHAK 385 JB</t>
  </si>
  <si>
    <t>Chak 385 Jb</t>
  </si>
  <si>
    <t>chak no 385 jb</t>
  </si>
  <si>
    <t>Chak No 384 Jb Espur</t>
  </si>
  <si>
    <t>Muhammad Athar Hanif</t>
  </si>
  <si>
    <t>25085</t>
  </si>
  <si>
    <t>40771</t>
  </si>
  <si>
    <t>GGPS HATHIA KHAS</t>
  </si>
  <si>
    <t>Hathia Khas</t>
  </si>
  <si>
    <t>hathia Khas  post office hathia dhymail tehsile sohawa district  jhelum.</t>
  </si>
  <si>
    <t>Rizwana Shaheen</t>
  </si>
  <si>
    <t>12473</t>
  </si>
  <si>
    <t>23590</t>
  </si>
  <si>
    <t>18045</t>
  </si>
  <si>
    <t>48514</t>
  </si>
  <si>
    <t>GGPS WAN MIANA</t>
  </si>
  <si>
    <t>Wan Miana</t>
  </si>
  <si>
    <t>wan miana</t>
  </si>
  <si>
    <t>23420</t>
  </si>
  <si>
    <t>18929</t>
  </si>
  <si>
    <t>GGHS CHAK 673/14 GB</t>
  </si>
  <si>
    <t>Chak No 673 GB Sadho Joniaj</t>
  </si>
  <si>
    <t>Chak No.673/14 GB Harisabad pirmahal</t>
  </si>
  <si>
    <t>Chak No.673/14 GB Harisabad</t>
  </si>
  <si>
    <t>C plot</t>
  </si>
  <si>
    <t>Mehreen Saleem</t>
  </si>
  <si>
    <t>16808</t>
  </si>
  <si>
    <t>GGHSS CHAK NO 509 GB</t>
  </si>
  <si>
    <t>MAMUKANJAN</t>
  </si>
  <si>
    <t>CHAK NO 509 GB MAMUKANJAN</t>
  </si>
  <si>
    <t>CHAK NO 509 GB</t>
  </si>
  <si>
    <t>MC MAMUKANJAN</t>
  </si>
  <si>
    <t>SHAMIM AKHTER</t>
  </si>
  <si>
    <t>26644</t>
  </si>
  <si>
    <t>GGHS BOLAR</t>
  </si>
  <si>
    <t>Govt. Girls High School Bolar</t>
  </si>
  <si>
    <t>Bolar</t>
  </si>
  <si>
    <t>kiran abbas</t>
  </si>
  <si>
    <t>16858</t>
  </si>
  <si>
    <t>33455</t>
  </si>
  <si>
    <t>GGPS JHUGIAN KARNALIAN</t>
  </si>
  <si>
    <t>Jhuggian Karnalian</t>
  </si>
  <si>
    <t>jhuggian karnalian p/o manawala Teh.shahkot Disst. Nankana sahib</t>
  </si>
  <si>
    <t>Wali Pur Bura</t>
  </si>
  <si>
    <t>Shamim Akhthar</t>
  </si>
  <si>
    <t>2503</t>
  </si>
  <si>
    <t>23351</t>
  </si>
  <si>
    <t>4841</t>
  </si>
  <si>
    <t>22079</t>
  </si>
  <si>
    <t>GGPS CHOHAY WALA</t>
  </si>
  <si>
    <t>BABBAR  - FEMALE</t>
  </si>
  <si>
    <t>GGPSCHOHY  Wala</t>
  </si>
  <si>
    <t>Chohy wala P/O PhamaSara tehsile Nowshere Virkan Didst GRW</t>
  </si>
  <si>
    <t>Chohy WALA</t>
  </si>
  <si>
    <t>PhamaSara</t>
  </si>
  <si>
    <t>Rizwana Bashir</t>
  </si>
  <si>
    <t>6254</t>
  </si>
  <si>
    <t>GGCMS KOT MOHAMMAD YAR</t>
  </si>
  <si>
    <t>Allah Yar Jutta</t>
  </si>
  <si>
    <t>GGC/M School  Kot Muhammad Yar moza Allah Yar jutta tehsil Shorkot district jhang</t>
  </si>
  <si>
    <t>Kot Muhammad Yar</t>
  </si>
  <si>
    <t>Khalida Sakhawat</t>
  </si>
  <si>
    <t>49700</t>
  </si>
  <si>
    <t>43666</t>
  </si>
  <si>
    <t>GHS ALI HAIDER PUR TALAGANG</t>
  </si>
  <si>
    <t>Ali Haider Pur</t>
  </si>
  <si>
    <t>PO Shah Muhammad Wali v Ali Haider Pur teh Talagang distt Chakwal</t>
  </si>
  <si>
    <t>Jabbi Shah Dilawar</t>
  </si>
  <si>
    <t>Imran Hussain</t>
  </si>
  <si>
    <t>24445</t>
  </si>
  <si>
    <t>45574</t>
  </si>
  <si>
    <t>10305</t>
  </si>
  <si>
    <t>GGPS CHAK NO 271 TDA</t>
  </si>
  <si>
    <t>Chak No 271/ Tda</t>
  </si>
  <si>
    <t>Chak no 271 /TDA karor Layyah</t>
  </si>
  <si>
    <t>Chak No 271/TDA</t>
  </si>
  <si>
    <t>Sadia Azam</t>
  </si>
  <si>
    <t>35664</t>
  </si>
  <si>
    <t>41867</t>
  </si>
  <si>
    <t>GGES DHOK MANGTAL NO.2</t>
  </si>
  <si>
    <t>Dhok mangtal booring road Rawalpindi</t>
  </si>
  <si>
    <t>Mangtal</t>
  </si>
  <si>
    <t>Dhok Mangtal</t>
  </si>
  <si>
    <t>Maryam Naz</t>
  </si>
  <si>
    <t>36967</t>
  </si>
  <si>
    <t>GMPS MAHIWALA</t>
  </si>
  <si>
    <t>Mahiwala</t>
  </si>
  <si>
    <t>Mahiwala p/o Jurian  Teh , Distt Hafizabad</t>
  </si>
  <si>
    <t>40804</t>
  </si>
  <si>
    <t>GGPS PIND MATAY KHAN</t>
  </si>
  <si>
    <t>Dhok Chaudharian</t>
  </si>
  <si>
    <t>Village Pind Mattay Khan</t>
  </si>
  <si>
    <t>Sajida Mushtaq</t>
  </si>
  <si>
    <t>8411</t>
  </si>
  <si>
    <t>27851</t>
  </si>
  <si>
    <t>34723</t>
  </si>
  <si>
    <t>29706</t>
  </si>
  <si>
    <t>GPS BASTI CHAK 20</t>
  </si>
  <si>
    <t>Basti Chak 20</t>
  </si>
  <si>
    <t>tehsil pattoki dist kasur</t>
  </si>
  <si>
    <t>Wan Rada Ram</t>
  </si>
  <si>
    <t>13865</t>
  </si>
  <si>
    <t>15629</t>
  </si>
  <si>
    <t>GES CHAK NO.176/GB</t>
  </si>
  <si>
    <t>Peelay Gojran</t>
  </si>
  <si>
    <t>Chak No 176 GB Tehsil Samundri District Faisalabaf</t>
  </si>
  <si>
    <t>Chak 176 GB</t>
  </si>
  <si>
    <t>Chak No 175 GB Mehngra</t>
  </si>
  <si>
    <t>51245</t>
  </si>
  <si>
    <t>47665</t>
  </si>
  <si>
    <t>54418</t>
  </si>
  <si>
    <t>5046</t>
  </si>
  <si>
    <t>30176</t>
  </si>
  <si>
    <t>GGHS BLOCK 2, SECTOR D-1 TOWNSHIP</t>
  </si>
  <si>
    <t>Block 2</t>
  </si>
  <si>
    <t>Govt Girls High School, Block 2, Sector D1, Township, Lahore.</t>
  </si>
  <si>
    <t>Sector D1</t>
  </si>
  <si>
    <t>Keer Kalan</t>
  </si>
  <si>
    <t>Faiqa Maqsood</t>
  </si>
  <si>
    <t>2216</t>
  </si>
  <si>
    <t>41414</t>
  </si>
  <si>
    <t>GGPS PARHANA</t>
  </si>
  <si>
    <t>vill nd post office parrhana Teh murree dist rawalpindi</t>
  </si>
  <si>
    <t>Parrhana</t>
  </si>
  <si>
    <t>Nuzhat Nawaz</t>
  </si>
  <si>
    <t>20366</t>
  </si>
  <si>
    <t>GMPS ALI PUR MADH</t>
  </si>
  <si>
    <t>AEO (W) LALIAN NO.11</t>
  </si>
  <si>
    <t>Ali pur madh</t>
  </si>
  <si>
    <t>Ali Pur Madh</t>
  </si>
  <si>
    <t>Langar Makhdoom</t>
  </si>
  <si>
    <t>Balqees Bano</t>
  </si>
  <si>
    <t>27509</t>
  </si>
  <si>
    <t>38995</t>
  </si>
  <si>
    <t>GES SAHIB KHAN</t>
  </si>
  <si>
    <t>Sahib Khan</t>
  </si>
  <si>
    <t>Sahib khan tehsil Fateh jang</t>
  </si>
  <si>
    <t>Dhraik</t>
  </si>
  <si>
    <t>Ashraf Ali</t>
  </si>
  <si>
    <t>27548</t>
  </si>
  <si>
    <t>33297</t>
  </si>
  <si>
    <t>GGCMHS MANDIALA CHAK NO. 20 RB</t>
  </si>
  <si>
    <t>Mandiala chak 20 tehsil safdrabad district sheikhupura</t>
  </si>
  <si>
    <t>Mandiala Chak 20</t>
  </si>
  <si>
    <t>Humna Yaqoob</t>
  </si>
  <si>
    <t>42471</t>
  </si>
  <si>
    <t>54439</t>
  </si>
  <si>
    <t>GGPS HAVELI MIAN SHER ALI</t>
  </si>
  <si>
    <t>Hvali Mian Sher Ali</t>
  </si>
  <si>
    <t>Ggps hvali mian shrer Ali</t>
  </si>
  <si>
    <t>10311</t>
  </si>
  <si>
    <t>25311</t>
  </si>
  <si>
    <t>42865</t>
  </si>
  <si>
    <t>GHS KALAR SYEDAN</t>
  </si>
  <si>
    <t>Govt boys high school Kallar syedan</t>
  </si>
  <si>
    <t>Khalid Mehmood Qureshi</t>
  </si>
  <si>
    <t>5623</t>
  </si>
  <si>
    <t>27849</t>
  </si>
  <si>
    <t>GGHS PINDI RAWAN</t>
  </si>
  <si>
    <t>Pindi rawan</t>
  </si>
  <si>
    <t>pindirawan Tehsil Malakwal District M.B.Din</t>
  </si>
  <si>
    <t>Pindi Ranwan</t>
  </si>
  <si>
    <t>Pindi Rawan</t>
  </si>
  <si>
    <t>Zamara Sarfraz</t>
  </si>
  <si>
    <t>12120</t>
  </si>
  <si>
    <t>6896</t>
  </si>
  <si>
    <t>GGPS CHAK NO. 103/P</t>
  </si>
  <si>
    <t>abu dhahbi road rahim yar khan</t>
  </si>
  <si>
    <t>Chak 103 P</t>
  </si>
  <si>
    <t>Ghazala Tabassum</t>
  </si>
  <si>
    <t>7441</t>
  </si>
  <si>
    <t>8224</t>
  </si>
  <si>
    <t>10930</t>
  </si>
  <si>
    <t>5321</t>
  </si>
  <si>
    <t>35511</t>
  </si>
  <si>
    <t>GPS MC D-BLOCK</t>
  </si>
  <si>
    <t>GPS MC. D   BLOCK. Burewala</t>
  </si>
  <si>
    <t>Tariq  Zubair</t>
  </si>
  <si>
    <t>38387</t>
  </si>
  <si>
    <t>15838</t>
  </si>
  <si>
    <t>GPS 59 JB II</t>
  </si>
  <si>
    <t>Chaladhy Wali</t>
  </si>
  <si>
    <t>Chak no 59 JB 2</t>
  </si>
  <si>
    <t>Chk 59 Jb</t>
  </si>
  <si>
    <t>Muhammad Mazhar Abbas</t>
  </si>
  <si>
    <t>GPS PASWAL</t>
  </si>
  <si>
    <t>Paswal</t>
  </si>
  <si>
    <t>village paswal</t>
  </si>
  <si>
    <t>Choakri Sher Ghazi</t>
  </si>
  <si>
    <t>34095</t>
  </si>
  <si>
    <t>54684</t>
  </si>
  <si>
    <t>GPS CHAK NO 11 GB</t>
  </si>
  <si>
    <t>CHAK NO 5 KALAN-MALE</t>
  </si>
  <si>
    <t>Chak NO 11GB</t>
  </si>
  <si>
    <t>Chak no 11 Massanda GB</t>
  </si>
  <si>
    <t>Chak NO 11 GB</t>
  </si>
  <si>
    <t>Chak No 13 Gb</t>
  </si>
  <si>
    <t>Muhammad Ayyub</t>
  </si>
  <si>
    <t>22212</t>
  </si>
  <si>
    <t>22130</t>
  </si>
  <si>
    <t>36108</t>
  </si>
  <si>
    <t>GES CHAK NO. 166/ EB</t>
  </si>
  <si>
    <t>chak no. 166/EB Vehari</t>
  </si>
  <si>
    <t>166/EB Vehari</t>
  </si>
  <si>
    <t>6880</t>
  </si>
  <si>
    <t>5010</t>
  </si>
  <si>
    <t>45052</t>
  </si>
  <si>
    <t>GGPS CHAK NO.33/ML</t>
  </si>
  <si>
    <t>FAZIL-FEMALE</t>
  </si>
  <si>
    <t>G.g.p.s chack no 33ml, tehsil kalur kot, district bhakkar</t>
  </si>
  <si>
    <t>Chack no 33ml</t>
  </si>
  <si>
    <t>Shabana Anwar</t>
  </si>
  <si>
    <t>30147</t>
  </si>
  <si>
    <t>GHSS JALLO MORE LAHORE CANTT</t>
  </si>
  <si>
    <t>JALLOMORE</t>
  </si>
  <si>
    <t>DOGRAE KALAN</t>
  </si>
  <si>
    <t>99900</t>
  </si>
  <si>
    <t>46745</t>
  </si>
  <si>
    <t>GPS MUNSHI KHAN WALA JALAL PUR PO KALABAGH</t>
  </si>
  <si>
    <t>Jalalpur</t>
  </si>
  <si>
    <t>Munshi khanwala Jalalpur p/o Kalabagh</t>
  </si>
  <si>
    <t>Munshi Khanwala</t>
  </si>
  <si>
    <t>44501</t>
  </si>
  <si>
    <t>41540</t>
  </si>
  <si>
    <t>45146</t>
  </si>
  <si>
    <t>GES MAGSI WALA</t>
  </si>
  <si>
    <t>DAGGAR KOTLI - MALE</t>
  </si>
  <si>
    <t>Daggar Kotli</t>
  </si>
  <si>
    <t>GES Magsi wala PO sarai muhajir</t>
  </si>
  <si>
    <t>Magsi Wala</t>
  </si>
  <si>
    <t>Mutiullah</t>
  </si>
  <si>
    <t>electric water cooler</t>
  </si>
  <si>
    <t>18458</t>
  </si>
  <si>
    <t>6394</t>
  </si>
  <si>
    <t>36659</t>
  </si>
  <si>
    <t>GMES 8/D, ABDUL HAKIM</t>
  </si>
  <si>
    <t>8D</t>
  </si>
  <si>
    <t>Chak no. 8D teh kabirwala</t>
  </si>
  <si>
    <t>REHANA YASMIN</t>
  </si>
  <si>
    <t>8930</t>
  </si>
  <si>
    <t>GGHS TURKISH COLONY MUZAFFARGARH</t>
  </si>
  <si>
    <t>Rakh khan pur</t>
  </si>
  <si>
    <t>GGHS TURKISH COLONY</t>
  </si>
  <si>
    <t>turkish colony</t>
  </si>
  <si>
    <t>bhutta pur</t>
  </si>
  <si>
    <t>Faiza Javed</t>
  </si>
  <si>
    <t>5094</t>
  </si>
  <si>
    <t>16407</t>
  </si>
  <si>
    <t>GGPS CHAK 23 JB I</t>
  </si>
  <si>
    <t>noon bhati</t>
  </si>
  <si>
    <t>chak no 23 jb noon bhati no 1</t>
  </si>
  <si>
    <t>Chak 23 jb noon bhati  no 1</t>
  </si>
  <si>
    <t>khanka</t>
  </si>
  <si>
    <t>Mussrat Begum</t>
  </si>
  <si>
    <t>10904</t>
  </si>
  <si>
    <t>37503</t>
  </si>
  <si>
    <t>26536</t>
  </si>
  <si>
    <t>4507</t>
  </si>
  <si>
    <t>GES TALA WALA</t>
  </si>
  <si>
    <t>Tala Wala</t>
  </si>
  <si>
    <t>Govt. elementry school tala wala kpr</t>
  </si>
  <si>
    <t>Jetha Bhutta</t>
  </si>
  <si>
    <t>muhammad ayub</t>
  </si>
  <si>
    <t>11017</t>
  </si>
  <si>
    <t>49017</t>
  </si>
  <si>
    <t>6970</t>
  </si>
  <si>
    <t>GES KACHA BHUTTA</t>
  </si>
  <si>
    <t>BHUTTA WAHAN - MALE</t>
  </si>
  <si>
    <t>kacha bhutta</t>
  </si>
  <si>
    <t>basti kacha bhutta</t>
  </si>
  <si>
    <t>Hafiz Irfan Raza</t>
  </si>
  <si>
    <t>37739</t>
  </si>
  <si>
    <t>29960</t>
  </si>
  <si>
    <t>GHS PETER CLARKABAD DISTT. KASUR</t>
  </si>
  <si>
    <t>HANDAL</t>
  </si>
  <si>
    <t>Clarkabad  P/OTehsil Kot radha kishan district Kasur</t>
  </si>
  <si>
    <t>Clarkabad</t>
  </si>
  <si>
    <t>31325</t>
  </si>
  <si>
    <t>38569</t>
  </si>
  <si>
    <t>GES 364/WB</t>
  </si>
  <si>
    <t>Chak No 364 Wb</t>
  </si>
  <si>
    <t>chak no 364 wb Dunya pur</t>
  </si>
  <si>
    <t>Chak No 386 Wb</t>
  </si>
  <si>
    <t>Malik Muhammad Javed Anjum</t>
  </si>
  <si>
    <t>4128</t>
  </si>
  <si>
    <t>53948</t>
  </si>
  <si>
    <t>GGPS CHAK NO 75 RB II</t>
  </si>
  <si>
    <t>75 RB NEW ABADI</t>
  </si>
  <si>
    <t>CHAK NO. 75 RB NEW ABADI JARANWALA FAISALABAD</t>
  </si>
  <si>
    <t>75 RB</t>
  </si>
  <si>
    <t>103 RB</t>
  </si>
  <si>
    <t>Abeeda Ashraf</t>
  </si>
  <si>
    <t>12519</t>
  </si>
  <si>
    <t>49163</t>
  </si>
  <si>
    <t>38154</t>
  </si>
  <si>
    <t>GGPS 51/M LODRAAN</t>
  </si>
  <si>
    <t>Chak 51/m</t>
  </si>
  <si>
    <t>chak no 51/m no 1</t>
  </si>
  <si>
    <t>51/m</t>
  </si>
  <si>
    <t>Chak 49/m</t>
  </si>
  <si>
    <t>Rizwana Dildar</t>
  </si>
  <si>
    <t>10710</t>
  </si>
  <si>
    <t>54262</t>
  </si>
  <si>
    <t>GGPS PULL SHAWALA MULTAN</t>
  </si>
  <si>
    <t>Pulshawala hasan Parwana road</t>
  </si>
  <si>
    <t>Umme Farah</t>
  </si>
  <si>
    <t>8740</t>
  </si>
  <si>
    <t>GPS NOTHEIN</t>
  </si>
  <si>
    <t>Nothein</t>
  </si>
  <si>
    <t>nothein teh. jand distt stock.</t>
  </si>
  <si>
    <t>ARSHAD KHAN</t>
  </si>
  <si>
    <t>25610</t>
  </si>
  <si>
    <t>GES ASNI</t>
  </si>
  <si>
    <t>AASNI - MALE</t>
  </si>
  <si>
    <t>Asni</t>
  </si>
  <si>
    <t>post office asni distt rajanpur</t>
  </si>
  <si>
    <t>31220</t>
  </si>
  <si>
    <t>37411</t>
  </si>
  <si>
    <t>GHS 125/15-L, MIAN CHANNU</t>
  </si>
  <si>
    <t>chak no. 125/15L. MIAN CHANNU</t>
  </si>
  <si>
    <t>125/15 L</t>
  </si>
  <si>
    <t>125/15L</t>
  </si>
  <si>
    <t>CH ABDUL GHAFFAR</t>
  </si>
  <si>
    <t>26793</t>
  </si>
  <si>
    <t>GPS PIND BARHAMNAN</t>
  </si>
  <si>
    <t>G P s Pind Brehmnan</t>
  </si>
  <si>
    <t>pind brehmnan</t>
  </si>
  <si>
    <t>Pind Brehmnan</t>
  </si>
  <si>
    <t>Dinga narine Pure</t>
  </si>
  <si>
    <t>GPS 200 WB</t>
  </si>
  <si>
    <t>Chak 200WB</t>
  </si>
  <si>
    <t>Gps chak 200WB po Tibba sultanpur Teh. Mailsi Distt. Vehari</t>
  </si>
  <si>
    <t>Chak  200WB</t>
  </si>
  <si>
    <t>Rana Rizwanullah Shaheen</t>
  </si>
  <si>
    <t>6513</t>
  </si>
  <si>
    <t>23797</t>
  </si>
  <si>
    <t>19361</t>
  </si>
  <si>
    <t>GGHS CHAK 293 GB SHERON</t>
  </si>
  <si>
    <t>Chak No 293 GB TT Singh</t>
  </si>
  <si>
    <t>C/O Senior Headmistress Govt Girls H/S 293 GB TT Singh</t>
  </si>
  <si>
    <t>Chak No 293 GB TT S</t>
  </si>
  <si>
    <t>Chak No 295 GB</t>
  </si>
  <si>
    <t>Irfan Akram</t>
  </si>
  <si>
    <t>28240</t>
  </si>
  <si>
    <t>GGHSS HELAN</t>
  </si>
  <si>
    <t>helan</t>
  </si>
  <si>
    <t>Nayyer Sajid</t>
  </si>
  <si>
    <t>240397</t>
  </si>
  <si>
    <t>hand pump motor</t>
  </si>
  <si>
    <t>40443</t>
  </si>
  <si>
    <t>22771</t>
  </si>
  <si>
    <t>GMPS SAHAN WAL</t>
  </si>
  <si>
    <t>Sahnwal Kalan</t>
  </si>
  <si>
    <t>Sahnwal kalan</t>
  </si>
  <si>
    <t>Sadia Yaqoob</t>
  </si>
  <si>
    <t>15779</t>
  </si>
  <si>
    <t>GPS 84 GB</t>
  </si>
  <si>
    <t>Fojpur</t>
  </si>
  <si>
    <t>chak no 84gb fojpur, tehsil &amp; district faisalabad</t>
  </si>
  <si>
    <t>CHAK No 84 GB</t>
  </si>
  <si>
    <t>82gb Kot goraya</t>
  </si>
  <si>
    <t>50035</t>
  </si>
  <si>
    <t>35822</t>
  </si>
  <si>
    <t>GGPS WAZEER ABAD</t>
  </si>
  <si>
    <t>G.G p/s wazeerabaad</t>
  </si>
  <si>
    <t>New Sanda</t>
  </si>
  <si>
    <t>misbah Gull</t>
  </si>
  <si>
    <t>52082</t>
  </si>
  <si>
    <t>2082</t>
  </si>
  <si>
    <t>15316</t>
  </si>
  <si>
    <t>GGES MODDLE MIDDLE AWAGUT</t>
  </si>
  <si>
    <t>Govt. Girls Model Middle School Awagat Faisalabad</t>
  </si>
  <si>
    <t>Rashida Nazir Rana</t>
  </si>
  <si>
    <t>22873</t>
  </si>
  <si>
    <t>14624</t>
  </si>
  <si>
    <t>GGCMES CHAK 202 RB BAHAIWALA</t>
  </si>
  <si>
    <t>Chak#202 R.B bhaiwala FSD</t>
  </si>
  <si>
    <t>najma begum</t>
  </si>
  <si>
    <t>21681</t>
  </si>
  <si>
    <t>54797</t>
  </si>
  <si>
    <t>GPS GAGA CHAK 29</t>
  </si>
  <si>
    <t>Gagga Chak  29</t>
  </si>
  <si>
    <t>Gagga Chak#29 Teh Pattoki Dist.kasur</t>
  </si>
  <si>
    <t>Bhopey Wal</t>
  </si>
  <si>
    <t>Shafiq Ashraf</t>
  </si>
  <si>
    <t>50460</t>
  </si>
  <si>
    <t>53036</t>
  </si>
  <si>
    <t>GPS MANGA BHIDAL MATHELA</t>
  </si>
  <si>
    <t>BHULLY WAL-MALE</t>
  </si>
  <si>
    <t>Manga Bhidal Mathela</t>
  </si>
  <si>
    <t>manga bhedal methela post office haveli lakha</t>
  </si>
  <si>
    <t>Manga Bhidal Methala</t>
  </si>
  <si>
    <t>Hakoomat Garh</t>
  </si>
  <si>
    <t>Sher muhammad sher</t>
  </si>
  <si>
    <t>14206</t>
  </si>
  <si>
    <t>35525</t>
  </si>
  <si>
    <t>GHSS TIBBA SULTAN PUR</t>
  </si>
  <si>
    <t>TIBBA SULTAN PUR</t>
  </si>
  <si>
    <t>WARDA NO.03 QUTAB PUR ROAD TIBBA SULTAN PUR</t>
  </si>
  <si>
    <t>SHAHID LATIF</t>
  </si>
  <si>
    <t>15778</t>
  </si>
  <si>
    <t>GES 83 GB WEST</t>
  </si>
  <si>
    <t>Thundi</t>
  </si>
  <si>
    <t>chak no.83/gb west</t>
  </si>
  <si>
    <t>83/gb West</t>
  </si>
  <si>
    <t>91gb Jagatpur</t>
  </si>
  <si>
    <t>Muhammad sharif</t>
  </si>
  <si>
    <t>44372</t>
  </si>
  <si>
    <t>40660</t>
  </si>
  <si>
    <t>14611</t>
  </si>
  <si>
    <t>GGPS CHAK 203 RB I MALIK PUR</t>
  </si>
  <si>
    <t>203 RB Malik Pur</t>
  </si>
  <si>
    <t>203 RB malik pur</t>
  </si>
  <si>
    <t>Shaista Mehmood</t>
  </si>
  <si>
    <t>16087</t>
  </si>
  <si>
    <t>GES CHAK 30 JB</t>
  </si>
  <si>
    <t>30 JB</t>
  </si>
  <si>
    <t>GES 30 JB Faisalabad</t>
  </si>
  <si>
    <t>14681</t>
  </si>
  <si>
    <t>GGHS CHAK NO 208 RB</t>
  </si>
  <si>
    <t>208/RB</t>
  </si>
  <si>
    <t>Govt girls high school chak no.208/RB tehsil,district Faisalabad.</t>
  </si>
  <si>
    <t>naheed anjum</t>
  </si>
  <si>
    <t>15777</t>
  </si>
  <si>
    <t>GPS 82 GB</t>
  </si>
  <si>
    <t>BOLAKI</t>
  </si>
  <si>
    <t>CHAK NO.82 GB KOT GORAYA</t>
  </si>
  <si>
    <t>Chak No 82 Gb Kote</t>
  </si>
  <si>
    <t>Chak No 82 Gb</t>
  </si>
  <si>
    <t>GES CHAK 32 JB I</t>
  </si>
  <si>
    <t>Kareem  Pur</t>
  </si>
  <si>
    <t>chak no. 32 JB 1 Tehsil Saddar District Faisalabad</t>
  </si>
  <si>
    <t>Chak No 32 JB1</t>
  </si>
  <si>
    <t>Chak No 34 JB</t>
  </si>
  <si>
    <t>Mujahid Ali</t>
  </si>
  <si>
    <t>10746</t>
  </si>
  <si>
    <t>21293</t>
  </si>
  <si>
    <t>GMPS KHOJIAN WALA</t>
  </si>
  <si>
    <t>Khojianwala</t>
  </si>
  <si>
    <t>khojianwala p\ orasoolnager ,teh,wazirabae,distt, Gujranwala</t>
  </si>
  <si>
    <t>Kailianwala</t>
  </si>
  <si>
    <t>Syeda Itrat Batool</t>
  </si>
  <si>
    <t>21480</t>
  </si>
  <si>
    <t>24788</t>
  </si>
  <si>
    <t>GGHS KACHI MAND</t>
  </si>
  <si>
    <t>Kachi Mand</t>
  </si>
  <si>
    <t>village kachi mand</t>
  </si>
  <si>
    <t>Amina Pervaiz</t>
  </si>
  <si>
    <t>GGES MC FAROOQ NAGAR</t>
  </si>
  <si>
    <t>City Skp</t>
  </si>
  <si>
    <t>farooq nagar sheikhupura</t>
  </si>
  <si>
    <t>Skp</t>
  </si>
  <si>
    <t>Skp urban 2</t>
  </si>
  <si>
    <t>Qaisra Rehman</t>
  </si>
  <si>
    <t>20950</t>
  </si>
  <si>
    <t>GGHS KHANKE HEAD</t>
  </si>
  <si>
    <t>Khanki Head</t>
  </si>
  <si>
    <t>GGHS khanki head Wazirabad</t>
  </si>
  <si>
    <t>Riffat Shaheen</t>
  </si>
  <si>
    <t>4805</t>
  </si>
  <si>
    <t>19461</t>
  </si>
  <si>
    <t>GPS CHAK 249 GB</t>
  </si>
  <si>
    <t>Chak249</t>
  </si>
  <si>
    <t>chak249 GB</t>
  </si>
  <si>
    <t>251 Gb Uggi</t>
  </si>
  <si>
    <t>Muhammad Tariq Hameed</t>
  </si>
  <si>
    <t>43085</t>
  </si>
  <si>
    <t>45541</t>
  </si>
  <si>
    <t>27406</t>
  </si>
  <si>
    <t>24692</t>
  </si>
  <si>
    <t>GHS PILOT SIALKOT</t>
  </si>
  <si>
    <t>Circular road, near over head bridge sialkot</t>
  </si>
  <si>
    <t>Sialkot</t>
  </si>
  <si>
    <t>Ahmed pura</t>
  </si>
  <si>
    <t>Danish Adopted School</t>
  </si>
  <si>
    <t>30831</t>
  </si>
  <si>
    <t>GGHS CDG PUBLIC MODEL BLOCK-B GULBERG-II LHR</t>
  </si>
  <si>
    <t>CDG Public Model GHS B-Block Gulberg II Lahore</t>
  </si>
  <si>
    <t>Al-hamrah</t>
  </si>
  <si>
    <t>SANA KHURSHEED</t>
  </si>
  <si>
    <t>49304</t>
  </si>
  <si>
    <t>53989</t>
  </si>
  <si>
    <t>GGPS MODEL MIANA THATHA</t>
  </si>
  <si>
    <t>Miana Thatha</t>
  </si>
  <si>
    <t>Tehsil &amp; District Sheikhupura, Village Miana Thatha.</t>
  </si>
  <si>
    <t>Bahu Maan</t>
  </si>
  <si>
    <t>Kiran Akram</t>
  </si>
  <si>
    <t>11824</t>
  </si>
  <si>
    <t>2573</t>
  </si>
  <si>
    <t>19622</t>
  </si>
  <si>
    <t>GMPS CHAK 296 GB II Nai Abadi</t>
  </si>
  <si>
    <t>BARIAN WALA FEMALE</t>
  </si>
  <si>
    <t>Chak No296 Gb</t>
  </si>
  <si>
    <t>chak 296GB II Nai abadi</t>
  </si>
  <si>
    <t>Chak No 296 Gb Azafi Abadi</t>
  </si>
  <si>
    <t>Chak No 296 Gb</t>
  </si>
  <si>
    <t>FIYAZ KAUSAR</t>
  </si>
  <si>
    <t>33672</t>
  </si>
  <si>
    <t>19082</t>
  </si>
  <si>
    <t>GMES MAI SPOORAN</t>
  </si>
  <si>
    <t>Mai Safooran</t>
  </si>
  <si>
    <t>GMES MAI SAFOORAN</t>
  </si>
  <si>
    <t>Naseem Faryad</t>
  </si>
  <si>
    <t>13895</t>
  </si>
  <si>
    <t>52993</t>
  </si>
  <si>
    <t>31993</t>
  </si>
  <si>
    <t>26451</t>
  </si>
  <si>
    <t>GGPS KHANO MALHI</t>
  </si>
  <si>
    <t>MAINGRI-FEMALE</t>
  </si>
  <si>
    <t>Khano Malhi</t>
  </si>
  <si>
    <t>khano malhi</t>
  </si>
  <si>
    <t>Mailu Sailu</t>
  </si>
  <si>
    <t>Tauseefa Munir</t>
  </si>
  <si>
    <t>15334</t>
  </si>
  <si>
    <t>6571</t>
  </si>
  <si>
    <t>GGPS GALOOR MASU KHAN</t>
  </si>
  <si>
    <t>Gloor Massu Khan</t>
  </si>
  <si>
    <t>Busti Abdul Qadir Khan Abbasi Uc gloor massu khan post office rukan pur tahsil rahim yar khan</t>
  </si>
  <si>
    <t>Sughra Perveen</t>
  </si>
  <si>
    <t>20927</t>
  </si>
  <si>
    <t>GGHS BHAROKE CHEEMA</t>
  </si>
  <si>
    <t>BHAROKI Cheema</t>
  </si>
  <si>
    <t>BHAROKI Cheema Wazirabad</t>
  </si>
  <si>
    <t>SAIMA</t>
  </si>
  <si>
    <t>10445</t>
  </si>
  <si>
    <t>50490</t>
  </si>
  <si>
    <t>46005</t>
  </si>
  <si>
    <t>GGPS SHAKARKOT</t>
  </si>
  <si>
    <t>Shakarkot</t>
  </si>
  <si>
    <t>village shakarkot post office sirhal tehsil naushehra distt khushab</t>
  </si>
  <si>
    <t>Munazza  akhlaq</t>
  </si>
  <si>
    <t>25414</t>
  </si>
  <si>
    <t>26780</t>
  </si>
  <si>
    <t>27550</t>
  </si>
  <si>
    <t>GGES SUKHEKE CHOWKI</t>
  </si>
  <si>
    <t>SUKHEKE GAWON - FEMALE</t>
  </si>
  <si>
    <t>Chowki Sukheke</t>
  </si>
  <si>
    <t>GGES chowki sukheke</t>
  </si>
  <si>
    <t>Mc Sukheke Mandi</t>
  </si>
  <si>
    <t>Naghmana Naheed</t>
  </si>
  <si>
    <t>16666</t>
  </si>
  <si>
    <t>GGPS MOUZA SIAL</t>
  </si>
  <si>
    <t>mouza sial</t>
  </si>
  <si>
    <t>Mouza Sial</t>
  </si>
  <si>
    <t>RASILA PERVEEN</t>
  </si>
  <si>
    <t>31949</t>
  </si>
  <si>
    <t>GGES FATEH KALAS</t>
  </si>
  <si>
    <t>fateh kalas</t>
  </si>
  <si>
    <t>bahuman</t>
  </si>
  <si>
    <t>Nighat Iqbal</t>
  </si>
  <si>
    <t>10668</t>
  </si>
  <si>
    <t>6699</t>
  </si>
  <si>
    <t>40815</t>
  </si>
  <si>
    <t>46004</t>
  </si>
  <si>
    <t>GGPS NO. 1 KUFRI</t>
  </si>
  <si>
    <t>Siddique Abad</t>
  </si>
  <si>
    <t>Ggps no.1 siddique abad teh noshera dist khushab</t>
  </si>
  <si>
    <t>35871</t>
  </si>
  <si>
    <t>GGPS RAEES ALLAH DIWAYA CHACHAR</t>
  </si>
  <si>
    <t>basti Allah dewya chacher</t>
  </si>
  <si>
    <t>Basti  Allah dewya Chacher</t>
  </si>
  <si>
    <t>Galor Masu</t>
  </si>
  <si>
    <t>GGPS CM DHODHA</t>
  </si>
  <si>
    <t>dhoda</t>
  </si>
  <si>
    <t>village&amp;p/o dhoda tehsil pasrur distt sialkot</t>
  </si>
  <si>
    <t>DHODHA</t>
  </si>
  <si>
    <t>19624</t>
  </si>
  <si>
    <t>33073</t>
  </si>
  <si>
    <t>GMPS CHOHRA DEWAN</t>
  </si>
  <si>
    <t>Chora Dewan</t>
  </si>
  <si>
    <t>chora dewan</t>
  </si>
  <si>
    <t>36033</t>
  </si>
  <si>
    <t>46710</t>
  </si>
  <si>
    <t>Pos Bangi Khel Darmiyani</t>
  </si>
  <si>
    <t>GPS Manja Ghundi markaz tola bangikhel Tehsil esakhel District Mianwali</t>
  </si>
  <si>
    <t>Manja Ghundi</t>
  </si>
  <si>
    <t>M Asad Khan</t>
  </si>
  <si>
    <t>9889</t>
  </si>
  <si>
    <t>3391</t>
  </si>
  <si>
    <t>GGPS CHAK NO.32/BC (E)</t>
  </si>
  <si>
    <t>GGPS 32 BC EAST</t>
  </si>
  <si>
    <t>32 bc</t>
  </si>
  <si>
    <t>04 bc</t>
  </si>
  <si>
    <t>Asifa gulshan</t>
  </si>
  <si>
    <t>26370</t>
  </si>
  <si>
    <t>26144</t>
  </si>
  <si>
    <t>1737</t>
  </si>
  <si>
    <t>37822</t>
  </si>
  <si>
    <t>GGPS 150/10-R, JAHANIAN</t>
  </si>
  <si>
    <t>106/10-R - FEMALE</t>
  </si>
  <si>
    <t>150/10-R</t>
  </si>
  <si>
    <t>Govt Girls Primary School Chak#150/10-R</t>
  </si>
  <si>
    <t>149/10-R</t>
  </si>
  <si>
    <t>Sajida Muhammad Din</t>
  </si>
  <si>
    <t>11220</t>
  </si>
  <si>
    <t>39014</t>
  </si>
  <si>
    <t>GES SIDRIAL</t>
  </si>
  <si>
    <t>Sidrial</t>
  </si>
  <si>
    <t>Village Sidrial P/O Nathain malkaan Teh Fateh jang Disst.Attock</t>
  </si>
  <si>
    <t>Muhammad Shabbir</t>
  </si>
  <si>
    <t>23925</t>
  </si>
  <si>
    <t>43424</t>
  </si>
  <si>
    <t>GGPS ARAR BARAR PO DHUMAN CHAKWAL</t>
  </si>
  <si>
    <t>Arar Barar</t>
  </si>
  <si>
    <t>Village Arar Barar post office dohman</t>
  </si>
  <si>
    <t>Dhumman</t>
  </si>
  <si>
    <t>Shazia Shafait</t>
  </si>
  <si>
    <t>moter</t>
  </si>
  <si>
    <t>8465</t>
  </si>
  <si>
    <t>15375</t>
  </si>
  <si>
    <t>15804</t>
  </si>
  <si>
    <t>GES CHAK 100 JB I</t>
  </si>
  <si>
    <t>Chak 100 JB I</t>
  </si>
  <si>
    <t>Chak No 100 JB I. Kurri wala, Faisalabad</t>
  </si>
  <si>
    <t>Kurri Wala</t>
  </si>
  <si>
    <t>Jamil ahmad</t>
  </si>
  <si>
    <t>35088</t>
  </si>
  <si>
    <t>33701</t>
  </si>
  <si>
    <t>35528</t>
  </si>
  <si>
    <t>GHSS KARAM PUR</t>
  </si>
  <si>
    <t>Muhammad Arshad Chaudhary</t>
  </si>
  <si>
    <t>15690</t>
  </si>
  <si>
    <t>45131</t>
  </si>
  <si>
    <t>GHS MAHNI</t>
  </si>
  <si>
    <t>P/O HAIDER ABAD THALL TEHSIL MANKERA DISTT. BHAKKAR</t>
  </si>
  <si>
    <t>42344</t>
  </si>
  <si>
    <t>GHS QAZIAN</t>
  </si>
  <si>
    <t>Qazi Chota</t>
  </si>
  <si>
    <t>gbhs qazian gujar khan rwp</t>
  </si>
  <si>
    <t>Qazian</t>
  </si>
  <si>
    <t>M Arshad</t>
  </si>
  <si>
    <t>GGPS CHAK NO. 652/TDA</t>
  </si>
  <si>
    <t>Shabira Abad</t>
  </si>
  <si>
    <t>Ggps 652 TDA shabira abad teh:kotaddu distric:muzaffargarh</t>
  </si>
  <si>
    <t>Check No 652</t>
  </si>
  <si>
    <t>Sadiqa Abad</t>
  </si>
  <si>
    <t>asia</t>
  </si>
  <si>
    <t>10217</t>
  </si>
  <si>
    <t>35252</t>
  </si>
  <si>
    <t>21572</t>
  </si>
  <si>
    <t>GGPS MANDIALA PONAICH</t>
  </si>
  <si>
    <t>Mondiala</t>
  </si>
  <si>
    <t>village mondiala ponaich tehsil kamoki district GRW</t>
  </si>
  <si>
    <t>Modiala Ponaich</t>
  </si>
  <si>
    <t>Ghania</t>
  </si>
  <si>
    <t>Sakina Sabir</t>
  </si>
  <si>
    <t>36280</t>
  </si>
  <si>
    <t>37644</t>
  </si>
  <si>
    <t>GGES 125/7-ER, TULAMBA</t>
  </si>
  <si>
    <t>TULAMBA-II - FEMALE</t>
  </si>
  <si>
    <t>125/7-er</t>
  </si>
  <si>
    <t>123/7-er</t>
  </si>
  <si>
    <t>Rafia Iram</t>
  </si>
  <si>
    <t>19566</t>
  </si>
  <si>
    <t>GGCMES CHAK 285 GB</t>
  </si>
  <si>
    <t>285Gb</t>
  </si>
  <si>
    <t>GGCES 285 G.B</t>
  </si>
  <si>
    <t>285GB</t>
  </si>
  <si>
    <t>Zaib -un- Nissa</t>
  </si>
  <si>
    <t>8242</t>
  </si>
  <si>
    <t>43063</t>
  </si>
  <si>
    <t>30991</t>
  </si>
  <si>
    <t>GGHS SHAHEEN FAZAL PURA KOT KHAWAJA SAEED</t>
  </si>
  <si>
    <t>kot khawaja saeed lhr.</t>
  </si>
  <si>
    <t>Fazal Pura Kot Khawaja Saeed Lahore.</t>
  </si>
  <si>
    <t>Shah Noor park</t>
  </si>
  <si>
    <t>Hina Ghulam Shabbir</t>
  </si>
  <si>
    <t>54634</t>
  </si>
  <si>
    <t>GGPS 607 GB</t>
  </si>
  <si>
    <t>Chak No 607 GB</t>
  </si>
  <si>
    <t>RAKHTA YASMIN</t>
  </si>
  <si>
    <t>6851</t>
  </si>
  <si>
    <t>49069</t>
  </si>
  <si>
    <t>GMPS MC ISLAM PURA SARGODHA</t>
  </si>
  <si>
    <t>CORPORATION - FEMALE</t>
  </si>
  <si>
    <t>GG MC Model PS No 7  Islam Pura Sargodha</t>
  </si>
  <si>
    <t>Zahida Hayat</t>
  </si>
  <si>
    <t>37500</t>
  </si>
  <si>
    <t>33520</t>
  </si>
  <si>
    <t>13348</t>
  </si>
  <si>
    <t>GHS MODEL JAMPUR</t>
  </si>
  <si>
    <t>Jampur</t>
  </si>
  <si>
    <t>Government Model High School Jampur</t>
  </si>
  <si>
    <t>Abdul Khaliq Leghari</t>
  </si>
  <si>
    <t>114784</t>
  </si>
  <si>
    <t>5810</t>
  </si>
  <si>
    <t>35429</t>
  </si>
  <si>
    <t>GGPS CHAK NO. 237 / EB</t>
  </si>
  <si>
    <t>237/E.B</t>
  </si>
  <si>
    <t>237/EB</t>
  </si>
  <si>
    <t>SAEEDA BEGUM</t>
  </si>
  <si>
    <t>51472</t>
  </si>
  <si>
    <t>44375</t>
  </si>
  <si>
    <t>GGES CHAK NO.186/TDA</t>
  </si>
  <si>
    <t>GGES-186 tda</t>
  </si>
  <si>
    <t>Chak No 186 Tda</t>
  </si>
  <si>
    <t>Chak No 183-184 Tda</t>
  </si>
  <si>
    <t>DILSHAD KAUSAR</t>
  </si>
  <si>
    <t>11766</t>
  </si>
  <si>
    <t>10036</t>
  </si>
  <si>
    <t>15774</t>
  </si>
  <si>
    <t>GPS 296 RB II</t>
  </si>
  <si>
    <t>Rajay Wala</t>
  </si>
  <si>
    <t>chak no 296 rb rajay wala</t>
  </si>
  <si>
    <t>Chak 296 RB 2</t>
  </si>
  <si>
    <t>Muhammad Mubashar Ghaffar</t>
  </si>
  <si>
    <t>28261</t>
  </si>
  <si>
    <t>29638</t>
  </si>
  <si>
    <t>GES KHANKEY MORE</t>
  </si>
  <si>
    <t>Khan Key More</t>
  </si>
  <si>
    <t>Khan key more,teh.pattoki ,dist.kasur</t>
  </si>
  <si>
    <t>3624</t>
  </si>
  <si>
    <t>23757</t>
  </si>
  <si>
    <t>GES KOT GHUMAN</t>
  </si>
  <si>
    <t>BHALOWALI - MALE</t>
  </si>
  <si>
    <t>Kot Ghuman</t>
  </si>
  <si>
    <t>village kot ghuman P/o Mirza goraya  tehsil daska district sialkot</t>
  </si>
  <si>
    <t>Pero Chak</t>
  </si>
  <si>
    <t>24087</t>
  </si>
  <si>
    <t>GES PAJOKAY</t>
  </si>
  <si>
    <t>Pajokay</t>
  </si>
  <si>
    <t>pajokay tehsil Pasrur district sialkot</t>
  </si>
  <si>
    <t>Mussawar Ahmed</t>
  </si>
  <si>
    <t>GGPS CHAK NO.32/BC (W)</t>
  </si>
  <si>
    <t>ggps3bc west po dera bakha teh bwp saddar dis bwp</t>
  </si>
  <si>
    <t>32bc West</t>
  </si>
  <si>
    <t>Chak 4bc</t>
  </si>
  <si>
    <t>Lattifan Bibi</t>
  </si>
  <si>
    <t>25049</t>
  </si>
  <si>
    <t>GGPS NAWAN ARAIN</t>
  </si>
  <si>
    <t>fateh pur road basti nawan  arain  ali pur</t>
  </si>
  <si>
    <t>Basti Nawan Arain</t>
  </si>
  <si>
    <t>Rizwana ibrahim</t>
  </si>
  <si>
    <t>13615</t>
  </si>
  <si>
    <t>24065</t>
  </si>
  <si>
    <t>23405</t>
  </si>
  <si>
    <t>GPS MC LALA MUSA NO. 2</t>
  </si>
  <si>
    <t>Main Bazar Lalamusa</t>
  </si>
  <si>
    <t>MC Lalamusa</t>
  </si>
  <si>
    <t>Nazia Noreen</t>
  </si>
  <si>
    <t>18567</t>
  </si>
  <si>
    <t>GGHS CHAK 159 GB</t>
  </si>
  <si>
    <t>159gb Gugomal</t>
  </si>
  <si>
    <t>GOVT. GIRLS HIGH SCHOOL 159/GB</t>
  </si>
  <si>
    <t>159 Gb</t>
  </si>
  <si>
    <t>ZARINA ARSHAD</t>
  </si>
  <si>
    <t>21832</t>
  </si>
  <si>
    <t>GPS AHMADANI</t>
  </si>
  <si>
    <t>Ahmdani</t>
  </si>
  <si>
    <t>38777</t>
  </si>
  <si>
    <t>GGHS SHEEN BAGH</t>
  </si>
  <si>
    <t>sheenbagh attock</t>
  </si>
  <si>
    <t>sheenbagh</t>
  </si>
  <si>
    <t>sabiha khanum</t>
  </si>
  <si>
    <t>16464</t>
  </si>
  <si>
    <t>GGHSS CHAK 189 RB CHAK JHUMRA FSD</t>
  </si>
  <si>
    <t>189rb</t>
  </si>
  <si>
    <t>189 Rb</t>
  </si>
  <si>
    <t>Ambreen Afzal</t>
  </si>
  <si>
    <t>3577</t>
  </si>
  <si>
    <t>13841</t>
  </si>
  <si>
    <t>6866</t>
  </si>
  <si>
    <t>GGCMES DARI ALI AKBAR SANGHI</t>
  </si>
  <si>
    <t>ali akber sanghi</t>
  </si>
  <si>
    <t>dari ali akber sanghi abu zahbi road rahim yar khan</t>
  </si>
  <si>
    <t>basti dari ali akber sanghi</t>
  </si>
  <si>
    <t>amaan ghar</t>
  </si>
  <si>
    <t>rehana irem</t>
  </si>
  <si>
    <t>15219</t>
  </si>
  <si>
    <t>GGPS CHAK 150 RB KHURRIANWALA</t>
  </si>
  <si>
    <t>Maduana</t>
  </si>
  <si>
    <t>chak#150 rb tehsil jaranwala faisalabad</t>
  </si>
  <si>
    <t>150 Rb</t>
  </si>
  <si>
    <t>71 Rb</t>
  </si>
  <si>
    <t>Uzma Shehzadi</t>
  </si>
  <si>
    <t>20395</t>
  </si>
  <si>
    <t>GHS IQBAL GUJRANWALA</t>
  </si>
  <si>
    <t>G.T Road,Gujranwala</t>
  </si>
  <si>
    <t>Civil Lines</t>
  </si>
  <si>
    <t>MUHAMMAD AKBAR</t>
  </si>
  <si>
    <t>30820</t>
  </si>
  <si>
    <t>GHS CDG REHMAN PURA</t>
  </si>
  <si>
    <t>Rehmanpura ichra</t>
  </si>
  <si>
    <t>21545</t>
  </si>
  <si>
    <t>GMPS MARAY WAIEN KALAN</t>
  </si>
  <si>
    <t>Maray waien kalan</t>
  </si>
  <si>
    <t>Maray waien kalan tehsil kamoki</t>
  </si>
  <si>
    <t>Nand pur</t>
  </si>
  <si>
    <t>imran Ghani</t>
  </si>
  <si>
    <t>GGHS PAK STANDARD SHAD BAGH LAHORE</t>
  </si>
  <si>
    <t>GOVT PAK STANDARD GHS SHAD BAGH LHR</t>
  </si>
  <si>
    <t>MRS SHAHIDA KHANUM GILLANI</t>
  </si>
  <si>
    <t>53120</t>
  </si>
  <si>
    <t>GGHS CHAK NO.34/4-L</t>
  </si>
  <si>
    <t>CHAK NO 34/4L</t>
  </si>
  <si>
    <t>CHAK NO 34/4L POST OFF SAME</t>
  </si>
  <si>
    <t>CHAK NO 33/4L</t>
  </si>
  <si>
    <t>23271</t>
  </si>
  <si>
    <t>35369</t>
  </si>
  <si>
    <t>GGES CHAK NO.421/EB</t>
  </si>
  <si>
    <t>Chak 421/EB</t>
  </si>
  <si>
    <t>chak no 421 e.b</t>
  </si>
  <si>
    <t>Fareedabad</t>
  </si>
  <si>
    <t>Razia Mehnaz</t>
  </si>
  <si>
    <t>39155</t>
  </si>
  <si>
    <t>GGES DEWAL</t>
  </si>
  <si>
    <t>Dewal</t>
  </si>
  <si>
    <t>village Dewal Teh Fateh jang Distt Attock</t>
  </si>
  <si>
    <t>RIZWANA BIBI</t>
  </si>
  <si>
    <t>12332</t>
  </si>
  <si>
    <t>15773</t>
  </si>
  <si>
    <t>GPS 236 RB II</t>
  </si>
  <si>
    <t>Jappy</t>
  </si>
  <si>
    <t>chak no 236 rb jappy</t>
  </si>
  <si>
    <t>236Rb jappy</t>
  </si>
  <si>
    <t>niamuana</t>
  </si>
  <si>
    <t>M Mubbsher Hussain</t>
  </si>
  <si>
    <t>3933</t>
  </si>
  <si>
    <t>17125</t>
  </si>
  <si>
    <t>16024</t>
  </si>
  <si>
    <t>13192</t>
  </si>
  <si>
    <t>11749</t>
  </si>
  <si>
    <t>GPS CHAK NO.540 TDA</t>
  </si>
  <si>
    <t>CHAK NO 540TDA</t>
  </si>
  <si>
    <t>CHAK NO 540 TDA</t>
  </si>
  <si>
    <t>CHAK NO 632 TDA</t>
  </si>
  <si>
    <t>SADIQ HUSSAIN</t>
  </si>
  <si>
    <t>16748</t>
  </si>
  <si>
    <t>GGHS 409 GB TANDLIAN WALA</t>
  </si>
  <si>
    <t>chak 409 gb</t>
  </si>
  <si>
    <t>409 Gb</t>
  </si>
  <si>
    <t>sobia naz</t>
  </si>
  <si>
    <t>3972</t>
  </si>
  <si>
    <t>20639</t>
  </si>
  <si>
    <t>11282</t>
  </si>
  <si>
    <t>GGHS THAHEEM WALA</t>
  </si>
  <si>
    <t>Ghalwan II</t>
  </si>
  <si>
    <t>Basti Hassan Wala Khan Naala Moza Ghalwan II Tehsil Alipur</t>
  </si>
  <si>
    <t>Basti Hassan Wala</t>
  </si>
  <si>
    <t>Robina Malik</t>
  </si>
  <si>
    <t>19329</t>
  </si>
  <si>
    <t>GGHS CHAK 183 GB MIAN KOT</t>
  </si>
  <si>
    <t>Miankot</t>
  </si>
  <si>
    <t>chak no. 183GB miankot teh &amp; distt toba tek singh</t>
  </si>
  <si>
    <t>Chak No 183 GBMIANKOT</t>
  </si>
  <si>
    <t>Chak No 183GB</t>
  </si>
  <si>
    <t>SAMIA ANAM</t>
  </si>
  <si>
    <t>5073</t>
  </si>
  <si>
    <t>GHS QURESHI WALA</t>
  </si>
  <si>
    <t>QURESHI WALA</t>
  </si>
  <si>
    <t>MUHAMMAD SARWAR</t>
  </si>
  <si>
    <t>592</t>
  </si>
  <si>
    <t>13601</t>
  </si>
  <si>
    <t>GGPS MUD MALIK</t>
  </si>
  <si>
    <t>DAJAL - FEMALE</t>
  </si>
  <si>
    <t>Rakh Azmat Wala</t>
  </si>
  <si>
    <t>ggps mud malik dajal</t>
  </si>
  <si>
    <t>Mud Malik</t>
  </si>
  <si>
    <t>Dajal</t>
  </si>
  <si>
    <t>Afifa Begum</t>
  </si>
  <si>
    <t>42373</t>
  </si>
  <si>
    <t>GGHS MANDRA</t>
  </si>
  <si>
    <t>vill po mandra tehsil gujarkhan district rawalpindi</t>
  </si>
  <si>
    <t>mandra</t>
  </si>
  <si>
    <t>Nayyer Shaheen</t>
  </si>
  <si>
    <t>GGHS 48/12-L</t>
  </si>
  <si>
    <t>48/12-L</t>
  </si>
  <si>
    <t>Chak No 48/12.L</t>
  </si>
  <si>
    <t>54/12-L</t>
  </si>
  <si>
    <t>SHAHZADI</t>
  </si>
  <si>
    <t>28294</t>
  </si>
  <si>
    <t>7509</t>
  </si>
  <si>
    <t>15081</t>
  </si>
  <si>
    <t>GGPS CHAK 103 GB JARANWALA</t>
  </si>
  <si>
    <t>chak#103GB</t>
  </si>
  <si>
    <t>Chak#103GB</t>
  </si>
  <si>
    <t>Ckak#101GB</t>
  </si>
  <si>
    <t>Rabeeya Jamil</t>
  </si>
  <si>
    <t>4006</t>
  </si>
  <si>
    <t>46492</t>
  </si>
  <si>
    <t>12037</t>
  </si>
  <si>
    <t>GGPS CHAK NO. 635/TDA</t>
  </si>
  <si>
    <t>arain sharqee</t>
  </si>
  <si>
    <t>chk.no 635/TDA tehsil kotadu district M.Garh</t>
  </si>
  <si>
    <t>635/TDA</t>
  </si>
  <si>
    <t>sadiq abad</t>
  </si>
  <si>
    <t>Samra Ramzan</t>
  </si>
  <si>
    <t>12322</t>
  </si>
  <si>
    <t>16045</t>
  </si>
  <si>
    <t>GGPS CHAK 263 RB II DIJKOT</t>
  </si>
  <si>
    <t>GGPS # 2 Dijkot</t>
  </si>
  <si>
    <t>263 Rb Dijkot</t>
  </si>
  <si>
    <t>Munspal Committee</t>
  </si>
  <si>
    <t>Anjum Naheed</t>
  </si>
  <si>
    <t>54380</t>
  </si>
  <si>
    <t>50028</t>
  </si>
  <si>
    <t>38169</t>
  </si>
  <si>
    <t>GGPS BASTI RAJA PUR</t>
  </si>
  <si>
    <t>GALAYWAL - FEMALE</t>
  </si>
  <si>
    <t>Basti rajapur mouza rawani</t>
  </si>
  <si>
    <t>Basti Rajapur</t>
  </si>
  <si>
    <t>Shazia Qasim</t>
  </si>
  <si>
    <t>42383</t>
  </si>
  <si>
    <t>16639</t>
  </si>
  <si>
    <t>GGPS CHAK 415 GB TANDLIANWALA</t>
  </si>
  <si>
    <t>Chak no 415 GB</t>
  </si>
  <si>
    <t>GGPS 415 GB</t>
  </si>
  <si>
    <t>Chak No 415 GB</t>
  </si>
  <si>
    <t>Chak nO 416 GB</t>
  </si>
  <si>
    <t>Atia Rashid</t>
  </si>
  <si>
    <t>14299</t>
  </si>
  <si>
    <t>34833</t>
  </si>
  <si>
    <t>19521</t>
  </si>
  <si>
    <t>16713</t>
  </si>
  <si>
    <t>GGPS CHAK NO.53/3 TUKRA</t>
  </si>
  <si>
    <t>Darbar Salhudin 53/3 tukra</t>
  </si>
  <si>
    <t>Govt girls primary school 53/3 tukra Darbar Salhudin</t>
  </si>
  <si>
    <t>28411</t>
  </si>
  <si>
    <t>6993</t>
  </si>
  <si>
    <t>GHS HALLOKI</t>
  </si>
  <si>
    <t>Moza Halloki, PO same, Via Kahna Nau, Lahore</t>
  </si>
  <si>
    <t>Qavi Ahmad Alvi</t>
  </si>
  <si>
    <t>11800</t>
  </si>
  <si>
    <t>33912</t>
  </si>
  <si>
    <t>6368</t>
  </si>
  <si>
    <t>GPS WAHI JUMAN SHAH</t>
  </si>
  <si>
    <t>TARANDA SAWAY KHAN - MALE</t>
  </si>
  <si>
    <t>Wahi jumman Shah</t>
  </si>
  <si>
    <t>wahi jumman Shah p/o Tranda saway Khan</t>
  </si>
  <si>
    <t>Wahi Jumman Shah</t>
  </si>
  <si>
    <t>Mohammad Hanif</t>
  </si>
  <si>
    <t>11875</t>
  </si>
  <si>
    <t>GGPS CHAK NO. 546 TDA</t>
  </si>
  <si>
    <t>546TDA</t>
  </si>
  <si>
    <t>546tda</t>
  </si>
  <si>
    <t>13303</t>
  </si>
  <si>
    <t>37948</t>
  </si>
  <si>
    <t>GHS DURAN WALA</t>
  </si>
  <si>
    <t>Doranwala</t>
  </si>
  <si>
    <t>basti qazi wala moza doran wala</t>
  </si>
  <si>
    <t>Qazi Wala</t>
  </si>
  <si>
    <t>Altaf Ur Rehman</t>
  </si>
  <si>
    <t>10544</t>
  </si>
  <si>
    <t>37924</t>
  </si>
  <si>
    <t>GHSS LODHRAN</t>
  </si>
  <si>
    <t>Lodhran</t>
  </si>
  <si>
    <t>GHSS Lodhran Kherorpacca Road Lodhran</t>
  </si>
  <si>
    <t>Gangay Wala</t>
  </si>
  <si>
    <t>MUHAMMAD IRSHAD CHOHAN</t>
  </si>
  <si>
    <t>73984</t>
  </si>
  <si>
    <t>12296</t>
  </si>
  <si>
    <t>GGES CHAK.NO. 509/TDA</t>
  </si>
  <si>
    <t>509/tda</t>
  </si>
  <si>
    <t>gges509tda</t>
  </si>
  <si>
    <t>54454</t>
  </si>
  <si>
    <t>1573</t>
  </si>
  <si>
    <t>6561</t>
  </si>
  <si>
    <t>GGPS THUL HASSAN KHAN</t>
  </si>
  <si>
    <t>Thull Hassan</t>
  </si>
  <si>
    <t>Ggps thull hassan khan</t>
  </si>
  <si>
    <t>Thull Hassan khan</t>
  </si>
  <si>
    <t>Thull Khair Muhammad</t>
  </si>
  <si>
    <t>Hafiza Nageen Hadayat</t>
  </si>
  <si>
    <t>37426</t>
  </si>
  <si>
    <t>GHS 6/8-AR, TULAMBA</t>
  </si>
  <si>
    <t>6/8AR</t>
  </si>
  <si>
    <t>chak no 6/8AR mian channu</t>
  </si>
  <si>
    <t>Chak No 7/8AR</t>
  </si>
  <si>
    <t>6601</t>
  </si>
  <si>
    <t>GGPS BASTI KHALTI</t>
  </si>
  <si>
    <t>Dodi Sanghi</t>
  </si>
  <si>
    <t>basti khalti moza dodi sanghi</t>
  </si>
  <si>
    <t>Basti Khalti</t>
  </si>
  <si>
    <t>Thul Khair Muhammad</t>
  </si>
  <si>
    <t>Rehana Kazim</t>
  </si>
  <si>
    <t>GHS CDG MASTER GHULAM MUHAMMAD JIA MUSA SHAHDARA</t>
  </si>
  <si>
    <t>Kot Muhbu</t>
  </si>
  <si>
    <t>MAIN BAZAR JIAMUSA SHAHDARA LAHORE</t>
  </si>
  <si>
    <t>SHAHDARA</t>
  </si>
  <si>
    <t>KOT KAMBOH</t>
  </si>
  <si>
    <t>ABBAS RAZA</t>
  </si>
  <si>
    <t>1247</t>
  </si>
  <si>
    <t>6917</t>
  </si>
  <si>
    <t>GGPS BASTI BINDOOR WALI</t>
  </si>
  <si>
    <t>GGPS Bindoor Wali</t>
  </si>
  <si>
    <t>basti Rasool Pur</t>
  </si>
  <si>
    <t>GGPS RANG PUR</t>
  </si>
  <si>
    <t>37427</t>
  </si>
  <si>
    <t>GGHS MODEL MIAN CHANNU</t>
  </si>
  <si>
    <t>MIANCHANNU</t>
  </si>
  <si>
    <t>GOVT GIRLS HIGH MODEL SCHOOL MIAN CHANNU</t>
  </si>
  <si>
    <t>MC MIAN CHANNU</t>
  </si>
  <si>
    <t>35739</t>
  </si>
  <si>
    <t>2021</t>
  </si>
  <si>
    <t>6503</t>
  </si>
  <si>
    <t>GGPS CHAK NO. 108/P</t>
  </si>
  <si>
    <t>chak No 108 P</t>
  </si>
  <si>
    <t>Chak no 108 p RYK</t>
  </si>
  <si>
    <t>Chak No 108 P RYK</t>
  </si>
  <si>
    <t>Chak 105p</t>
  </si>
  <si>
    <t>Shamsa Kousar</t>
  </si>
  <si>
    <t>6594</t>
  </si>
  <si>
    <t>GMPS KOTLA MEHMOOD KHAN</t>
  </si>
  <si>
    <t>Kotla Mehmood Khan</t>
  </si>
  <si>
    <t>kotla mehmood khan post office mianwali qureshian</t>
  </si>
  <si>
    <t>Dulatpur</t>
  </si>
  <si>
    <t>Tehmina Waris</t>
  </si>
  <si>
    <t>40073</t>
  </si>
  <si>
    <t>GGPS EHSAN PUR</t>
  </si>
  <si>
    <t>Ehsanpur</t>
  </si>
  <si>
    <t>GGPS, Ehsanpur,RYK</t>
  </si>
  <si>
    <t>Shagufta Shaheen</t>
  </si>
  <si>
    <t>GGPS IQBAL NAGAR</t>
  </si>
  <si>
    <t>iqbal nagar</t>
  </si>
  <si>
    <t>basti iqbal nagar dakhana jdw</t>
  </si>
  <si>
    <t>basti iqbal nagar</t>
  </si>
  <si>
    <t>jdw</t>
  </si>
  <si>
    <t>Nimra Basharat</t>
  </si>
  <si>
    <t>43990</t>
  </si>
  <si>
    <t>GGES DHOK BAZA</t>
  </si>
  <si>
    <t>Dhok baza</t>
  </si>
  <si>
    <t>GGES Dhok baza</t>
  </si>
  <si>
    <t>Pira fatehal</t>
  </si>
  <si>
    <t>Rashda Memoona</t>
  </si>
  <si>
    <t>21983</t>
  </si>
  <si>
    <t>41515</t>
  </si>
  <si>
    <t>20607</t>
  </si>
  <si>
    <t>GES DHARIWAL</t>
  </si>
  <si>
    <t>dhariwal gujranwala</t>
  </si>
  <si>
    <t>27451</t>
  </si>
  <si>
    <t>21907</t>
  </si>
  <si>
    <t>GPS LEHRI KALAN</t>
  </si>
  <si>
    <t>Lehri Kalan</t>
  </si>
  <si>
    <t>village lehri kalan p/o sakror</t>
  </si>
  <si>
    <t>43989</t>
  </si>
  <si>
    <t>GGHS MOORAT</t>
  </si>
  <si>
    <t>Moorat</t>
  </si>
  <si>
    <t>gghs moorat tehsil talagang district chakwal</t>
  </si>
  <si>
    <t>Murat</t>
  </si>
  <si>
    <t>Naka Kahoot</t>
  </si>
  <si>
    <t>Tanzeela Rubab</t>
  </si>
  <si>
    <t>152320</t>
  </si>
  <si>
    <t>16746</t>
  </si>
  <si>
    <t>GGES 403 GB I</t>
  </si>
  <si>
    <t>403 GB</t>
  </si>
  <si>
    <t>Chak No 403 GB</t>
  </si>
  <si>
    <t>Masraira Chak</t>
  </si>
  <si>
    <t>20411</t>
  </si>
  <si>
    <t>GHS GONDLAN WALA</t>
  </si>
  <si>
    <t>Sadar West</t>
  </si>
  <si>
    <t>Gondlanwala</t>
  </si>
  <si>
    <t>Akhtar Hussain Bajwa</t>
  </si>
  <si>
    <t>3557</t>
  </si>
  <si>
    <t>3962</t>
  </si>
  <si>
    <t>GGES CHAK NO.143/DB</t>
  </si>
  <si>
    <t>KHUTREE BANGLOW - FEMALE</t>
  </si>
  <si>
    <t>Check 143db</t>
  </si>
  <si>
    <t>chack no 143db</t>
  </si>
  <si>
    <t>Chack 143db</t>
  </si>
  <si>
    <t>MARIAM BASHIR</t>
  </si>
  <si>
    <t>GPS CHAK NO.75/DNB (W)</t>
  </si>
  <si>
    <t>ADDA 42000 - MALE</t>
  </si>
  <si>
    <t>chak no 75 DNB shahi wala yazman bwp</t>
  </si>
  <si>
    <t>75/DNB</t>
  </si>
  <si>
    <t>47DNB</t>
  </si>
  <si>
    <t>Nasser Ahmad</t>
  </si>
  <si>
    <t>20611</t>
  </si>
  <si>
    <t>GPS MUGHAL CHAK KALAN</t>
  </si>
  <si>
    <t>GPS Mughal Chack</t>
  </si>
  <si>
    <t>GPS mughal chack klan</t>
  </si>
  <si>
    <t>Mughal Chack Kalan</t>
  </si>
  <si>
    <t>Kot Shera</t>
  </si>
  <si>
    <t>Abdul Majid</t>
  </si>
  <si>
    <t>38776</t>
  </si>
  <si>
    <t>22650</t>
  </si>
  <si>
    <t>16652</t>
  </si>
  <si>
    <t>GGPS ABADI JAN MUHAMMAD</t>
  </si>
  <si>
    <t>GGPS Abadi Jan Muhammad</t>
  </si>
  <si>
    <t>Chak Abadi Jan Muhammad</t>
  </si>
  <si>
    <t>Hafsa Zia</t>
  </si>
  <si>
    <t>11525</t>
  </si>
  <si>
    <t>36073</t>
  </si>
  <si>
    <t>GHS MOLVI WAH</t>
  </si>
  <si>
    <t>FAIZ WAH</t>
  </si>
  <si>
    <t>GHS MOLVI WAH P/O RATTA TIBBA VEHARI</t>
  </si>
  <si>
    <t>MOLVI WAH</t>
  </si>
  <si>
    <t>QADIR WAH</t>
  </si>
  <si>
    <t>9795</t>
  </si>
  <si>
    <t>37699</t>
  </si>
  <si>
    <t>58180</t>
  </si>
  <si>
    <t>20410</t>
  </si>
  <si>
    <t>37418</t>
  </si>
  <si>
    <t>GHS 9-B/8-R, TULAMBA</t>
  </si>
  <si>
    <t>ghs 9-b/8-r tulamba</t>
  </si>
  <si>
    <t>Chak No 9-b/8-r</t>
  </si>
  <si>
    <t>9-b/8-r</t>
  </si>
  <si>
    <t>abid Hussain</t>
  </si>
  <si>
    <t>15418</t>
  </si>
  <si>
    <t>27896</t>
  </si>
  <si>
    <t>GGHS PUBLIC M.B.DIN</t>
  </si>
  <si>
    <t>Mandi Bhaudin</t>
  </si>
  <si>
    <t>Jail Road Mandi Bhauddin</t>
  </si>
  <si>
    <t>Mandi Bhauddin</t>
  </si>
  <si>
    <t>Alia Batool Naqvi</t>
  </si>
  <si>
    <t>8415</t>
  </si>
  <si>
    <t>8391</t>
  </si>
  <si>
    <t>GGPS SULTAN MEHMOOD WALI</t>
  </si>
  <si>
    <t>BastiBager Wala Mauza Bahadur Garh D.G.Khan</t>
  </si>
  <si>
    <t>Bager Wala</t>
  </si>
  <si>
    <t>GGES CHAK NO.377 EB</t>
  </si>
  <si>
    <t>Gaggo</t>
  </si>
  <si>
    <t>chak#377eb</t>
  </si>
  <si>
    <t>377eb</t>
  </si>
  <si>
    <t>403eb</t>
  </si>
  <si>
    <t>Rukhsana Aslam</t>
  </si>
  <si>
    <t>53333</t>
  </si>
  <si>
    <t>GPS THAKAR SINGH</t>
  </si>
  <si>
    <t>Sukhpur</t>
  </si>
  <si>
    <t>Thakar Singh</t>
  </si>
  <si>
    <t>Muhammad Allam Shaheen</t>
  </si>
  <si>
    <t>GGPS CHAK 202 RB KATCHY ABADI</t>
  </si>
  <si>
    <t>202 RB</t>
  </si>
  <si>
    <t>202r.b katchiabadi</t>
  </si>
  <si>
    <t>Katchiabadi</t>
  </si>
  <si>
    <t>19974</t>
  </si>
  <si>
    <t>38767</t>
  </si>
  <si>
    <t>GHS MIRZA</t>
  </si>
  <si>
    <t>mirza</t>
  </si>
  <si>
    <t>mohallah lundi dehri vpo mirza</t>
  </si>
  <si>
    <t>MALIK AKHLAQ AHMED</t>
  </si>
  <si>
    <t>6567</t>
  </si>
  <si>
    <t>GGPS ALLAH BUKSH GOPANG</t>
  </si>
  <si>
    <t>GGPS Allah buksh gopang rukan pur</t>
  </si>
  <si>
    <t>Allah Buksh</t>
  </si>
  <si>
    <t>9660</t>
  </si>
  <si>
    <t>20139</t>
  </si>
  <si>
    <t>GHS WALLAH</t>
  </si>
  <si>
    <t>wallah</t>
  </si>
  <si>
    <t>wallah  teh lalian</t>
  </si>
  <si>
    <t>UMER HAYAT</t>
  </si>
  <si>
    <t>WATER PUMP  HAND PUMP</t>
  </si>
  <si>
    <t>5661</t>
  </si>
  <si>
    <t>GGES CHAK NO 133 MURAD</t>
  </si>
  <si>
    <t>CTN -XI-FEMALE</t>
  </si>
  <si>
    <t>Chak 133/M</t>
  </si>
  <si>
    <t>chak 133/m chishtian</t>
  </si>
  <si>
    <t>Chak 133/m</t>
  </si>
  <si>
    <t>Chak 134/M</t>
  </si>
  <si>
    <t>Ambreen Gull</t>
  </si>
  <si>
    <t>50836</t>
  </si>
  <si>
    <t>GGES CDG JUNIOR MODEL KHOKHAR PIND BADAMI BAGH</t>
  </si>
  <si>
    <t>Khokhar Pind</t>
  </si>
  <si>
    <t>CDG middle school Khokhar pind lahore</t>
  </si>
  <si>
    <t>Siddiqia Colony</t>
  </si>
  <si>
    <t>Shakeela Siddique</t>
  </si>
  <si>
    <t>75150</t>
  </si>
  <si>
    <t>40064</t>
  </si>
  <si>
    <t>GGHS KALA GUJRAN</t>
  </si>
  <si>
    <t>KALA GUJRAN</t>
  </si>
  <si>
    <t>GGHS KALA GUJRAN JHELUM</t>
  </si>
  <si>
    <t>41013</t>
  </si>
  <si>
    <t>GGPS CHHANI GUJRAN</t>
  </si>
  <si>
    <t>Channi Gujran</t>
  </si>
  <si>
    <t>channi gujran p/o tehsil Dina</t>
  </si>
  <si>
    <t>SADAF SAJJAD</t>
  </si>
  <si>
    <t>9925</t>
  </si>
  <si>
    <t>45414</t>
  </si>
  <si>
    <t>19464</t>
  </si>
  <si>
    <t>GGES CHAK NO.31/BC</t>
  </si>
  <si>
    <t>31/bc</t>
  </si>
  <si>
    <t>chack no 31/BC</t>
  </si>
  <si>
    <t>4bc</t>
  </si>
  <si>
    <t>Sajda Sayad</t>
  </si>
  <si>
    <t>12075</t>
  </si>
  <si>
    <t>GGPS AZIZ WALA</t>
  </si>
  <si>
    <t>HANJRAI- FEMALE</t>
  </si>
  <si>
    <t>Hinjrai</t>
  </si>
  <si>
    <t>Chah Dhori Wala hunjrae daira deen panah</t>
  </si>
  <si>
    <t>SAJIDA PARVEEN</t>
  </si>
  <si>
    <t>16070</t>
  </si>
  <si>
    <t>15836</t>
  </si>
  <si>
    <t>GES 57 JB</t>
  </si>
  <si>
    <t>57 Jb</t>
  </si>
  <si>
    <t>chack no 57 jb fsd</t>
  </si>
  <si>
    <t>Chack 57 Jb Ghayala</t>
  </si>
  <si>
    <t>24350</t>
  </si>
  <si>
    <t>GGES MAKHAN BELA</t>
  </si>
  <si>
    <t>JHORAN-FEMALE</t>
  </si>
  <si>
    <t>Makhan bela</t>
  </si>
  <si>
    <t>gges makhan bela</t>
  </si>
  <si>
    <t>Tayyaba Anam</t>
  </si>
  <si>
    <t>52663</t>
  </si>
  <si>
    <t>47403</t>
  </si>
  <si>
    <t>23613</t>
  </si>
  <si>
    <t>GGHS GOINDKAY</t>
  </si>
  <si>
    <t>Goindke</t>
  </si>
  <si>
    <t>village &amp; post office goindke tehsil daska district sialkot</t>
  </si>
  <si>
    <t>NIGHAT YASMIN</t>
  </si>
  <si>
    <t>40517</t>
  </si>
  <si>
    <t>35581</t>
  </si>
  <si>
    <t>GGHS BASTI SAHER</t>
  </si>
  <si>
    <t>Saher</t>
  </si>
  <si>
    <t>Basti Saher</t>
  </si>
  <si>
    <t>Rukhsana Naz</t>
  </si>
  <si>
    <t>36623</t>
  </si>
  <si>
    <t>GGHS MAAN WALA, KABIRWALA</t>
  </si>
  <si>
    <t>maanwala</t>
  </si>
  <si>
    <t>gghs maan wala kabirwala</t>
  </si>
  <si>
    <t>Muncipal kabirwala</t>
  </si>
  <si>
    <t>23392</t>
  </si>
  <si>
    <t>19987</t>
  </si>
  <si>
    <t>GGPS GAGGAR KHURD</t>
  </si>
  <si>
    <t>Gaggar khurd</t>
  </si>
  <si>
    <t>village Gaggar khurd P.Obox Gaggar kalan</t>
  </si>
  <si>
    <t>Anam javed</t>
  </si>
  <si>
    <t>19320</t>
  </si>
  <si>
    <t>19006</t>
  </si>
  <si>
    <t>22153</t>
  </si>
  <si>
    <t>GGHSS SOHAL KHURD</t>
  </si>
  <si>
    <t>sohal khurd</t>
  </si>
  <si>
    <t>GGH/S SCHOOL SOHAL KHURD</t>
  </si>
  <si>
    <t>mandhala</t>
  </si>
  <si>
    <t>sumaira gulshan</t>
  </si>
  <si>
    <t>33741</t>
  </si>
  <si>
    <t>5427</t>
  </si>
  <si>
    <t>19826</t>
  </si>
  <si>
    <t>GMPS CHAK NO 156 JB SAHMAL</t>
  </si>
  <si>
    <t>AEO (W) BHOWANA NO.25</t>
  </si>
  <si>
    <t>156 S</t>
  </si>
  <si>
    <t>chack no 156 s</t>
  </si>
  <si>
    <t>Humaira Nasir</t>
  </si>
  <si>
    <t>8920</t>
  </si>
  <si>
    <t>5974</t>
  </si>
  <si>
    <t>50787</t>
  </si>
  <si>
    <t>GGES 96/9-L</t>
  </si>
  <si>
    <t>YOUSAF WALA-A-FEMALE</t>
  </si>
  <si>
    <t>96/9l</t>
  </si>
  <si>
    <t>chak no 96/9l</t>
  </si>
  <si>
    <t>80/5l</t>
  </si>
  <si>
    <t>Rehana Sharif</t>
  </si>
  <si>
    <t>23404</t>
  </si>
  <si>
    <t>GES BEHARI COLONY LALA MUSA</t>
  </si>
  <si>
    <t>MOHALLAH BEHARI COLONY LALAMUSA</t>
  </si>
  <si>
    <t>MC LALAMUSA</t>
  </si>
  <si>
    <t>39207</t>
  </si>
  <si>
    <t>44318</t>
  </si>
  <si>
    <t>GHS CHAK NO 73 TDA</t>
  </si>
  <si>
    <t>Chak No.73/TDA</t>
  </si>
  <si>
    <t>Chak No.73/TDA P/O Same Tehsil and District Bhakkar</t>
  </si>
  <si>
    <t>Chak No.60-61/ML</t>
  </si>
  <si>
    <t>20306</t>
  </si>
  <si>
    <t>29730</t>
  </si>
  <si>
    <t>GPS CHAK NO. 38</t>
  </si>
  <si>
    <t>CHAk 38</t>
  </si>
  <si>
    <t>CHAk 38 Teh Pattoki DISTT Kasur</t>
  </si>
  <si>
    <t>Awan CHAK 39</t>
  </si>
  <si>
    <t>HAMID SHAKOOR RASHID</t>
  </si>
  <si>
    <t>10545</t>
  </si>
  <si>
    <t>25961</t>
  </si>
  <si>
    <t>GGHS MUKHIANA</t>
  </si>
  <si>
    <t>Mukhiana</t>
  </si>
  <si>
    <t>mouza mukhiana jhang</t>
  </si>
  <si>
    <t>Azra Mohammad</t>
  </si>
  <si>
    <t>3838</t>
  </si>
  <si>
    <t>GPS SURMAY DANI</t>
  </si>
  <si>
    <t>Patal Munda Darmyani</t>
  </si>
  <si>
    <t>Surmay Dani</t>
  </si>
  <si>
    <t>Chak No 567 /TDA</t>
  </si>
  <si>
    <t>Muhammad Ashraf Anjum</t>
  </si>
  <si>
    <t>36576</t>
  </si>
  <si>
    <t>GES ALLAH ABAD, KABIRWALA</t>
  </si>
  <si>
    <t>GES Allah abad tehsil kabirwala district khanewal</t>
  </si>
  <si>
    <t>Muhammad Sohail</t>
  </si>
  <si>
    <t>42200</t>
  </si>
  <si>
    <t>GPS DHANA KHOKHAR</t>
  </si>
  <si>
    <t>Dhana Khokhar</t>
  </si>
  <si>
    <t>dhana khokhar markaz phoolnagar</t>
  </si>
  <si>
    <t>Nathey Khalsa</t>
  </si>
  <si>
    <t>samina Ashraf</t>
  </si>
  <si>
    <t>24477</t>
  </si>
  <si>
    <t>4540</t>
  </si>
  <si>
    <t>35838</t>
  </si>
  <si>
    <t>GGPS 120 WB</t>
  </si>
  <si>
    <t>120/wb</t>
  </si>
  <si>
    <t>moza burkhudar</t>
  </si>
  <si>
    <t>6884</t>
  </si>
  <si>
    <t>GGCMS CHAK NO.123/P-A</t>
  </si>
  <si>
    <t>WAH KOHNA - FEMALE</t>
  </si>
  <si>
    <t>Wah Fkeera</t>
  </si>
  <si>
    <t>Chak 123pA manthar Road Rahim yar khan</t>
  </si>
  <si>
    <t>Chak 123pA</t>
  </si>
  <si>
    <t>Rabia Sehrish</t>
  </si>
  <si>
    <t>21261</t>
  </si>
  <si>
    <t>12317</t>
  </si>
  <si>
    <t>GGPS CHAK NO 651 TDA</t>
  </si>
  <si>
    <t>chak#651TDA</t>
  </si>
  <si>
    <t>651TDA</t>
  </si>
  <si>
    <t>Mahrzadi Shahreen Shahi</t>
  </si>
  <si>
    <t>24468</t>
  </si>
  <si>
    <t>37489</t>
  </si>
  <si>
    <t>GGHS 132/16-L, MIAN CHANNU</t>
  </si>
  <si>
    <t>132/16/l</t>
  </si>
  <si>
    <t>132/16l</t>
  </si>
  <si>
    <t>131/15/l</t>
  </si>
  <si>
    <t>Farah Afza</t>
  </si>
  <si>
    <t>35833</t>
  </si>
  <si>
    <t>GGCMMS 116 WB</t>
  </si>
  <si>
    <t>116wb</t>
  </si>
  <si>
    <t>Hafiza Shanza Nadeem</t>
  </si>
  <si>
    <t>14554</t>
  </si>
  <si>
    <t>28719</t>
  </si>
  <si>
    <t>14579</t>
  </si>
  <si>
    <t>GGPS CHAK NO 214 RB HIMMAT PURA</t>
  </si>
  <si>
    <t>214/RB II</t>
  </si>
  <si>
    <t>Chak No 214/ R.B Himmat pura Fsd</t>
  </si>
  <si>
    <t>Farhat rizwana naz</t>
  </si>
  <si>
    <t>9409</t>
  </si>
  <si>
    <t>12929</t>
  </si>
  <si>
    <t>30189</t>
  </si>
  <si>
    <t>GGHS RAFA-E-AAMA MOZANG LHR</t>
  </si>
  <si>
    <t>chiragh din road mozang lahore</t>
  </si>
  <si>
    <t>Sara Kanwal</t>
  </si>
  <si>
    <t>99280</t>
  </si>
  <si>
    <t>36579</t>
  </si>
  <si>
    <t>GES NARHAL, KABIRWALA</t>
  </si>
  <si>
    <t>Basti narhal kabirwala</t>
  </si>
  <si>
    <t>Muneer Ahmad</t>
  </si>
  <si>
    <t>44343</t>
  </si>
  <si>
    <t>GHS MODEL MANDI TOWN BHAKKAR</t>
  </si>
  <si>
    <t>Mandi Town Bhakkar</t>
  </si>
  <si>
    <t>48268</t>
  </si>
  <si>
    <t>819</t>
  </si>
  <si>
    <t>37435</t>
  </si>
  <si>
    <t>GGHS 135/16-L, STUNZABAD, MIAN CHANNU</t>
  </si>
  <si>
    <t>chak 135/16-L,  MIAN channu</t>
  </si>
  <si>
    <t>135/16-L</t>
  </si>
  <si>
    <t>Chak 137/16-L</t>
  </si>
  <si>
    <t>SHAHEEN FIRDOUS</t>
  </si>
  <si>
    <t>GGES RUKAN PUR</t>
  </si>
  <si>
    <t>Govt  Girls Ellementry schooll Rukan Pur
District Rahim Yar Khan</t>
  </si>
  <si>
    <t>Gloor Masu Khan</t>
  </si>
  <si>
    <t>Hamida Farooq</t>
  </si>
  <si>
    <t>15756</t>
  </si>
  <si>
    <t>GPS 218 RB</t>
  </si>
  <si>
    <t>prokianwala</t>
  </si>
  <si>
    <t>chak#218Rb faisalabad</t>
  </si>
  <si>
    <t>61jb</t>
  </si>
  <si>
    <t>9115</t>
  </si>
  <si>
    <t>33850</t>
  </si>
  <si>
    <t>11564</t>
  </si>
  <si>
    <t>GGES CHAK NO. 507 TDA</t>
  </si>
  <si>
    <t>Chak 507 TDA</t>
  </si>
  <si>
    <t>Chowk Sarwar Shaheed</t>
  </si>
  <si>
    <t>Chak 507/TDA</t>
  </si>
  <si>
    <t>Musarat Bibi</t>
  </si>
  <si>
    <t>6745</t>
  </si>
  <si>
    <t>35843</t>
  </si>
  <si>
    <t>GGPS BASTI OJILA</t>
  </si>
  <si>
    <t>Ojila</t>
  </si>
  <si>
    <t>basti Ojila teh  mailsi district vehari</t>
  </si>
  <si>
    <t>Basti Ojila</t>
  </si>
  <si>
    <t>Lal Saggu</t>
  </si>
  <si>
    <t>Shaista Naheed</t>
  </si>
  <si>
    <t>14707</t>
  </si>
  <si>
    <t>GGES DHOBI GHATT</t>
  </si>
  <si>
    <t>Santpura</t>
  </si>
  <si>
    <t>sanatpura st no 5</t>
  </si>
  <si>
    <t>Sanatpura</t>
  </si>
  <si>
    <t>Ishrat Shamshad</t>
  </si>
  <si>
    <t>50086</t>
  </si>
  <si>
    <t>37432</t>
  </si>
  <si>
    <t>GGHS 133/16-L, MIAN CHANNU</t>
  </si>
  <si>
    <t>Chak No 133/16-L Mian Channu District Khanewal</t>
  </si>
  <si>
    <t>Chak No 133/16-L</t>
  </si>
  <si>
    <t>Chak no 133/16-L</t>
  </si>
  <si>
    <t>Naveed Akhtar</t>
  </si>
  <si>
    <t>4372</t>
  </si>
  <si>
    <t>6590</t>
  </si>
  <si>
    <t>GGES ABDUL RAHMAN WEEHA</t>
  </si>
  <si>
    <t>Fate Pur Qurashia</t>
  </si>
  <si>
    <t>Near Ada Yousaf Abad</t>
  </si>
  <si>
    <t>Abdul Rehman Veha</t>
  </si>
  <si>
    <t>Muhammad Pur Qureshiyan</t>
  </si>
  <si>
    <t>Surriya Bibi</t>
  </si>
  <si>
    <t>54890</t>
  </si>
  <si>
    <t>45500</t>
  </si>
  <si>
    <t>9390</t>
  </si>
  <si>
    <t>12065</t>
  </si>
  <si>
    <t>kaycha pattal. near fine petrol pump</t>
  </si>
  <si>
    <t>Chah Hoat Wala</t>
  </si>
  <si>
    <t>Katcha Pattal</t>
  </si>
  <si>
    <t>Naseem Akhtar Qadri</t>
  </si>
  <si>
    <t>10764</t>
  </si>
  <si>
    <t>15868</t>
  </si>
  <si>
    <t>GPS CHAK 66 JB III</t>
  </si>
  <si>
    <t>Chak No  66 JB</t>
  </si>
  <si>
    <t>Chak No  66 jb Islam pura faisalabad</t>
  </si>
  <si>
    <t>Chak No  66 JB  Islam Pura Faisalabad</t>
  </si>
  <si>
    <t>Chak No 66 JB DHANDRA</t>
  </si>
  <si>
    <t>Zulfiqar Ali Khawar</t>
  </si>
  <si>
    <t>6589</t>
  </si>
  <si>
    <t>GGPS MIAN WALI QURESHIAN</t>
  </si>
  <si>
    <t>Mian Wali Qureshiian</t>
  </si>
  <si>
    <t>Ggps mian wali qureshian mohala molvian</t>
  </si>
  <si>
    <t>Mian Wali Qureshian Mohala Molvian</t>
  </si>
  <si>
    <t>Mian Wali Qureshian</t>
  </si>
  <si>
    <t>Hajra Bibi</t>
  </si>
  <si>
    <t>GPS STATION SINAWAN</t>
  </si>
  <si>
    <t>Thathy Humza</t>
  </si>
  <si>
    <t>Near Satation sanawan</t>
  </si>
  <si>
    <t>Satation Sanawan</t>
  </si>
  <si>
    <t>Doger Calasra</t>
  </si>
  <si>
    <t>Ali Akbar</t>
  </si>
  <si>
    <t>7170</t>
  </si>
  <si>
    <t>6049</t>
  </si>
  <si>
    <t>GGES MC ABBASI MILLS AREA</t>
  </si>
  <si>
    <t>Govt  E/ s  Mc Abbasia Mills R y k</t>
  </si>
  <si>
    <t>Mc Rahim Yar Khan</t>
  </si>
  <si>
    <t>Zabihaakhter</t>
  </si>
  <si>
    <t>GPS ZAFAR NAGAR MOUZA MAHMOOD GARH</t>
  </si>
  <si>
    <t>Mehmood Garh</t>
  </si>
  <si>
    <t>mehmood garh</t>
  </si>
  <si>
    <t>Mian Wali Sheikhan</t>
  </si>
  <si>
    <t>muhammad Usman Farid</t>
  </si>
  <si>
    <t>16716</t>
  </si>
  <si>
    <t>GGES 545/GB</t>
  </si>
  <si>
    <t>Mansoor k Malang 545 GB</t>
  </si>
  <si>
    <t>545 GB</t>
  </si>
  <si>
    <t>Chak No 458 GB</t>
  </si>
  <si>
    <t>Ayesha Yaqoob</t>
  </si>
  <si>
    <t>45320</t>
  </si>
  <si>
    <t>GGES ISLAMIA COLONY</t>
  </si>
  <si>
    <t>Pursan</t>
  </si>
  <si>
    <t>katcha sadiq Abad road islamia colony near millat bakery ryk</t>
  </si>
  <si>
    <t>IslamiacolonY</t>
  </si>
  <si>
    <t>naheed kousar</t>
  </si>
  <si>
    <t>53290</t>
  </si>
  <si>
    <t>16246</t>
  </si>
  <si>
    <t>GGHS CHAK NO. 71 JB FSD</t>
  </si>
  <si>
    <t>FSD</t>
  </si>
  <si>
    <t>GOVT GIRLS HIGH SCHOOL 71 JB DISTRICT FSD TEHSIL SADDAR FSD</t>
  </si>
  <si>
    <t>CHAK NO. 71 JB FSD</t>
  </si>
  <si>
    <t>CHAK NO. 73 JB JHAPAL</t>
  </si>
  <si>
    <t>Sumaira Aqdus</t>
  </si>
  <si>
    <t>30911</t>
  </si>
  <si>
    <t>GHS JUNIOR &amp; CENTRAL MODEL NO.2 RETIGAN ROAD</t>
  </si>
  <si>
    <t>Rattigan Road Lahore</t>
  </si>
  <si>
    <t>Data Gunj Bakhsh</t>
  </si>
  <si>
    <t>Toheed Abad</t>
  </si>
  <si>
    <t>nasir hassan</t>
  </si>
  <si>
    <t>9334</t>
  </si>
  <si>
    <t>Qlandar Wala</t>
  </si>
  <si>
    <t>bair wala moza qaladar wala tehsil m.grh</t>
  </si>
  <si>
    <t>Bair Wala</t>
  </si>
  <si>
    <t>Basira</t>
  </si>
  <si>
    <t>Ayesha Meraj</t>
  </si>
  <si>
    <t>1344</t>
  </si>
  <si>
    <t>20495</t>
  </si>
  <si>
    <t>40824</t>
  </si>
  <si>
    <t>GPS DHALAR DURGA MAL</t>
  </si>
  <si>
    <t>Dhalar Durgamal</t>
  </si>
  <si>
    <t>village dhalar durgha mal post office dhoke mian jeewan tehsil sohawa distt jhelum</t>
  </si>
  <si>
    <t>Pind Matay Khan</t>
  </si>
  <si>
    <t>Muhammad Rafaqat</t>
  </si>
  <si>
    <t>GHS QILA DIDAR SINGH NO.1</t>
  </si>
  <si>
    <t>govt.high school no1 qila didar singh distt gujranwala</t>
  </si>
  <si>
    <t>Zia Ullah Bhinder</t>
  </si>
  <si>
    <t>35393</t>
  </si>
  <si>
    <t>47380</t>
  </si>
  <si>
    <t>12699</t>
  </si>
  <si>
    <t>GGPS FATEH SUHRANI</t>
  </si>
  <si>
    <t>qalandar wala</t>
  </si>
  <si>
    <t>p/o baseera</t>
  </si>
  <si>
    <t>malva</t>
  </si>
  <si>
    <t>basera</t>
  </si>
  <si>
    <t>saadia Rani</t>
  </si>
  <si>
    <t>40812</t>
  </si>
  <si>
    <t>GGES AKRA MOHRA</t>
  </si>
  <si>
    <t>Akra Mohra</t>
  </si>
  <si>
    <t>village akra mohra tehsil sohawa district Jhelum</t>
  </si>
  <si>
    <t>Pind Matty Khan</t>
  </si>
  <si>
    <t>Fozia Khanum</t>
  </si>
  <si>
    <t>32963</t>
  </si>
  <si>
    <t>6798</t>
  </si>
  <si>
    <t>26172</t>
  </si>
  <si>
    <t>GPS NOSHERHA</t>
  </si>
  <si>
    <t>village Noshehra markaz Bara Manga</t>
  </si>
  <si>
    <t>Amjid Ali</t>
  </si>
  <si>
    <t>25843</t>
  </si>
  <si>
    <t>GGHS BADDO MALHI NAI ABADI</t>
  </si>
  <si>
    <t>Nai Abadi Baddomalhi, teh./dist. Narowal, Pakistan</t>
  </si>
  <si>
    <t>Shazia Ilyas</t>
  </si>
  <si>
    <t>12705</t>
  </si>
  <si>
    <t>GGPS TIBBI WALA</t>
  </si>
  <si>
    <t>Qalandar wala</t>
  </si>
  <si>
    <t>jinnah colony muhala ghareeb abaad mouza qalandar wala p/o basira</t>
  </si>
  <si>
    <t>Mudasra Shamim</t>
  </si>
  <si>
    <t>20520</t>
  </si>
  <si>
    <t>19438</t>
  </si>
  <si>
    <t>26170</t>
  </si>
  <si>
    <t>GPS KALU KHERA</t>
  </si>
  <si>
    <t>Kalu Khera</t>
  </si>
  <si>
    <t>GPS Kalu khera</t>
  </si>
  <si>
    <t>Wali Pur Bor</t>
  </si>
  <si>
    <t>Muhammad Qaisar Majeed</t>
  </si>
  <si>
    <t>20921</t>
  </si>
  <si>
    <t>GES GILL WALA</t>
  </si>
  <si>
    <t>Gill Walla</t>
  </si>
  <si>
    <t>gill wala</t>
  </si>
  <si>
    <t>Gill Wala</t>
  </si>
  <si>
    <t>Ladhewala</t>
  </si>
  <si>
    <t>Rafaqat Ali</t>
  </si>
  <si>
    <t>46074</t>
  </si>
  <si>
    <t>GES KALIAL</t>
  </si>
  <si>
    <t>vpo kalyal .tehsil nausher .distt.Khushab</t>
  </si>
  <si>
    <t>Asif Aman</t>
  </si>
  <si>
    <t>6629</t>
  </si>
  <si>
    <t>12964</t>
  </si>
  <si>
    <t>20523</t>
  </si>
  <si>
    <t>GGHS QILA DIDAR SINGH NO.02</t>
  </si>
  <si>
    <t>Qila didar Singh</t>
  </si>
  <si>
    <t>mohalla purana hospital near ghalla mandi qila didar singh</t>
  </si>
  <si>
    <t>Asma hassan</t>
  </si>
  <si>
    <t>27833</t>
  </si>
  <si>
    <t>33879</t>
  </si>
  <si>
    <t>47102</t>
  </si>
  <si>
    <t>10486</t>
  </si>
  <si>
    <t>GGHS KAROR ROAD FATEH PUR</t>
  </si>
  <si>
    <t>GGHS Karor road Fatehpur, Tehsil Karor District Layyah</t>
  </si>
  <si>
    <t>razia habib</t>
  </si>
  <si>
    <t>109616</t>
  </si>
  <si>
    <t>25631</t>
  </si>
  <si>
    <t>GES CHANDOWAL KALAN</t>
  </si>
  <si>
    <t>Chandowal</t>
  </si>
  <si>
    <t>chandowal kalan</t>
  </si>
  <si>
    <t>Chandowal Kalan</t>
  </si>
  <si>
    <t>zafar  iqbal</t>
  </si>
  <si>
    <t>5312</t>
  </si>
  <si>
    <t>2569</t>
  </si>
  <si>
    <t>29654</t>
  </si>
  <si>
    <t>GES KATAR MAL</t>
  </si>
  <si>
    <t>SARAI MUGHAL - MALE</t>
  </si>
  <si>
    <t>katarmal</t>
  </si>
  <si>
    <t>katarmal tehsil Pattoki distt kasur</t>
  </si>
  <si>
    <t>akbar  abad</t>
  </si>
  <si>
    <t>Muhammad Younas Shad</t>
  </si>
  <si>
    <t>19966</t>
  </si>
  <si>
    <t>19104</t>
  </si>
  <si>
    <t>GGPS MODEL CHAK 697/39 GB</t>
  </si>
  <si>
    <t>chak nmber 697/39 gb</t>
  </si>
  <si>
    <t>697/39 gb</t>
  </si>
  <si>
    <t>694/36 gb</t>
  </si>
  <si>
    <t>Madiha Iram</t>
  </si>
  <si>
    <t>31177</t>
  </si>
  <si>
    <t>13362</t>
  </si>
  <si>
    <t>36412</t>
  </si>
  <si>
    <t>GGPS CHAK NO. 46 WB</t>
  </si>
  <si>
    <t>Chak No 46 Wb</t>
  </si>
  <si>
    <t>Chak No. 46 WB Vehari</t>
  </si>
  <si>
    <t>46 WB</t>
  </si>
  <si>
    <t>52 WB</t>
  </si>
  <si>
    <t>18179</t>
  </si>
  <si>
    <t>22540</t>
  </si>
  <si>
    <t>25597</t>
  </si>
  <si>
    <t>GHS NATIONAL SECONDRY SCHOOL NAROWAL</t>
  </si>
  <si>
    <t>circular road Narowal</t>
  </si>
  <si>
    <t>51333</t>
  </si>
  <si>
    <t>49655</t>
  </si>
  <si>
    <t>GGHS CHAK NO.152 NB</t>
  </si>
  <si>
    <t>Chak 152 Nb</t>
  </si>
  <si>
    <t>Chak no. 152nb sillanwali sargodha</t>
  </si>
  <si>
    <t>Chak 152 nb</t>
  </si>
  <si>
    <t>NAFEESA KANWAL</t>
  </si>
  <si>
    <t>50281</t>
  </si>
  <si>
    <t>4602</t>
  </si>
  <si>
    <t>17947</t>
  </si>
  <si>
    <t>GHS CHAK NO 478 JB</t>
  </si>
  <si>
    <t>GOVT HIGH SCHOOL CHAK NO.478/JB.</t>
  </si>
  <si>
    <t>chak no.478/JB.</t>
  </si>
  <si>
    <t>CHAK NO.478/JB.</t>
  </si>
  <si>
    <t>ASHIQ HUSSAIN</t>
  </si>
  <si>
    <t>GGHS KOT MOHEE</t>
  </si>
  <si>
    <t>KOT MOHI</t>
  </si>
  <si>
    <t>BASTI KOT MOHI TEHSIL TAUNSA DISST DG KHAN</t>
  </si>
  <si>
    <t>PIRDAN SHARQI</t>
  </si>
  <si>
    <t>Bushra Faiz</t>
  </si>
  <si>
    <t>25245</t>
  </si>
  <si>
    <t>20947</t>
  </si>
  <si>
    <t>GGHS KATHOR KALAN</t>
  </si>
  <si>
    <t>Kathore Kalan,wazirabad</t>
  </si>
  <si>
    <t>kathore kalan</t>
  </si>
  <si>
    <t>mansoorwali</t>
  </si>
  <si>
    <t>khadija shakeel</t>
  </si>
  <si>
    <t>GGPS CHAK 403 GB II TANDLIANWALA</t>
  </si>
  <si>
    <t>403 GB 2</t>
  </si>
  <si>
    <t>Chak 403/2 Gb</t>
  </si>
  <si>
    <t>403/2GB</t>
  </si>
  <si>
    <t>400 GB</t>
  </si>
  <si>
    <t>Komal Noreen</t>
  </si>
  <si>
    <t>39392</t>
  </si>
  <si>
    <t>GGPS DHOK DHAIR</t>
  </si>
  <si>
    <t>ggps dhok dhair</t>
  </si>
  <si>
    <t>48949</t>
  </si>
  <si>
    <t>GGHS CHAK NO.92 NB</t>
  </si>
  <si>
    <t>chak no 92 NB sargodha</t>
  </si>
  <si>
    <t>22254</t>
  </si>
  <si>
    <t>23048</t>
  </si>
  <si>
    <t>18718</t>
  </si>
  <si>
    <t>GGES CHAK NO 142 GB</t>
  </si>
  <si>
    <t>Chak No 142 Gb</t>
  </si>
  <si>
    <t>GGES. chak no  142 GB</t>
  </si>
  <si>
    <t>Chak No 221 GB</t>
  </si>
  <si>
    <t>25909</t>
  </si>
  <si>
    <t>GPS MANAKPUR</t>
  </si>
  <si>
    <t>KHAIR PUR-MALE</t>
  </si>
  <si>
    <t>Manak Pur</t>
  </si>
  <si>
    <t>Village Manak Pur PO and Tehsil Kallar Kahar District Chakwal</t>
  </si>
  <si>
    <t>manak pur</t>
  </si>
  <si>
    <t>Buchal khurd</t>
  </si>
  <si>
    <t>Nazar Abbas</t>
  </si>
  <si>
    <t>4696</t>
  </si>
  <si>
    <t>GES SEEDA BRAHM</t>
  </si>
  <si>
    <t>Saida Braham</t>
  </si>
  <si>
    <t>saida Braham  teh  kharian distt Gujarat</t>
  </si>
  <si>
    <t>Said a Braham</t>
  </si>
  <si>
    <t>MUHAMMAD SAJID</t>
  </si>
  <si>
    <t>31304</t>
  </si>
  <si>
    <t>54144</t>
  </si>
  <si>
    <t>GPS DERA AHMAD SHER KALARIA</t>
  </si>
  <si>
    <t>dera ahmed sher kalaira</t>
  </si>
  <si>
    <t>dera ahmed sher kalaira p/o shaheedan</t>
  </si>
  <si>
    <t>ali khel</t>
  </si>
  <si>
    <t>29494</t>
  </si>
  <si>
    <t>36384</t>
  </si>
  <si>
    <t>GMPS 28 WB</t>
  </si>
  <si>
    <t>chak no 28/wb vehari</t>
  </si>
  <si>
    <t>28/wb</t>
  </si>
  <si>
    <t>24/wb</t>
  </si>
  <si>
    <t>6487</t>
  </si>
  <si>
    <t>10351</t>
  </si>
  <si>
    <t>GGHS CHAK NO 75 TDA</t>
  </si>
  <si>
    <t>p/o 86ml chak no.75tda tehsel karor district layyah</t>
  </si>
  <si>
    <t>Chak No 75tda</t>
  </si>
  <si>
    <t>93ml</t>
  </si>
  <si>
    <t>Maria Niaz</t>
  </si>
  <si>
    <t>19365</t>
  </si>
  <si>
    <t>GGHS CHAK 151 GB</t>
  </si>
  <si>
    <t>Chak No 151 GB</t>
  </si>
  <si>
    <t>GGHS 151 GB T.T.S</t>
  </si>
  <si>
    <t>151 GB</t>
  </si>
  <si>
    <t>Iqra Gul</t>
  </si>
  <si>
    <t>5791</t>
  </si>
  <si>
    <t>34421</t>
  </si>
  <si>
    <t>18247</t>
  </si>
  <si>
    <t>GGHS GARH MAHARAJA</t>
  </si>
  <si>
    <t>gghs g.m raja</t>
  </si>
  <si>
    <t>Municipal</t>
  </si>
  <si>
    <t>47923</t>
  </si>
  <si>
    <t>29610</t>
  </si>
  <si>
    <t>GHS JAMBER KALAN</t>
  </si>
  <si>
    <t>jamber kalan</t>
  </si>
  <si>
    <t>near jamber more jamber kalan</t>
  </si>
  <si>
    <t>25875</t>
  </si>
  <si>
    <t>GGHS CHAK NO 463 GB</t>
  </si>
  <si>
    <t>463GB</t>
  </si>
  <si>
    <t>GGHS463GB</t>
  </si>
  <si>
    <t>25078</t>
  </si>
  <si>
    <t>38436</t>
  </si>
  <si>
    <t>GHS CHAK 384/W.B</t>
  </si>
  <si>
    <t>CHAK 384/W.B</t>
  </si>
  <si>
    <t>CHAK NO.384/W.B</t>
  </si>
  <si>
    <t>mubashar munir</t>
  </si>
  <si>
    <t>43048</t>
  </si>
  <si>
    <t>2549</t>
  </si>
  <si>
    <t>GES KHUDA BUKHSH MAHAR</t>
  </si>
  <si>
    <t>Khuda Buksh Mahar</t>
  </si>
  <si>
    <t>government elementary school khuda buksh mahar tehsil ahmad pur east</t>
  </si>
  <si>
    <t>Jam Fazal Hussain</t>
  </si>
  <si>
    <t>7017</t>
  </si>
  <si>
    <t>50715</t>
  </si>
  <si>
    <t>GGHS MC CITY SAHIWAL</t>
  </si>
  <si>
    <t>govt.girls M.C City High School,Goal chakar Sahiwal</t>
  </si>
  <si>
    <t>Ansar Road</t>
  </si>
  <si>
    <t>Surriya Farooq</t>
  </si>
  <si>
    <t>43005</t>
  </si>
  <si>
    <t>35161</t>
  </si>
  <si>
    <t>GPS MUHAMMADIA</t>
  </si>
  <si>
    <t>Govt muhammadia primary school e block burewala</t>
  </si>
  <si>
    <t>E  Block Burewala</t>
  </si>
  <si>
    <t>Ward 29</t>
  </si>
  <si>
    <t>mosque motor pump</t>
  </si>
  <si>
    <t>36611</t>
  </si>
  <si>
    <t>36271</t>
  </si>
  <si>
    <t>GHS CHAK 112 MURAD</t>
  </si>
  <si>
    <t>112/M</t>
  </si>
  <si>
    <t>chak no. 112/M</t>
  </si>
  <si>
    <t>YOUSAF ALI SIDHU</t>
  </si>
  <si>
    <t>478720</t>
  </si>
  <si>
    <t>46171</t>
  </si>
  <si>
    <t>GGHSS KHUSHAB GEROTE ROAD</t>
  </si>
  <si>
    <t>Girot road khushab</t>
  </si>
  <si>
    <t>HUMA MUSTAFA</t>
  </si>
  <si>
    <t>83694</t>
  </si>
  <si>
    <t>1905732</t>
  </si>
  <si>
    <t>50103</t>
  </si>
  <si>
    <t>GHS 18/11-L</t>
  </si>
  <si>
    <t>Chak 18/11L chichawatni distt Sahiwal</t>
  </si>
  <si>
    <t>ABDUL MAJEED</t>
  </si>
  <si>
    <t>1419</t>
  </si>
  <si>
    <t>9973</t>
  </si>
  <si>
    <t>GGHS SARGANI</t>
  </si>
  <si>
    <t>Sargsni</t>
  </si>
  <si>
    <t>gghs sargani thsil karor layyah</t>
  </si>
  <si>
    <t>Basti Ssrgani</t>
  </si>
  <si>
    <t>Noshaba Azam</t>
  </si>
  <si>
    <t>6762</t>
  </si>
  <si>
    <t>37574</t>
  </si>
  <si>
    <t>GGHS MC SAOOD ABAD, MIAN CHANNU</t>
  </si>
  <si>
    <t>Mian channu</t>
  </si>
  <si>
    <t>GGHS MC SAOOD ABAD MIAN CHANNU</t>
  </si>
  <si>
    <t>Saud Abad</t>
  </si>
  <si>
    <t>Central City Three</t>
  </si>
  <si>
    <t>naveeda kousar</t>
  </si>
  <si>
    <t>15861</t>
  </si>
  <si>
    <t>GPS CHAK NO 38 JB</t>
  </si>
  <si>
    <t>38JB</t>
  </si>
  <si>
    <t>Chak no 38 JB Dabora</t>
  </si>
  <si>
    <t>38JB Dagora</t>
  </si>
  <si>
    <t>38 JB</t>
  </si>
  <si>
    <t>5736</t>
  </si>
  <si>
    <t>2993</t>
  </si>
  <si>
    <t>36546</t>
  </si>
  <si>
    <t>GHSS SARDAR PUR, SARAI SIDHU</t>
  </si>
  <si>
    <t>P/O SARDAR PUR TEHSIL KABIRWALA</t>
  </si>
  <si>
    <t>49282</t>
  </si>
  <si>
    <t>16730</t>
  </si>
  <si>
    <t>GHS CHAK NO.429/GB</t>
  </si>
  <si>
    <t>Talyara</t>
  </si>
  <si>
    <t>Chak No 429 GB</t>
  </si>
  <si>
    <t>44711</t>
  </si>
  <si>
    <t>46500</t>
  </si>
  <si>
    <t>26018</t>
  </si>
  <si>
    <t>GGHS BUSTAN AFGHANAN</t>
  </si>
  <si>
    <t>Bustan Afghanan</t>
  </si>
  <si>
    <t>vill &amp; p/ o bustan afghanan</t>
  </si>
  <si>
    <t>Shafqat Begum</t>
  </si>
  <si>
    <t>19349</t>
  </si>
  <si>
    <t>GGHS SARWAR WALI</t>
  </si>
  <si>
    <t>darahma</t>
  </si>
  <si>
    <t>Moaza Darahma SARWAR Wali</t>
  </si>
  <si>
    <t>Sarwar wali</t>
  </si>
  <si>
    <t>Darahma</t>
  </si>
  <si>
    <t>Asma Batool</t>
  </si>
  <si>
    <t>53055</t>
  </si>
  <si>
    <t>GHS SUTLUJ OKARA</t>
  </si>
  <si>
    <t>5/4.L Okara</t>
  </si>
  <si>
    <t>G.T Road Okara</t>
  </si>
  <si>
    <t>RAI MUHAMMAD AKBAR</t>
  </si>
  <si>
    <t>GGPS KOTHA JINDU</t>
  </si>
  <si>
    <t>Talshumali Shumali</t>
  </si>
  <si>
    <t>GGPS Kotha Jindoo  moza talshumali</t>
  </si>
  <si>
    <t>Basti Sawan  Khan Ahmdani</t>
  </si>
  <si>
    <t>SHAZIA KANWAL</t>
  </si>
  <si>
    <t>48321</t>
  </si>
  <si>
    <t>36175</t>
  </si>
  <si>
    <t>GES CHAK NO.23 WB</t>
  </si>
  <si>
    <t>CHAK NO 23/WB TEHSIL &amp; DISTRICT VEHARI</t>
  </si>
  <si>
    <t>23/wB</t>
  </si>
  <si>
    <t>CHAK NO 15/WB</t>
  </si>
  <si>
    <t>muhammad mukhtar</t>
  </si>
  <si>
    <t>94875</t>
  </si>
  <si>
    <t>GHS DORATTA CHAK NO.116 TDA</t>
  </si>
  <si>
    <t>Docharkha</t>
  </si>
  <si>
    <t>Chak no 116-A/TDA Doratta Layyah</t>
  </si>
  <si>
    <t>Chak No 116-A/TDA</t>
  </si>
  <si>
    <t>shadu khan</t>
  </si>
  <si>
    <t>40980</t>
  </si>
  <si>
    <t>41949</t>
  </si>
  <si>
    <t>38920</t>
  </si>
  <si>
    <t>GES KHANDA KHOOH</t>
  </si>
  <si>
    <t>Mirza</t>
  </si>
  <si>
    <t>Moh: Khanda khooh Mirza</t>
  </si>
  <si>
    <t>Amjad khan</t>
  </si>
  <si>
    <t>28088</t>
  </si>
  <si>
    <t>42469</t>
  </si>
  <si>
    <t>GGHS SANGHORI SARWAR SHAHEED</t>
  </si>
  <si>
    <t>sanghori Sarwar Shaheed</t>
  </si>
  <si>
    <t>Govt girls high school sanghori sarwar shaheed</t>
  </si>
  <si>
    <t>sanghori sarwar shaheed</t>
  </si>
  <si>
    <t>kalyam awan</t>
  </si>
  <si>
    <t>saadia taseer</t>
  </si>
  <si>
    <t>21507</t>
  </si>
  <si>
    <t>21440</t>
  </si>
  <si>
    <t>46375</t>
  </si>
  <si>
    <t>GGPS QASIM ROAD NO 2 SAMUNDRI</t>
  </si>
  <si>
    <t>Housing Colony No1</t>
  </si>
  <si>
    <t>Housing colony no.1 SMD</t>
  </si>
  <si>
    <t>Zarina Naz</t>
  </si>
  <si>
    <t>38475</t>
  </si>
  <si>
    <t>44327</t>
  </si>
  <si>
    <t>GHS BASTI MIAN PUNJA</t>
  </si>
  <si>
    <t>DAGGAR REHTAS</t>
  </si>
  <si>
    <t>P/O BASTI MIAN PUNJA</t>
  </si>
  <si>
    <t>BASTI MIAN PUNJA</t>
  </si>
  <si>
    <t>Farhat Abbas Khan</t>
  </si>
  <si>
    <t>38427</t>
  </si>
  <si>
    <t>GHS QUTAB PUR SADAT</t>
  </si>
  <si>
    <t>Qutab Pur Sadat</t>
  </si>
  <si>
    <t>Qutabpur Tehsil Dunyapur Distt. Lodhran</t>
  </si>
  <si>
    <t>sifat hussain</t>
  </si>
  <si>
    <t>28645</t>
  </si>
  <si>
    <t>1557</t>
  </si>
  <si>
    <t>GGHS M.B.DIN</t>
  </si>
  <si>
    <t>GOVT.GIRLS HIGH SCHOOL MANDI BAHAUDDIN</t>
  </si>
  <si>
    <t>Munshi Mohallah</t>
  </si>
  <si>
    <t>RIFAT RIAZ</t>
  </si>
  <si>
    <t>39204</t>
  </si>
  <si>
    <t>29596</t>
  </si>
  <si>
    <t>5005</t>
  </si>
  <si>
    <t>GGES CHAK NO. 23/G</t>
  </si>
  <si>
    <t>Fareed Kot</t>
  </si>
  <si>
    <t>GGES 23/G Fareed kot</t>
  </si>
  <si>
    <t>23/G</t>
  </si>
  <si>
    <t>Bushra Nazir</t>
  </si>
  <si>
    <t>46827</t>
  </si>
  <si>
    <t>19853</t>
  </si>
  <si>
    <t>43325</t>
  </si>
  <si>
    <t>GHS MODEL MAILSI</t>
  </si>
  <si>
    <t>Govt. Model High School Mailsi Near Mohalla Hari Pura</t>
  </si>
  <si>
    <t>M C Mailsi</t>
  </si>
  <si>
    <t>16386</t>
  </si>
  <si>
    <t>GGES CHAK NO. 146 RB II</t>
  </si>
  <si>
    <t>GGES 146 RB ll khewa</t>
  </si>
  <si>
    <t>Bazgha Ijaz</t>
  </si>
  <si>
    <t>22098</t>
  </si>
  <si>
    <t>GHS ISLAMIA NO.2 J.P.JATTAN</t>
  </si>
  <si>
    <t>jalalpur jattan</t>
  </si>
  <si>
    <t>GHS Islamia No.2 Jalalpur jattan Shahbaza pur road jalalpur jattan (gujrat)</t>
  </si>
  <si>
    <t>mc JPJ</t>
  </si>
  <si>
    <t>Muhammad Riaz Hashmi</t>
  </si>
  <si>
    <t>51136</t>
  </si>
  <si>
    <t>14732</t>
  </si>
  <si>
    <t>GHSS MC GHULAM MUHAMMAD ABAD FSD</t>
  </si>
  <si>
    <t>Ghulam Muhammad Abad Fsd</t>
  </si>
  <si>
    <t>c.block opposite general hospital gulag Muhammad abad faisalabad</t>
  </si>
  <si>
    <t>City Fsd</t>
  </si>
  <si>
    <t>A BLOCK GHULAM MUHAMMAD ABAD FSD</t>
  </si>
  <si>
    <t>MUHAMMAD ZAHOOR JOHAR</t>
  </si>
  <si>
    <t>26132</t>
  </si>
  <si>
    <t>GHS NAMAY WALI</t>
  </si>
  <si>
    <t>Namay Wali</t>
  </si>
  <si>
    <t>Namay Wali Tehsil &amp; District Khushab</t>
  </si>
  <si>
    <t>Shams Ud Uha</t>
  </si>
  <si>
    <t>47689</t>
  </si>
  <si>
    <t>12461</t>
  </si>
  <si>
    <t>GPS SONHARA SHAH NO. 1</t>
  </si>
  <si>
    <t>Chack AaliDaha</t>
  </si>
  <si>
    <t>Basti betharay wala,Mouza Chak AaliDaha,Teh &amp; Distt.M.Garh</t>
  </si>
  <si>
    <t>Betharay Wala</t>
  </si>
  <si>
    <t>AaliDaha</t>
  </si>
  <si>
    <t>Muhammad Zulfiqar</t>
  </si>
  <si>
    <t>GGHS SEHNA</t>
  </si>
  <si>
    <t>Sehna</t>
  </si>
  <si>
    <t>vpo sehna Tehsil kharian Distt gujrat</t>
  </si>
  <si>
    <t>FARAH NAZ</t>
  </si>
  <si>
    <t>10346</t>
  </si>
  <si>
    <t>15392</t>
  </si>
  <si>
    <t>GHS CHAK 364 GB SATIANA FSD</t>
  </si>
  <si>
    <t>chak no. 364GB Tehsil Jaranwala District Faisalabad</t>
  </si>
  <si>
    <t>Chak NO 364 GB</t>
  </si>
  <si>
    <t>Chak 364GB</t>
  </si>
  <si>
    <t>MUHAMMAD MUBASHAR UR REHMAN</t>
  </si>
  <si>
    <t>27804</t>
  </si>
  <si>
    <t>16838</t>
  </si>
  <si>
    <t>GHS ISLAMIA JHANG</t>
  </si>
  <si>
    <t>Bhakkar road jhang Sadar</t>
  </si>
  <si>
    <t>Araiyan Wala</t>
  </si>
  <si>
    <t>Sultan Wala</t>
  </si>
  <si>
    <t>3.67202e+007</t>
  </si>
  <si>
    <t>Chiller</t>
  </si>
  <si>
    <t>16015</t>
  </si>
  <si>
    <t>GGPS CHAK NO 86 GB</t>
  </si>
  <si>
    <t>Garalla</t>
  </si>
  <si>
    <t>chak no 86 gb garalla</t>
  </si>
  <si>
    <t>Alia Rehman</t>
  </si>
  <si>
    <t>45686</t>
  </si>
  <si>
    <t>26402</t>
  </si>
  <si>
    <t>19337</t>
  </si>
  <si>
    <t>GGHS CHAK 250 GB</t>
  </si>
  <si>
    <t>Chak No 250 GB</t>
  </si>
  <si>
    <t>chak no 250 gb</t>
  </si>
  <si>
    <t>26352</t>
  </si>
  <si>
    <t>16806</t>
  </si>
  <si>
    <t>GGHS GARH FATEH SHAH FSD</t>
  </si>
  <si>
    <t>g.g.h/s garh fateh shah</t>
  </si>
  <si>
    <t>fariha shabbir</t>
  </si>
  <si>
    <t>filltered water</t>
  </si>
  <si>
    <t>36557</t>
  </si>
  <si>
    <t>GHS MUMDAL, NAWAN SHEHR</t>
  </si>
  <si>
    <t>mouza and post office Mumdal tehsil kabirwala</t>
  </si>
  <si>
    <t>11491</t>
  </si>
  <si>
    <t>20668</t>
  </si>
  <si>
    <t>2521</t>
  </si>
  <si>
    <t>37861</t>
  </si>
  <si>
    <t>GMES 107/10-R, JAHANIAN</t>
  </si>
  <si>
    <t>107/10R</t>
  </si>
  <si>
    <t>Raheem Shah</t>
  </si>
  <si>
    <t>Hussna Tahira</t>
  </si>
  <si>
    <t>925615</t>
  </si>
  <si>
    <t>24782</t>
  </si>
  <si>
    <t>GGHS DALOWALI</t>
  </si>
  <si>
    <t>gghsdallowalisialkot</t>
  </si>
  <si>
    <t>naeem un nisa</t>
  </si>
  <si>
    <t>35024</t>
  </si>
  <si>
    <t>GHS BTM BUREWALA</t>
  </si>
  <si>
    <t>burewala</t>
  </si>
  <si>
    <t>Daud Abad, Burewala</t>
  </si>
  <si>
    <t>30340</t>
  </si>
  <si>
    <t>45818</t>
  </si>
  <si>
    <t>GMPS DERA ALI WALA P.O NALLI</t>
  </si>
  <si>
    <t>CHAK NO 54/MB (FEMALE)</t>
  </si>
  <si>
    <t>Dear Ali Wala</t>
  </si>
  <si>
    <t>Dear ALi Wala Nalli Shumali</t>
  </si>
  <si>
    <t>12613</t>
  </si>
  <si>
    <t>53986</t>
  </si>
  <si>
    <t>GHS E-BLOCK SABZAZAR LAHORE (NEW)</t>
  </si>
  <si>
    <t>Sabzazar</t>
  </si>
  <si>
    <t>Govt. High School E Block Sabzazar Lahore</t>
  </si>
  <si>
    <t>K Block</t>
  </si>
  <si>
    <t>Muhammad Saleem Minhas</t>
  </si>
  <si>
    <t>13275</t>
  </si>
  <si>
    <t>15551</t>
  </si>
  <si>
    <t>GGPS CHAK 221 GB SAMUNDRI</t>
  </si>
  <si>
    <t>221GB</t>
  </si>
  <si>
    <t>Govt girls primary scool 221 gb</t>
  </si>
  <si>
    <t>53125</t>
  </si>
  <si>
    <t>GGHS 32/2-R OKARA</t>
  </si>
  <si>
    <t>32/2-RA</t>
  </si>
  <si>
    <t>GGHS 32/2-RA OKARA</t>
  </si>
  <si>
    <t>32/2-RA okara</t>
  </si>
  <si>
    <t>32/2-R</t>
  </si>
  <si>
    <t>FAKHRA YASMEEN</t>
  </si>
  <si>
    <t>19401</t>
  </si>
  <si>
    <t>54727</t>
  </si>
  <si>
    <t>26419</t>
  </si>
  <si>
    <t>35359</t>
  </si>
  <si>
    <t>GGPS RAMBRA</t>
  </si>
  <si>
    <t>BHOJ PUR-FEMALE</t>
  </si>
  <si>
    <t>Ggps Rambra</t>
  </si>
  <si>
    <t>village rambra p/o bhatti afghana</t>
  </si>
  <si>
    <t>Rambra</t>
  </si>
  <si>
    <t>Ghorsial</t>
  </si>
  <si>
    <t>Faiza Younas</t>
  </si>
  <si>
    <t>41596</t>
  </si>
  <si>
    <t>GGHSS GAOU SHALA</t>
  </si>
  <si>
    <t>Gov't Girls Higher Secondary School Gaoshalla teh. Chichawatni Distt. Sahiwal</t>
  </si>
  <si>
    <t>Gaoshalla</t>
  </si>
  <si>
    <t>KALSOOM AKHTAR</t>
  </si>
  <si>
    <t>27903</t>
  </si>
  <si>
    <t>GHS HERDO BOHAT</t>
  </si>
  <si>
    <t>Hardo Bohat</t>
  </si>
  <si>
    <t>VILLAGE AND POST OFFICE HARDO BOHAT TEHSIL AND DISTRICT MANDI BAHAUDDIN</t>
  </si>
  <si>
    <t>Chorund</t>
  </si>
  <si>
    <t>Water filtration plant</t>
  </si>
  <si>
    <t>11502</t>
  </si>
  <si>
    <t>GHS CHAK NO.518 TDA</t>
  </si>
  <si>
    <t>chak no 518/TDA</t>
  </si>
  <si>
    <t>chak no 518/TDA TEH:Kot addu</t>
  </si>
  <si>
    <t>irshad ahmad tarar</t>
  </si>
  <si>
    <t>22940</t>
  </si>
  <si>
    <t>GPS CHAK 246 RB KAKARWALA</t>
  </si>
  <si>
    <t>chak no 246 rb fsd</t>
  </si>
  <si>
    <t>Kukar Wala</t>
  </si>
  <si>
    <t>38225</t>
  </si>
  <si>
    <t>30106</t>
  </si>
  <si>
    <t>GHSS COMPRESHENSIVE GHORAY SHAH</t>
  </si>
  <si>
    <t>Govt. (Boys) Comprehensive Higher Secondary School Ghorey Shah Road, Lahore</t>
  </si>
  <si>
    <t>Ghorey Shah Gujjar Pura</t>
  </si>
  <si>
    <t>Bilal Park</t>
  </si>
  <si>
    <t>muhammad akram ikram</t>
  </si>
  <si>
    <t>117000</t>
  </si>
  <si>
    <t>Tube well</t>
  </si>
  <si>
    <t>16630</t>
  </si>
  <si>
    <t>GGES CHAK 404 GB TANDLIAN WALA</t>
  </si>
  <si>
    <t>chak no 404 gb tandlianwala</t>
  </si>
  <si>
    <t>404 Gb</t>
  </si>
  <si>
    <t>Chak No 400</t>
  </si>
  <si>
    <t>Robina Ameer</t>
  </si>
  <si>
    <t>14230</t>
  </si>
  <si>
    <t>17766</t>
  </si>
  <si>
    <t>GGPS CHAK NO 160 JB SIAL PATHAN</t>
  </si>
  <si>
    <t>160 Sial Pathan</t>
  </si>
  <si>
    <t>160 sial Pathan,jhang</t>
  </si>
  <si>
    <t>160 Sial</t>
  </si>
  <si>
    <t>159 Sipra</t>
  </si>
  <si>
    <t>Wafa Kaleem Akhtar</t>
  </si>
  <si>
    <t>49863</t>
  </si>
  <si>
    <t>GHS PAHAR PUR</t>
  </si>
  <si>
    <t>PAHARPUR THAL</t>
  </si>
  <si>
    <t>NEAR RAILWAY  PAHARPUR</t>
  </si>
  <si>
    <t>PAHARPUR</t>
  </si>
  <si>
    <t>44329</t>
  </si>
  <si>
    <t>GHS CHAK NO 47 TDA</t>
  </si>
  <si>
    <t>CHAK 47TDA</t>
  </si>
  <si>
    <t>CHAK 47TDA PO CHAK 47TDA BHAKKAR</t>
  </si>
  <si>
    <t>CHAK 45TDA</t>
  </si>
  <si>
    <t>46148</t>
  </si>
  <si>
    <t>GHS SANDRAL</t>
  </si>
  <si>
    <t>P/o Sandral District Khushab</t>
  </si>
  <si>
    <t>Aftab Ahmad</t>
  </si>
  <si>
    <t>22718</t>
  </si>
  <si>
    <t>37734</t>
  </si>
  <si>
    <t>GHSS 138/10-R, JAHANIAN</t>
  </si>
  <si>
    <t>138/10R</t>
  </si>
  <si>
    <t>CHAK # 138/10.R</t>
  </si>
  <si>
    <t>139/10R</t>
  </si>
  <si>
    <t>SANAULLAH</t>
  </si>
  <si>
    <t>25680</t>
  </si>
  <si>
    <t>40603</t>
  </si>
  <si>
    <t>GGHS KHANGAN SHUMALI</t>
  </si>
  <si>
    <t>Khangan Shumali</t>
  </si>
  <si>
    <t>mouza khangan  Shumali tehsil zilla  muzafargarh</t>
  </si>
  <si>
    <t>Muradabad</t>
  </si>
  <si>
    <t>syeda narjis bano</t>
  </si>
  <si>
    <t>water coolers</t>
  </si>
  <si>
    <t>53405</t>
  </si>
  <si>
    <t>GGES 55/2.L</t>
  </si>
  <si>
    <t>55 2 L Okara</t>
  </si>
  <si>
    <t>G.G.E.S.55 2 l okara.</t>
  </si>
  <si>
    <t>55 2  L Okara</t>
  </si>
  <si>
    <t>54 2 Lokara</t>
  </si>
  <si>
    <t>Tallat Firdous</t>
  </si>
  <si>
    <t>30606</t>
  </si>
  <si>
    <t>49914</t>
  </si>
  <si>
    <t>22684</t>
  </si>
  <si>
    <t>GGHS KANG SAHALI</t>
  </si>
  <si>
    <t>Kang Sahali</t>
  </si>
  <si>
    <t>kang sahali p/o mangowal gharbi teh. &amp; distt. gujrat</t>
  </si>
  <si>
    <t>Gakhra Kalan</t>
  </si>
  <si>
    <t>8821</t>
  </si>
  <si>
    <t>12133</t>
  </si>
  <si>
    <t>GPS SHADI KHAN SINAWAN</t>
  </si>
  <si>
    <t>Shadi Khan Sinawan</t>
  </si>
  <si>
    <t>Basti shadi Khan Sinawan tehsil mot adu</t>
  </si>
  <si>
    <t>47075</t>
  </si>
  <si>
    <t>GGPS 76/RB-II</t>
  </si>
  <si>
    <t>chak no 76/RB-II</t>
  </si>
  <si>
    <t>76/ RB-II Rasoolpura</t>
  </si>
  <si>
    <t>rasoolpura</t>
  </si>
  <si>
    <t>MC khurrianwala</t>
  </si>
  <si>
    <t>Siddrah Zikria</t>
  </si>
  <si>
    <t>44746</t>
  </si>
  <si>
    <t>11831</t>
  </si>
  <si>
    <t>23276</t>
  </si>
  <si>
    <t>GGHS AMRA KALAN</t>
  </si>
  <si>
    <t>Amra Kalan</t>
  </si>
  <si>
    <t>AMRA KALAN</t>
  </si>
  <si>
    <t>FATIMA TAJ</t>
  </si>
  <si>
    <t>35053</t>
  </si>
  <si>
    <t>GGHS 405 EB</t>
  </si>
  <si>
    <t>405/EB</t>
  </si>
  <si>
    <t>chak no 405 eb Burewala</t>
  </si>
  <si>
    <t>Chak no  403 Eb</t>
  </si>
  <si>
    <t>Sobia latif</t>
  </si>
  <si>
    <t>9924</t>
  </si>
  <si>
    <t>GHS FATEH PUR</t>
  </si>
  <si>
    <t>Wrad No.4 Fateh Pur Tehsile Karor District Layyah</t>
  </si>
  <si>
    <t>Wrad no.4 Fateh Pur</t>
  </si>
  <si>
    <t>Muncipal committee Fateh Pur</t>
  </si>
  <si>
    <t>Ch.Muhammad riaz bhutta</t>
  </si>
  <si>
    <t>28822</t>
  </si>
  <si>
    <t>15834</t>
  </si>
  <si>
    <t>GES 55 JB I</t>
  </si>
  <si>
    <t>Baba Bakala</t>
  </si>
  <si>
    <t>chak no. 55 jb 1 fsd.</t>
  </si>
  <si>
    <t>Chak No 55 Jb Baba Bakala</t>
  </si>
  <si>
    <t>Chak No 27 Jb North Fsd</t>
  </si>
  <si>
    <t>Dr Muhammad Javed</t>
  </si>
  <si>
    <t>37743</t>
  </si>
  <si>
    <t>GGHSS 136/10-R, JAHANIAN</t>
  </si>
  <si>
    <t>136/10 -R</t>
  </si>
  <si>
    <t>gghss136/10.r chak no 136 tehsil jahanian district khanewal</t>
  </si>
  <si>
    <t>136/10-r</t>
  </si>
  <si>
    <t>RUBINA NOOR</t>
  </si>
  <si>
    <t>26212</t>
  </si>
  <si>
    <t>tarbain</t>
  </si>
  <si>
    <t>13536</t>
  </si>
  <si>
    <t>1159</t>
  </si>
  <si>
    <t>53296</t>
  </si>
  <si>
    <t>GPS QADIR COLONY OKARA</t>
  </si>
  <si>
    <t>Qadir Colony Okara</t>
  </si>
  <si>
    <t>Govt primary scool Qadir COLONY okara</t>
  </si>
  <si>
    <t>Qadir COLONY Okara</t>
  </si>
  <si>
    <t>1/4L</t>
  </si>
  <si>
    <t>Muhammad Hafeez Khawar</t>
  </si>
  <si>
    <t>34110</t>
  </si>
  <si>
    <t>30307</t>
  </si>
  <si>
    <t>GHS 14/8-AR, TULAMBA</t>
  </si>
  <si>
    <t>Pul Gharat</t>
  </si>
  <si>
    <t>Chak No. 14/8.AR</t>
  </si>
  <si>
    <t>14/8.AR</t>
  </si>
  <si>
    <t>Muhammad akram</t>
  </si>
  <si>
    <t>6433</t>
  </si>
  <si>
    <t>2410</t>
  </si>
  <si>
    <t>12879</t>
  </si>
  <si>
    <t>GGHS MONDKA</t>
  </si>
  <si>
    <t>gghsmondka</t>
  </si>
  <si>
    <t>Basti kharak</t>
  </si>
  <si>
    <t>Sajida Bibi</t>
  </si>
  <si>
    <t>22111</t>
  </si>
  <si>
    <t>GHS JALAL PUR SOBTIAN</t>
  </si>
  <si>
    <t>Jalal pur Sobtian</t>
  </si>
  <si>
    <t>vpo Jalal pur sobtian</t>
  </si>
  <si>
    <t>19260</t>
  </si>
  <si>
    <t>GGHS CHAK 342 GB</t>
  </si>
  <si>
    <t>chak no342gb</t>
  </si>
  <si>
    <t>gghs342gbttsingh</t>
  </si>
  <si>
    <t>chak no 342gb</t>
  </si>
  <si>
    <t>Rozina Zeb</t>
  </si>
  <si>
    <t>7949</t>
  </si>
  <si>
    <t>6551</t>
  </si>
  <si>
    <t>11052</t>
  </si>
  <si>
    <t>GPS CHAK NO. 389 TDA</t>
  </si>
  <si>
    <t>Chak No 389/TDA</t>
  </si>
  <si>
    <t>chak no 389/tda</t>
  </si>
  <si>
    <t>Chak No 389/Tda</t>
  </si>
  <si>
    <t>Chak No 164 A/Tda</t>
  </si>
  <si>
    <t>Muhammad Pervaiz</t>
  </si>
  <si>
    <t>12123</t>
  </si>
  <si>
    <t>GMES ARABIA ISLAMIA BUREWALA</t>
  </si>
  <si>
    <t>st Nb 07 madina Colony burewala</t>
  </si>
  <si>
    <t>Ward Nb 6</t>
  </si>
  <si>
    <t>19652</t>
  </si>
  <si>
    <t>GGPS CHAK 351 GB KOT JANJUIA NAGRA</t>
  </si>
  <si>
    <t>Kot Janjua</t>
  </si>
  <si>
    <t>kot janjua</t>
  </si>
  <si>
    <t>351 Gb Kot Janjua</t>
  </si>
  <si>
    <t>295gb Barianwala</t>
  </si>
  <si>
    <t>Najma Noreen</t>
  </si>
  <si>
    <t>40025</t>
  </si>
  <si>
    <t>GGHS BASTI QAZI</t>
  </si>
  <si>
    <t>basti qazi Tehsil Karor district Layyah</t>
  </si>
  <si>
    <t>Attia Kousar</t>
  </si>
  <si>
    <t>19587</t>
  </si>
  <si>
    <t>30866</t>
  </si>
  <si>
    <t>GGHSS DEV SAMAJ ROAD KRISHAN NAGAR</t>
  </si>
  <si>
    <t>krishan nagar</t>
  </si>
  <si>
    <t>dev samaj road lahore</t>
  </si>
  <si>
    <t>sunat nagar</t>
  </si>
  <si>
    <t>nyla mumtaz</t>
  </si>
  <si>
    <t>47025</t>
  </si>
  <si>
    <t>GHS NASEER ABAD</t>
  </si>
  <si>
    <t>Naseerabad</t>
  </si>
  <si>
    <t>Street#20 near Dargah e Tahiri Naseerabad, RWP.</t>
  </si>
  <si>
    <t>Ward#1</t>
  </si>
  <si>
    <t>Abdul Qadeer</t>
  </si>
  <si>
    <t>16134</t>
  </si>
  <si>
    <t>GGES CHAK 59 JB</t>
  </si>
  <si>
    <t>Nathu Chak</t>
  </si>
  <si>
    <t>GGES ChakNo. 59JBFsD</t>
  </si>
  <si>
    <t>Chak No59jb</t>
  </si>
  <si>
    <t>Chak No59JB</t>
  </si>
  <si>
    <t>Saadia Pervern</t>
  </si>
  <si>
    <t>37422</t>
  </si>
  <si>
    <t>GHS 19/8-BR, TULAMBA</t>
  </si>
  <si>
    <t>Chak 19/8-BR</t>
  </si>
  <si>
    <t>chak no 19/8-BR</t>
  </si>
  <si>
    <t>26283</t>
  </si>
  <si>
    <t>16855</t>
  </si>
  <si>
    <t>GHS PIR KOT SADHANA</t>
  </si>
  <si>
    <t>Pirkot Sadhana</t>
  </si>
  <si>
    <t>Moza pirkot Sadhana PO same Jhang</t>
  </si>
  <si>
    <t>Syead Zill Abass Shah</t>
  </si>
  <si>
    <t>10501</t>
  </si>
  <si>
    <t>GHS CHAK NO 172 TDA</t>
  </si>
  <si>
    <t>Chak No.172/TDA</t>
  </si>
  <si>
    <t>Chak No.172/TDA Tehsil &amp; District Layyah</t>
  </si>
  <si>
    <t>Muhammad Rafiq</t>
  </si>
  <si>
    <t>42943</t>
  </si>
  <si>
    <t>22203</t>
  </si>
  <si>
    <t>GHS SANTAL</t>
  </si>
  <si>
    <t>village santal</t>
  </si>
  <si>
    <t>muhammad tariq</t>
  </si>
  <si>
    <t>10268</t>
  </si>
  <si>
    <t>GGES CHAK NO 249 TDA</t>
  </si>
  <si>
    <t>249 T D A</t>
  </si>
  <si>
    <t>chak no.249/tda</t>
  </si>
  <si>
    <t>Chak  no.249/tda</t>
  </si>
  <si>
    <t>m.C Fateh pur</t>
  </si>
  <si>
    <t>Muntha naheed</t>
  </si>
  <si>
    <t>15562</t>
  </si>
  <si>
    <t>35035</t>
  </si>
  <si>
    <t>GHS CHAK NO. 231/EB</t>
  </si>
  <si>
    <t>chak no. 231/EB tehsil burewala distt. vehari</t>
  </si>
  <si>
    <t>Chak No 231/EB</t>
  </si>
  <si>
    <t>Chak No 223/EB</t>
  </si>
  <si>
    <t>7288</t>
  </si>
  <si>
    <t>15946</t>
  </si>
  <si>
    <t>GGPS CHAK NO 190 RB</t>
  </si>
  <si>
    <t>Karari Khurd</t>
  </si>
  <si>
    <t>GGPS 190 R.B khurd faisalabad</t>
  </si>
  <si>
    <t>Chak No190RB</t>
  </si>
  <si>
    <t>ChakNo191</t>
  </si>
  <si>
    <t>14687</t>
  </si>
  <si>
    <t>GGHS MC SUSAN ROAD</t>
  </si>
  <si>
    <t>Near Faizan-e-madina susan road, faisalabad</t>
  </si>
  <si>
    <t>Sunder Singh Wala</t>
  </si>
  <si>
    <t>koh-e-noor sundar singh wala</t>
  </si>
  <si>
    <t>Nabila Umar</t>
  </si>
  <si>
    <t>11063</t>
  </si>
  <si>
    <t>Water Filtering plant</t>
  </si>
  <si>
    <t>44887</t>
  </si>
  <si>
    <t>45127</t>
  </si>
  <si>
    <t>GPS DERA MUHAMMAD AKBAR KHAN SAMEEN WALA</t>
  </si>
  <si>
    <t>Shaheedan</t>
  </si>
  <si>
    <t>GPS SHOUKAT ABAD</t>
  </si>
  <si>
    <t>UMER KOT - MALE</t>
  </si>
  <si>
    <t>CHAK LADH</t>
  </si>
  <si>
    <t>CHAK LADH P/O UMER KOT TEHSIL ROJHAN DISTRICT RAJAN PUR</t>
  </si>
  <si>
    <t>BASTI NARYANI</t>
  </si>
  <si>
    <t>UMER KOT</t>
  </si>
  <si>
    <t>20363</t>
  </si>
  <si>
    <t>19103</t>
  </si>
  <si>
    <t>GGPS CHAK 692/34 GB</t>
  </si>
  <si>
    <t>CK No 692/34GB</t>
  </si>
  <si>
    <t>GGPS 692/34 GB shorkot Cantt</t>
  </si>
  <si>
    <t>Chak No 692/34 GB</t>
  </si>
  <si>
    <t>Chak No 326 GB</t>
  </si>
  <si>
    <t>39529</t>
  </si>
  <si>
    <t>45754</t>
  </si>
  <si>
    <t>GGHS SULTAN PUR</t>
  </si>
  <si>
    <t>GGHS sultanpur shahpur sargodha</t>
  </si>
  <si>
    <t>Sultanpur Maiken</t>
  </si>
  <si>
    <t>Hussain Shah</t>
  </si>
  <si>
    <t>Mehvish Naheed</t>
  </si>
  <si>
    <t>16721</t>
  </si>
  <si>
    <t>GGPS 617/GB</t>
  </si>
  <si>
    <t>Kot Kaka</t>
  </si>
  <si>
    <t>ggps617gb</t>
  </si>
  <si>
    <t>Chak No 617gb</t>
  </si>
  <si>
    <t>617gb</t>
  </si>
  <si>
    <t>Tehmeena Rashid</t>
  </si>
  <si>
    <t>21975</t>
  </si>
  <si>
    <t>3973</t>
  </si>
  <si>
    <t>47954</t>
  </si>
  <si>
    <t>GGPS SANDAN WALA</t>
  </si>
  <si>
    <t>JHAMTAN WALA -FEMALE</t>
  </si>
  <si>
    <t>Sandanwala</t>
  </si>
  <si>
    <t>sandanwala</t>
  </si>
  <si>
    <t>Sndanwala</t>
  </si>
  <si>
    <t>6037</t>
  </si>
  <si>
    <t>GES GULSHAN ABAD</t>
  </si>
  <si>
    <t>KANDHARA Singh</t>
  </si>
  <si>
    <t>GES Gulshan Abad Basti Gheel pur POB chak 102/P(sarbhori) RYKhan</t>
  </si>
  <si>
    <t>Gulshan Abad</t>
  </si>
  <si>
    <t>100 P</t>
  </si>
  <si>
    <t>Muhammad Umair  Shakoor</t>
  </si>
  <si>
    <t>30161</t>
  </si>
  <si>
    <t>GGPS GHAROTA</t>
  </si>
  <si>
    <t>IKHLAS PUR - FEMALE</t>
  </si>
  <si>
    <t>Gharota</t>
  </si>
  <si>
    <t>GGPS gharota</t>
  </si>
  <si>
    <t>Ikhlaspur</t>
  </si>
  <si>
    <t>Sadaqat Ali</t>
  </si>
  <si>
    <t>40453</t>
  </si>
  <si>
    <t>25563</t>
  </si>
  <si>
    <t>51153</t>
  </si>
  <si>
    <t>GMPS HUSSAIN PUR RANDHIR</t>
  </si>
  <si>
    <t>HABIB PUR - FEMALE</t>
  </si>
  <si>
    <t>Hussain Pur Randhir</t>
  </si>
  <si>
    <t>Tayaba Arshad</t>
  </si>
  <si>
    <t>9226</t>
  </si>
  <si>
    <t>GGMPS BASTI AZEEM</t>
  </si>
  <si>
    <t>jalal khan</t>
  </si>
  <si>
    <t>taunsa</t>
  </si>
  <si>
    <t>basti azeem</t>
  </si>
  <si>
    <t>punjgrain</t>
  </si>
  <si>
    <t>Fakhra Batool</t>
  </si>
  <si>
    <t>6271</t>
  </si>
  <si>
    <t>14063</t>
  </si>
  <si>
    <t>GGPS RATTAN TALA</t>
  </si>
  <si>
    <t>FAZIL PUR - FEMALE</t>
  </si>
  <si>
    <t>Rattan tala fazil pur</t>
  </si>
  <si>
    <t>Mc Fazil Pur</t>
  </si>
  <si>
    <t>Fouzia Zafar</t>
  </si>
  <si>
    <t>19621</t>
  </si>
  <si>
    <t>GGHS CHAK 331 JB ATHWAL</t>
  </si>
  <si>
    <t>Chak No 331 JB Athwal</t>
  </si>
  <si>
    <t>Chak No 331 JB Athwal,Tehseel &amp; District Toba Tek Singh</t>
  </si>
  <si>
    <t>Chak no 331 JB Athwal</t>
  </si>
  <si>
    <t>Chak No 391 JB Kenthan</t>
  </si>
  <si>
    <t>Nuzhat Yasmin</t>
  </si>
  <si>
    <t>7793</t>
  </si>
  <si>
    <t>11505</t>
  </si>
  <si>
    <t>34085</t>
  </si>
  <si>
    <t>GGPS NARAIN GRAH BASTI BANGALA SHUJABAD</t>
  </si>
  <si>
    <t>GARDEZ PUR - FEMALE</t>
  </si>
  <si>
    <t>Gardez Pur</t>
  </si>
  <si>
    <t>chah ranjhy wala moza gardez pur</t>
  </si>
  <si>
    <t>Ranjhy Wala</t>
  </si>
  <si>
    <t>Asmafaiz</t>
  </si>
  <si>
    <t>32257</t>
  </si>
  <si>
    <t>GGPS TARGAY WALI</t>
  </si>
  <si>
    <t>Taragy Wali</t>
  </si>
  <si>
    <t>GGPSTaragay Wali</t>
  </si>
  <si>
    <t>Taragay Wali</t>
  </si>
  <si>
    <t>Muraday Klayn</t>
  </si>
  <si>
    <t>Shahida Tabassum</t>
  </si>
  <si>
    <t>46541</t>
  </si>
  <si>
    <t>GGPS CHITTI DAL</t>
  </si>
  <si>
    <t>Amb Sharif</t>
  </si>
  <si>
    <t>vpo warcha moza amb Sharif tehsil quaidabad</t>
  </si>
  <si>
    <t>Saray Miana</t>
  </si>
  <si>
    <t>Goly Wali</t>
  </si>
  <si>
    <t>39371</t>
  </si>
  <si>
    <t>GGHS DHULLIAN</t>
  </si>
  <si>
    <t>GHARIBWAL</t>
  </si>
  <si>
    <t>Uzma Rahat ijaz</t>
  </si>
  <si>
    <t>20449</t>
  </si>
  <si>
    <t>GGHS NOIENKE SINDWAN</t>
  </si>
  <si>
    <t>Noienke</t>
  </si>
  <si>
    <t>Village Noinke Sandhwan</t>
  </si>
  <si>
    <t>NOINKE Sandhwan</t>
  </si>
  <si>
    <t>Aamna Mustafa</t>
  </si>
  <si>
    <t>45664</t>
  </si>
  <si>
    <t>15705</t>
  </si>
  <si>
    <t>GHS NO. 1 SAMUNDRI FSD</t>
  </si>
  <si>
    <t>GOJRA ROAD SAMUNDRI CITY</t>
  </si>
  <si>
    <t>SAMUNDRI CITY</t>
  </si>
  <si>
    <t>MC SAMUNDRI</t>
  </si>
  <si>
    <t>SADAQAT ALI KHAN</t>
  </si>
  <si>
    <t>29228</t>
  </si>
  <si>
    <t>28234</t>
  </si>
  <si>
    <t>GGHS DHOUL RANJHA</t>
  </si>
  <si>
    <t>vpo dhoul ranjha</t>
  </si>
  <si>
    <t>zubaida ahsan</t>
  </si>
  <si>
    <t>41479</t>
  </si>
  <si>
    <t>GGES DALYA</t>
  </si>
  <si>
    <t>Dalyan</t>
  </si>
  <si>
    <t>village dalyan post office tarait tehsil murree district rawalpindi</t>
  </si>
  <si>
    <t>Tarait</t>
  </si>
  <si>
    <t>Ayesha Gul Zaman</t>
  </si>
  <si>
    <t>30260</t>
  </si>
  <si>
    <t>47920</t>
  </si>
  <si>
    <t>GGPS BERHAMAN WALA</t>
  </si>
  <si>
    <t>G. G P/s Barhmn wala taliri</t>
  </si>
  <si>
    <t>Barhman Wala</t>
  </si>
  <si>
    <t>fozia hassan</t>
  </si>
  <si>
    <t>11938</t>
  </si>
  <si>
    <t>GGPS YAROO WALA</t>
  </si>
  <si>
    <t>PATTI GHULAM ALI</t>
  </si>
  <si>
    <t>CHAH MATTAY WALA IQBAL ABAD SHEIKHU SUGAR MILLZ ROAD SINAWAN KOT ADU DIS.M.GARH</t>
  </si>
  <si>
    <t>CHAH MATTAY WALA</t>
  </si>
  <si>
    <t>MC SINAWAN</t>
  </si>
  <si>
    <t>SAMINA KOUSAR</t>
  </si>
  <si>
    <t>33373</t>
  </si>
  <si>
    <t>33347</t>
  </si>
  <si>
    <t>32259</t>
  </si>
  <si>
    <t>GGCMS JEETA</t>
  </si>
  <si>
    <t>Jaita</t>
  </si>
  <si>
    <t>govt. girls community model school Jaita</t>
  </si>
  <si>
    <t>Kadlti</t>
  </si>
  <si>
    <t>Zill E Humma</t>
  </si>
  <si>
    <t>8261</t>
  </si>
  <si>
    <t>42905</t>
  </si>
  <si>
    <t>39186</t>
  </si>
  <si>
    <t>GGPS BALRAH</t>
  </si>
  <si>
    <t>Balrah</t>
  </si>
  <si>
    <t>VOP jhang dhok balrah</t>
  </si>
  <si>
    <t>26062</t>
  </si>
  <si>
    <t>GGPS MUHAMMAD AMIN BHATTI WALA</t>
  </si>
  <si>
    <t>Dagger Kotli mankera</t>
  </si>
  <si>
    <t>Muhammad amin Bhatti Wala</t>
  </si>
  <si>
    <t>Gulshan Bibi</t>
  </si>
  <si>
    <t>GGHS SHAMIR</t>
  </si>
  <si>
    <t>Shameer</t>
  </si>
  <si>
    <t>village shameer tehsil kamonki district Gujranwala</t>
  </si>
  <si>
    <t>Nangal Doona Singh</t>
  </si>
  <si>
    <t>Saira Khan</t>
  </si>
  <si>
    <t>32120</t>
  </si>
  <si>
    <t>21778</t>
  </si>
  <si>
    <t>GHS CHABBA SINDWAN</t>
  </si>
  <si>
    <t>CHABBA SINDHWAN SIDNHWAN</t>
  </si>
  <si>
    <t>VILLAGE AND POST OFFICE KHAS CHABBA SINDHWAN</t>
  </si>
  <si>
    <t>NEAR UNION COUNCIL MOHALLA KOT JAN  MUHAMMAD</t>
  </si>
  <si>
    <t>KOT LADHA</t>
  </si>
  <si>
    <t>NASEEM MEHMOOD</t>
  </si>
  <si>
    <t>20894</t>
  </si>
  <si>
    <t>GGHS S.K. WAZIRABAD</t>
  </si>
  <si>
    <t>main bazar near mussaman burj wazirabad</t>
  </si>
  <si>
    <t>mussaman burj wazirabad</t>
  </si>
  <si>
    <t>SAADAT PERVEEN</t>
  </si>
  <si>
    <t>GMPS RATA PUR BALIAN</t>
  </si>
  <si>
    <t>Rattapur Balian</t>
  </si>
  <si>
    <t>gmps Ratta pur balian</t>
  </si>
  <si>
    <t>Ratta Pur Balian</t>
  </si>
  <si>
    <t>Langer Makhdoom</t>
  </si>
  <si>
    <t>3869</t>
  </si>
  <si>
    <t>30520</t>
  </si>
  <si>
    <t>36136</t>
  </si>
  <si>
    <t>GGES CHAK NO. 1 WB</t>
  </si>
  <si>
    <t>1 Wb</t>
  </si>
  <si>
    <t>1 wb vehari</t>
  </si>
  <si>
    <t>01 Wb</t>
  </si>
  <si>
    <t>Waheeda Akhtar</t>
  </si>
  <si>
    <t>4485</t>
  </si>
  <si>
    <t>26781</t>
  </si>
  <si>
    <t>GGHS SATHIALA</t>
  </si>
  <si>
    <t>GGHS SATHALA, Tehsil zafarwal, District Narowal</t>
  </si>
  <si>
    <t>Asima Tabbsam</t>
  </si>
  <si>
    <t>3362</t>
  </si>
  <si>
    <t>GGHS TIBBA BADAR SHAIR NO.1</t>
  </si>
  <si>
    <t>bader sher</t>
  </si>
  <si>
    <t>bader sher bahawalpur</t>
  </si>
  <si>
    <t>54647</t>
  </si>
  <si>
    <t>GPS AHMAD ARAIN</t>
  </si>
  <si>
    <t>MITRU - MALE</t>
  </si>
  <si>
    <t>Ahmad Arein</t>
  </si>
  <si>
    <t>mouza Ahmad Arein p/o sarghana  tehsil Mailsi  district  Vehari</t>
  </si>
  <si>
    <t>Muhammad Kamran Hussain</t>
  </si>
  <si>
    <t>33319</t>
  </si>
  <si>
    <t>37940</t>
  </si>
  <si>
    <t>GGHSS ADAM WAHIN LODHRAN</t>
  </si>
  <si>
    <t>Adam Wahin</t>
  </si>
  <si>
    <t>Shamim hameed</t>
  </si>
  <si>
    <t>26680</t>
  </si>
  <si>
    <t>43211</t>
  </si>
  <si>
    <t>41585</t>
  </si>
  <si>
    <t>GGHS PINDORA RAWALPINDI</t>
  </si>
  <si>
    <t>Pindora</t>
  </si>
  <si>
    <t>government girls high school, pindore near tubewell10, Rawqlpindi</t>
  </si>
  <si>
    <t>SYEDA MASOOMA ZAHRA NAQVI</t>
  </si>
  <si>
    <t>15298</t>
  </si>
  <si>
    <t>GGES 122 GB</t>
  </si>
  <si>
    <t>122gb</t>
  </si>
  <si>
    <t>Tahira Saleem</t>
  </si>
  <si>
    <t>21020</t>
  </si>
  <si>
    <t>15859</t>
  </si>
  <si>
    <t>GPS CHAK 34 JB NORTH</t>
  </si>
  <si>
    <t>Chak No. 34JB North</t>
  </si>
  <si>
    <t>Chak No 34jb North</t>
  </si>
  <si>
    <t>Bushra Arshad</t>
  </si>
  <si>
    <t>13388</t>
  </si>
  <si>
    <t>GGHS ALLAH ABAD</t>
  </si>
  <si>
    <t>p/o khas Allah abad gharbi</t>
  </si>
  <si>
    <t>Najma Sultana</t>
  </si>
  <si>
    <t>25999</t>
  </si>
  <si>
    <t>GHS KHAIRA</t>
  </si>
  <si>
    <t>khaira</t>
  </si>
  <si>
    <t>village khaira p/o same tehsil shakargarh dist nrowal</t>
  </si>
  <si>
    <t>munir ahmad</t>
  </si>
  <si>
    <t>4129</t>
  </si>
  <si>
    <t>45876</t>
  </si>
  <si>
    <t>GES MAMKAN WALA</t>
  </si>
  <si>
    <t>RODA (NORTH) (MALE)</t>
  </si>
  <si>
    <t>dera Soharay Khail V/P roda tehsil and district khushab</t>
  </si>
  <si>
    <t>UMAR FAROOQ</t>
  </si>
  <si>
    <t>8327</t>
  </si>
  <si>
    <t>52954</t>
  </si>
  <si>
    <t>GPS CANAL COLONY</t>
  </si>
  <si>
    <t>City Depalpur</t>
  </si>
  <si>
    <t>canal colony Haveli road Depalpur okara</t>
  </si>
  <si>
    <t>Mazhar Abad</t>
  </si>
  <si>
    <t>30818</t>
  </si>
  <si>
    <t>32772</t>
  </si>
  <si>
    <t>GPS MIRZA PUR</t>
  </si>
  <si>
    <t>Mirza pur Mandi Faizabad Nankana Sahib</t>
  </si>
  <si>
    <t>Jawahar Pur</t>
  </si>
  <si>
    <t>Mehdi Hasan</t>
  </si>
  <si>
    <t>5706</t>
  </si>
  <si>
    <t>41105</t>
  </si>
  <si>
    <t>GPS CHAK NO. 279 TDA</t>
  </si>
  <si>
    <t>LALAZAR MALE</t>
  </si>
  <si>
    <t>Chack No 279/tda</t>
  </si>
  <si>
    <t>chack no 279/tda</t>
  </si>
  <si>
    <t>Mian Sajid Mahmood Gillani</t>
  </si>
  <si>
    <t>1033</t>
  </si>
  <si>
    <t>41457</t>
  </si>
  <si>
    <t>GGPS CHANALA</t>
  </si>
  <si>
    <t>village and po ghel teh murree</t>
  </si>
  <si>
    <t>20093</t>
  </si>
  <si>
    <t>9959</t>
  </si>
  <si>
    <t>GHS DIN PUR</t>
  </si>
  <si>
    <t>Govt High School Dinur</t>
  </si>
  <si>
    <t>Samtiah</t>
  </si>
  <si>
    <t>abid hussain</t>
  </si>
  <si>
    <t>3329</t>
  </si>
  <si>
    <t>18830</t>
  </si>
  <si>
    <t>52259</t>
  </si>
  <si>
    <t>GGPS SHAH ABAD COLONY</t>
  </si>
  <si>
    <t>SULTAN PURA FEMALE</t>
  </si>
  <si>
    <t>Shah Abad Colony Gojra</t>
  </si>
  <si>
    <t>shah abad colony Gojra</t>
  </si>
  <si>
    <t>Shah Abad</t>
  </si>
  <si>
    <t>Chao No 360JB</t>
  </si>
  <si>
    <t>Maleeha Munir Khan</t>
  </si>
  <si>
    <t>37567</t>
  </si>
  <si>
    <t>30984</t>
  </si>
  <si>
    <t>28820</t>
  </si>
  <si>
    <t>48729</t>
  </si>
  <si>
    <t>21966</t>
  </si>
  <si>
    <t>Bair wala</t>
  </si>
  <si>
    <t>Phamma Sara</t>
  </si>
  <si>
    <t>Amrozia Ashraf</t>
  </si>
  <si>
    <t>41099</t>
  </si>
  <si>
    <t>39086</t>
  </si>
  <si>
    <t>GGPS PIND BHADUR KHAN</t>
  </si>
  <si>
    <t>Pind Bhadur Khan</t>
  </si>
  <si>
    <t>village pind bhadur khan post office bahtar tehsil fateh jang district Attock</t>
  </si>
  <si>
    <t>Bahter</t>
  </si>
  <si>
    <t>Saima Nasreen</t>
  </si>
  <si>
    <t>29421</t>
  </si>
  <si>
    <t>29201</t>
  </si>
  <si>
    <t>37321</t>
  </si>
  <si>
    <t>37273</t>
  </si>
  <si>
    <t>GGES 166/10-R QADEEM, KHANEWAL</t>
  </si>
  <si>
    <t>Lalera Wala</t>
  </si>
  <si>
    <t>ch ak no 166/10-R qadeem , khanewal</t>
  </si>
  <si>
    <t>166/10-R Qadeem</t>
  </si>
  <si>
    <t>Chak No 166/10-R</t>
  </si>
  <si>
    <t>Rubina Ibrar</t>
  </si>
  <si>
    <t>2145</t>
  </si>
  <si>
    <t>13209</t>
  </si>
  <si>
    <t>GGES BAKAINI</t>
  </si>
  <si>
    <t>basti Bakaini p/o khas , tehsil jatoi, district muzaffar garh</t>
  </si>
  <si>
    <t>Irum Yasmeen</t>
  </si>
  <si>
    <t>20945</t>
  </si>
  <si>
    <t>23854</t>
  </si>
  <si>
    <t>GGPS KOT ANI SINGH</t>
  </si>
  <si>
    <t>GUJJARKEY - FEMALE</t>
  </si>
  <si>
    <t>Kot Ani Singh</t>
  </si>
  <si>
    <t>kot Ani Singh</t>
  </si>
  <si>
    <t>Humaila Naareen</t>
  </si>
  <si>
    <t>3252</t>
  </si>
  <si>
    <t>13012</t>
  </si>
  <si>
    <t>17505</t>
  </si>
  <si>
    <t>21858</t>
  </si>
  <si>
    <t>38769</t>
  </si>
  <si>
    <t>GHS HAJI SHAH</t>
  </si>
  <si>
    <t>VPO Haji Shah Tehsil &amp; district Attock</t>
  </si>
  <si>
    <t>Zahid Mahmood</t>
  </si>
  <si>
    <t>19234</t>
  </si>
  <si>
    <t>3438</t>
  </si>
  <si>
    <t>38153</t>
  </si>
  <si>
    <t>GGPS CHAK GUJRA</t>
  </si>
  <si>
    <t>chak gujjar mouzs rawani p/o gaily wal tehsil lodhran district lodhran</t>
  </si>
  <si>
    <t>Chak Gujjar</t>
  </si>
  <si>
    <t>Shaheen Islam Ul  Din</t>
  </si>
  <si>
    <t>36585</t>
  </si>
  <si>
    <t>GES CHAK SHER KHAN, KABIRWALA</t>
  </si>
  <si>
    <t>Muhammad Iqbal Zafar</t>
  </si>
  <si>
    <t>6786</t>
  </si>
  <si>
    <t>9210</t>
  </si>
  <si>
    <t>GGHS GHAZI ABAD</t>
  </si>
  <si>
    <t>ghaziabad</t>
  </si>
  <si>
    <t>govt. Girls High School Ghaziabad Lahore</t>
  </si>
  <si>
    <t>ghaziabad lahore</t>
  </si>
  <si>
    <t>Ghaziabad</t>
  </si>
  <si>
    <t>naheeda shamim</t>
  </si>
  <si>
    <t>2362</t>
  </si>
  <si>
    <t>51641</t>
  </si>
  <si>
    <t>2355</t>
  </si>
  <si>
    <t>15935</t>
  </si>
  <si>
    <t>15053</t>
  </si>
  <si>
    <t>GGPS CHAK 111 GB JARANWALA</t>
  </si>
  <si>
    <t>Chak Nu 111gb</t>
  </si>
  <si>
    <t>chak nu 111gb jaranwala</t>
  </si>
  <si>
    <t>111gb</t>
  </si>
  <si>
    <t>Chak Nu 112gb</t>
  </si>
  <si>
    <t>Yasmin Roohi</t>
  </si>
  <si>
    <t>31235</t>
  </si>
  <si>
    <t>2169</t>
  </si>
  <si>
    <t>4187</t>
  </si>
  <si>
    <t>32113</t>
  </si>
  <si>
    <t>GGPS BASTI LAGHARI</t>
  </si>
  <si>
    <t>BANDAY SHAH - FEMALE</t>
  </si>
  <si>
    <t>yaki wali</t>
  </si>
  <si>
    <t>kakwani wala multan rood alipur</t>
  </si>
  <si>
    <t>basti leghari</t>
  </si>
  <si>
    <t>40051</t>
  </si>
  <si>
    <t>GHS JHELUM</t>
  </si>
  <si>
    <t>ghs jhelum</t>
  </si>
  <si>
    <t>Jadda</t>
  </si>
  <si>
    <t>Masood Ahmed</t>
  </si>
  <si>
    <t>46709</t>
  </si>
  <si>
    <t>40027</t>
  </si>
  <si>
    <t>GGHS KALU KHURD</t>
  </si>
  <si>
    <t>kalu khurd</t>
  </si>
  <si>
    <t>gghskalukhurd@gmail.com</t>
  </si>
  <si>
    <t>Kalu Khurd</t>
  </si>
  <si>
    <t>Tajik</t>
  </si>
  <si>
    <t>35071</t>
  </si>
  <si>
    <t>35582</t>
  </si>
  <si>
    <t>GGES CHAK NO.106/WB</t>
  </si>
  <si>
    <t>106/wb</t>
  </si>
  <si>
    <t>chak#106/wb</t>
  </si>
  <si>
    <t>Farzana Ghafoor</t>
  </si>
  <si>
    <t>12001</t>
  </si>
  <si>
    <t>GES FAZIL KALROO</t>
  </si>
  <si>
    <t>fazil kalro</t>
  </si>
  <si>
    <t>ges fazil kalro muzaffargarh</t>
  </si>
  <si>
    <t>jady wala</t>
  </si>
  <si>
    <t>Mohammad Saeed Hamdani</t>
  </si>
  <si>
    <t>21342</t>
  </si>
  <si>
    <t>GHSS WAHNDO GUJRANWALA</t>
  </si>
  <si>
    <t>WAHNDO</t>
  </si>
  <si>
    <t>POST OFFICE WAHNDO TEHSIL KAMOKE DISTRICT GUJRANWALA</t>
  </si>
  <si>
    <t>Mian Muhammad Iqbal</t>
  </si>
  <si>
    <t>2790</t>
  </si>
  <si>
    <t>37299</t>
  </si>
  <si>
    <t>GMPS 18/9-R, KACHA KHUH</t>
  </si>
  <si>
    <t>CHAK NO.18/9-R</t>
  </si>
  <si>
    <t>18/9-r</t>
  </si>
  <si>
    <t>AMNA YAMIN</t>
  </si>
  <si>
    <t>42860</t>
  </si>
  <si>
    <t>15906</t>
  </si>
  <si>
    <t>GPS CHAK 263 RB II</t>
  </si>
  <si>
    <t>CHAK 263/RB</t>
  </si>
  <si>
    <t>CHAK NO. 263 RB DIJKOT ABADI BHUKHPURA TANDLIANWALA ROAD</t>
  </si>
  <si>
    <t>ABADI BHUKHPURA  DIJKOT</t>
  </si>
  <si>
    <t>TMA DIJKOT</t>
  </si>
  <si>
    <t>Ahmad Gul Baz Khan</t>
  </si>
  <si>
    <t>40507</t>
  </si>
  <si>
    <t>45873</t>
  </si>
  <si>
    <t>43178</t>
  </si>
  <si>
    <t>GGES CHAK KHARAK</t>
  </si>
  <si>
    <t>Chak Kharak</t>
  </si>
  <si>
    <t>chak Kharak chakwal</t>
  </si>
  <si>
    <t>Khothian</t>
  </si>
  <si>
    <t>15470</t>
  </si>
  <si>
    <t>33148</t>
  </si>
  <si>
    <t>32890</t>
  </si>
  <si>
    <t>46854</t>
  </si>
  <si>
    <t>GGPS TOT HAKIM ALI</t>
  </si>
  <si>
    <t>Tot Hakim</t>
  </si>
  <si>
    <t>tot hakim ali</t>
  </si>
  <si>
    <t>Tot Hakim Ali</t>
  </si>
  <si>
    <t>Budh Ghulam</t>
  </si>
  <si>
    <t>Shakeela BiBi</t>
  </si>
  <si>
    <t>15381</t>
  </si>
  <si>
    <t>42842</t>
  </si>
  <si>
    <t>37635</t>
  </si>
  <si>
    <t>GGPS DOGRAN, TULAMBA</t>
  </si>
  <si>
    <t>Tulamba City</t>
  </si>
  <si>
    <t>GGOS, Mahalla Dogran, Tulamba, Teh. Mian Channu, Distt. Khanewal</t>
  </si>
  <si>
    <t>Mahallah Dogran</t>
  </si>
  <si>
    <t>50262</t>
  </si>
  <si>
    <t>45691</t>
  </si>
  <si>
    <t>GGES 120/7-ER</t>
  </si>
  <si>
    <t>KASSOWAL-B-FEMALE</t>
  </si>
  <si>
    <t>120/7ER</t>
  </si>
  <si>
    <t>120/7er</t>
  </si>
  <si>
    <t>119/7DR</t>
  </si>
  <si>
    <t>Nadia Naseem</t>
  </si>
  <si>
    <t>40138</t>
  </si>
  <si>
    <t>44814</t>
  </si>
  <si>
    <t>10534</t>
  </si>
  <si>
    <t>GGHS CHAK NO. 156 TDA LAYYAH</t>
  </si>
  <si>
    <t>Chalk No 156</t>
  </si>
  <si>
    <t>Chak No 156/TDA Layyah</t>
  </si>
  <si>
    <t>Chak No 156</t>
  </si>
  <si>
    <t>SHAZIA ASLAM</t>
  </si>
  <si>
    <t>42438</t>
  </si>
  <si>
    <t>GGHS CHAK NO 214 JB MOCHIWALA</t>
  </si>
  <si>
    <t>mochiwla</t>
  </si>
  <si>
    <t>chakno214mochiwla</t>
  </si>
  <si>
    <t>IJAZ AKHTAR</t>
  </si>
  <si>
    <t>3555</t>
  </si>
  <si>
    <t>50388</t>
  </si>
  <si>
    <t>GPS 178-9/L OLD</t>
  </si>
  <si>
    <t>178/9l Old</t>
  </si>
  <si>
    <t>chak no 178/9l old</t>
  </si>
  <si>
    <t>185/9l</t>
  </si>
  <si>
    <t>15676</t>
  </si>
  <si>
    <t>13142</t>
  </si>
  <si>
    <t>36850</t>
  </si>
  <si>
    <t>GGES AMEER PUR, P/O NARHAL, KABIRWALA</t>
  </si>
  <si>
    <t>qitta punian wala moza ameer pur</t>
  </si>
  <si>
    <t>Qitta Punian Wala</t>
  </si>
  <si>
    <t>Boota Singh Wala</t>
  </si>
  <si>
    <t>Anila Rafique</t>
  </si>
  <si>
    <t>11720</t>
  </si>
  <si>
    <t>37615</t>
  </si>
  <si>
    <t>GMPS 58/15-L, P/O 59/15-L, MIAN CHANNU</t>
  </si>
  <si>
    <t>58/15-L</t>
  </si>
  <si>
    <t>Chak No,58/15-L P/O 59/15-L Tehsil Main Channel District Khanewal</t>
  </si>
  <si>
    <t>59/15-L</t>
  </si>
  <si>
    <t>Assarat ul Khaliq</t>
  </si>
  <si>
    <t>36574</t>
  </si>
  <si>
    <t>GES KABIR WALA NO.2, P/O MAKHDOOM PUR ROAD, KABIRWALA</t>
  </si>
  <si>
    <t>Govt. Elementary School No.2 Makhdum Pur Road Kabirwala</t>
  </si>
  <si>
    <t>MC Kabirwala</t>
  </si>
  <si>
    <t>Tanveer Akhtar</t>
  </si>
  <si>
    <t>GPS ARGUN</t>
  </si>
  <si>
    <t>NATHU SIVIA - MALE</t>
  </si>
  <si>
    <t>Village Argun Teh Nowshera virkan Dist, Gujranwala</t>
  </si>
  <si>
    <t>Balal zabair</t>
  </si>
  <si>
    <t>37229</t>
  </si>
  <si>
    <t>26448</t>
  </si>
  <si>
    <t>21287</t>
  </si>
  <si>
    <t>GGPS KALAIR</t>
  </si>
  <si>
    <t>Kalair</t>
  </si>
  <si>
    <t>Village and post office Jatti Shah Rehman Teh Wazirabad district gujranwala</t>
  </si>
  <si>
    <t>RobinaBashir</t>
  </si>
  <si>
    <t>978</t>
  </si>
  <si>
    <t>54191</t>
  </si>
  <si>
    <t>GGPS DHOK KUFRI</t>
  </si>
  <si>
    <t>Dhok Kufri</t>
  </si>
  <si>
    <t>dhok kufri</t>
  </si>
  <si>
    <t>Sadiqabad/Kufri</t>
  </si>
  <si>
    <t>Shahzadi Kausar</t>
  </si>
  <si>
    <t>local community</t>
  </si>
  <si>
    <t>14242</t>
  </si>
  <si>
    <t>10503</t>
  </si>
  <si>
    <t>GHS BAKHARI AHAMD KHAN</t>
  </si>
  <si>
    <t>Basti Bakhri Ahmad Khan,Mouza Bait Dabli,P/O kot Sultan,Tehsil &amp; District Layyah</t>
  </si>
  <si>
    <t>Bakhri Ahmad khan</t>
  </si>
  <si>
    <t>21805</t>
  </si>
  <si>
    <t>21538</t>
  </si>
  <si>
    <t>9952</t>
  </si>
  <si>
    <t>46109</t>
  </si>
  <si>
    <t>GGHS ANGA</t>
  </si>
  <si>
    <t>vpo anga tehsil naushera district Khushab</t>
  </si>
  <si>
    <t>UC Anga</t>
  </si>
  <si>
    <t>Sidrah Niaz</t>
  </si>
  <si>
    <t>7837</t>
  </si>
  <si>
    <t>21286</t>
  </si>
  <si>
    <t>GGPS DHARAM KOT</t>
  </si>
  <si>
    <t>Dharam Kot</t>
  </si>
  <si>
    <t>dharam kot</t>
  </si>
  <si>
    <t>Sobia Riaz</t>
  </si>
  <si>
    <t>9209</t>
  </si>
  <si>
    <t>28207</t>
  </si>
  <si>
    <t>GGHS PHALIA</t>
  </si>
  <si>
    <t>Farah Shahina</t>
  </si>
  <si>
    <t>25288</t>
  </si>
  <si>
    <t>26167</t>
  </si>
  <si>
    <t>GPS HARYALL</t>
  </si>
  <si>
    <t>HARYAL</t>
  </si>
  <si>
    <t>Village Haryal p/o Bara Manga Tesil Shahkargarh District Narowal</t>
  </si>
  <si>
    <t>Haryal</t>
  </si>
  <si>
    <t>Bara Manga</t>
  </si>
  <si>
    <t>22067</t>
  </si>
  <si>
    <t>17430</t>
  </si>
  <si>
    <t>8636</t>
  </si>
  <si>
    <t>36447</t>
  </si>
  <si>
    <t>GGPS MOZA ALI UL DIN</t>
  </si>
  <si>
    <t>ali u din</t>
  </si>
  <si>
    <t>Gul Shaheen</t>
  </si>
  <si>
    <t>3455</t>
  </si>
  <si>
    <t>5293</t>
  </si>
  <si>
    <t>24932</t>
  </si>
  <si>
    <t>GGES MISSION HUNTER PURA</t>
  </si>
  <si>
    <t>GOHAD PUR - FEMALE</t>
  </si>
  <si>
    <t>Hunter pura</t>
  </si>
  <si>
    <t>hunter pura</t>
  </si>
  <si>
    <t>HUNTER pura</t>
  </si>
  <si>
    <t>Gohad Pur</t>
  </si>
  <si>
    <t>Rahat Parveen</t>
  </si>
  <si>
    <t>GGCMS 208/P</t>
  </si>
  <si>
    <t>208/P</t>
  </si>
  <si>
    <t>GGCMPS 208/P Sadiqabad</t>
  </si>
  <si>
    <t>208/P Sadiqabad</t>
  </si>
  <si>
    <t>173/P</t>
  </si>
  <si>
    <t>Rubaca Malik</t>
  </si>
  <si>
    <t>students get water from nearby house</t>
  </si>
  <si>
    <t>9949</t>
  </si>
  <si>
    <t>10523</t>
  </si>
  <si>
    <t>GGHS CHOWK AZAM</t>
  </si>
  <si>
    <t>WARD NO 1 LAYYAH ROAD CHOWK AZAM</t>
  </si>
  <si>
    <t>ward no 1 chowk azam</t>
  </si>
  <si>
    <t>CHOWK AZAM</t>
  </si>
  <si>
    <t>Abida Saira</t>
  </si>
  <si>
    <t>32277</t>
  </si>
  <si>
    <t>GGPS DERA GUJRAN MASMOOLA BUTTAR</t>
  </si>
  <si>
    <t>Dera Gujran Buttar</t>
  </si>
  <si>
    <t>GGCMPS Dera Gujran Buttar Farooq abad</t>
  </si>
  <si>
    <t>Misbah Naz</t>
  </si>
  <si>
    <t>30715</t>
  </si>
  <si>
    <t>GPS JUGIAL</t>
  </si>
  <si>
    <t>Jugial</t>
  </si>
  <si>
    <t>jugial</t>
  </si>
  <si>
    <t>Kott Naina</t>
  </si>
  <si>
    <t>13163</t>
  </si>
  <si>
    <t>23221</t>
  </si>
  <si>
    <t>12754</t>
  </si>
  <si>
    <t>GGES LANGAR SARAI</t>
  </si>
  <si>
    <t>Langer Sarai</t>
  </si>
  <si>
    <t>Basti langer sarai</t>
  </si>
  <si>
    <t>Ambreena Atta</t>
  </si>
  <si>
    <t>34481</t>
  </si>
  <si>
    <t>36185</t>
  </si>
  <si>
    <t>20687</t>
  </si>
  <si>
    <t>GMPS KOT HANIF</t>
  </si>
  <si>
    <t>dakkhana eminabad village kot hanif Gujranwala</t>
  </si>
  <si>
    <t>Kot Hanif</t>
  </si>
  <si>
    <t>Fatima Alamdar</t>
  </si>
  <si>
    <t>6244</t>
  </si>
  <si>
    <t>GGES PEER BUKHASH PUNJABI</t>
  </si>
  <si>
    <t>RASOOL PUR-FEMALE</t>
  </si>
  <si>
    <t>basti peer Bux Punjabi sadiqabad</t>
  </si>
  <si>
    <t>Peer Bux Punjabi</t>
  </si>
  <si>
    <t>Nasira Muslim</t>
  </si>
  <si>
    <t>43892</t>
  </si>
  <si>
    <t>43150</t>
  </si>
  <si>
    <t>42092</t>
  </si>
  <si>
    <t>GES DHOK KOKARA</t>
  </si>
  <si>
    <t>WAH - MALE</t>
  </si>
  <si>
    <t>GBES Dhoke kokara</t>
  </si>
  <si>
    <t>Syed Abrar Hussain Shah</t>
  </si>
  <si>
    <t>17989</t>
  </si>
  <si>
    <t>GGHS CHAK NO 493 JB</t>
  </si>
  <si>
    <t>chak no.493/jb</t>
  </si>
  <si>
    <t>Chak 493/jb</t>
  </si>
  <si>
    <t>Chak No 493/jb</t>
  </si>
  <si>
    <t>Sadia Kousar</t>
  </si>
  <si>
    <t>8227</t>
  </si>
  <si>
    <t>10579</t>
  </si>
  <si>
    <t>GGHS CHAK NO.141/TDA</t>
  </si>
  <si>
    <t>chak no 141tda Layyah</t>
  </si>
  <si>
    <t>141 tda</t>
  </si>
  <si>
    <t>Chawk Azam</t>
  </si>
  <si>
    <t>Farzana Begum</t>
  </si>
  <si>
    <t>46211</t>
  </si>
  <si>
    <t>12722</t>
  </si>
  <si>
    <t>GGMPS FARID COLONY</t>
  </si>
  <si>
    <t>fareed colony ali pur road bai pas muzaffargarh</t>
  </si>
  <si>
    <t>Fareed Colony</t>
  </si>
  <si>
    <t>Mc Muzaffargarh</t>
  </si>
  <si>
    <t>Shabana kousar</t>
  </si>
  <si>
    <t>49286</t>
  </si>
  <si>
    <t>GGPS MC BLOCK NO.19 SARGODHA</t>
  </si>
  <si>
    <t>Sargodha</t>
  </si>
  <si>
    <t>Govt MC School Block No 19 Sargodha.</t>
  </si>
  <si>
    <t>Block No 19</t>
  </si>
  <si>
    <t>18 CiTY1 Sargodha</t>
  </si>
  <si>
    <t>Nighat Yaseen</t>
  </si>
  <si>
    <t>5137</t>
  </si>
  <si>
    <t>53358</t>
  </si>
  <si>
    <t>53524</t>
  </si>
  <si>
    <t>GGPS 35/2.L</t>
  </si>
  <si>
    <t>GGPS 35/2-L okara</t>
  </si>
  <si>
    <t>35/2-L</t>
  </si>
  <si>
    <t>32/2-L</t>
  </si>
  <si>
    <t>Suraya Rozina</t>
  </si>
  <si>
    <t>16470</t>
  </si>
  <si>
    <t>16209</t>
  </si>
  <si>
    <t>41772</t>
  </si>
  <si>
    <t>GMPS BARWALA</t>
  </si>
  <si>
    <t>GMPS Barwala</t>
  </si>
  <si>
    <t>Barwala</t>
  </si>
  <si>
    <t>unsia  Kanwal</t>
  </si>
  <si>
    <t>47676</t>
  </si>
  <si>
    <t>GPS IQBAL LATAKA</t>
  </si>
  <si>
    <t>Dhoke lattaka p/o dhoke miani</t>
  </si>
  <si>
    <t>Dhoke Lattaka</t>
  </si>
  <si>
    <t>Sher Hussain</t>
  </si>
  <si>
    <t>48243</t>
  </si>
  <si>
    <t>53634</t>
  </si>
  <si>
    <t>GGHS CHAK NO. 14/1-L</t>
  </si>
  <si>
    <t>14/1L</t>
  </si>
  <si>
    <t>DAAK KHANA KHAAS CHAK NO 14/1-L TEHSIL RENALA KHURD DISTT OKARA</t>
  </si>
  <si>
    <t>CHAK NO 14/1-L</t>
  </si>
  <si>
    <t>13/1-L</t>
  </si>
  <si>
    <t>hamida nazish</t>
  </si>
  <si>
    <t>16632</t>
  </si>
  <si>
    <t>GGES CHAK 391 GB TANDLIANWALA</t>
  </si>
  <si>
    <t>391gb</t>
  </si>
  <si>
    <t>chak no 391gb</t>
  </si>
  <si>
    <t>416gb</t>
  </si>
  <si>
    <t>Siddra Saleem</t>
  </si>
  <si>
    <t>16780</t>
  </si>
  <si>
    <t>40586</t>
  </si>
  <si>
    <t>GGHS KAKRALA</t>
  </si>
  <si>
    <t>Kakrala</t>
  </si>
  <si>
    <t>village $po kakrala tehsil sohawa district jhelum</t>
  </si>
  <si>
    <t>Naghial</t>
  </si>
  <si>
    <t>Fozia Begum</t>
  </si>
  <si>
    <t>16942</t>
  </si>
  <si>
    <t>39366</t>
  </si>
  <si>
    <t>GHS GEHL</t>
  </si>
  <si>
    <t>GHEL</t>
  </si>
  <si>
    <t>GHS GHEL MURREE</t>
  </si>
  <si>
    <t>Muhammad Mansoor Ali</t>
  </si>
  <si>
    <t>49646</t>
  </si>
  <si>
    <t>10507</t>
  </si>
  <si>
    <t>GHS MC LAYYAH</t>
  </si>
  <si>
    <t>near Imam Bargah Hussainia choubara Road Layyah</t>
  </si>
  <si>
    <t>sharafat ali basra</t>
  </si>
  <si>
    <t>34657</t>
  </si>
  <si>
    <t>4516</t>
  </si>
  <si>
    <t>GPS INAYAT HUSSIAN SHAH</t>
  </si>
  <si>
    <t>Mian Wali</t>
  </si>
  <si>
    <t>Basti inayet Hussain shah,P/O Sardar garh Teh.&amp;Dist. Rahim Yar Khan</t>
  </si>
  <si>
    <t>Basti Inayet Hussain Shah</t>
  </si>
  <si>
    <t>Masood Ahmed Shad</t>
  </si>
  <si>
    <t>49284</t>
  </si>
  <si>
    <t>GGPS MC BLOCK NO.33 SARGODHA</t>
  </si>
  <si>
    <t>Block 33</t>
  </si>
  <si>
    <t>MC 12</t>
  </si>
  <si>
    <t>29634</t>
  </si>
  <si>
    <t>GES SEHJOWAL CHAK NO.11</t>
  </si>
  <si>
    <t>Sehjowal Chak 11</t>
  </si>
  <si>
    <t>sehjowal chak no. 11</t>
  </si>
  <si>
    <t>Bhopaywal Chak 23</t>
  </si>
  <si>
    <t>Ghulam  Yasin</t>
  </si>
  <si>
    <t>6310</t>
  </si>
  <si>
    <t>30906</t>
  </si>
  <si>
    <t>GHS AMRUKA</t>
  </si>
  <si>
    <t>Amruka</t>
  </si>
  <si>
    <t>Chak Amruka p/o Hasil Saru tehsil Minchinabad diss't Bahawalnager</t>
  </si>
  <si>
    <t>43622</t>
  </si>
  <si>
    <t>37965</t>
  </si>
  <si>
    <t>GGES LAHORI</t>
  </si>
  <si>
    <t>Basti hot lahori</t>
  </si>
  <si>
    <t>Basti Hot</t>
  </si>
  <si>
    <t>51315</t>
  </si>
  <si>
    <t>GHS KALYANA P.O SAME</t>
  </si>
  <si>
    <t>KALYANA</t>
  </si>
  <si>
    <t>Kalyana P.O SAME TEHSIL AND DISTRICT PAKPATTAN</t>
  </si>
  <si>
    <t>MUHAMMAD IMRAN KHAN</t>
  </si>
  <si>
    <t>18955</t>
  </si>
  <si>
    <t>40967</t>
  </si>
  <si>
    <t>4566</t>
  </si>
  <si>
    <t>44912</t>
  </si>
  <si>
    <t>GPS DAINA WALA</t>
  </si>
  <si>
    <t>dainawala  kallur kot district bhakkar</t>
  </si>
  <si>
    <t>Daina Wala</t>
  </si>
  <si>
    <t>Nora Shreef</t>
  </si>
  <si>
    <t>Ghulam Muhammed Shahid</t>
  </si>
  <si>
    <t>51732</t>
  </si>
  <si>
    <t>40707</t>
  </si>
  <si>
    <t>GGES DANI DEHRA</t>
  </si>
  <si>
    <t>Dani Dehra</t>
  </si>
  <si>
    <t>vpo dani dehra the sohawa dist jhelum</t>
  </si>
  <si>
    <t>Sammia Bibi</t>
  </si>
  <si>
    <t>38040</t>
  </si>
  <si>
    <t>35865</t>
  </si>
  <si>
    <t>GGES BUDDHO</t>
  </si>
  <si>
    <t>Budho</t>
  </si>
  <si>
    <t>moza budho</t>
  </si>
  <si>
    <t>Farzana Hafeez</t>
  </si>
  <si>
    <t>21761</t>
  </si>
  <si>
    <t>42850</t>
  </si>
  <si>
    <t>32993</t>
  </si>
  <si>
    <t>16781</t>
  </si>
  <si>
    <t>GHS CHAK 449 GB TANDLIANWALA FSD</t>
  </si>
  <si>
    <t>449 gb</t>
  </si>
  <si>
    <t>chak no 449 gb  tehsil tadlianwala</t>
  </si>
  <si>
    <t>chak no 449 gb</t>
  </si>
  <si>
    <t>Khalid Hameed</t>
  </si>
  <si>
    <t>8444</t>
  </si>
  <si>
    <t>7848</t>
  </si>
  <si>
    <t>7541</t>
  </si>
  <si>
    <t>46131</t>
  </si>
  <si>
    <t>GHS HADALI</t>
  </si>
  <si>
    <t>Hadali</t>
  </si>
  <si>
    <t>MC HADALI</t>
  </si>
  <si>
    <t>35504</t>
  </si>
  <si>
    <t>53537</t>
  </si>
  <si>
    <t>GHS TOBA BALOCHAN</t>
  </si>
  <si>
    <t>Toba Balochan Tehsil Minchanabad &amp; District Bahawalnagar</t>
  </si>
  <si>
    <t>Aftab Ahmed Babar</t>
  </si>
  <si>
    <t>39502</t>
  </si>
  <si>
    <t>nara</t>
  </si>
  <si>
    <t>BIBI KUBRA</t>
  </si>
  <si>
    <t>44915</t>
  </si>
  <si>
    <t>GPS DERA MALIK PAHELWAN WALA</t>
  </si>
  <si>
    <t>Jandanwala Wala</t>
  </si>
  <si>
    <t>DERA  MALIK PEHLWAN WALA</t>
  </si>
  <si>
    <t>DERA MALIK PEHLWAN WALA</t>
  </si>
  <si>
    <t>33557</t>
  </si>
  <si>
    <t>41610</t>
  </si>
  <si>
    <t>GHS CHUNGI NO. 22 RAWALPINDI</t>
  </si>
  <si>
    <t>tench bhatta near hbl qasai chowk rwp</t>
  </si>
  <si>
    <t>Qasai Chowk</t>
  </si>
  <si>
    <t>KHALID MAHMOOD</t>
  </si>
  <si>
    <t>GPS MONI THAL PO CHAK NO 17 P</t>
  </si>
  <si>
    <t>SUGAR MILL-MALE</t>
  </si>
  <si>
    <t>Haveli Lal Chand</t>
  </si>
  <si>
    <t>tibba 17p monithal</t>
  </si>
  <si>
    <t>Tibba 17p</t>
  </si>
  <si>
    <t>1P</t>
  </si>
  <si>
    <t>15604</t>
  </si>
  <si>
    <t>GGCMS CHAK 474 GB MAMUNKANJAN</t>
  </si>
  <si>
    <t>474GB</t>
  </si>
  <si>
    <t>chak no 474 gb</t>
  </si>
  <si>
    <t>475GB</t>
  </si>
  <si>
    <t>SHAHIDA YASMEEN</t>
  </si>
  <si>
    <t>19643</t>
  </si>
  <si>
    <t>42734</t>
  </si>
  <si>
    <t>40562</t>
  </si>
  <si>
    <t>GHS LEHRI</t>
  </si>
  <si>
    <t>LEHRI</t>
  </si>
  <si>
    <t>GOVT HIGH SCHOOL LEHRI TEHSIL SOHAWA DISTRICT JHELUM</t>
  </si>
  <si>
    <t>salman zafar</t>
  </si>
  <si>
    <t>27246</t>
  </si>
  <si>
    <t>25463</t>
  </si>
  <si>
    <t>44227</t>
  </si>
  <si>
    <t>GPS DHOK BURJ</t>
  </si>
  <si>
    <t>vpo karooli teh kallar kahar</t>
  </si>
  <si>
    <t>12378</t>
  </si>
  <si>
    <t>GGHS BASIRA</t>
  </si>
  <si>
    <t>Qalander Wala</t>
  </si>
  <si>
    <t>P/O BASIRA</t>
  </si>
  <si>
    <t>Rashida Aziz</t>
  </si>
  <si>
    <t>14286</t>
  </si>
  <si>
    <t>40231</t>
  </si>
  <si>
    <t>GGES PORILA</t>
  </si>
  <si>
    <t>Porila</t>
  </si>
  <si>
    <t>village porila p.o maira tehsil and district jhelum</t>
  </si>
  <si>
    <t>Chack Jmal</t>
  </si>
  <si>
    <t>9123</t>
  </si>
  <si>
    <t>50503</t>
  </si>
  <si>
    <t>42503</t>
  </si>
  <si>
    <t>3311</t>
  </si>
  <si>
    <t>GPS CHAK 372 JB</t>
  </si>
  <si>
    <t>MONGI BANGLA MALE</t>
  </si>
  <si>
    <t>Bojian Wali</t>
  </si>
  <si>
    <t>chak372jb</t>
  </si>
  <si>
    <t>Chak 372jb</t>
  </si>
  <si>
    <t>Muhammad Asif Mahmood</t>
  </si>
  <si>
    <t>GMES 1/8-R, TULAMBA</t>
  </si>
  <si>
    <t>1/8r</t>
  </si>
  <si>
    <t>GGMMS1/8rmian channu</t>
  </si>
  <si>
    <t>20/8br</t>
  </si>
  <si>
    <t>47117</t>
  </si>
  <si>
    <t>40527</t>
  </si>
  <si>
    <t>GGCMES TOBAH</t>
  </si>
  <si>
    <t>VPO Tobha</t>
  </si>
  <si>
    <t>Yasmin Aslam</t>
  </si>
  <si>
    <t>28663</t>
  </si>
  <si>
    <t>28475</t>
  </si>
  <si>
    <t>36582</t>
  </si>
  <si>
    <t>GES BUTTA KOT, KABIRWALA</t>
  </si>
  <si>
    <t>Butta Kot</t>
  </si>
  <si>
    <t>Mouza Butta kot Sardar pur road Tehsil Kabirwala District Khanewal</t>
  </si>
  <si>
    <t>Mudassar Shafiq</t>
  </si>
  <si>
    <t>41336</t>
  </si>
  <si>
    <t>21498</t>
  </si>
  <si>
    <t>GPS DATAY WALI</t>
  </si>
  <si>
    <t>Dataywali</t>
  </si>
  <si>
    <t>post office.ladhewala goraya.village datewali teh kamonke distt gujranwala</t>
  </si>
  <si>
    <t>Datewali</t>
  </si>
  <si>
    <t>Rana Zain Raza</t>
  </si>
  <si>
    <t>18120</t>
  </si>
  <si>
    <t>26318</t>
  </si>
  <si>
    <t>35968</t>
  </si>
  <si>
    <t>GGES BORANA KHAS</t>
  </si>
  <si>
    <t>Moza Borana khas, p/o karampur, tehsile Mailsi, district Vehari</t>
  </si>
  <si>
    <t>Borana</t>
  </si>
  <si>
    <t>Anam Arshad</t>
  </si>
  <si>
    <t>9127</t>
  </si>
  <si>
    <t>11446</t>
  </si>
  <si>
    <t>3761</t>
  </si>
  <si>
    <t>20291</t>
  </si>
  <si>
    <t>GGPS NO. 3 LALIAN</t>
  </si>
  <si>
    <t>AEO (W) LALIAN NO.10</t>
  </si>
  <si>
    <t>Mohalla railway station lalian</t>
  </si>
  <si>
    <t>27887</t>
  </si>
  <si>
    <t>GGHS MC MODEL M.B.DIN</t>
  </si>
  <si>
    <t>MBDIN</t>
  </si>
  <si>
    <t>Mian waheed udin park. M B DIN</t>
  </si>
  <si>
    <t>M B DIN</t>
  </si>
  <si>
    <t>Aminah Ismail</t>
  </si>
  <si>
    <t>WATER FILTER</t>
  </si>
  <si>
    <t>16767</t>
  </si>
  <si>
    <t>GGES ALAM SHAH SARIAN</t>
  </si>
  <si>
    <t>deghadi alam shah</t>
  </si>
  <si>
    <t>GGES alam shah sarian</t>
  </si>
  <si>
    <t>alam shah sarian</t>
  </si>
  <si>
    <t>nazish ghaffar</t>
  </si>
  <si>
    <t>45878</t>
  </si>
  <si>
    <t>3719</t>
  </si>
  <si>
    <t>37759</t>
  </si>
  <si>
    <t>GGHS 103/10-R, JAHANIAN</t>
  </si>
  <si>
    <t>Chak No 103/10-R jahanian</t>
  </si>
  <si>
    <t>Chak No 103/10-R</t>
  </si>
  <si>
    <t>Chak No 160/10-R</t>
  </si>
  <si>
    <t>Ambrin Akhtar</t>
  </si>
  <si>
    <t>GPS BASTI DHUDIAN</t>
  </si>
  <si>
    <t>BWN-IV-MALE</t>
  </si>
  <si>
    <t>Jhullan Araian</t>
  </si>
  <si>
    <t>basti dhuain moza jhullan araian bwn</t>
  </si>
  <si>
    <t>Basti Dhudian</t>
  </si>
  <si>
    <t>Muhammad Iqbal Mehmood</t>
  </si>
  <si>
    <t>4581</t>
  </si>
  <si>
    <t>GHS 86/6-R</t>
  </si>
  <si>
    <t>CHAK NO. 86/6.R SAHIWAL</t>
  </si>
  <si>
    <t>86/6.R SAHIWAL</t>
  </si>
  <si>
    <t>15827</t>
  </si>
  <si>
    <t>1503</t>
  </si>
  <si>
    <t>6873</t>
  </si>
  <si>
    <t>GES MC RAFIQ-UL-ULMA</t>
  </si>
  <si>
    <t>Noore Wali</t>
  </si>
  <si>
    <t>Near Al kulia tul Islamia ryk</t>
  </si>
  <si>
    <t>Shah Faisal Colony Ryk</t>
  </si>
  <si>
    <t>City Area 38 I</t>
  </si>
  <si>
    <t>MUHAMMAD RAFIQ</t>
  </si>
  <si>
    <t>GGPS CHAK NO. 510 TDA</t>
  </si>
  <si>
    <t>510/tda</t>
  </si>
  <si>
    <t>chak # 510/tda</t>
  </si>
  <si>
    <t>Shaheen nazar</t>
  </si>
  <si>
    <t>GGHS CHAK NO 262 JB</t>
  </si>
  <si>
    <t>GGHS CHAK NO 262 J.B JHANG</t>
  </si>
  <si>
    <t>KOT BHOJWANA</t>
  </si>
  <si>
    <t>MOKHIANA</t>
  </si>
  <si>
    <t>IFFAT IRSHAD</t>
  </si>
  <si>
    <t>6390</t>
  </si>
  <si>
    <t>GGHS JAN PUR</t>
  </si>
  <si>
    <t>Junpur</t>
  </si>
  <si>
    <t>GGHS JANPUR</t>
  </si>
  <si>
    <t>Janpur</t>
  </si>
  <si>
    <t>bilqees bano</t>
  </si>
  <si>
    <t>motor,electric coller</t>
  </si>
  <si>
    <t>54118</t>
  </si>
  <si>
    <t>GGPS CHAK NO. 155 JB</t>
  </si>
  <si>
    <t>Chak 155jb</t>
  </si>
  <si>
    <t>Chak no 155</t>
  </si>
  <si>
    <t>Yasmin Tahir</t>
  </si>
  <si>
    <t>GPS 55 RB</t>
  </si>
  <si>
    <t>55 RB BURJ</t>
  </si>
  <si>
    <t>CHAK NO. 55 RB, BURJ, TEHSIL JARANWALA, DISTRICT FAISALABAD</t>
  </si>
  <si>
    <t>MUMTAZ ALI</t>
  </si>
  <si>
    <t>16088</t>
  </si>
  <si>
    <t>18897</t>
  </si>
  <si>
    <t>43207</t>
  </si>
  <si>
    <t>GGHS CHAKRAL</t>
  </si>
  <si>
    <t>chakral</t>
  </si>
  <si>
    <t>chakral.teh &amp; distt chakwal</t>
  </si>
  <si>
    <t>chakmalook</t>
  </si>
  <si>
    <t>Nighat Minhas</t>
  </si>
  <si>
    <t>23104</t>
  </si>
  <si>
    <t>GES MIANA CHAK</t>
  </si>
  <si>
    <t>45431</t>
  </si>
  <si>
    <t>39260</t>
  </si>
  <si>
    <t>22852</t>
  </si>
  <si>
    <t>GPS CPC NO. 3 JALALPUR JATTAN</t>
  </si>
  <si>
    <t>J.P.JATTAN I - MALE</t>
  </si>
  <si>
    <t>Jpj</t>
  </si>
  <si>
    <t>mohallah jinah colony Jalal pur jattan</t>
  </si>
  <si>
    <t>Jalal Pur Jattan</t>
  </si>
  <si>
    <t>32296</t>
  </si>
  <si>
    <t>22862</t>
  </si>
  <si>
    <t>GHSS AMRA KALAN</t>
  </si>
  <si>
    <t>GHSS Amra Kalan VPO Amra Kalan Tehsil Kharian District Gujrat</t>
  </si>
  <si>
    <t>22871</t>
  </si>
  <si>
    <t>GHS TECHNICAL PANAJAN KASANA</t>
  </si>
  <si>
    <t>Panjan Kasana</t>
  </si>
  <si>
    <t>VPO panjan kasana Tehsil kharian</t>
  </si>
  <si>
    <t>MUHAMMAD YOUSAF</t>
  </si>
  <si>
    <t>22891</t>
  </si>
  <si>
    <t>GHS TALEEM ISLAM MURARIAN DT.GUJRAT</t>
  </si>
  <si>
    <t>Murarian</t>
  </si>
  <si>
    <t>VPO MURARIAN TEHSIL KHARIAN DISTT. GUJRAT</t>
  </si>
  <si>
    <t>Mohsin Raza</t>
  </si>
  <si>
    <t>12252</t>
  </si>
  <si>
    <t>30274</t>
  </si>
  <si>
    <t>22906</t>
  </si>
  <si>
    <t>GGHS PINDI HASHAM</t>
  </si>
  <si>
    <t>PINDI HASHAM</t>
  </si>
  <si>
    <t>GOVT.GIRLS HIGH SCHOOL PINDI HASHAM POST OFFICE LAMMA TEHSIL KHARIAN DISTRICT GUJRAT.</t>
  </si>
  <si>
    <t>BHAGWAL</t>
  </si>
  <si>
    <t>MARIAM SADDIQUA</t>
  </si>
  <si>
    <t>13075</t>
  </si>
  <si>
    <t>52724</t>
  </si>
  <si>
    <t>22999</t>
  </si>
  <si>
    <t>GPS TALIM UL QURAN KHARIAN</t>
  </si>
  <si>
    <t>KHARIAN I - MALE</t>
  </si>
  <si>
    <t>kharian</t>
  </si>
  <si>
    <t>City Kharian</t>
  </si>
  <si>
    <t>Mc Kharian</t>
  </si>
  <si>
    <t>Usman Munir</t>
  </si>
  <si>
    <t>46258</t>
  </si>
  <si>
    <t>23011</t>
  </si>
  <si>
    <t>GES SAINTHAL</t>
  </si>
  <si>
    <t>Sainthal</t>
  </si>
  <si>
    <t>Village Sainthal Post office Malka Tehsil Kharian District Gujrat</t>
  </si>
  <si>
    <t>Mazhar Mahmood</t>
  </si>
  <si>
    <t>3404</t>
  </si>
  <si>
    <t>22766</t>
  </si>
  <si>
    <t>32780</t>
  </si>
  <si>
    <t>23013</t>
  </si>
  <si>
    <t>GPS LADHER</t>
  </si>
  <si>
    <t>Lidder</t>
  </si>
  <si>
    <t>VPO SEHNA</t>
  </si>
  <si>
    <t>Bidder</t>
  </si>
  <si>
    <t>Muhammad Ahmed Raza</t>
  </si>
  <si>
    <t>34014</t>
  </si>
  <si>
    <t>22667</t>
  </si>
  <si>
    <t>38871</t>
  </si>
  <si>
    <t>23160</t>
  </si>
  <si>
    <t>GGPS MARJAN</t>
  </si>
  <si>
    <t>KHARIAN II - MALE</t>
  </si>
  <si>
    <t>Marjan</t>
  </si>
  <si>
    <t>PO Khrana, Village Marja , Teh. Kharian, Dist. Gujrat</t>
  </si>
  <si>
    <t>Dilawarpur</t>
  </si>
  <si>
    <t>Nasira Younis</t>
  </si>
  <si>
    <t>27893</t>
  </si>
  <si>
    <t>GMPS KALA KAMALA</t>
  </si>
  <si>
    <t>DINGA I - FEMALE</t>
  </si>
  <si>
    <t>Kala Kamala</t>
  </si>
  <si>
    <t>village  kala kamala p/o  Dinga  tehsil  kharian  Dist Gujrat</t>
  </si>
  <si>
    <t>Wraichainwala</t>
  </si>
  <si>
    <t>Misbah Sanaullah</t>
  </si>
  <si>
    <t>9176</t>
  </si>
  <si>
    <t>23328</t>
  </si>
  <si>
    <t>GGPS THEKARIAN</t>
  </si>
  <si>
    <t>KHARIAN III - FEMALE</t>
  </si>
  <si>
    <t>main GT road theekrian, Tehsil Kharian district Gujrat</t>
  </si>
  <si>
    <t>2744</t>
  </si>
  <si>
    <t>46608</t>
  </si>
  <si>
    <t>25513</t>
  </si>
  <si>
    <t>45379</t>
  </si>
  <si>
    <t>23357</t>
  </si>
  <si>
    <t>GGCMS CHAK DINA</t>
  </si>
  <si>
    <t>p/o shahsar mast city lalamusa teh kharian distt gujrat</t>
  </si>
  <si>
    <t>Chak Dina</t>
  </si>
  <si>
    <t>Aliya</t>
  </si>
  <si>
    <t>4994</t>
  </si>
  <si>
    <t>18913</t>
  </si>
  <si>
    <t>8760</t>
  </si>
  <si>
    <t>23406</t>
  </si>
  <si>
    <t>GGPS MC NO. 1 LALA MUSA</t>
  </si>
  <si>
    <t>lalamusa</t>
  </si>
  <si>
    <t>kulfy wali gali lalamusa</t>
  </si>
  <si>
    <t>lalamusa3</t>
  </si>
  <si>
    <t>Habiba Asif</t>
  </si>
  <si>
    <t>43315</t>
  </si>
  <si>
    <t>GMPS DHOLA</t>
  </si>
  <si>
    <t>Dhola</t>
  </si>
  <si>
    <t>vil dhola p/o jorah teh kharian dis gujrat</t>
  </si>
  <si>
    <t>Barnali</t>
  </si>
  <si>
    <t>REHMAT BIBI</t>
  </si>
  <si>
    <t>13718</t>
  </si>
  <si>
    <t>27616</t>
  </si>
  <si>
    <t>50206</t>
  </si>
  <si>
    <t>23424</t>
  </si>
  <si>
    <t>GGHSS Excellent (ATTACHED WITH QAED) LALAMUSA.</t>
  </si>
  <si>
    <t>circular road muhallah qasba lalamusa</t>
  </si>
  <si>
    <t>FARZANA AKRAM</t>
  </si>
  <si>
    <t>51437</t>
  </si>
  <si>
    <t>54949</t>
  </si>
  <si>
    <t>GGPS DHANDALA</t>
  </si>
  <si>
    <t>Dhandala</t>
  </si>
  <si>
    <t>GGPS KASTELA</t>
  </si>
  <si>
    <t>Kasteela</t>
  </si>
  <si>
    <t>kasteela saraialamgir</t>
  </si>
  <si>
    <t>Simbli</t>
  </si>
  <si>
    <t>Jabeen Sabir</t>
  </si>
  <si>
    <t>6710</t>
  </si>
  <si>
    <t>23522</t>
  </si>
  <si>
    <t>GGPS NOTHIA QURESHIAN</t>
  </si>
  <si>
    <t>S.A.GIR II - FEMALE</t>
  </si>
  <si>
    <t>nothia qureshian</t>
  </si>
  <si>
    <t>bhag nagar</t>
  </si>
  <si>
    <t>Nadia Akhtar</t>
  </si>
  <si>
    <t>42330</t>
  </si>
  <si>
    <t>47602</t>
  </si>
  <si>
    <t>GGPS CHAK SAKANDAR</t>
  </si>
  <si>
    <t>Chak Sikander</t>
  </si>
  <si>
    <t>Vill.Chak Sikandar P.O Kharka Teh. Sara-i-Alamgir</t>
  </si>
  <si>
    <t>Chak Sikandar</t>
  </si>
  <si>
    <t>Humaira Zeb</t>
  </si>
  <si>
    <t>1044</t>
  </si>
  <si>
    <t>10562</t>
  </si>
  <si>
    <t>26518</t>
  </si>
  <si>
    <t>31431</t>
  </si>
  <si>
    <t>23564</t>
  </si>
  <si>
    <t>GGPS GHORA HABIB</t>
  </si>
  <si>
    <t>S.A.GIR III - FEMALE</t>
  </si>
  <si>
    <t>Gurah Habib</t>
  </si>
  <si>
    <t>village gurah habib post office char</t>
  </si>
  <si>
    <t>Iram Maqsood</t>
  </si>
  <si>
    <t>GHS BAMBAN WALA</t>
  </si>
  <si>
    <t>Village and Post Office Bambanwala</t>
  </si>
  <si>
    <t>rIAZ aHMED</t>
  </si>
  <si>
    <t>2110</t>
  </si>
  <si>
    <t>23610</t>
  </si>
  <si>
    <t>GHSS WADALA SANDHUWAN</t>
  </si>
  <si>
    <t>wadala sandhwan</t>
  </si>
  <si>
    <t>basharat hussain</t>
  </si>
  <si>
    <t>GGHS KANWANLIT</t>
  </si>
  <si>
    <t>Kanwanlit</t>
  </si>
  <si>
    <t>VPO Kanwanlit Daska Sialkot</t>
  </si>
  <si>
    <t>Nimra Khalid</t>
  </si>
  <si>
    <t>54668</t>
  </si>
  <si>
    <t>23629</t>
  </si>
  <si>
    <t>GGHS BUDHA GORAYA</t>
  </si>
  <si>
    <t>Budha Goraya tehsil Daska District sialkot</t>
  </si>
  <si>
    <t>GHS MANDRAN WALA</t>
  </si>
  <si>
    <t>Mandranwala</t>
  </si>
  <si>
    <t>Village Mandranwala Tehsil Daska District Sialkot</t>
  </si>
  <si>
    <t>Sajjad Ahmad Ishtiaq</t>
  </si>
  <si>
    <t>23652</t>
  </si>
  <si>
    <t>GGES BHADAY WALA</t>
  </si>
  <si>
    <t>Bhadewala</t>
  </si>
  <si>
    <t>GGES BHADEWALA</t>
  </si>
  <si>
    <t>Om-e-Farwah</t>
  </si>
  <si>
    <t>24534</t>
  </si>
  <si>
    <t>28085</t>
  </si>
  <si>
    <t>GGHS JHARAN WALA</t>
  </si>
  <si>
    <t>Govt girls high school jharanwala</t>
  </si>
  <si>
    <t>Jharanwala</t>
  </si>
  <si>
    <t>Aneela  Ijaz Khan</t>
  </si>
  <si>
    <t>19356</t>
  </si>
  <si>
    <t>54240</t>
  </si>
  <si>
    <t>54231</t>
  </si>
  <si>
    <t>23666</t>
  </si>
  <si>
    <t>GGHS DHEDO WALI</t>
  </si>
  <si>
    <t>Dhidowali</t>
  </si>
  <si>
    <t>Mundakey Goraya</t>
  </si>
  <si>
    <t>23673</t>
  </si>
  <si>
    <t>GMHS MALO MEHAY</t>
  </si>
  <si>
    <t>malomahay</t>
  </si>
  <si>
    <t>govt.girls model high school malomahay</t>
  </si>
  <si>
    <t>34387</t>
  </si>
  <si>
    <t>23684</t>
  </si>
  <si>
    <t>GGHS SIAN</t>
  </si>
  <si>
    <t>sian</t>
  </si>
  <si>
    <t>Sian</t>
  </si>
  <si>
    <t>Rukhsana ghulam nabi</t>
  </si>
  <si>
    <t>28150</t>
  </si>
  <si>
    <t>GPS GHUKAL</t>
  </si>
  <si>
    <t>AKBER - MALE</t>
  </si>
  <si>
    <t>Ghukal</t>
  </si>
  <si>
    <t>Village Ghukal post office Galotian Kalan Tehsil Daska Distt.Sialkot</t>
  </si>
  <si>
    <t>Galotian Kalan</t>
  </si>
  <si>
    <t>Riasat  Ali</t>
  </si>
  <si>
    <t>21040</t>
  </si>
  <si>
    <t>12813</t>
  </si>
  <si>
    <t>54348</t>
  </si>
  <si>
    <t>GPS DUGAL</t>
  </si>
  <si>
    <t>Dougal</t>
  </si>
  <si>
    <t>village dougal p.o dougal teh daska district Sialkot</t>
  </si>
  <si>
    <t>Peero Chack</t>
  </si>
  <si>
    <t>9164</t>
  </si>
  <si>
    <t>23749</t>
  </si>
  <si>
    <t>GPS ADHA</t>
  </si>
  <si>
    <t>Adha</t>
  </si>
  <si>
    <t>Village Adha</t>
  </si>
  <si>
    <t>18605</t>
  </si>
  <si>
    <t>23275</t>
  </si>
  <si>
    <t>36961</t>
  </si>
  <si>
    <t>51284</t>
  </si>
  <si>
    <t>23770</t>
  </si>
  <si>
    <t>GPS CHAKRI</t>
  </si>
  <si>
    <t>chakrischool</t>
  </si>
  <si>
    <t>Wadala Sandhuwan</t>
  </si>
  <si>
    <t>Sultan Ahmad</t>
  </si>
  <si>
    <t>12159</t>
  </si>
  <si>
    <t>23786</t>
  </si>
  <si>
    <t>GPS RATTA BAJWA</t>
  </si>
  <si>
    <t>Ratta Bajwa Tah  Daska.  District SIAKOT</t>
  </si>
  <si>
    <t>Korekey</t>
  </si>
  <si>
    <t>30994</t>
  </si>
  <si>
    <t>37561</t>
  </si>
  <si>
    <t>GMPS SUKHAR NEHAR</t>
  </si>
  <si>
    <t>sukher nehar</t>
  </si>
  <si>
    <t>Sukher Nehar</t>
  </si>
  <si>
    <t>Salha Arif</t>
  </si>
  <si>
    <t>39859</t>
  </si>
  <si>
    <t>32659</t>
  </si>
  <si>
    <t>3637</t>
  </si>
  <si>
    <t>23800</t>
  </si>
  <si>
    <t>GGPS GARHA KHURD</t>
  </si>
  <si>
    <t>KANDAN SIAN - FEMALE</t>
  </si>
  <si>
    <t>Garha Khurd</t>
  </si>
  <si>
    <t>Garha khurd Tehsil,Daska</t>
  </si>
  <si>
    <t>Kandansian</t>
  </si>
  <si>
    <t>Sumera Jabin</t>
  </si>
  <si>
    <t>3480</t>
  </si>
  <si>
    <t>31207</t>
  </si>
  <si>
    <t>19770</t>
  </si>
  <si>
    <t>GGPS KOT SADA</t>
  </si>
  <si>
    <t>mitranwali</t>
  </si>
  <si>
    <t>23819</t>
  </si>
  <si>
    <t>GGPS KANBAN WALA</t>
  </si>
  <si>
    <t>Kanbanwala</t>
  </si>
  <si>
    <t>kanban wala</t>
  </si>
  <si>
    <t>Kanban wala</t>
  </si>
  <si>
    <t>Kandan Sian</t>
  </si>
  <si>
    <t>Musrrat Begum</t>
  </si>
  <si>
    <t>8692</t>
  </si>
  <si>
    <t>11105</t>
  </si>
  <si>
    <t>1382</t>
  </si>
  <si>
    <t>GGPS DASKA KOT NO.1</t>
  </si>
  <si>
    <t>DASKA CITY - FEMALE</t>
  </si>
  <si>
    <t>GGPS DASKA kot no. 1</t>
  </si>
  <si>
    <t>Jamkey Road Daska</t>
  </si>
  <si>
    <t>Main Bazaar Daska</t>
  </si>
  <si>
    <t>32706</t>
  </si>
  <si>
    <t>41036</t>
  </si>
  <si>
    <t>GMPS GUJARKAY</t>
  </si>
  <si>
    <t>Gujjarkey</t>
  </si>
  <si>
    <t>vop barhtanawala gujjarkay</t>
  </si>
  <si>
    <t>Barhtanwala</t>
  </si>
  <si>
    <t>Muhammad Nawaz Goraya</t>
  </si>
  <si>
    <t>20180</t>
  </si>
  <si>
    <t>36703</t>
  </si>
  <si>
    <t>5256</t>
  </si>
  <si>
    <t>GGPS BHATTAY WADH</t>
  </si>
  <si>
    <t>BINNA - FEMALE</t>
  </si>
  <si>
    <t>Bhittay wadh</t>
  </si>
  <si>
    <t>village bhittay wadh post office salohky Teh.Daska dist. Sialkot</t>
  </si>
  <si>
    <t>Salohky</t>
  </si>
  <si>
    <t>23884</t>
  </si>
  <si>
    <t>GMPS GOPI PUR</t>
  </si>
  <si>
    <t>GopiPur</t>
  </si>
  <si>
    <t>Sallhokey</t>
  </si>
  <si>
    <t>23889</t>
  </si>
  <si>
    <t>Nawapind</t>
  </si>
  <si>
    <t>govet girls primary school nawan pind</t>
  </si>
  <si>
    <t>Salhoky</t>
  </si>
  <si>
    <t>Shaista Naseem</t>
  </si>
  <si>
    <t>2162</t>
  </si>
  <si>
    <t>10688</t>
  </si>
  <si>
    <t>GMPS RAM RAYAN KALAN</t>
  </si>
  <si>
    <t>Slohkey</t>
  </si>
  <si>
    <t>ram rayan Kalan</t>
  </si>
  <si>
    <t>Ram Rayan Kalan</t>
  </si>
  <si>
    <t>Khalid hassan</t>
  </si>
  <si>
    <t>5255</t>
  </si>
  <si>
    <t>23941</t>
  </si>
  <si>
    <t>GGES CHAK GILLAN SHARQI</t>
  </si>
  <si>
    <t>BEHARI PUR - FEMALE</t>
  </si>
  <si>
    <t>chak gillan</t>
  </si>
  <si>
    <t>sehoki</t>
  </si>
  <si>
    <t>ambreen ilyas</t>
  </si>
  <si>
    <t>5261</t>
  </si>
  <si>
    <t>23943</t>
  </si>
  <si>
    <t>GGPS JAMAL PUR</t>
  </si>
  <si>
    <t>JAMKE CHEEMA - FEMALE</t>
  </si>
  <si>
    <t>Jamal Pur</t>
  </si>
  <si>
    <t>vill Jamal pur po Jamke cheema teh daska dist Sialkot</t>
  </si>
  <si>
    <t>Jamke Cheema</t>
  </si>
  <si>
    <t>Shagufta Muneer</t>
  </si>
  <si>
    <t>GMPS KOTLI DASU SINGH</t>
  </si>
  <si>
    <t>BOGRAY - FEMALE</t>
  </si>
  <si>
    <t>Kotli Dasu Singh</t>
  </si>
  <si>
    <t>kotli dasu singh p\o cieoki</t>
  </si>
  <si>
    <t>Fiza Anwar</t>
  </si>
  <si>
    <t>11023</t>
  </si>
  <si>
    <t>23956</t>
  </si>
  <si>
    <t>GMES DALAKAY</t>
  </si>
  <si>
    <t>Dalakey Goraya</t>
  </si>
  <si>
    <t>village dalaky goraya tehsil daska disst Sialkot</t>
  </si>
  <si>
    <t>Birthanwala</t>
  </si>
  <si>
    <t>Faiza Riaz</t>
  </si>
  <si>
    <t>7086</t>
  </si>
  <si>
    <t>GMES UGGO CHAK</t>
  </si>
  <si>
    <t>KOTLI MOMAN - FEMALE</t>
  </si>
  <si>
    <t>Uggochak</t>
  </si>
  <si>
    <t>uggochak post office qila kalar wala daska sialkot</t>
  </si>
  <si>
    <t>Razia Afzal</t>
  </si>
  <si>
    <t>4721</t>
  </si>
  <si>
    <t>54637</t>
  </si>
  <si>
    <t>GGPS BADDOKAY</t>
  </si>
  <si>
    <t>GALLOTIAN KALAN - FEMALE</t>
  </si>
  <si>
    <t>Bhudokey</t>
  </si>
  <si>
    <t>Bhudokey p/o Galotian kalan</t>
  </si>
  <si>
    <t>Galotian kalan</t>
  </si>
  <si>
    <t>Saba Tufail</t>
  </si>
  <si>
    <t>24037</t>
  </si>
  <si>
    <t>GHS CHAWINDA</t>
  </si>
  <si>
    <t>Chawinda</t>
  </si>
  <si>
    <t>Near Chowk shaheedan chawinda</t>
  </si>
  <si>
    <t>AAMIR SHAHZAD BAJWA</t>
  </si>
  <si>
    <t>25738</t>
  </si>
  <si>
    <t>24041</t>
  </si>
  <si>
    <t>GHS NO.1 PASRUR</t>
  </si>
  <si>
    <t>Pasrur</t>
  </si>
  <si>
    <t>Near Railway Station Pasrur</t>
  </si>
  <si>
    <t>MC Pasrur</t>
  </si>
  <si>
    <t>SHAH JEHAN</t>
  </si>
  <si>
    <t>42432</t>
  </si>
  <si>
    <t>24046</t>
  </si>
  <si>
    <t>GHS ISLAMIA RATA JHATOOL</t>
  </si>
  <si>
    <t>Ratta Jathol</t>
  </si>
  <si>
    <t>Village and P/O ratta Jathol Tehsil Pasrur</t>
  </si>
  <si>
    <t>Pejokay</t>
  </si>
  <si>
    <t>MUHAMMAD USMAN BUTT</t>
  </si>
  <si>
    <t>2603</t>
  </si>
  <si>
    <t>4781</t>
  </si>
  <si>
    <t>GHS KASHMIR SOHAWA</t>
  </si>
  <si>
    <t>Nia Sohawa</t>
  </si>
  <si>
    <t>Nia Sohawa, PO Ratta Bajwa,Teh. Pasrur, Distt. Sialkot</t>
  </si>
  <si>
    <t>Chicheryally</t>
  </si>
  <si>
    <t>MUHAMMAD AMJAD MUGHAL</t>
  </si>
  <si>
    <t>4135</t>
  </si>
  <si>
    <t>24052</t>
  </si>
  <si>
    <t>GHS CHARWAH</t>
  </si>
  <si>
    <t>Charwa</t>
  </si>
  <si>
    <t>VPO charwa tehsil pasrur distt sialkot</t>
  </si>
  <si>
    <t>charwa</t>
  </si>
  <si>
    <t>muhammad akram</t>
  </si>
  <si>
    <t>21084</t>
  </si>
  <si>
    <t>GMPS BUDHA RAJADA</t>
  </si>
  <si>
    <t>Budha rajada</t>
  </si>
  <si>
    <t>village budharjada p.o kot khizri</t>
  </si>
  <si>
    <t>Budha Rajada</t>
  </si>
  <si>
    <t>Komal Shehzadi</t>
  </si>
  <si>
    <t>17527</t>
  </si>
  <si>
    <t>4027</t>
  </si>
  <si>
    <t>21097</t>
  </si>
  <si>
    <t>GMPS GORALI</t>
  </si>
  <si>
    <t>Gorali</t>
  </si>
  <si>
    <t>vill. Gurali p/o Kathore Teh. Wazirabad Distt. Gujranwala</t>
  </si>
  <si>
    <t>Vill Gorali</t>
  </si>
  <si>
    <t>Mansurwali</t>
  </si>
  <si>
    <t>Muniba Samreen</t>
  </si>
  <si>
    <t>20448</t>
  </si>
  <si>
    <t>21101</t>
  </si>
  <si>
    <t>GGPS HIRAN WALA KHURD</t>
  </si>
  <si>
    <t>Hairanwala  Khurd</t>
  </si>
  <si>
    <t>Joura Sian</t>
  </si>
  <si>
    <t>Maria Razzaq</t>
  </si>
  <si>
    <t>21116</t>
  </si>
  <si>
    <t>GGPS LANGIAN WALI</t>
  </si>
  <si>
    <t>Langianwali</t>
  </si>
  <si>
    <t>Village langianwali p/o jandyala dhabwala</t>
  </si>
  <si>
    <t>Manzorabad</t>
  </si>
  <si>
    <t>Sobia Sadaf</t>
  </si>
  <si>
    <t>21141</t>
  </si>
  <si>
    <t>GMPS CHAK SAAN</t>
  </si>
  <si>
    <t>Chak San</t>
  </si>
  <si>
    <t>chak san</t>
  </si>
  <si>
    <t>Nat Kalan</t>
  </si>
  <si>
    <t>Rizwana Khanum</t>
  </si>
  <si>
    <t>29331</t>
  </si>
  <si>
    <t>21164</t>
  </si>
  <si>
    <t>GMPS MATWAN</t>
  </si>
  <si>
    <t>Matwan</t>
  </si>
  <si>
    <t>matwan</t>
  </si>
  <si>
    <t>Jourasian</t>
  </si>
  <si>
    <t>Mehreen Liaqat</t>
  </si>
  <si>
    <t>25120</t>
  </si>
  <si>
    <t>25637</t>
  </si>
  <si>
    <t>21227</t>
  </si>
  <si>
    <t>GGPS PIR KOT</t>
  </si>
  <si>
    <t>pirkot</t>
  </si>
  <si>
    <t>pirkot ahmadnagar</t>
  </si>
  <si>
    <t>ahmadnagar</t>
  </si>
  <si>
    <t>Nazia Rani</t>
  </si>
  <si>
    <t>21250</t>
  </si>
  <si>
    <t>GMPS THATHI BALOCH</t>
  </si>
  <si>
    <t>Thathi Baloch</t>
  </si>
  <si>
    <t>village Thathi Baloch p/o Head khanki tehsil WZD Distt, GRW</t>
  </si>
  <si>
    <t>Hafsa Hanif Mughal</t>
  </si>
  <si>
    <t>20329</t>
  </si>
  <si>
    <t>21268</t>
  </si>
  <si>
    <t>GGPS MOHLEN KAY</t>
  </si>
  <si>
    <t>Mohlankey</t>
  </si>
  <si>
    <t>village and Post office Mohlankey,wazirabad</t>
  </si>
  <si>
    <t>Taswar Tasleem</t>
  </si>
  <si>
    <t>7308</t>
  </si>
  <si>
    <t>20127</t>
  </si>
  <si>
    <t>19830</t>
  </si>
  <si>
    <t>4856</t>
  </si>
  <si>
    <t>GGES AJITKAY CHATHA</t>
  </si>
  <si>
    <t>AHMAD NAGER 4 - FEMALE</t>
  </si>
  <si>
    <t>Ajitkay Chattha</t>
  </si>
  <si>
    <t>ajikay chattah tahsil wazirabad district gujranwala post office ali pur chattah</t>
  </si>
  <si>
    <t>Ajitkay Chattah</t>
  </si>
  <si>
    <t>Lubna Shahzadi</t>
  </si>
  <si>
    <t>5606</t>
  </si>
  <si>
    <t>21289</t>
  </si>
  <si>
    <t>GMPS CHANNI MANGA</t>
  </si>
  <si>
    <t>channi manga tehsil wazirabad distruct gujranwala</t>
  </si>
  <si>
    <t>Channi Manga</t>
  </si>
  <si>
    <t>Hazrat Kalyan Wala</t>
  </si>
  <si>
    <t>Fozia Afzal</t>
  </si>
  <si>
    <t>21291</t>
  </si>
  <si>
    <t>GGPS QADIR PUR</t>
  </si>
  <si>
    <t>Qadir pur p/o kot hara Wazirabad Gujranwala</t>
  </si>
  <si>
    <t>Hazrat Kalaianwala</t>
  </si>
  <si>
    <t>Mehwish Rani</t>
  </si>
  <si>
    <t>7397</t>
  </si>
  <si>
    <t>12486</t>
  </si>
  <si>
    <t>14832</t>
  </si>
  <si>
    <t>GGPS BEHROOP GARH</t>
  </si>
  <si>
    <t>Behroopgarh</t>
  </si>
  <si>
    <t>behroopgarh</t>
  </si>
  <si>
    <t>Maryam Rubina</t>
  </si>
  <si>
    <t>27001</t>
  </si>
  <si>
    <t>21306</t>
  </si>
  <si>
    <t>GPS BARA DARI</t>
  </si>
  <si>
    <t>Bara daril</t>
  </si>
  <si>
    <t>Village Bara dari,  p/o Ali pur chattha</t>
  </si>
  <si>
    <t>Bara Dari</t>
  </si>
  <si>
    <t>MUHAMMAD BILAL KHAN BHATTI</t>
  </si>
  <si>
    <t>21307</t>
  </si>
  <si>
    <t>GPS CHAH NALIAN WALA</t>
  </si>
  <si>
    <t>KALASKE - MALE</t>
  </si>
  <si>
    <t>Chah Nalian Wala</t>
  </si>
  <si>
    <t>village  saharan Chatha chah Nalian Wala district grw Teh.wazirabad</t>
  </si>
  <si>
    <t>Herd Do Saharan</t>
  </si>
  <si>
    <t>9897</t>
  </si>
  <si>
    <t>21317</t>
  </si>
  <si>
    <t>GES NAI WALA</t>
  </si>
  <si>
    <t>Nai Wala Chatha</t>
  </si>
  <si>
    <t>village and po nai wala dist gujranwala</t>
  </si>
  <si>
    <t>Jhattawali</t>
  </si>
  <si>
    <t>Zulfiqar Ali Chatha</t>
  </si>
  <si>
    <t>21319</t>
  </si>
  <si>
    <t>GPS MC NO.2 WAZIRABAD</t>
  </si>
  <si>
    <t>main bazar wazirabad</t>
  </si>
  <si>
    <t>Mujtaba Elahie</t>
  </si>
  <si>
    <t>42930</t>
  </si>
  <si>
    <t>42925</t>
  </si>
  <si>
    <t>21322</t>
  </si>
  <si>
    <t>GGHS MOTI BAZAR WAZIRABAD</t>
  </si>
  <si>
    <t>GGHS MOTTI BAZAR WZD</t>
  </si>
  <si>
    <t>purani aabkari.motti bazar</t>
  </si>
  <si>
    <t>Riffat Bano</t>
  </si>
  <si>
    <t>21332</t>
  </si>
  <si>
    <t>GGPS KOT NAWAN</t>
  </si>
  <si>
    <t>WAZIRABAD CITY 3 - FEMALE</t>
  </si>
  <si>
    <t>kot nawan p.o. sohdra teh. wzd dis. Grw</t>
  </si>
  <si>
    <t>Kot Nawan</t>
  </si>
  <si>
    <t>Zahida Naseem</t>
  </si>
  <si>
    <t>3512</t>
  </si>
  <si>
    <t>21343</t>
  </si>
  <si>
    <t>GGHSS EMINABAD</t>
  </si>
  <si>
    <t>eminabad</t>
  </si>
  <si>
    <t>govt.girls higher Secondary school eminabad</t>
  </si>
  <si>
    <t>Gul Shireen</t>
  </si>
  <si>
    <t>56304</t>
  </si>
  <si>
    <t>47167</t>
  </si>
  <si>
    <t>53337</t>
  </si>
  <si>
    <t>21349</t>
  </si>
  <si>
    <t>GHS RAJA</t>
  </si>
  <si>
    <t>sadhoki</t>
  </si>
  <si>
    <t>Govt High School Raja SadhokiTehsil Kamoki District Gujranwala</t>
  </si>
  <si>
    <t>Raja</t>
  </si>
  <si>
    <t>Sadhoki</t>
  </si>
  <si>
    <t>Muhammad Habib Kalyar</t>
  </si>
  <si>
    <t>20887</t>
  </si>
  <si>
    <t>21350</t>
  </si>
  <si>
    <t>GHS MARI THAKRAN</t>
  </si>
  <si>
    <t>Mari Thakran</t>
  </si>
  <si>
    <t>village mari thakran tehsil kamoke district gujranwala</t>
  </si>
  <si>
    <t>21354</t>
  </si>
  <si>
    <t>GHS KOT RAFIQUE</t>
  </si>
  <si>
    <t>Kot rafique lain parts kamoki</t>
  </si>
  <si>
    <t>Munsipal Camattee Kamoki</t>
  </si>
  <si>
    <t>GHULAM DASTGIR</t>
  </si>
  <si>
    <t>1612</t>
  </si>
  <si>
    <t>1855</t>
  </si>
  <si>
    <t>21359</t>
  </si>
  <si>
    <t>GHS M D MACHRALA</t>
  </si>
  <si>
    <t>Machhrala</t>
  </si>
  <si>
    <t>Govt. MD Islamia H/S machhrala tehsil kamoke district gujranwala</t>
  </si>
  <si>
    <t>53665</t>
  </si>
  <si>
    <t>21362</t>
  </si>
  <si>
    <t>GHS SUKHANA BAJWA</t>
  </si>
  <si>
    <t>Sukhana Bajwa</t>
  </si>
  <si>
    <t>GHS Sukhana Bajwa</t>
  </si>
  <si>
    <t>Dhensar paien</t>
  </si>
  <si>
    <t>Muhammad Shahid Akram</t>
  </si>
  <si>
    <t>48436</t>
  </si>
  <si>
    <t>47927</t>
  </si>
  <si>
    <t>7394</t>
  </si>
  <si>
    <t>GHS KALI SOBA KHAN</t>
  </si>
  <si>
    <t>Kali Suba Kha</t>
  </si>
  <si>
    <t>GHS Kali Suba Khan</t>
  </si>
  <si>
    <t>kHALID MEHMOOD MUGHAL</t>
  </si>
  <si>
    <t>19272</t>
  </si>
  <si>
    <t>21369</t>
  </si>
  <si>
    <t>GGHS MANDIALA TEGA</t>
  </si>
  <si>
    <t>Gghs mandiala tega tehsil kamoki, gujranwala</t>
  </si>
  <si>
    <t>Fauzia Yousaf</t>
  </si>
  <si>
    <t>21375</t>
  </si>
  <si>
    <t>GES CHIANWALI</t>
  </si>
  <si>
    <t>GES Chianwali</t>
  </si>
  <si>
    <t>Khalid Pervez</t>
  </si>
  <si>
    <t>26812</t>
  </si>
  <si>
    <t>21412</t>
  </si>
  <si>
    <t>GGES SUKHANA BAJWA</t>
  </si>
  <si>
    <t>Khaas</t>
  </si>
  <si>
    <t>village  sukhana Bajwa teh kamok distt gujranwala</t>
  </si>
  <si>
    <t>Dhensar Paeen</t>
  </si>
  <si>
    <t>Saba Shehzadi</t>
  </si>
  <si>
    <t>15384</t>
  </si>
  <si>
    <t>21449</t>
  </si>
  <si>
    <t>GPS KOTLI NAGRA</t>
  </si>
  <si>
    <t>DHANSER PAIEN - MALE</t>
  </si>
  <si>
    <t>kotli nagra</t>
  </si>
  <si>
    <t>Kotli Nagra</t>
  </si>
  <si>
    <t>Chak Ramdas Nou</t>
  </si>
  <si>
    <t>GPS WAHLIAN WALI</t>
  </si>
  <si>
    <t>KOTLI NAWAB - MALE</t>
  </si>
  <si>
    <t>WAHLIANWALI</t>
  </si>
  <si>
    <t>Wahlianwali</t>
  </si>
  <si>
    <t>Wahlian wali</t>
  </si>
  <si>
    <t>Machrala</t>
  </si>
  <si>
    <t>21485</t>
  </si>
  <si>
    <t>GPS PURAN PUR</t>
  </si>
  <si>
    <t>Puran Pur</t>
  </si>
  <si>
    <t>Puran Pur Kamoke</t>
  </si>
  <si>
    <t>Muhammad Muneeb</t>
  </si>
  <si>
    <t>21486</t>
  </si>
  <si>
    <t>GPS QILA NOHID SINGH</t>
  </si>
  <si>
    <t>Qilah Nohid Singh</t>
  </si>
  <si>
    <t>Audhoray</t>
  </si>
  <si>
    <t>Mehfooz Ahmed</t>
  </si>
  <si>
    <t>14680</t>
  </si>
  <si>
    <t>12323</t>
  </si>
  <si>
    <t>GPS ADHO RAI</t>
  </si>
  <si>
    <t>GPS Aadhoraey GRW</t>
  </si>
  <si>
    <t>Aadhoraey</t>
  </si>
  <si>
    <t>Arshad Ali Chishti</t>
  </si>
  <si>
    <t>33057</t>
  </si>
  <si>
    <t>19926</t>
  </si>
  <si>
    <t>4926</t>
  </si>
  <si>
    <t>21535</t>
  </si>
  <si>
    <t>GGPS MAI DE JHUGI</t>
  </si>
  <si>
    <t>Kasoki Road Mai Di Jughi Kampke</t>
  </si>
  <si>
    <t>govt girls primary school mai di jughi</t>
  </si>
  <si>
    <t>Kot Rafeque</t>
  </si>
  <si>
    <t>Sehnaz Bhatti</t>
  </si>
  <si>
    <t>4827</t>
  </si>
  <si>
    <t>21564</t>
  </si>
  <si>
    <t>GGES SHARIF PURA</t>
  </si>
  <si>
    <t>KAMOKE CITY 2 - FEMALE</t>
  </si>
  <si>
    <t>kamoku</t>
  </si>
  <si>
    <t>sharifpura kamiki</t>
  </si>
  <si>
    <t>kamoki</t>
  </si>
  <si>
    <t>sharif pura</t>
  </si>
  <si>
    <t>Syeda Robina Kishwar Abdi</t>
  </si>
  <si>
    <t>21574</t>
  </si>
  <si>
    <t>GGES KOT RAFIQ</t>
  </si>
  <si>
    <t>Kamoki</t>
  </si>
  <si>
    <t>in front of church Kot rafiique kamoki</t>
  </si>
  <si>
    <t>Kot Rafiique</t>
  </si>
  <si>
    <t>21588</t>
  </si>
  <si>
    <t>GGPS GHANIA NAU</t>
  </si>
  <si>
    <t>Ghania Nau</t>
  </si>
  <si>
    <t>Ghania Nau kamoke  Gujranwala</t>
  </si>
  <si>
    <t>Sarwar Tahira</t>
  </si>
  <si>
    <t>13967</t>
  </si>
  <si>
    <t>21608</t>
  </si>
  <si>
    <t>GMPS LIDHAR</t>
  </si>
  <si>
    <t>Lidher</t>
  </si>
  <si>
    <t>P/O Dandian Teh Kamoke Dist Gujrawnwala</t>
  </si>
  <si>
    <t>17344</t>
  </si>
  <si>
    <t>21611</t>
  </si>
  <si>
    <t>GGPS KALA BAJWA</t>
  </si>
  <si>
    <t>Kala Bajwa</t>
  </si>
  <si>
    <t>kala bajwa p/o kali suba tehsil kamoki district Gujranwala</t>
  </si>
  <si>
    <t>Shahzana Ashraf</t>
  </si>
  <si>
    <t>4025</t>
  </si>
  <si>
    <t>21615</t>
  </si>
  <si>
    <t>GMPS DHARUNG</t>
  </si>
  <si>
    <t>Dharang</t>
  </si>
  <si>
    <t>dharang</t>
  </si>
  <si>
    <t>Farrah NAZ</t>
  </si>
  <si>
    <t>21639</t>
  </si>
  <si>
    <t>GMPS BULLO WALI</t>
  </si>
  <si>
    <t>Bullowali</t>
  </si>
  <si>
    <t>Village bullowali p.o eminabad tehsil kamoke district gujranwala</t>
  </si>
  <si>
    <t>Asmat Tufail</t>
  </si>
  <si>
    <t>23872</t>
  </si>
  <si>
    <t>21644</t>
  </si>
  <si>
    <t>GMPS JABOKI DHILWAN</t>
  </si>
  <si>
    <t>Jaboki Dhillwan</t>
  </si>
  <si>
    <t>Vill:Jaboki dhillwan Teh:KMK Distt:GRW</t>
  </si>
  <si>
    <t>Sohawa Dhillwan</t>
  </si>
  <si>
    <t>Zuhra Asif</t>
  </si>
  <si>
    <t>45209</t>
  </si>
  <si>
    <t>37209</t>
  </si>
  <si>
    <t>21651</t>
  </si>
  <si>
    <t>GGPS DAINSER BALA</t>
  </si>
  <si>
    <t>Dhensar Bala</t>
  </si>
  <si>
    <t>Vill-Dhensar Bala P/O  Dhensar Pain teh-Kamoki District Gujranwala</t>
  </si>
  <si>
    <t>Dhensar Pain</t>
  </si>
  <si>
    <t>Rukhsana Tufail</t>
  </si>
  <si>
    <t>21662</t>
  </si>
  <si>
    <t>GGPS SHADI MATTA</t>
  </si>
  <si>
    <t>Shadi Mata</t>
  </si>
  <si>
    <t>shadi mata uc sohawa dhilwa</t>
  </si>
  <si>
    <t>Sohawa Dhilwa</t>
  </si>
  <si>
    <t>GGPS MACHRALA KHURD</t>
  </si>
  <si>
    <t>Muchhrala</t>
  </si>
  <si>
    <t>Muchhrala khurd post office Emanaabad Teh. Kamoki district Gujranwala</t>
  </si>
  <si>
    <t>Muzammal Sultana</t>
  </si>
  <si>
    <t>5515</t>
  </si>
  <si>
    <t>17560</t>
  </si>
  <si>
    <t>GMPS MIRZA PUR</t>
  </si>
  <si>
    <t>nangal duna singh</t>
  </si>
  <si>
    <t>village mirza pur tehseel kamoki district gujranwala</t>
  </si>
  <si>
    <t>Mirza pur</t>
  </si>
  <si>
    <t>Zille Huma</t>
  </si>
  <si>
    <t>20799</t>
  </si>
  <si>
    <t>21721</t>
  </si>
  <si>
    <t>GGPS MC NO.3 KAMOKE</t>
  </si>
  <si>
    <t>Kasoki Road Kamonki</t>
  </si>
  <si>
    <t>kasoki road kamonki</t>
  </si>
  <si>
    <t>Kam0nki City</t>
  </si>
  <si>
    <t>Kamonki</t>
  </si>
  <si>
    <t>22297</t>
  </si>
  <si>
    <t>4814</t>
  </si>
  <si>
    <t>21730</t>
  </si>
  <si>
    <t>GMPS HANJAN WALI</t>
  </si>
  <si>
    <t>CHANDALA - FEMALE</t>
  </si>
  <si>
    <t>Pull Shah Dola</t>
  </si>
  <si>
    <t>Village Hanjanwali Tehsil Kamoke District Gujranwala</t>
  </si>
  <si>
    <t>Hanjanwali</t>
  </si>
  <si>
    <t>Gunna Oore</t>
  </si>
  <si>
    <t>Sumiara Ishaq</t>
  </si>
  <si>
    <t>4885</t>
  </si>
  <si>
    <t>21782</t>
  </si>
  <si>
    <t>GES NOOR PUR</t>
  </si>
  <si>
    <t>NOKHAR - MALE</t>
  </si>
  <si>
    <t>noor pur</t>
  </si>
  <si>
    <t>Philloki</t>
  </si>
  <si>
    <t>Humayun Jehangir</t>
  </si>
  <si>
    <t>tank</t>
  </si>
  <si>
    <t>GHS THATHA MANAK</t>
  </si>
  <si>
    <t>Thatha Manak</t>
  </si>
  <si>
    <t>Village Thatha Manak, Post Office same, Tehsl Nowshera Virkan, District Gujranwala</t>
  </si>
  <si>
    <t>Randheer</t>
  </si>
  <si>
    <t>ABDUL SHAKOOR</t>
  </si>
  <si>
    <t>21754</t>
  </si>
  <si>
    <t>GGHS MATTA VIRKAN</t>
  </si>
  <si>
    <t>gghs matta virkan tehsil noshera virkan district gujranwala</t>
  </si>
  <si>
    <t>humaira mudser</t>
  </si>
  <si>
    <t>7212</t>
  </si>
  <si>
    <t>21758</t>
  </si>
  <si>
    <t>GGHS MANGOKE VIRKAN</t>
  </si>
  <si>
    <t>Mangoki</t>
  </si>
  <si>
    <t>GGHS MANGOKEVIRKAN, TEHSIL NOSHERA VIRKAN ,GUJRANWALA</t>
  </si>
  <si>
    <t>Mangokevirkan</t>
  </si>
  <si>
    <t>Hardoratali</t>
  </si>
  <si>
    <t>Sania Tariq</t>
  </si>
  <si>
    <t>23843</t>
  </si>
  <si>
    <t>GES PHILLOKE</t>
  </si>
  <si>
    <t>vpo Philloki nowshera virkan gujranwala</t>
  </si>
  <si>
    <t>10405</t>
  </si>
  <si>
    <t>48224</t>
  </si>
  <si>
    <t>12328</t>
  </si>
  <si>
    <t>21784</t>
  </si>
  <si>
    <t>GGHS KURLKE</t>
  </si>
  <si>
    <t>kurlke p/0 thatha manak tehsil nowshera virkan district gujranwala</t>
  </si>
  <si>
    <t>Kurlke</t>
  </si>
  <si>
    <t>Saba Abid</t>
  </si>
  <si>
    <t>21798</t>
  </si>
  <si>
    <t>GGHS BALOKE VIRKAN</t>
  </si>
  <si>
    <t>48 Virkan</t>
  </si>
  <si>
    <t>BALLOKE virkan</t>
  </si>
  <si>
    <t>Sania Javed</t>
  </si>
  <si>
    <t>6833</t>
  </si>
  <si>
    <t>GES SHAMSA DHADA</t>
  </si>
  <si>
    <t>RATALI VIRKAN - MALE</t>
  </si>
  <si>
    <t>Shamsa Dhadda</t>
  </si>
  <si>
    <t>village shamsa dhadda p/o khas tehsil nowshera Virkan</t>
  </si>
  <si>
    <t>21861</t>
  </si>
  <si>
    <t>GPS GORY</t>
  </si>
  <si>
    <t>Gohri</t>
  </si>
  <si>
    <t>Gohri P.O. Oulakh Bhaike Tehsil Nowshera Virkan District Gujranwala</t>
  </si>
  <si>
    <t>GGPS DERA JAMMO NAI ABADI</t>
  </si>
  <si>
    <t>Babber</t>
  </si>
  <si>
    <t>dera jmmun
,nai abadi babber</t>
  </si>
  <si>
    <t>Derajammun</t>
  </si>
  <si>
    <t>Abidabad</t>
  </si>
  <si>
    <t>Mariam Kafayatullah</t>
  </si>
  <si>
    <t>4983</t>
  </si>
  <si>
    <t>4848</t>
  </si>
  <si>
    <t>21945</t>
  </si>
  <si>
    <t>GGES KHAN MUSALMAN</t>
  </si>
  <si>
    <t>NOSHERA VIRKAN - FEMALE</t>
  </si>
  <si>
    <t>Khan Musalman</t>
  </si>
  <si>
    <t>khan Musalman</t>
  </si>
  <si>
    <t>Fareeha Ghazal</t>
  </si>
  <si>
    <t>9893</t>
  </si>
  <si>
    <t>15143</t>
  </si>
  <si>
    <t>18943</t>
  </si>
  <si>
    <t>2107</t>
  </si>
  <si>
    <t>GGES MUNJ WALI</t>
  </si>
  <si>
    <t>Manj Wali</t>
  </si>
  <si>
    <t>Manj Wali tehsil nowshera virkan District gujranwala</t>
  </si>
  <si>
    <t>Phama Sara</t>
  </si>
  <si>
    <t>Sadaf Asghar</t>
  </si>
  <si>
    <t>47712</t>
  </si>
  <si>
    <t>GGHSS KUNDIAN</t>
  </si>
  <si>
    <t>moh. haji  alamkhanwala kundian</t>
  </si>
  <si>
    <t>Zubda Aziz</t>
  </si>
  <si>
    <t>43196</t>
  </si>
  <si>
    <t>water moter</t>
  </si>
  <si>
    <t>1252</t>
  </si>
  <si>
    <t>21971</t>
  </si>
  <si>
    <t>GMPS RUKHEY</t>
  </si>
  <si>
    <t>Rukhey</t>
  </si>
  <si>
    <t>Village Rukhey Tehsil Nowshera Virkan district Gujranwala</t>
  </si>
  <si>
    <t>Amir Humza</t>
  </si>
  <si>
    <t>12728</t>
  </si>
  <si>
    <t>22584</t>
  </si>
  <si>
    <t>9856</t>
  </si>
  <si>
    <t>2463</t>
  </si>
  <si>
    <t>GMPS KOTLI ARRORA</t>
  </si>
  <si>
    <t>Kotli Arrora</t>
  </si>
  <si>
    <t>GMPS Kotli Arrora</t>
  </si>
  <si>
    <t>NATASHA</t>
  </si>
  <si>
    <t>12655</t>
  </si>
  <si>
    <t>21992</t>
  </si>
  <si>
    <t>GMPS MAHAL SHARIF</t>
  </si>
  <si>
    <t>Mahal</t>
  </si>
  <si>
    <t>Majju Chack</t>
  </si>
  <si>
    <t>Muhammad Amin Virk</t>
  </si>
  <si>
    <t>GMPS PIPLI GORAYA</t>
  </si>
  <si>
    <t>Piply Goraya</t>
  </si>
  <si>
    <t>piply goraya pobox lalapur tehsile nowshera virkan district gujranwala</t>
  </si>
  <si>
    <t>Marri Bhindran</t>
  </si>
  <si>
    <t>Amna Abid</t>
  </si>
  <si>
    <t>6074</t>
  </si>
  <si>
    <t>22012</t>
  </si>
  <si>
    <t>GGHS PHELOKE</t>
  </si>
  <si>
    <t>Philloke</t>
  </si>
  <si>
    <t>Maryam Inayat Ullah</t>
  </si>
  <si>
    <t>22023</t>
  </si>
  <si>
    <t>GGPS CHAK UMAR</t>
  </si>
  <si>
    <t>NOKHAR - FEMALE</t>
  </si>
  <si>
    <t>Chak Umer</t>
  </si>
  <si>
    <t>village: Chak umer; Teh: Noshera Virkan; Gujranwala</t>
  </si>
  <si>
    <t>Nokhar</t>
  </si>
  <si>
    <t>Asmat Aziz</t>
  </si>
  <si>
    <t>37339</t>
  </si>
  <si>
    <t>22036</t>
  </si>
  <si>
    <t>GMPS BARRI WALA</t>
  </si>
  <si>
    <t>Barriwala</t>
  </si>
  <si>
    <t>barriwala</t>
  </si>
  <si>
    <t>Misbah Amjad</t>
  </si>
  <si>
    <t>24467</t>
  </si>
  <si>
    <t>36062</t>
  </si>
  <si>
    <t>14789</t>
  </si>
  <si>
    <t>GGHS 279 RB KHURD SIDDIQUE AKBAR TOWN</t>
  </si>
  <si>
    <t>279 rb</t>
  </si>
  <si>
    <t>siddique akbar town 279 rb fsd.</t>
  </si>
  <si>
    <t>siddique akbar town fsd.</t>
  </si>
  <si>
    <t>nasira parveen</t>
  </si>
  <si>
    <t>20608</t>
  </si>
  <si>
    <t>GES KOT SHERA</t>
  </si>
  <si>
    <t>Village &amp; Post Office Gujranwala</t>
  </si>
  <si>
    <t>hafiz Muhammad umer</t>
  </si>
  <si>
    <t>21301</t>
  </si>
  <si>
    <t>2348</t>
  </si>
  <si>
    <t>5911</t>
  </si>
  <si>
    <t>42075</t>
  </si>
  <si>
    <t>JALALA - MALE</t>
  </si>
  <si>
    <t>Malikabad</t>
  </si>
  <si>
    <t>MALIKABAD</t>
  </si>
  <si>
    <t>Jalala</t>
  </si>
  <si>
    <t>Muhammad Waheed</t>
  </si>
  <si>
    <t>6804</t>
  </si>
  <si>
    <t>7644</t>
  </si>
  <si>
    <t>30516</t>
  </si>
  <si>
    <t>GGES APWA D BLOCK I.D.2 MODEL TOWN</t>
  </si>
  <si>
    <t>Govt. Apwa Girls Elementary School D block Model Town</t>
  </si>
  <si>
    <t>Main Ferozpur Road</t>
  </si>
  <si>
    <t>robina shaheen</t>
  </si>
  <si>
    <t>27716</t>
  </si>
  <si>
    <t>GHS 95/9-L</t>
  </si>
  <si>
    <t>Chak No. 95/9-L, Sahiwal</t>
  </si>
  <si>
    <t>Chak No. 95/9-L</t>
  </si>
  <si>
    <t>78/5-L</t>
  </si>
  <si>
    <t>31551</t>
  </si>
  <si>
    <t>46076</t>
  </si>
  <si>
    <t>GES Mustafabad near Sodhi-Mor</t>
  </si>
  <si>
    <t>GGPS CHAK ARAZAI DHAN SINGH TANDLIAN WALA</t>
  </si>
  <si>
    <t>Pindi Sheikh Mosa</t>
  </si>
  <si>
    <t>GGPS Arazi Dhan Sing</t>
  </si>
  <si>
    <t>Arazi dhan sing</t>
  </si>
  <si>
    <t>shahnaz noorin nargis</t>
  </si>
  <si>
    <t>40205</t>
  </si>
  <si>
    <t>42093</t>
  </si>
  <si>
    <t>GPS Mustafa</t>
  </si>
  <si>
    <t>Dhoke Mochian</t>
  </si>
  <si>
    <t>dhoke mochian</t>
  </si>
  <si>
    <t>Wah Village</t>
  </si>
  <si>
    <t>Sabiha  Khanum</t>
  </si>
  <si>
    <t>GGES 571 EB</t>
  </si>
  <si>
    <t>571 eb</t>
  </si>
  <si>
    <t>571 eb vehari</t>
  </si>
  <si>
    <t>571 Eb</t>
  </si>
  <si>
    <t>561eb</t>
  </si>
  <si>
    <t>Nasreen Muhammed Deen</t>
  </si>
  <si>
    <t>2676</t>
  </si>
  <si>
    <t>16643</t>
  </si>
  <si>
    <t>GGCMES CHAK 424 GB TANDLIANWALA</t>
  </si>
  <si>
    <t>424GB</t>
  </si>
  <si>
    <t>420GB</t>
  </si>
  <si>
    <t>Iqra Ilyas</t>
  </si>
  <si>
    <t>7835</t>
  </si>
  <si>
    <t>13720</t>
  </si>
  <si>
    <t>6272</t>
  </si>
  <si>
    <t>14033</t>
  </si>
  <si>
    <t>GPS ABDUL HAKEEM COLONY</t>
  </si>
  <si>
    <t>FAZIL PUR - MALE</t>
  </si>
  <si>
    <t>Kotla Khan Muhammad</t>
  </si>
  <si>
    <t>Gps Abdul hakeem colony, basti jamal shah</t>
  </si>
  <si>
    <t>Basti Jamal Shah</t>
  </si>
  <si>
    <t>MUHAMMAD NASRULLAH</t>
  </si>
  <si>
    <t>26873</t>
  </si>
  <si>
    <t>GGPS TUGAL PUR</t>
  </si>
  <si>
    <t>Tughal Pur</t>
  </si>
  <si>
    <t>Village Tughal Pur P\O khaira Tehsil Shakargarh</t>
  </si>
  <si>
    <t>Saima Batool</t>
  </si>
  <si>
    <t>32518</t>
  </si>
  <si>
    <t>GPS GHAZI PUR</t>
  </si>
  <si>
    <t>VILLAGE GHAZIPUR Tehsil Sharaqpur Distt.Sheikhuora.</t>
  </si>
  <si>
    <t>Sehjowal</t>
  </si>
  <si>
    <t>15154</t>
  </si>
  <si>
    <t>36386</t>
  </si>
  <si>
    <t>49852</t>
  </si>
  <si>
    <t>40323</t>
  </si>
  <si>
    <t>Ratwal</t>
  </si>
  <si>
    <t>Village and Post Office Ratwal, Tehsil  Pind Dadan Khan, District Jhelum.</t>
  </si>
  <si>
    <t>Pindi Said Pur</t>
  </si>
  <si>
    <t>Irfana Iram</t>
  </si>
  <si>
    <t>GPS IMRAN ABAD</t>
  </si>
  <si>
    <t>Hamoon Wala</t>
  </si>
  <si>
    <t>moza hamuwala basti chandia fazilpur district rajanpur</t>
  </si>
  <si>
    <t>Fazilpur</t>
  </si>
  <si>
    <t>GHS NO.2 PIR MAHAL</t>
  </si>
  <si>
    <t>Pirmahal</t>
  </si>
  <si>
    <t>Ghosia Abad Pirmahal</t>
  </si>
  <si>
    <t>11879</t>
  </si>
  <si>
    <t>13504</t>
  </si>
  <si>
    <t>34346</t>
  </si>
  <si>
    <t>6598</t>
  </si>
  <si>
    <t>GMPS GHULAM RASOOL BHUTTA</t>
  </si>
  <si>
    <t>Rukanpur</t>
  </si>
  <si>
    <t>basti bhutta rukn pur</t>
  </si>
  <si>
    <t>Basti Bhutta</t>
  </si>
  <si>
    <t>Gloor Massu</t>
  </si>
  <si>
    <t>Baby Samreen</t>
  </si>
  <si>
    <t>50505</t>
  </si>
  <si>
    <t>10470</t>
  </si>
  <si>
    <t>GPS BHOEWAL</t>
  </si>
  <si>
    <t>Bhoey Wal</t>
  </si>
  <si>
    <t>Village Bhoey Wal Po/Tehsil Sharaqpur Distt Sheikhupura</t>
  </si>
  <si>
    <t>Mandianwala</t>
  </si>
  <si>
    <t>8280</t>
  </si>
  <si>
    <t>26181</t>
  </si>
  <si>
    <t>18651</t>
  </si>
  <si>
    <t>GGHS 65 WB</t>
  </si>
  <si>
    <t>65/wb vehari</t>
  </si>
  <si>
    <t>Chak no 65/WB Vehari</t>
  </si>
  <si>
    <t>63/WB</t>
  </si>
  <si>
    <t>Farzana Munawar</t>
  </si>
  <si>
    <t>54068</t>
  </si>
  <si>
    <t>GPS HATHIA PINE</t>
  </si>
  <si>
    <t>LEHRI - MALE</t>
  </si>
  <si>
    <t>Hathia Dhemial</t>
  </si>
  <si>
    <t>village Hathia pine p/o Dewan_e_Hazoori Teh Sohawa Distt Jhelum</t>
  </si>
  <si>
    <t>Hathia Pine</t>
  </si>
  <si>
    <t>Pail bannay Khan</t>
  </si>
  <si>
    <t>Arbab Anwar</t>
  </si>
  <si>
    <t>9348</t>
  </si>
  <si>
    <t>28850</t>
  </si>
  <si>
    <t>27535</t>
  </si>
  <si>
    <t>GGPS PAR LAKHAN</t>
  </si>
  <si>
    <t>Parr Lakhan</t>
  </si>
  <si>
    <t>parr lakhan</t>
  </si>
  <si>
    <t>Nawan Manika</t>
  </si>
  <si>
    <t>5360</t>
  </si>
  <si>
    <t>33324</t>
  </si>
  <si>
    <t>GGPS BUTTER CHAK 23</t>
  </si>
  <si>
    <t>Butter Chak 23</t>
  </si>
  <si>
    <t>Government girls primary school butter Chak 23 R.B Tehsil safdarabad,District sheikhupura</t>
  </si>
  <si>
    <t>Abdullah Pur Kollar</t>
  </si>
  <si>
    <t>15435</t>
  </si>
  <si>
    <t>32847</t>
  </si>
  <si>
    <t>GGES CHAK NO.217/GB</t>
  </si>
  <si>
    <t>Chak No 217GB</t>
  </si>
  <si>
    <t>CHAK NO 217 GB SAMUNDRI</t>
  </si>
  <si>
    <t>CHAK NO 221gb</t>
  </si>
  <si>
    <t>Qamar Naseem</t>
  </si>
  <si>
    <t>25409</t>
  </si>
  <si>
    <t>GPS HADOKAY</t>
  </si>
  <si>
    <t>Hoddokey</t>
  </si>
  <si>
    <t>Jathekey</t>
  </si>
  <si>
    <t>Ansar Mahmood</t>
  </si>
  <si>
    <t>51040</t>
  </si>
  <si>
    <t>49713</t>
  </si>
  <si>
    <t>50671</t>
  </si>
  <si>
    <t>GHS 134/ 9-L</t>
  </si>
  <si>
    <t>CHAK NO. 134/9-L</t>
  </si>
  <si>
    <t>FAIZ - UL - HASSAN</t>
  </si>
  <si>
    <t>21762</t>
  </si>
  <si>
    <t>GHS MANGOKE VIRKAN</t>
  </si>
  <si>
    <t>Mangoke Virkan</t>
  </si>
  <si>
    <t>vpo mangoke virkan tehsil nowshera virkan distt  gujranwala</t>
  </si>
  <si>
    <t>Jamil Ahmed</t>
  </si>
  <si>
    <t>43623</t>
  </si>
  <si>
    <t>22952</t>
  </si>
  <si>
    <t>39197</t>
  </si>
  <si>
    <t>GGPS KOT SALABAT</t>
  </si>
  <si>
    <t>Kot Salabat</t>
  </si>
  <si>
    <t>kot salabat</t>
  </si>
  <si>
    <t>Kot Slabat</t>
  </si>
  <si>
    <t>Tehreen Bibi</t>
  </si>
  <si>
    <t>21925</t>
  </si>
  <si>
    <t>19206</t>
  </si>
  <si>
    <t>GGES CHAK 684/25 GB</t>
  </si>
  <si>
    <t>BAGH WALA</t>
  </si>
  <si>
    <t>CHAK NO 684/25 GB</t>
  </si>
  <si>
    <t>CHAK NO 674/15 GB</t>
  </si>
  <si>
    <t>sumaira yasmin</t>
  </si>
  <si>
    <t>10116</t>
  </si>
  <si>
    <t>29738</t>
  </si>
  <si>
    <t>GPS MC NO. 2 PURANI MANDI PATTOKI</t>
  </si>
  <si>
    <t>Purani Mandi Pattoki</t>
  </si>
  <si>
    <t>GPS mc 2 old Mandi Pattoki</t>
  </si>
  <si>
    <t>purani Mandi Pattoki</t>
  </si>
  <si>
    <t>Abaid Ullah Tabassum</t>
  </si>
  <si>
    <t>Mineral Water Plant</t>
  </si>
  <si>
    <t>50998</t>
  </si>
  <si>
    <t>49585</t>
  </si>
  <si>
    <t>GGHSS SATELLITE TOWN BAHAWALPUR</t>
  </si>
  <si>
    <t>QADIR BAKHSH CHANAR</t>
  </si>
  <si>
    <t>COMMERCIAL AREA BAHAWALPUR</t>
  </si>
  <si>
    <t>SATELLITE TOWN BWP</t>
  </si>
  <si>
    <t>CITY BAHAWALPUR</t>
  </si>
  <si>
    <t>riffat jabeen</t>
  </si>
  <si>
    <t>48062</t>
  </si>
  <si>
    <t>4966</t>
  </si>
  <si>
    <t>35824</t>
  </si>
  <si>
    <t>GGPS NEW SANDA</t>
  </si>
  <si>
    <t>New sanda</t>
  </si>
  <si>
    <t>surraiya zahoor</t>
  </si>
  <si>
    <t>33408</t>
  </si>
  <si>
    <t>GGES PAKHARI WAL</t>
  </si>
  <si>
    <t>Pakhariwal</t>
  </si>
  <si>
    <t>chak 32 pakhariwal</t>
  </si>
  <si>
    <t>Jhugean</t>
  </si>
  <si>
    <t>12921</t>
  </si>
  <si>
    <t>42921</t>
  </si>
  <si>
    <t>GGPS CHAK NO.57/DB</t>
  </si>
  <si>
    <t>Chak 57 DB</t>
  </si>
  <si>
    <t>chak no 57 DB yazman</t>
  </si>
  <si>
    <t>57 DB Yazman</t>
  </si>
  <si>
    <t>Chak No 50 DB</t>
  </si>
  <si>
    <t>NASEEM AKHTIR</t>
  </si>
  <si>
    <t>1774</t>
  </si>
  <si>
    <t>42019</t>
  </si>
  <si>
    <t>GHS MODERN (2ND SHIFT GHS KOH-I-NOOR)</t>
  </si>
  <si>
    <t>GHS MODENR (2ND SHIFT GHS KOHINOOR), PESHAWAR ROAD, RAWALPIDNI</t>
  </si>
  <si>
    <t>Cantt Rwp</t>
  </si>
  <si>
    <t>22998</t>
  </si>
  <si>
    <t>32504</t>
  </si>
  <si>
    <t>GGES FAIZ PUR KALAN</t>
  </si>
  <si>
    <t>Bholay Shah</t>
  </si>
  <si>
    <t>bholay shah</t>
  </si>
  <si>
    <t>Faiz Pur Kalan</t>
  </si>
  <si>
    <t>ANISA QUDSIA</t>
  </si>
  <si>
    <t>46079</t>
  </si>
  <si>
    <t>GES UCHHALA</t>
  </si>
  <si>
    <t>Uchhala</t>
  </si>
  <si>
    <t>V.P.O UCHHALA tehsil Nushehra</t>
  </si>
  <si>
    <t>Khabkhi</t>
  </si>
  <si>
    <t>21843</t>
  </si>
  <si>
    <t>25388</t>
  </si>
  <si>
    <t>17214</t>
  </si>
  <si>
    <t>41700</t>
  </si>
  <si>
    <t>GGPS MUMADANI</t>
  </si>
  <si>
    <t>RAHIM ABAD - FEMALE</t>
  </si>
  <si>
    <t>Mery Sha</t>
  </si>
  <si>
    <t>g.g.p/s mumdani basti qasim jhulan</t>
  </si>
  <si>
    <t>QASIM JHULAN</t>
  </si>
  <si>
    <t>Fozia Rafiq</t>
  </si>
  <si>
    <t>GGHSS CHAK 379 JB KALOIA</t>
  </si>
  <si>
    <t>Kaloya</t>
  </si>
  <si>
    <t>gghss379jb kaloia T.TSingh</t>
  </si>
  <si>
    <t>Chak # 375 Jb T T SINGH</t>
  </si>
  <si>
    <t>Humaira Anjum</t>
  </si>
  <si>
    <t>34474</t>
  </si>
  <si>
    <t>42077</t>
  </si>
  <si>
    <t>40481</t>
  </si>
  <si>
    <t>GGES ADDOWAL</t>
  </si>
  <si>
    <t>DHARYALA JALIP-FEMALE</t>
  </si>
  <si>
    <t>vpo adowal the pd khan jhelum</t>
  </si>
  <si>
    <t>Sabira Batool</t>
  </si>
  <si>
    <t>22610</t>
  </si>
  <si>
    <t>42053</t>
  </si>
  <si>
    <t>GGHS THATTA KHALIL</t>
  </si>
  <si>
    <t>Thatha Khalil</t>
  </si>
  <si>
    <t>GGHS thatha Khalil,  Taxila</t>
  </si>
  <si>
    <t>62560</t>
  </si>
  <si>
    <t>3989</t>
  </si>
  <si>
    <t>47893</t>
  </si>
  <si>
    <t>GMPS MUZAFFAR KHELAN WALA PIPLAN</t>
  </si>
  <si>
    <t>KILEAY KHEL-FEMALE</t>
  </si>
  <si>
    <t>piplan</t>
  </si>
  <si>
    <t>moh muzafar khailan wala piplan</t>
  </si>
  <si>
    <t>MC piplan</t>
  </si>
  <si>
    <t>Ghulam Layla</t>
  </si>
  <si>
    <t>4903</t>
  </si>
  <si>
    <t>15197</t>
  </si>
  <si>
    <t>29644</t>
  </si>
  <si>
    <t>GES GHUMMAN KALAN</t>
  </si>
  <si>
    <t>Ghumman Kalan</t>
  </si>
  <si>
    <t>Ghumman kalan</t>
  </si>
  <si>
    <t>Bath kalan</t>
  </si>
  <si>
    <t>4589</t>
  </si>
  <si>
    <t>42421</t>
  </si>
  <si>
    <t>47711</t>
  </si>
  <si>
    <t>GGCMS BASTI FAIZ WAH</t>
  </si>
  <si>
    <t>Faizwah</t>
  </si>
  <si>
    <t>GGCMES Faizwah vehaari</t>
  </si>
  <si>
    <t>Shamim Bahawal</t>
  </si>
  <si>
    <t>38955</t>
  </si>
  <si>
    <t>17946</t>
  </si>
  <si>
    <t>GHS QAIM BHARWANA</t>
  </si>
  <si>
    <t>QAIM BHARWANA BHARWANA</t>
  </si>
  <si>
    <t>QAIM BHARWANA</t>
  </si>
  <si>
    <t>Waseem Tahir</t>
  </si>
  <si>
    <t>67184</t>
  </si>
  <si>
    <t>29076</t>
  </si>
  <si>
    <t>26286</t>
  </si>
  <si>
    <t>GGPS BUDWAL</t>
  </si>
  <si>
    <t>BADWAL</t>
  </si>
  <si>
    <t>village badwal,p/o &amp; tehsil shakargarh</t>
  </si>
  <si>
    <t>Badwal</t>
  </si>
  <si>
    <t>Ghorsayal</t>
  </si>
  <si>
    <t>Shameem Latif</t>
  </si>
  <si>
    <t>6176</t>
  </si>
  <si>
    <t>37497</t>
  </si>
  <si>
    <t>GPS WAN LAKHA NO 2</t>
  </si>
  <si>
    <t>GOGERA-MALE</t>
  </si>
  <si>
    <t>Fattu Ana</t>
  </si>
  <si>
    <t>wan Saeke  markaz  sadar goghera tehsil okara</t>
  </si>
  <si>
    <t>Wan Saeke</t>
  </si>
  <si>
    <t>Jaboka</t>
  </si>
  <si>
    <t>Abdullah Farooq</t>
  </si>
  <si>
    <t>42441</t>
  </si>
  <si>
    <t>12941</t>
  </si>
  <si>
    <t>GHS MARH BALOCHAN</t>
  </si>
  <si>
    <t>marh balochan</t>
  </si>
  <si>
    <t>marh Balochan</t>
  </si>
  <si>
    <t>9876</t>
  </si>
  <si>
    <t>48291</t>
  </si>
  <si>
    <t>15762</t>
  </si>
  <si>
    <t>GGPS CHAH KHUDA YAR WALA</t>
  </si>
  <si>
    <t>GHULAMAN-FEMALE</t>
  </si>
  <si>
    <t>ggps chah khuda yar wala</t>
  </si>
  <si>
    <t>Charaghkhelan Wala</t>
  </si>
  <si>
    <t>Ruqia bibi</t>
  </si>
  <si>
    <t>5933</t>
  </si>
  <si>
    <t>29749</t>
  </si>
  <si>
    <t>GPS BAGHIANA KHURD</t>
  </si>
  <si>
    <t>Bughiana Khurd</t>
  </si>
  <si>
    <t>GPS Bughaina Khurd</t>
  </si>
  <si>
    <t>Bughiana Kalan</t>
  </si>
  <si>
    <t>Khalil Ahmed</t>
  </si>
  <si>
    <t>54426</t>
  </si>
  <si>
    <t>21855</t>
  </si>
  <si>
    <t>GES KOLO WALA</t>
  </si>
  <si>
    <t>village and post office Kolowala.Tehsil Nowshera virkan.District.Gujranwala.</t>
  </si>
  <si>
    <t>Matty Bhai Ke</t>
  </si>
  <si>
    <t>20263</t>
  </si>
  <si>
    <t>GGPS TAHROO SAHMAL</t>
  </si>
  <si>
    <t>Tahroo Sahmal</t>
  </si>
  <si>
    <t>tahroo sahmal tensil lalian district chiniot</t>
  </si>
  <si>
    <t>23645</t>
  </si>
  <si>
    <t>33223</t>
  </si>
  <si>
    <t>53182</t>
  </si>
  <si>
    <t>GPS DHOOTA</t>
  </si>
  <si>
    <t>mouza Dhoota</t>
  </si>
  <si>
    <t>34/Gd</t>
  </si>
  <si>
    <t>47229</t>
  </si>
  <si>
    <t>GPS DHOK KUND</t>
  </si>
  <si>
    <t>Dhok kund namal mianwali</t>
  </si>
  <si>
    <t>Dhok Kund</t>
  </si>
  <si>
    <t>42256</t>
  </si>
  <si>
    <t>GPS CHAK NO.652 TDA</t>
  </si>
  <si>
    <t>CHAK NO 652 TDA</t>
  </si>
  <si>
    <t>CHAK NO. 652 TDA</t>
  </si>
  <si>
    <t>SADIQ ABAD</t>
  </si>
  <si>
    <t>Muhammad Mushtaq Khan</t>
  </si>
  <si>
    <t>7743</t>
  </si>
  <si>
    <t>GGPS SAID PUR</t>
  </si>
  <si>
    <t>GGP/S said pur dak khana nawakot the:liaqtpur Dist:RYK</t>
  </si>
  <si>
    <t>Bahar Khaki</t>
  </si>
  <si>
    <t>45550</t>
  </si>
  <si>
    <t>39496</t>
  </si>
  <si>
    <t>GHS UCHHRI</t>
  </si>
  <si>
    <t>Uchhri</t>
  </si>
  <si>
    <t>vpo uchhri</t>
  </si>
  <si>
    <t>Jaba</t>
  </si>
  <si>
    <t>37879</t>
  </si>
  <si>
    <t>GHS KOT QAISRANI</t>
  </si>
  <si>
    <t>KOT QAISRANI TEHSIL TAUNSA DISTRICT D.G.KHAN</t>
  </si>
  <si>
    <t>mercible pump</t>
  </si>
  <si>
    <t>11320</t>
  </si>
  <si>
    <t>46799</t>
  </si>
  <si>
    <t>GPS DOST MOHAMMAD KHAN WALA</t>
  </si>
  <si>
    <t>Kotki Bayroni</t>
  </si>
  <si>
    <t>p/o Manda khel  TEH Isa khel  Mianwali</t>
  </si>
  <si>
    <t>Arrwaran Wala</t>
  </si>
  <si>
    <t>Safi ullah</t>
  </si>
  <si>
    <t>37957</t>
  </si>
  <si>
    <t>GHS GAGAN HATTA 100 M</t>
  </si>
  <si>
    <t>100/m</t>
  </si>
  <si>
    <t>100/m lodhran</t>
  </si>
  <si>
    <t>mC LODHRAN</t>
  </si>
  <si>
    <t>MUHAMMAD IQBAL MALIK</t>
  </si>
  <si>
    <t>6923</t>
  </si>
  <si>
    <t>GHS GOTH ALOO</t>
  </si>
  <si>
    <t>19176</t>
  </si>
  <si>
    <t>GGPS CHAK NO. 153 RB II</t>
  </si>
  <si>
    <t>GOVT GIRLS PRIMARY SCHOOL 153 RB II DASKA CHAK JHUMRA</t>
  </si>
  <si>
    <t>Chak No 153 Rb II DASKA</t>
  </si>
  <si>
    <t>146 Rb Dao Wala</t>
  </si>
  <si>
    <t>2652</t>
  </si>
  <si>
    <t>36610</t>
  </si>
  <si>
    <t>21371</t>
  </si>
  <si>
    <t>GGHS WAHNDO</t>
  </si>
  <si>
    <t>wahndo</t>
  </si>
  <si>
    <t>gvot.girlshigh school wahndo kamoke gujranwala</t>
  </si>
  <si>
    <t>wahandn</t>
  </si>
  <si>
    <t>Abida bashir</t>
  </si>
  <si>
    <t>44973</t>
  </si>
  <si>
    <t>GMPS HUSSAN KHAN WALA</t>
  </si>
  <si>
    <t>Hassan Khan Wala Telh Kallurkot District Bhakkar</t>
  </si>
  <si>
    <t>Hassan Khan Wala</t>
  </si>
  <si>
    <t>Ghulaman No  1</t>
  </si>
  <si>
    <t>Sahalat Khatoon</t>
  </si>
  <si>
    <t>3401</t>
  </si>
  <si>
    <t>49929</t>
  </si>
  <si>
    <t>38743</t>
  </si>
  <si>
    <t>GGPS BHENI DOST MUHAMMAD</t>
  </si>
  <si>
    <t>Bheni Dost Muhammad Wala</t>
  </si>
  <si>
    <t>GGPS BHENI DOST MUHAMMAD 379/W.B</t>
  </si>
  <si>
    <t>Chao No 379 WB</t>
  </si>
  <si>
    <t>CHAK NO 384 W.B</t>
  </si>
  <si>
    <t>SYEDA TAHIRA NARGIS</t>
  </si>
  <si>
    <t>3822</t>
  </si>
  <si>
    <t>25252</t>
  </si>
  <si>
    <t>15133</t>
  </si>
  <si>
    <t>GGPS CHAK 568 GB LUNDIANWALA</t>
  </si>
  <si>
    <t>Ahmed Khanwala</t>
  </si>
  <si>
    <t>chak no 568 GB ahmed khanwala teh jaranwala faisalabad</t>
  </si>
  <si>
    <t>Ahmedkhanwala</t>
  </si>
  <si>
    <t>Abdullahkhanwala</t>
  </si>
  <si>
    <t>41778</t>
  </si>
  <si>
    <t>GMPS CHAK NO 2/4-L (New)</t>
  </si>
  <si>
    <t>chak no 2/4-L</t>
  </si>
  <si>
    <t>Chak No2/4L</t>
  </si>
  <si>
    <t>Samondowana</t>
  </si>
  <si>
    <t>Tahirabaigam</t>
  </si>
  <si>
    <t>8374</t>
  </si>
  <si>
    <t>8565</t>
  </si>
  <si>
    <t>34489</t>
  </si>
  <si>
    <t>GMES 74/15-L, KACHA KHUH</t>
  </si>
  <si>
    <t>74/15-L</t>
  </si>
  <si>
    <t>GMES 74/15-L Kacha Khu Khanewal</t>
  </si>
  <si>
    <t>Hadia Afzal</t>
  </si>
  <si>
    <t>15285</t>
  </si>
  <si>
    <t>33968</t>
  </si>
  <si>
    <t>GPS RUKKAN HATTI P/O AGAR KHANI</t>
  </si>
  <si>
    <t>Rukkan hatti</t>
  </si>
  <si>
    <t>Humayoon Waheed Yasir</t>
  </si>
  <si>
    <t>GHS DAYA CHOKHA</t>
  </si>
  <si>
    <t>Daya Chokha Gharbi</t>
  </si>
  <si>
    <t>Govt. High School Daya Chokha P/O Sinawan</t>
  </si>
  <si>
    <t>Dogar Clasra</t>
  </si>
  <si>
    <t>43403</t>
  </si>
  <si>
    <t>41137</t>
  </si>
  <si>
    <t>GPS KANTHIL</t>
  </si>
  <si>
    <t>Kainthal</t>
  </si>
  <si>
    <t>vill kainthal p o bhagar Sharif teh kahuta dist rwp</t>
  </si>
  <si>
    <t>Dubairan Khurd</t>
  </si>
  <si>
    <t>Tahmoor Akhtar</t>
  </si>
  <si>
    <t>39847</t>
  </si>
  <si>
    <t>GGHS KOT SUNDKI</t>
  </si>
  <si>
    <t>kot sundki</t>
  </si>
  <si>
    <t>gghs kot sundki tehsil hassan abdal district attock.</t>
  </si>
  <si>
    <t>Humaira Kanwal</t>
  </si>
  <si>
    <t>48135</t>
  </si>
  <si>
    <t>20832</t>
  </si>
  <si>
    <t>GHS MC NO.13 GUJRANWALA</t>
  </si>
  <si>
    <t>gobind garh street no 5 islamia college road gujranwala</t>
  </si>
  <si>
    <t>SAUD AHMAD</t>
  </si>
  <si>
    <t>42223</t>
  </si>
  <si>
    <t>38950</t>
  </si>
  <si>
    <t>GGHSS KOT FATEH KHAN</t>
  </si>
  <si>
    <t>kot fateh khan</t>
  </si>
  <si>
    <t>VPO Kot Fateh khan</t>
  </si>
  <si>
    <t>Kot Fateh Khan</t>
  </si>
  <si>
    <t>45960</t>
  </si>
  <si>
    <t>GGHS CHAK NO.330 TDA</t>
  </si>
  <si>
    <t>GHG H/S 330 TDA  JAMAL CHAPRI TEHSIL CHOUBARA</t>
  </si>
  <si>
    <t>chak no 330  tda</t>
  </si>
  <si>
    <t>JAMAL CHAPRI</t>
  </si>
  <si>
    <t>Ishrat Sultana</t>
  </si>
  <si>
    <t>42624</t>
  </si>
  <si>
    <t>GGHS MALOOT PAKHRAL</t>
  </si>
  <si>
    <t>Maloot Pakhral</t>
  </si>
  <si>
    <t>village &amp; po maloot pakhral tehsil gujar khan distt. rawalpindi</t>
  </si>
  <si>
    <t>Huma Aftab Bhatti</t>
  </si>
  <si>
    <t>11172</t>
  </si>
  <si>
    <t>22648</t>
  </si>
  <si>
    <t>29420</t>
  </si>
  <si>
    <t>7918</t>
  </si>
  <si>
    <t>GPS FAREED ABAD</t>
  </si>
  <si>
    <t>Chak Danda</t>
  </si>
  <si>
    <t>bait shadan fareed abad</t>
  </si>
  <si>
    <t>Fareed Abad</t>
  </si>
  <si>
    <t>Shadan Lund</t>
  </si>
  <si>
    <t>5030</t>
  </si>
  <si>
    <t>27865</t>
  </si>
  <si>
    <t>G MAJOR QAISER MEHMOOD SAHI HSS DHOK KASIB</t>
  </si>
  <si>
    <t>DHOK KASIB</t>
  </si>
  <si>
    <t>GOVT.MAJOR QAISER MEHMOOD SAHI SHAHEED HSS DHOK KASIB</t>
  </si>
  <si>
    <t>ABDUL AZIZ GUJAR</t>
  </si>
  <si>
    <t>23845</t>
  </si>
  <si>
    <t>53724</t>
  </si>
  <si>
    <t>2861</t>
  </si>
  <si>
    <t>GPS KACHA MAHZI</t>
  </si>
  <si>
    <t>BANGLA SHEREEN - MALE</t>
  </si>
  <si>
    <t>Rasulpur</t>
  </si>
  <si>
    <t>basti sardar Ahmad din khan</t>
  </si>
  <si>
    <t>Sardar Ahmad Din</t>
  </si>
  <si>
    <t>Muslamabad</t>
  </si>
  <si>
    <t>Hafiz Muhammad Mohsin</t>
  </si>
  <si>
    <t>43162</t>
  </si>
  <si>
    <t>GGES DAB</t>
  </si>
  <si>
    <t>village dab PO CHAKWAL</t>
  </si>
  <si>
    <t>Tazeem Akhter</t>
  </si>
  <si>
    <t>8111</t>
  </si>
  <si>
    <t>20073</t>
  </si>
  <si>
    <t>GGHS MANSAR</t>
  </si>
  <si>
    <t>Mansar</t>
  </si>
  <si>
    <t>government girls high school mansar tehsil hazro district attock</t>
  </si>
  <si>
    <t>Mullan Mansoor</t>
  </si>
  <si>
    <t>51312</t>
  </si>
  <si>
    <t>GHS HOTTA</t>
  </si>
  <si>
    <t>hotta</t>
  </si>
  <si>
    <t>ghs hotta ,district pakpattan</t>
  </si>
  <si>
    <t>RANA ASLAM ALI</t>
  </si>
  <si>
    <t>50571</t>
  </si>
  <si>
    <t>39734</t>
  </si>
  <si>
    <t>GGHS PAN MOTHA</t>
  </si>
  <si>
    <t>GGHS PANMOTHA VPO MAKHAD ROAD RAILWAY STATION TEHSIL JAND,ATTOCK</t>
  </si>
  <si>
    <t>Panmotha</t>
  </si>
  <si>
    <t>Tayyaba Bibi</t>
  </si>
  <si>
    <t>36575</t>
  </si>
  <si>
    <t>GES HAQ NAWAZ WALA, P/O MOUZA SHER GARH, KABIRWALA</t>
  </si>
  <si>
    <t>haq nawaz wala</t>
  </si>
  <si>
    <t>Chak Norng Shah</t>
  </si>
  <si>
    <t>FAISAL MASOOD</t>
  </si>
  <si>
    <t>18362</t>
  </si>
  <si>
    <t>11283</t>
  </si>
  <si>
    <t>GGES BAZ WALA</t>
  </si>
  <si>
    <t>BAZ WALA- FEMALE</t>
  </si>
  <si>
    <t>Basti matho U/C Baz Wala Tehsil Ali Pur District Muzaffargarh</t>
  </si>
  <si>
    <t>Basti Matho</t>
  </si>
  <si>
    <t>Khalida Farhat</t>
  </si>
  <si>
    <t>38557</t>
  </si>
  <si>
    <t>GPS 363/WB</t>
  </si>
  <si>
    <t>363/wb</t>
  </si>
  <si>
    <t>chak no.363/wb teh dunya pur distt. Lodhran</t>
  </si>
  <si>
    <t>GHULAM MUSTAFA ANJUM</t>
  </si>
  <si>
    <t>41017</t>
  </si>
  <si>
    <t>GGES BARAL</t>
  </si>
  <si>
    <t>village baral</t>
  </si>
  <si>
    <t>Baral</t>
  </si>
  <si>
    <t>Naima Munawar</t>
  </si>
  <si>
    <t>53993</t>
  </si>
  <si>
    <t>41066</t>
  </si>
  <si>
    <t>GES BAGHAR SHARIF</t>
  </si>
  <si>
    <t>Baghar Sharif</t>
  </si>
  <si>
    <t>baghar sharif</t>
  </si>
  <si>
    <t>Doberan Khurd</t>
  </si>
  <si>
    <t>Aftab Hussain</t>
  </si>
  <si>
    <t>30977</t>
  </si>
  <si>
    <t>18292</t>
  </si>
  <si>
    <t>GPS DAR US SALAM</t>
  </si>
  <si>
    <t>Al  Hussnain chock chah Dala wala</t>
  </si>
  <si>
    <t>Chaha Dala Wala</t>
  </si>
  <si>
    <t>20360</t>
  </si>
  <si>
    <t>13247</t>
  </si>
  <si>
    <t>GMPS KAHIN PURA</t>
  </si>
  <si>
    <t>Kahin Pura</t>
  </si>
  <si>
    <t>moza kahanpura daak khana bwn</t>
  </si>
  <si>
    <t>Kahinpura</t>
  </si>
  <si>
    <t>7075</t>
  </si>
  <si>
    <t>GGCMES 89 WB</t>
  </si>
  <si>
    <t>89/wb</t>
  </si>
  <si>
    <t>95wb</t>
  </si>
  <si>
    <t>Gulzar  Anjam</t>
  </si>
  <si>
    <t>sub mercible pump</t>
  </si>
  <si>
    <t>14865</t>
  </si>
  <si>
    <t>GPS CHAK 658/9 GB</t>
  </si>
  <si>
    <t>Rai Pur</t>
  </si>
  <si>
    <t>658/9gb</t>
  </si>
  <si>
    <t>235gb</t>
  </si>
  <si>
    <t>M Asif Naveed</t>
  </si>
  <si>
    <t>29895</t>
  </si>
  <si>
    <t>GGES GUL DERA DERA BAKHA</t>
  </si>
  <si>
    <t>G G E / S GULL DERA</t>
  </si>
  <si>
    <t>Nasreen  Akhtar</t>
  </si>
  <si>
    <t>44771</t>
  </si>
  <si>
    <t>GGPS CHINGREE WALA</t>
  </si>
  <si>
    <t>chak no 189 tda chingree wala khansar teh&amp;distt bhakkar</t>
  </si>
  <si>
    <t>Chingree Wala</t>
  </si>
  <si>
    <t>NASREEN MAI</t>
  </si>
  <si>
    <t>42422</t>
  </si>
  <si>
    <t>42689</t>
  </si>
  <si>
    <t>12691</t>
  </si>
  <si>
    <t>GGPS GULAB WALA</t>
  </si>
  <si>
    <t>Sabz o jat</t>
  </si>
  <si>
    <t>GGPS Gulabwala basti piplan wala moza sabz o jat m.garh</t>
  </si>
  <si>
    <t>Piplan Wala</t>
  </si>
  <si>
    <t>Altaf Perveen</t>
  </si>
  <si>
    <t>47048</t>
  </si>
  <si>
    <t>GGHS CHAKRALA</t>
  </si>
  <si>
    <t>Chakrala</t>
  </si>
  <si>
    <t>gghs chakrala</t>
  </si>
  <si>
    <t>Sadaf Farheen</t>
  </si>
  <si>
    <t>31908</t>
  </si>
  <si>
    <t>GGHS BHIKHI</t>
  </si>
  <si>
    <t>BHIKHI</t>
  </si>
  <si>
    <t>Qudsia Samman</t>
  </si>
  <si>
    <t>17669</t>
  </si>
  <si>
    <t>51787</t>
  </si>
  <si>
    <t>GHS 19 EB ARIFWALA</t>
  </si>
  <si>
    <t>Chak no.19/EB Arifwala p/o same</t>
  </si>
  <si>
    <t>75/eb</t>
  </si>
  <si>
    <t>KHUSHI Muhammad</t>
  </si>
  <si>
    <t>50164</t>
  </si>
  <si>
    <t>GGHSS 96/12-L</t>
  </si>
  <si>
    <t>9612l</t>
  </si>
  <si>
    <t>chak no 96/12l chichawatni sahiwal</t>
  </si>
  <si>
    <t>96/12l</t>
  </si>
  <si>
    <t>Chak 96/12l</t>
  </si>
  <si>
    <t>Zafar Un Nisa</t>
  </si>
  <si>
    <t>34705</t>
  </si>
  <si>
    <t>10492</t>
  </si>
  <si>
    <t>GHSS LADHANA</t>
  </si>
  <si>
    <t>LADHANA</t>
  </si>
  <si>
    <t>GOVERNMENT HIGHER SECONDARY SCHOOL LADHANA</t>
  </si>
  <si>
    <t>MUHAMMAD AMIN</t>
  </si>
  <si>
    <t>water purification plant</t>
  </si>
  <si>
    <t>GGES CHAK NO 79 GB</t>
  </si>
  <si>
    <t>79/Gb</t>
  </si>
  <si>
    <t>79gb</t>
  </si>
  <si>
    <t>Khuddia Warraichan</t>
  </si>
  <si>
    <t>Gulnaz Shaheen</t>
  </si>
  <si>
    <t>17088</t>
  </si>
  <si>
    <t>12991</t>
  </si>
  <si>
    <t>GGPS BASTI THADI</t>
  </si>
  <si>
    <t>Glazi Pur Dasti Wala</t>
  </si>
  <si>
    <t>g.g.p.school basti thaddi  dasti  wala muzaffargarh</t>
  </si>
  <si>
    <t>Aadarsh Zahra</t>
  </si>
  <si>
    <t>6985</t>
  </si>
  <si>
    <t>GPS SHADI WALA</t>
  </si>
  <si>
    <t>Shadiwala</t>
  </si>
  <si>
    <t>GPS Shadiwala</t>
  </si>
  <si>
    <t>43398</t>
  </si>
  <si>
    <t>GMPS MOHRA SHEIKHAN</t>
  </si>
  <si>
    <t>mohra sheikhan</t>
  </si>
  <si>
    <t>vill mohra sheikhan post office mohra kor chashaim teh &amp; distt chakwal</t>
  </si>
  <si>
    <t>DAB</t>
  </si>
  <si>
    <t>shamim-ur-rehman</t>
  </si>
  <si>
    <t>18102</t>
  </si>
  <si>
    <t>14443</t>
  </si>
  <si>
    <t>15311</t>
  </si>
  <si>
    <t>GGES CHAK NO 237 GB</t>
  </si>
  <si>
    <t>Tarar Wala</t>
  </si>
  <si>
    <t>govt girls E/S 237 gb jrw</t>
  </si>
  <si>
    <t>237gb</t>
  </si>
  <si>
    <t>236gb</t>
  </si>
  <si>
    <t>26960</t>
  </si>
  <si>
    <t>39919</t>
  </si>
  <si>
    <t>GHS MALAK MALA</t>
  </si>
  <si>
    <t>VOP Malak Mala Tehsil Hazro Distt Attock</t>
  </si>
  <si>
    <t>9310</t>
  </si>
  <si>
    <t>30988</t>
  </si>
  <si>
    <t>GGHS MUSSARAT BAND ROAD</t>
  </si>
  <si>
    <t>musarrat girls high school band road babu sabu lahore</t>
  </si>
  <si>
    <t>Babu Sabu</t>
  </si>
  <si>
    <t>Tabassum iftikhar</t>
  </si>
  <si>
    <t>20475</t>
  </si>
  <si>
    <t>50616</t>
  </si>
  <si>
    <t>GGPS 76/12-L</t>
  </si>
  <si>
    <t>SHAHKOT SHARQI-FEMALE</t>
  </si>
  <si>
    <t>76/12l</t>
  </si>
  <si>
    <t>77/12l</t>
  </si>
  <si>
    <t>Nadia Rasheed</t>
  </si>
  <si>
    <t>GMPS QADIR ABAD</t>
  </si>
  <si>
    <t>g.m.p.s qadir abad ratta tibba</t>
  </si>
  <si>
    <t>GES BEHARI GHARBI</t>
  </si>
  <si>
    <t>GES Bahari Gharbi Tehsil kallur kot District Bhakkar</t>
  </si>
  <si>
    <t>Bahari Gharbi</t>
  </si>
  <si>
    <t>14214</t>
  </si>
  <si>
    <t>53813</t>
  </si>
  <si>
    <t>47033</t>
  </si>
  <si>
    <t>GHS KALRI</t>
  </si>
  <si>
    <t>vpo kalri tehsil and district mianwali</t>
  </si>
  <si>
    <t>Thameywali</t>
  </si>
  <si>
    <t>45598</t>
  </si>
  <si>
    <t>6459</t>
  </si>
  <si>
    <t>GGHS CHAK NO. 247/P</t>
  </si>
  <si>
    <t>Chak 247/P</t>
  </si>
  <si>
    <t>Govt. girls high school chak no. 247/p rahimyarkhan</t>
  </si>
  <si>
    <t>228/p</t>
  </si>
  <si>
    <t>Asma Amin</t>
  </si>
  <si>
    <t>45042</t>
  </si>
  <si>
    <t>GGPS DADU WALA</t>
  </si>
  <si>
    <t>vpo dadu wala teh kallour kot  distt bhskkar</t>
  </si>
  <si>
    <t>Dadu Wala</t>
  </si>
  <si>
    <t>Ghulaman 1</t>
  </si>
  <si>
    <t>Shamim Khatoon</t>
  </si>
  <si>
    <t>10512</t>
  </si>
  <si>
    <t>3594</t>
  </si>
  <si>
    <t>25551</t>
  </si>
  <si>
    <t>GGPS BHAGAL SHARQI</t>
  </si>
  <si>
    <t>Bhagal Sharqi</t>
  </si>
  <si>
    <t>Bhagal Sharqi, , sambrial, , sialkot</t>
  </si>
  <si>
    <t>21531</t>
  </si>
  <si>
    <t>24448</t>
  </si>
  <si>
    <t>30448</t>
  </si>
  <si>
    <t>21943</t>
  </si>
  <si>
    <t>GMPS BHADDAR</t>
  </si>
  <si>
    <t>Bhaddar</t>
  </si>
  <si>
    <t>khanmuslaman do hatakhok nowhere virkan gujranwala</t>
  </si>
  <si>
    <t>Mari Bhindran</t>
  </si>
  <si>
    <t>Riffat Manzoor</t>
  </si>
  <si>
    <t>11361</t>
  </si>
  <si>
    <t>17121</t>
  </si>
  <si>
    <t>36086</t>
  </si>
  <si>
    <t>GGHS CHAK NO 56 WB</t>
  </si>
  <si>
    <t>chak no 56/w.b post office same tehsil and district Vehari</t>
  </si>
  <si>
    <t>56/ Wb</t>
  </si>
  <si>
    <t>56/Wb</t>
  </si>
  <si>
    <t>Rafaqut Nasrullah</t>
  </si>
  <si>
    <t>12130</t>
  </si>
  <si>
    <t>16203</t>
  </si>
  <si>
    <t>5212</t>
  </si>
  <si>
    <t>8811</t>
  </si>
  <si>
    <t>GES BINDI</t>
  </si>
  <si>
    <t>BINDI MALE</t>
  </si>
  <si>
    <t>Bindi</t>
  </si>
  <si>
    <t>GES Bindi</t>
  </si>
  <si>
    <t>Fakhar Abbas</t>
  </si>
  <si>
    <t>22263</t>
  </si>
  <si>
    <t>4259</t>
  </si>
  <si>
    <t>13316</t>
  </si>
  <si>
    <t>GGPS KHALTI</t>
  </si>
  <si>
    <t>KANDH SHARIF- FEMALE</t>
  </si>
  <si>
    <t>basti khalti</t>
  </si>
  <si>
    <t>Benish Gul</t>
  </si>
  <si>
    <t>51090</t>
  </si>
  <si>
    <t>46193</t>
  </si>
  <si>
    <t>GGPS 94/6-R</t>
  </si>
  <si>
    <t>MUHAMMAD PUR-A-FEMALE</t>
  </si>
  <si>
    <t>94/6R</t>
  </si>
  <si>
    <t>GGPS 94/6R Sahiwal</t>
  </si>
  <si>
    <t>Zahida PERVEEN</t>
  </si>
  <si>
    <t>19520</t>
  </si>
  <si>
    <t>GGPS CHAK 330 GB KOTLI</t>
  </si>
  <si>
    <t>330 Gb</t>
  </si>
  <si>
    <t>chak no327 gb</t>
  </si>
  <si>
    <t>330 Gb Kotli</t>
  </si>
  <si>
    <t>NEELUM LIAQAT</t>
  </si>
  <si>
    <t>24144</t>
  </si>
  <si>
    <t>34827</t>
  </si>
  <si>
    <t>13856</t>
  </si>
  <si>
    <t>GGHS NO. 2 CANAL COLONY RAJANPUR</t>
  </si>
  <si>
    <t>RAJAN PUR</t>
  </si>
  <si>
    <t>CANAL COLONY RAJAN PUR</t>
  </si>
  <si>
    <t>WARD NO. 12</t>
  </si>
  <si>
    <t>MC RAJANPUR</t>
  </si>
  <si>
    <t>nighat gul</t>
  </si>
  <si>
    <t>11557</t>
  </si>
  <si>
    <t>GES CHOWK SARWAR SHAHEED</t>
  </si>
  <si>
    <t>Chak 568/TDA</t>
  </si>
  <si>
    <t>chowk sarwar shaheed</t>
  </si>
  <si>
    <t>Chak No 568 TDA</t>
  </si>
  <si>
    <t>MC Chowk Satwar Shaheed</t>
  </si>
  <si>
    <t>Muhammad Irshad ul Hassan</t>
  </si>
  <si>
    <t>5737</t>
  </si>
  <si>
    <t>23037</t>
  </si>
  <si>
    <t>10637</t>
  </si>
  <si>
    <t>GPS CHAK NO 282 TDA</t>
  </si>
  <si>
    <t>Chak 282 TDA</t>
  </si>
  <si>
    <t>chak  282TDA</t>
  </si>
  <si>
    <t>Chak 282</t>
  </si>
  <si>
    <t>Layyah Thal Kalain</t>
  </si>
  <si>
    <t>Tanzeela Akhtar</t>
  </si>
  <si>
    <t>18960</t>
  </si>
  <si>
    <t>14849</t>
  </si>
  <si>
    <t>35519</t>
  </si>
  <si>
    <t>GGHS 214/GB</t>
  </si>
  <si>
    <t>Jharoor</t>
  </si>
  <si>
    <t>Chak no 214 G. B tehsil samundri dist Faisalabad</t>
  </si>
  <si>
    <t>214 G B</t>
  </si>
  <si>
    <t>40223</t>
  </si>
  <si>
    <t>GGPS GURRA SALIM</t>
  </si>
  <si>
    <t>gura salim</t>
  </si>
  <si>
    <t>GGPS Gura Salim</t>
  </si>
  <si>
    <t>Gura salim</t>
  </si>
  <si>
    <t>Sanghoi</t>
  </si>
  <si>
    <t>Shazia  Noreen</t>
  </si>
  <si>
    <t>43788</t>
  </si>
  <si>
    <t>24361</t>
  </si>
  <si>
    <t>GPS CHANAN WALA MOUZA KOREY WALA KABIRWALA</t>
  </si>
  <si>
    <t>Koray Wala</t>
  </si>
  <si>
    <t>5marlla scheme koray wala kabir wala</t>
  </si>
  <si>
    <t>5 Marlla Scheme</t>
  </si>
  <si>
    <t>Kot  Bahadar</t>
  </si>
  <si>
    <t>39710</t>
  </si>
  <si>
    <t>23029</t>
  </si>
  <si>
    <t>17341</t>
  </si>
  <si>
    <t>GGHS RASHEED PUR</t>
  </si>
  <si>
    <t>rasheed pur</t>
  </si>
  <si>
    <t>post offoce rasheed pur teshil 18-hazari jhang</t>
  </si>
  <si>
    <t>SAIMA ABDULLAH</t>
  </si>
  <si>
    <t>GES BASTI KHARA</t>
  </si>
  <si>
    <t>Sabzo Jatt</t>
  </si>
  <si>
    <t>Basti khara post office basira muzafargarh</t>
  </si>
  <si>
    <t>Basti Khara</t>
  </si>
  <si>
    <t>Gul Wala</t>
  </si>
  <si>
    <t>Malik Ashiq Hussain</t>
  </si>
  <si>
    <t>Nearby handpump</t>
  </si>
  <si>
    <t>39215</t>
  </si>
  <si>
    <t>GGPS JHANG</t>
  </si>
  <si>
    <t>vill Jhang tehsile fateh jang distt Attock</t>
  </si>
  <si>
    <t>48952</t>
  </si>
  <si>
    <t>45428</t>
  </si>
  <si>
    <t>GPS COLONY DALA</t>
  </si>
  <si>
    <t>GPS colony Dala mouza Dala tehsil darya khan.</t>
  </si>
  <si>
    <t>Colony Dala</t>
  </si>
  <si>
    <t>Jhumat Shumali</t>
  </si>
  <si>
    <t>Samar abbas Khan</t>
  </si>
  <si>
    <t>28698</t>
  </si>
  <si>
    <t>37301</t>
  </si>
  <si>
    <t>37123</t>
  </si>
  <si>
    <t>GGHS 30/10-R, KACHA KHUH</t>
  </si>
  <si>
    <t>GGHS 30/10R</t>
  </si>
  <si>
    <t>30/10R Khanewal</t>
  </si>
  <si>
    <t>Sumreen Nadeem</t>
  </si>
  <si>
    <t>electric cooler with filter</t>
  </si>
  <si>
    <t>GGES BHAGIARI</t>
  </si>
  <si>
    <t>Govt girls elementary school bhagiari</t>
  </si>
  <si>
    <t>Bhagiari</t>
  </si>
  <si>
    <t>Hafsa Jabeen</t>
  </si>
  <si>
    <t>GGHS MAGISTRATE COLONY</t>
  </si>
  <si>
    <t>C Block Magistrate Colony RWP</t>
  </si>
  <si>
    <t>sadiqabad</t>
  </si>
  <si>
    <t>Dr.Anisa khatoon</t>
  </si>
  <si>
    <t>35714</t>
  </si>
  <si>
    <t>GPS 173 WB</t>
  </si>
  <si>
    <t>Mouza Mitru P/O Mitru Chak No 173/W.B</t>
  </si>
  <si>
    <t>Chak 173/WB</t>
  </si>
  <si>
    <t>16179</t>
  </si>
  <si>
    <t>30220</t>
  </si>
  <si>
    <t>GGPS BHEELO WALI</t>
  </si>
  <si>
    <t>BADDOMALHI-FEMALE</t>
  </si>
  <si>
    <t>Bhelowali</t>
  </si>
  <si>
    <t>Village Bhelowali p/o Baddomalhi Tehsil &amp; District Narowal</t>
  </si>
  <si>
    <t>Gidian</t>
  </si>
  <si>
    <t>Ismat Nawaz</t>
  </si>
  <si>
    <t>3524</t>
  </si>
  <si>
    <t>2893</t>
  </si>
  <si>
    <t>28660</t>
  </si>
  <si>
    <t>42649</t>
  </si>
  <si>
    <t>GGPS NEW JARMOOT KALAN</t>
  </si>
  <si>
    <t>PO jarmot kalan Tehsil gujr khan dist RWP</t>
  </si>
  <si>
    <t>New Jarmot Kalan</t>
  </si>
  <si>
    <t>Shabana Yasmin</t>
  </si>
  <si>
    <t>18182</t>
  </si>
  <si>
    <t>14640</t>
  </si>
  <si>
    <t>9624</t>
  </si>
  <si>
    <t>6954</t>
  </si>
  <si>
    <t>36105</t>
  </si>
  <si>
    <t>GES CHAK NO. 547/ EB</t>
  </si>
  <si>
    <t>chak no 547/eb</t>
  </si>
  <si>
    <t>chak no. 547/eb vehari</t>
  </si>
  <si>
    <t>chak no 547 /eb</t>
  </si>
  <si>
    <t>chak no 537</t>
  </si>
  <si>
    <t>40996</t>
  </si>
  <si>
    <t>GGPS KHOJKI</t>
  </si>
  <si>
    <t>Khojki</t>
  </si>
  <si>
    <t>vill khojki PO Natain teh Dina jhelum</t>
  </si>
  <si>
    <t>10291</t>
  </si>
  <si>
    <t>34327</t>
  </si>
  <si>
    <t>24036</t>
  </si>
  <si>
    <t>44100</t>
  </si>
  <si>
    <t>GPS CHANDU</t>
  </si>
  <si>
    <t>Chandu</t>
  </si>
  <si>
    <t>Village Chandu Post Office Mehinwal, Tehsil C.S. Shah District Chakwal</t>
  </si>
  <si>
    <t>Water Supply</t>
  </si>
  <si>
    <t>23660</t>
  </si>
  <si>
    <t>45949</t>
  </si>
  <si>
    <t>GGCMHS MOHIB PUR BALA</t>
  </si>
  <si>
    <t>Mohibpur</t>
  </si>
  <si>
    <t>ggcmh mohibpurbala khushab</t>
  </si>
  <si>
    <t>mohibpur</t>
  </si>
  <si>
    <t>Naheed Tahira</t>
  </si>
  <si>
    <t>37744</t>
  </si>
  <si>
    <t>GGHS THATHA SADIQ ABAD JAHANIAN</t>
  </si>
  <si>
    <t>GGHS THATHA SADIQ ABAD jahanian</t>
  </si>
  <si>
    <t>Thatha sadiq Abad</t>
  </si>
  <si>
    <t>Matin Gul</t>
  </si>
  <si>
    <t>22476</t>
  </si>
  <si>
    <t>44258</t>
  </si>
  <si>
    <t>35453</t>
  </si>
  <si>
    <t>GGPS CHAK NO. 311 EB BURE WALA</t>
  </si>
  <si>
    <t>311 EB</t>
  </si>
  <si>
    <t>Chak No. 311 EB</t>
  </si>
  <si>
    <t>317  EB Dewan Sahib</t>
  </si>
  <si>
    <t>Hafiza Narmeen Zulfiqar</t>
  </si>
  <si>
    <t>28920</t>
  </si>
  <si>
    <t>39313</t>
  </si>
  <si>
    <t>48780</t>
  </si>
  <si>
    <t>17343</t>
  </si>
  <si>
    <t>GGCMES LASHARI</t>
  </si>
  <si>
    <t>Lsshari</t>
  </si>
  <si>
    <t>Village and p\0 lashari</t>
  </si>
  <si>
    <t>Lashari</t>
  </si>
  <si>
    <t>Kotmurad</t>
  </si>
  <si>
    <t>Abida Hussain</t>
  </si>
  <si>
    <t>11886</t>
  </si>
  <si>
    <t>GGPS CHAK NO. 631/TDA</t>
  </si>
  <si>
    <t>Arain Sharkeey</t>
  </si>
  <si>
    <t>ggps chk no 631/tda</t>
  </si>
  <si>
    <t>Chak No 631/tda</t>
  </si>
  <si>
    <t>Chk No 632/tda</t>
  </si>
  <si>
    <t>Iffat Jabeen</t>
  </si>
  <si>
    <t>7130</t>
  </si>
  <si>
    <t>36719</t>
  </si>
  <si>
    <t>GPS QITTA BUDHUANA KABIRWALA</t>
  </si>
  <si>
    <t>Dahi Kabirwala</t>
  </si>
  <si>
    <t>Qitta Budhuana, Kabirwala District Khanewal</t>
  </si>
  <si>
    <t>Qitta Budhuana</t>
  </si>
  <si>
    <t>38109</t>
  </si>
  <si>
    <t>29249</t>
  </si>
  <si>
    <t>31432</t>
  </si>
  <si>
    <t>38834</t>
  </si>
  <si>
    <t>GPS ROOMIAN</t>
  </si>
  <si>
    <t>Roomian</t>
  </si>
  <si>
    <t>Village Roomian P.O Mansar Tehsil &amp; District Attock.</t>
  </si>
  <si>
    <t>Sijawal Khan</t>
  </si>
  <si>
    <t>20710</t>
  </si>
  <si>
    <t>48805</t>
  </si>
  <si>
    <t>GGHS ZM REHMAN PURA ROAD SGD</t>
  </si>
  <si>
    <t>REHMAN PURA ROAD</t>
  </si>
  <si>
    <t>Rehmanpura sgd</t>
  </si>
  <si>
    <t>YASMIN AKHTAR</t>
  </si>
  <si>
    <t>7553</t>
  </si>
  <si>
    <t>2335</t>
  </si>
  <si>
    <t>38014</t>
  </si>
  <si>
    <t>GPS MOLVI SIKANDAR</t>
  </si>
  <si>
    <t>Molvi Sikandar</t>
  </si>
  <si>
    <t>chah abasian wala po chak himta moza molvi sikandar uc chakhimta tehsil and district Lodhran</t>
  </si>
  <si>
    <t>Abasia Wala</t>
  </si>
  <si>
    <t>Chak himta</t>
  </si>
  <si>
    <t>Abdul Ghafoor Anjum</t>
  </si>
  <si>
    <t>33924</t>
  </si>
  <si>
    <t>GGHS CHOHAN</t>
  </si>
  <si>
    <t>Chohan</t>
  </si>
  <si>
    <t>gghs chohan</t>
  </si>
  <si>
    <t>Blagan</t>
  </si>
  <si>
    <t>Attia Munir</t>
  </si>
  <si>
    <t>40079</t>
  </si>
  <si>
    <t>19825</t>
  </si>
  <si>
    <t>GGPS SUMANDAR</t>
  </si>
  <si>
    <t>Sammunder</t>
  </si>
  <si>
    <t>moza sammunder tehsil bhowsana dist chiniot</t>
  </si>
  <si>
    <t>Naheeda Khatoon</t>
  </si>
  <si>
    <t>45671</t>
  </si>
  <si>
    <t>GGPS RAKH DALA</t>
  </si>
  <si>
    <t>chk no 1 rakh dala teh darya khan dist bhkr</t>
  </si>
  <si>
    <t>Asma Anwar</t>
  </si>
  <si>
    <t>5708</t>
  </si>
  <si>
    <t>GGPS CHAK 68 GB KUND JARANWLA</t>
  </si>
  <si>
    <t>68gb khurd</t>
  </si>
  <si>
    <t>chak no 68gb khurd, tensile jaranwala district fasilabad</t>
  </si>
  <si>
    <t>31189</t>
  </si>
  <si>
    <t>43189</t>
  </si>
  <si>
    <t>34499</t>
  </si>
  <si>
    <t>13598</t>
  </si>
  <si>
    <t>GGPS BASTI GHULAM HASSAN</t>
  </si>
  <si>
    <t>basti ghulam hassan,Moza Tal shumali</t>
  </si>
  <si>
    <t>Basti Ghulam Hassan</t>
  </si>
  <si>
    <t>Shireen Najam</t>
  </si>
  <si>
    <t>44148</t>
  </si>
  <si>
    <t>15775</t>
  </si>
  <si>
    <t>GPS 61 JB ASGHAR ABAD FSD</t>
  </si>
  <si>
    <t>61 JB Asgharbad</t>
  </si>
  <si>
    <t>chak no 61 Jb asgharbad fsd</t>
  </si>
  <si>
    <t>61 Jb Asgharbad</t>
  </si>
  <si>
    <t>SABA MUZAMAL</t>
  </si>
  <si>
    <t>9275</t>
  </si>
  <si>
    <t>GES OLAKH BUNGA</t>
  </si>
  <si>
    <t>Olakh Bonga</t>
  </si>
  <si>
    <t>Govt. High school olakh Bonga. P/o Phool Nagar. Pattoki. Kasur</t>
  </si>
  <si>
    <t>43040</t>
  </si>
  <si>
    <t>29143</t>
  </si>
  <si>
    <t>GGHS KACHA PACCA KALAN</t>
  </si>
  <si>
    <t>Kacha Pacca Kalan</t>
  </si>
  <si>
    <t>GGHS Kacha Pacca Kalan Kasur</t>
  </si>
  <si>
    <t>Saba Nazir</t>
  </si>
  <si>
    <t>32903</t>
  </si>
  <si>
    <t>GHS M.S. ISLAMIA</t>
  </si>
  <si>
    <t>govt m.s.islamia high school gujranwala</t>
  </si>
  <si>
    <t>muhammad Hafeez</t>
  </si>
  <si>
    <t>GPS GHOUS PURA</t>
  </si>
  <si>
    <t>BWN-II-MALE</t>
  </si>
  <si>
    <t>basti ghulam rasool, moza ghous pur, p/o jhulan araein bahawalnagar</t>
  </si>
  <si>
    <t>Jhullan Arian</t>
  </si>
  <si>
    <t>Munawar Saeed</t>
  </si>
  <si>
    <t>43437</t>
  </si>
  <si>
    <t>GGES GHAZYAL</t>
  </si>
  <si>
    <t>Ghazial</t>
  </si>
  <si>
    <t>village Ghazial teh &amp; distt Chakwal</t>
  </si>
  <si>
    <t>Gulnaz Hayat</t>
  </si>
  <si>
    <t>52249</t>
  </si>
  <si>
    <t>50802</t>
  </si>
  <si>
    <t>43204</t>
  </si>
  <si>
    <t>38101</t>
  </si>
  <si>
    <t>GGPS JALAL ABAD</t>
  </si>
  <si>
    <t>GGPS Jalalabad, Lodhran, Punjab, Pakistan.</t>
  </si>
  <si>
    <t>48776</t>
  </si>
  <si>
    <t>32519</t>
  </si>
  <si>
    <t>6005</t>
  </si>
  <si>
    <t>GGHS FATEH PUR ARAIN</t>
  </si>
  <si>
    <t>Fateh Pur Arain</t>
  </si>
  <si>
    <t>gghs fateh Pur arain rahim Yar khan</t>
  </si>
  <si>
    <t>Kot Mehndi Shah</t>
  </si>
  <si>
    <t>Sumera Iqbal</t>
  </si>
  <si>
    <t>46418</t>
  </si>
  <si>
    <t>35971</t>
  </si>
  <si>
    <t>GGPS HASSAN SHAH</t>
  </si>
  <si>
    <t>GGPS hassan shah</t>
  </si>
  <si>
    <t>NOREEN Farah</t>
  </si>
  <si>
    <t>45794</t>
  </si>
  <si>
    <t>18522</t>
  </si>
  <si>
    <t>GGHS CHAK 91 JB</t>
  </si>
  <si>
    <t>91 Jb</t>
  </si>
  <si>
    <t>chak no 91 jb tehsil Gojra,t.t.singh</t>
  </si>
  <si>
    <t>Chak No 91 Jb</t>
  </si>
  <si>
    <t>Chak No 93 Jb</t>
  </si>
  <si>
    <t>Noshaba Tehseen</t>
  </si>
  <si>
    <t>9114</t>
  </si>
  <si>
    <t>32907</t>
  </si>
  <si>
    <t>38962</t>
  </si>
  <si>
    <t>GHS BURJ</t>
  </si>
  <si>
    <t>vpo burj tehsil fateh Jang district attock</t>
  </si>
  <si>
    <t>Shara E Sadullah</t>
  </si>
  <si>
    <t>50558</t>
  </si>
  <si>
    <t>GGCMES 164-A/9-L</t>
  </si>
  <si>
    <t>164A9/L</t>
  </si>
  <si>
    <t>Chao no 164A9/L</t>
  </si>
  <si>
    <t>164A/9L</t>
  </si>
  <si>
    <t>169/9L</t>
  </si>
  <si>
    <t>SADIA ANJUM</t>
  </si>
  <si>
    <t>5702</t>
  </si>
  <si>
    <t>20332</t>
  </si>
  <si>
    <t>38085</t>
  </si>
  <si>
    <t>GGPS CHANNU SHAHBAZ</t>
  </si>
  <si>
    <t>Channu Shehbaz</t>
  </si>
  <si>
    <t>tehsil&amp;disct lodhran,channu shehbaz basti sahai gailywal.</t>
  </si>
  <si>
    <t>Safia Noreen</t>
  </si>
  <si>
    <t>3886</t>
  </si>
  <si>
    <t>29637</t>
  </si>
  <si>
    <t>21575</t>
  </si>
  <si>
    <t>GES GAGGA SARAI</t>
  </si>
  <si>
    <t>PHOOL NAGAR CITY - MALE</t>
  </si>
  <si>
    <t>Gagga Sarai</t>
  </si>
  <si>
    <t>gagga sarai po phool nagar tehsil pattoki distt kasur</t>
  </si>
  <si>
    <t>Muhammad Muzammal</t>
  </si>
  <si>
    <t>7875</t>
  </si>
  <si>
    <t>12141</t>
  </si>
  <si>
    <t>18003</t>
  </si>
  <si>
    <t>52843</t>
  </si>
  <si>
    <t>GGES CHAK NO. 39/D</t>
  </si>
  <si>
    <t>PIPLI PAHAR - FEMALE</t>
  </si>
  <si>
    <t>39-d</t>
  </si>
  <si>
    <t>40-d</t>
  </si>
  <si>
    <t>Shehlla Perveen</t>
  </si>
  <si>
    <t>53284</t>
  </si>
  <si>
    <t>GHS ISLAMIA NO. 4</t>
  </si>
  <si>
    <t>RAWALPINDI CITY</t>
  </si>
  <si>
    <t>GOVT. ISLAMIA HIGH SCHOOL NO.4, LIAQUAT ROAD RAWALPINDI</t>
  </si>
  <si>
    <t>MUBASHAR AHMAD</t>
  </si>
  <si>
    <t>5234</t>
  </si>
  <si>
    <t>GPS JORHA</t>
  </si>
  <si>
    <t>MANRKA MALE</t>
  </si>
  <si>
    <t>Maholji</t>
  </si>
  <si>
    <t>markaz manrka male taunsa,dgkhan</t>
  </si>
  <si>
    <t>Fazla Kach</t>
  </si>
  <si>
    <t>47718</t>
  </si>
  <si>
    <t>9148</t>
  </si>
  <si>
    <t>GPS MUNDWANI</t>
  </si>
  <si>
    <t>BEROT MALE</t>
  </si>
  <si>
    <t>Berot MUNDWANI</t>
  </si>
  <si>
    <t>MUNDWANI</t>
  </si>
  <si>
    <t>Berot</t>
  </si>
  <si>
    <t>ABDUL RAHMAN</t>
  </si>
  <si>
    <t>5230</t>
  </si>
  <si>
    <t>9162</t>
  </si>
  <si>
    <t>GPS JAND WANGA</t>
  </si>
  <si>
    <t>MITHWAN MALE</t>
  </si>
  <si>
    <t>Jand Wanga</t>
  </si>
  <si>
    <t>basti jand wanga p/o vehova</t>
  </si>
  <si>
    <t>Basti Jand Wanga</t>
  </si>
  <si>
    <t>Mithwan</t>
  </si>
  <si>
    <t>muhammad shahnawaz</t>
  </si>
  <si>
    <t>GGPS HADWAR SHUMALI</t>
  </si>
  <si>
    <t>BOHAR-FEMALE</t>
  </si>
  <si>
    <t>Hadwar</t>
  </si>
  <si>
    <t>GGPS hadwar shumali</t>
  </si>
  <si>
    <t>Hadwar Shumali</t>
  </si>
  <si>
    <t>Sajda Parveen</t>
  </si>
  <si>
    <t>9184</t>
  </si>
  <si>
    <t>GGPS ANGRAH-MIR KHAR</t>
  </si>
  <si>
    <t>DOUNA-FEMALE</t>
  </si>
  <si>
    <t>mir khar</t>
  </si>
  <si>
    <t>bait angrah mir khar</t>
  </si>
  <si>
    <t>Mir khar</t>
  </si>
  <si>
    <t>Nosheen Rashid</t>
  </si>
  <si>
    <t>4587</t>
  </si>
  <si>
    <t>GGPS KOT QAISRANI NO. 4</t>
  </si>
  <si>
    <t>KOT QISRANI-FEMALE</t>
  </si>
  <si>
    <t>PS kot qaisrani</t>
  </si>
  <si>
    <t>8102</t>
  </si>
  <si>
    <t>53917</t>
  </si>
  <si>
    <t>GGM PS HARWANI</t>
  </si>
  <si>
    <t>Village herwani tehsil tausa shareef distric dg khan</t>
  </si>
  <si>
    <t>Herwani</t>
  </si>
  <si>
    <t>Public tubewell</t>
  </si>
  <si>
    <t>9201</t>
  </si>
  <si>
    <t>GGPS FATAY WALI</t>
  </si>
  <si>
    <t>fateh wali hajwani</t>
  </si>
  <si>
    <t>Fateh Wali</t>
  </si>
  <si>
    <t>9203</t>
  </si>
  <si>
    <t>GGPS RODA TIBBA</t>
  </si>
  <si>
    <t>Rolhari</t>
  </si>
  <si>
    <t>litra teh tunsa d g khan</t>
  </si>
  <si>
    <t>Roda tibba</t>
  </si>
  <si>
    <t>Litra</t>
  </si>
  <si>
    <t>jameela aslam</t>
  </si>
  <si>
    <t>5223</t>
  </si>
  <si>
    <t>8892</t>
  </si>
  <si>
    <t>GPS DAO WALI</t>
  </si>
  <si>
    <t>DAU WALI MALE</t>
  </si>
  <si>
    <t>Litri Shumali</t>
  </si>
  <si>
    <t>Dau Wali p/o tibbi qaisrani tehsil taunsa district d g khan</t>
  </si>
  <si>
    <t>Dau Wali</t>
  </si>
  <si>
    <t>Zaka ur rehman</t>
  </si>
  <si>
    <t>5216</t>
  </si>
  <si>
    <t>8924</t>
  </si>
  <si>
    <t>GPS TAUNSA SHARIF NO 2</t>
  </si>
  <si>
    <t>TUBB MALE</t>
  </si>
  <si>
    <t>kachi abadi Taunsa sharif</t>
  </si>
  <si>
    <t>8939</t>
  </si>
  <si>
    <t>GGMPS MANGROTHA NO.3</t>
  </si>
  <si>
    <t>MANGROTHA-FEMALE</t>
  </si>
  <si>
    <t>Mangotha East</t>
  </si>
  <si>
    <t>mangrotha east</t>
  </si>
  <si>
    <t>Zakia Bano</t>
  </si>
  <si>
    <t>37788</t>
  </si>
  <si>
    <t>8965</t>
  </si>
  <si>
    <t>GPS MOHANDA</t>
  </si>
  <si>
    <t>Mohanda</t>
  </si>
  <si>
    <t>Village Mohanda tehsil Taunsa DG khan</t>
  </si>
  <si>
    <t>Boher</t>
  </si>
  <si>
    <t>5217</t>
  </si>
  <si>
    <t>8977</t>
  </si>
  <si>
    <t>GPS GHALI</t>
  </si>
  <si>
    <t>DOUNA MALE</t>
  </si>
  <si>
    <t>moza douna basti ghali</t>
  </si>
  <si>
    <t>Ghali</t>
  </si>
  <si>
    <t>54908</t>
  </si>
  <si>
    <t>6179</t>
  </si>
  <si>
    <t>53237</t>
  </si>
  <si>
    <t>GPS SHER KAY BALA</t>
  </si>
  <si>
    <t>MAROOLA SHARIF-MALE</t>
  </si>
  <si>
    <t>Sher Key Bala</t>
  </si>
  <si>
    <t>Gps sher kay bala</t>
  </si>
  <si>
    <t>Kohla</t>
  </si>
  <si>
    <t>45716</t>
  </si>
  <si>
    <t>21659</t>
  </si>
  <si>
    <t>GGPS SHENI WALA</t>
  </si>
  <si>
    <t>Shehni Wala</t>
  </si>
  <si>
    <t>village shehni wala p.o mandiala tegha teh kamonki distt. Gujranwala</t>
  </si>
  <si>
    <t>Bushra Yasmin</t>
  </si>
  <si>
    <t>11360</t>
  </si>
  <si>
    <t>9935</t>
  </si>
  <si>
    <t>51050</t>
  </si>
  <si>
    <t>GGPS MC NO.10 CHAMAN ZAR</t>
  </si>
  <si>
    <t>Chamenzar</t>
  </si>
  <si>
    <t>shaheen road sahiwal</t>
  </si>
  <si>
    <t>Fateh Shear Colony</t>
  </si>
  <si>
    <t>kousar Sarfraz</t>
  </si>
  <si>
    <t>2262</t>
  </si>
  <si>
    <t>22790</t>
  </si>
  <si>
    <t>23918</t>
  </si>
  <si>
    <t>44254</t>
  </si>
  <si>
    <t>GPS CHAK MISRI</t>
  </si>
  <si>
    <t>Chakmisri</t>
  </si>
  <si>
    <t>Gps chakmisri.teh kallar kahar distt chakwal</t>
  </si>
  <si>
    <t>Buchal Khurd</t>
  </si>
  <si>
    <t>Rabia Batool</t>
  </si>
  <si>
    <t>11210</t>
  </si>
  <si>
    <t>10280</t>
  </si>
  <si>
    <t>19944</t>
  </si>
  <si>
    <t>36394</t>
  </si>
  <si>
    <t>GGPS 85 WB</t>
  </si>
  <si>
    <t>85w/b vehari</t>
  </si>
  <si>
    <t>87w/b Adda Chakrala</t>
  </si>
  <si>
    <t>GGPS (MODEL) MANKA</t>
  </si>
  <si>
    <t>Manka</t>
  </si>
  <si>
    <t>village manka p/0 gumtala tehsil Shakargarh district narowal</t>
  </si>
  <si>
    <t>Anila Akram</t>
  </si>
  <si>
    <t>34785</t>
  </si>
  <si>
    <t>GHS SABRA</t>
  </si>
  <si>
    <t>Sabra</t>
  </si>
  <si>
    <t>mouza sabra  tehsil halal pur peer wala multan</t>
  </si>
  <si>
    <t>Kanhoon</t>
  </si>
  <si>
    <t>Rana Abdul Hameed Noon</t>
  </si>
  <si>
    <t>45133</t>
  </si>
  <si>
    <t>44714</t>
  </si>
  <si>
    <t>7147</t>
  </si>
  <si>
    <t>GPS MIANS SAIDY SULTAN</t>
  </si>
  <si>
    <t>Mian Sadi sultan</t>
  </si>
  <si>
    <t>basti bangla meraan pur Sadat mouza Mian sadi sultan</t>
  </si>
  <si>
    <t>Bangla Miran pur Sadat</t>
  </si>
  <si>
    <t>H M Iqbal</t>
  </si>
  <si>
    <t>17983</t>
  </si>
  <si>
    <t>GGHS WARYAM WALA</t>
  </si>
  <si>
    <t>kot lal</t>
  </si>
  <si>
    <t>GGHS Waryam Wala,PO Waryam Wala,Tehsil Shorkot Zila Jhang</t>
  </si>
  <si>
    <t>Chaiyan Wala</t>
  </si>
  <si>
    <t>sajida sultana</t>
  </si>
  <si>
    <t>hand pump Water cooler water pump</t>
  </si>
  <si>
    <t>16468</t>
  </si>
  <si>
    <t>36786</t>
  </si>
  <si>
    <t>GPS NAI BASTI UMEED GARH, ABDUL HAKIM</t>
  </si>
  <si>
    <t>Umeed Garh</t>
  </si>
  <si>
    <t>Teh. Kabirwla Dist Khanewal Moza Umeed Garh AbdulHakim</t>
  </si>
  <si>
    <t>2207</t>
  </si>
  <si>
    <t>33374</t>
  </si>
  <si>
    <t>33532</t>
  </si>
  <si>
    <t>17761</t>
  </si>
  <si>
    <t>GGPS CHAK NO 231 JB</t>
  </si>
  <si>
    <t>kamokah</t>
  </si>
  <si>
    <t>ck #231 teh.&amp;dist.jhang</t>
  </si>
  <si>
    <t>Kamokah</t>
  </si>
  <si>
    <t>Ck Sipra 159</t>
  </si>
  <si>
    <t>2177</t>
  </si>
  <si>
    <t>17555</t>
  </si>
  <si>
    <t>17503</t>
  </si>
  <si>
    <t>7172</t>
  </si>
  <si>
    <t>GPS BASTI HAJI FATEH MUHAMMAD</t>
  </si>
  <si>
    <t>basti kalar wali u/c rasool pur tehsil sadiq abad distt Rahim yar khan</t>
  </si>
  <si>
    <t>Basti Kalar Wali</t>
  </si>
  <si>
    <t>Rahat Rahilla</t>
  </si>
  <si>
    <t>11372</t>
  </si>
  <si>
    <t>38847</t>
  </si>
  <si>
    <t>2151</t>
  </si>
  <si>
    <t>31488</t>
  </si>
  <si>
    <t>GGPS DUHDIAN CHAR</t>
  </si>
  <si>
    <t>FEROZWALA-I - FEMALE</t>
  </si>
  <si>
    <t>Dhudian Char</t>
  </si>
  <si>
    <t>GGPS dhudian char</t>
  </si>
  <si>
    <t>Burj Attari</t>
  </si>
  <si>
    <t>2053</t>
  </si>
  <si>
    <t>23390</t>
  </si>
  <si>
    <t>6405</t>
  </si>
  <si>
    <t>45119</t>
  </si>
  <si>
    <t>GGMES CHAK NO 30/ML</t>
  </si>
  <si>
    <t>Chak number 30 ml P/O 32 ml tehsil kallur kot distt bhakkar</t>
  </si>
  <si>
    <t>30 Ml</t>
  </si>
  <si>
    <t>Nadia Nisar</t>
  </si>
  <si>
    <t>15438</t>
  </si>
  <si>
    <t>32061</t>
  </si>
  <si>
    <t>11797</t>
  </si>
  <si>
    <t>GGPS MUKHTIAR WALA</t>
  </si>
  <si>
    <t>post office mehmoodkot kot Tehsil kot addu district m garh</t>
  </si>
  <si>
    <t>Basti Arain Wala</t>
  </si>
  <si>
    <t>Aneela Jabeen</t>
  </si>
  <si>
    <t>GGES CHAK NO.482/GB</t>
  </si>
  <si>
    <t>Jagranwan</t>
  </si>
  <si>
    <t>GGES482gb teh.samundri.distt.fsd.</t>
  </si>
  <si>
    <t>Chak No 482 GB</t>
  </si>
  <si>
    <t>Waheeda Nasim</t>
  </si>
  <si>
    <t>42404</t>
  </si>
  <si>
    <t>GES DATA BAT</t>
  </si>
  <si>
    <t>Data Bhatt</t>
  </si>
  <si>
    <t>VPO Data bhutt Tehsil gujar khan</t>
  </si>
  <si>
    <t>Davi</t>
  </si>
  <si>
    <t>Muhammad Afzaal Ahmed</t>
  </si>
  <si>
    <t>18851</t>
  </si>
  <si>
    <t>38692</t>
  </si>
  <si>
    <t>35611</t>
  </si>
  <si>
    <t>GPS CHAK 202 WB</t>
  </si>
  <si>
    <t>Chak 202/wb</t>
  </si>
  <si>
    <t>Chak#202/wb P.O Tibba Sultan Pur</t>
  </si>
  <si>
    <t>Chak#202/wb</t>
  </si>
  <si>
    <t>Basti Sehar</t>
  </si>
  <si>
    <t>Abdul Rahman Azmi</t>
  </si>
  <si>
    <t>24222</t>
  </si>
  <si>
    <t>GPS CHAK NO 13/P</t>
  </si>
  <si>
    <t>Talla Wala</t>
  </si>
  <si>
    <t>Post Office Jetha Bhutta Tehsil Khanpur</t>
  </si>
  <si>
    <t>Chak 13/P</t>
  </si>
  <si>
    <t>Sadiq Hussain</t>
  </si>
  <si>
    <t>30886</t>
  </si>
  <si>
    <t>28400</t>
  </si>
  <si>
    <t>37596</t>
  </si>
  <si>
    <t>GMES 99/15-L, MIAN CHANNU</t>
  </si>
  <si>
    <t>99/15L</t>
  </si>
  <si>
    <t>chack no99/15.L mian channu</t>
  </si>
  <si>
    <t>Chak No 99/15L</t>
  </si>
  <si>
    <t>14131</t>
  </si>
  <si>
    <t>40993</t>
  </si>
  <si>
    <t>GMPS BURA PINDI</t>
  </si>
  <si>
    <t>Burapindi</t>
  </si>
  <si>
    <t>village Burapindi post office dina</t>
  </si>
  <si>
    <t>mulagbad</t>
  </si>
  <si>
    <t>Farah Jabeen</t>
  </si>
  <si>
    <t>48202</t>
  </si>
  <si>
    <t>GGPS MASJID WALA</t>
  </si>
  <si>
    <t>KAKKI NAU - FEMALE</t>
  </si>
  <si>
    <t>chak som</t>
  </si>
  <si>
    <t>masjid wala chak som</t>
  </si>
  <si>
    <t>masjid wala</t>
  </si>
  <si>
    <t>kaki nou</t>
  </si>
  <si>
    <t>Shahina Rashid</t>
  </si>
  <si>
    <t>8964</t>
  </si>
  <si>
    <t>28786</t>
  </si>
  <si>
    <t>51081</t>
  </si>
  <si>
    <t>GGCMES 95/6-R</t>
  </si>
  <si>
    <t>95/6-R</t>
  </si>
  <si>
    <t>GGCME.SCHOOL 95/6-R</t>
  </si>
  <si>
    <t>Jahaz Ground</t>
  </si>
  <si>
    <t>Najma Nasim</t>
  </si>
  <si>
    <t>9083</t>
  </si>
  <si>
    <t>GHS CHAK NO 241 JB</t>
  </si>
  <si>
    <t>Manguana</t>
  </si>
  <si>
    <t>chak 241jb</t>
  </si>
  <si>
    <t>Iftikhar Aziz Danish</t>
  </si>
  <si>
    <t>18235</t>
  </si>
  <si>
    <t>GHSS HASSU BALAIL</t>
  </si>
  <si>
    <t>GHSS Hassu Balail Ahmad Pur Sial Jhang</t>
  </si>
  <si>
    <t>mustafa iqbal</t>
  </si>
  <si>
    <t>19755</t>
  </si>
  <si>
    <t>18564</t>
  </si>
  <si>
    <t>GGES CHAK 160 GB KALAY KI</t>
  </si>
  <si>
    <t>BASHIR ABAD-FEMALE</t>
  </si>
  <si>
    <t>Kalayki</t>
  </si>
  <si>
    <t>chak #160 gb</t>
  </si>
  <si>
    <t>160gb</t>
  </si>
  <si>
    <t>Chak154 Gb</t>
  </si>
  <si>
    <t>Samina  Gill</t>
  </si>
  <si>
    <t>38446</t>
  </si>
  <si>
    <t>GGHS 362 WB</t>
  </si>
  <si>
    <t>362/wb</t>
  </si>
  <si>
    <t>Chak#362/wb p/o358/wb tehsil dunyapur distt.lodhran</t>
  </si>
  <si>
    <t>386/wb</t>
  </si>
  <si>
    <t>Tahira Nasim</t>
  </si>
  <si>
    <t>9111</t>
  </si>
  <si>
    <t>44756</t>
  </si>
  <si>
    <t>6247</t>
  </si>
  <si>
    <t>GGPS CHAK NO 7 RMK</t>
  </si>
  <si>
    <t>bhakar</t>
  </si>
  <si>
    <t>Chack No 7rmk</t>
  </si>
  <si>
    <t>899</t>
  </si>
  <si>
    <t>2228</t>
  </si>
  <si>
    <t>30092</t>
  </si>
  <si>
    <t>22985</t>
  </si>
  <si>
    <t>GGHS SEEKARIALI</t>
  </si>
  <si>
    <t>SIKERYALI</t>
  </si>
  <si>
    <t>VILL. &amp; P.O. SIKERYALI, TEH. KHARIAN, DISTT. GUJRAT</t>
  </si>
  <si>
    <t>RUBY SADIQ</t>
  </si>
  <si>
    <t>47358</t>
  </si>
  <si>
    <t>54269</t>
  </si>
  <si>
    <t>39195</t>
  </si>
  <si>
    <t>GGPS ASLAM DAGROCHA</t>
  </si>
  <si>
    <t>CHACHRAN SHARIF - FEMALE</t>
  </si>
  <si>
    <t>Mouza Gehmal pir</t>
  </si>
  <si>
    <t>gehna Lar khanpur</t>
  </si>
  <si>
    <t>Gehmal pir</t>
  </si>
  <si>
    <t>Gehna Lar</t>
  </si>
  <si>
    <t>Faiza Ikram</t>
  </si>
  <si>
    <t>15620</t>
  </si>
  <si>
    <t>GGCMPS 477 GB GHARBI MAMUN KANNJAN</t>
  </si>
  <si>
    <t>Kot Umrah</t>
  </si>
  <si>
    <t>chak no 477 g.b west</t>
  </si>
  <si>
    <t>477 Gb West</t>
  </si>
  <si>
    <t>475 Gb</t>
  </si>
  <si>
    <t>Nargis Parveen</t>
  </si>
  <si>
    <t>33920</t>
  </si>
  <si>
    <t>23675</t>
  </si>
  <si>
    <t>GGES RAJOKAY</t>
  </si>
  <si>
    <t>Rajokey</t>
  </si>
  <si>
    <t>rajokey tehseel daska sialkot</t>
  </si>
  <si>
    <t>Kanwalit</t>
  </si>
  <si>
    <t>51867</t>
  </si>
  <si>
    <t>35616</t>
  </si>
  <si>
    <t>GPS 330 WB</t>
  </si>
  <si>
    <t>Chak No 330/WB</t>
  </si>
  <si>
    <t>Chak No 330/WB Teh Mailsi Distt Vehari</t>
  </si>
  <si>
    <t>6511</t>
  </si>
  <si>
    <t>GGCMES MANZOOR ABAD (BINDOOR)</t>
  </si>
  <si>
    <t>MANTHAR RYK - FEMALE</t>
  </si>
  <si>
    <t>Manzoor Abad Rahim yar khan</t>
  </si>
  <si>
    <t>Deh</t>
  </si>
  <si>
    <t>Samina yasmin</t>
  </si>
  <si>
    <t>4388</t>
  </si>
  <si>
    <t>11654</t>
  </si>
  <si>
    <t>GPS BASIRA</t>
  </si>
  <si>
    <t>KOT ADU-I- MALE</t>
  </si>
  <si>
    <t>Chaudhary</t>
  </si>
  <si>
    <t>chah baseera  moza chaudhary kot addu</t>
  </si>
  <si>
    <t>Chudhry</t>
  </si>
  <si>
    <t>40979</t>
  </si>
  <si>
    <t>GGES MUFTIAN</t>
  </si>
  <si>
    <t>Muftian</t>
  </si>
  <si>
    <t>gges muftian tehsil dina distt jhelum</t>
  </si>
  <si>
    <t>Raheela Kouser</t>
  </si>
  <si>
    <t>36230</t>
  </si>
  <si>
    <t>42926</t>
  </si>
  <si>
    <t>27935</t>
  </si>
  <si>
    <t>54865</t>
  </si>
  <si>
    <t>GGES Gulam Sarwar British Home Colony, Rwp Cantt</t>
  </si>
  <si>
    <t>Peerwadia</t>
  </si>
  <si>
    <t>street on 14 briish home rwp cantt</t>
  </si>
  <si>
    <t>British Home</t>
  </si>
  <si>
    <t>Samina Bano</t>
  </si>
  <si>
    <t>22737</t>
  </si>
  <si>
    <t>44743</t>
  </si>
  <si>
    <t>GMPS CHAK NO 3 RMK</t>
  </si>
  <si>
    <t>khansar</t>
  </si>
  <si>
    <t>chak no 3RMK</t>
  </si>
  <si>
    <t>chak no 3rmk</t>
  </si>
  <si>
    <t>Dilshad Fatima</t>
  </si>
  <si>
    <t>46762</t>
  </si>
  <si>
    <t>38526</t>
  </si>
  <si>
    <t>15747</t>
  </si>
  <si>
    <t>GGES CHAK 165 GB EAST SAMUNDARI</t>
  </si>
  <si>
    <t>165 GB East</t>
  </si>
  <si>
    <t>chak  No 165 GB</t>
  </si>
  <si>
    <t>Chak No 166</t>
  </si>
  <si>
    <t>Sidra Afzal</t>
  </si>
  <si>
    <t>6900</t>
  </si>
  <si>
    <t>14873</t>
  </si>
  <si>
    <t>19881</t>
  </si>
  <si>
    <t>GMPS CHAK NO 206 JB</t>
  </si>
  <si>
    <t>Bosal Wali</t>
  </si>
  <si>
    <t>moza bosal Wali</t>
  </si>
  <si>
    <t>Chak No 206jb</t>
  </si>
  <si>
    <t>Chak No 184jb</t>
  </si>
  <si>
    <t>48950</t>
  </si>
  <si>
    <t>38895</t>
  </si>
  <si>
    <t>GGPS GHOARA MAR</t>
  </si>
  <si>
    <t>Choi Gariaala</t>
  </si>
  <si>
    <t>Ghora Mar</t>
  </si>
  <si>
    <t>Bushra Shehzad</t>
  </si>
  <si>
    <t>biring</t>
  </si>
  <si>
    <t>15213</t>
  </si>
  <si>
    <t>GGPS CHAK 103 RB KHURRIANWALA</t>
  </si>
  <si>
    <t>Phulai</t>
  </si>
  <si>
    <t>chak no 103r.b 2nd</t>
  </si>
  <si>
    <t>103rb2nd</t>
  </si>
  <si>
    <t>103rb</t>
  </si>
  <si>
    <t>Saadia Qayyum</t>
  </si>
  <si>
    <t>14744</t>
  </si>
  <si>
    <t>14118</t>
  </si>
  <si>
    <t>GES GOBIND GARH, ABDUL HAKIM</t>
  </si>
  <si>
    <t>Gobind garh</t>
  </si>
  <si>
    <t>GES Gobind garh moza Gobind garh Abdul Hakim</t>
  </si>
  <si>
    <t>Umeed garh</t>
  </si>
  <si>
    <t>40017</t>
  </si>
  <si>
    <t>21129</t>
  </si>
  <si>
    <t>27350</t>
  </si>
  <si>
    <t>6521</t>
  </si>
  <si>
    <t>GGPS PEER PULIA SHAH</t>
  </si>
  <si>
    <t>basti Peer pulia shah Rahim Yar Khan</t>
  </si>
  <si>
    <t>Basti Peer Pulia Shah</t>
  </si>
  <si>
    <t>Badli Shareef</t>
  </si>
  <si>
    <t>7661</t>
  </si>
  <si>
    <t>GHS SARWAR WALI</t>
  </si>
  <si>
    <t>Drahma</t>
  </si>
  <si>
    <t>P/o sarwar wali</t>
  </si>
  <si>
    <t>5848</t>
  </si>
  <si>
    <t>50233</t>
  </si>
  <si>
    <t>GGES 109/7-R</t>
  </si>
  <si>
    <t>CHANDNI CHOWK-FEMALE</t>
  </si>
  <si>
    <t>109/7-R</t>
  </si>
  <si>
    <t>Chak No. 109/7-R Chichawatni District Sahiwal</t>
  </si>
  <si>
    <t>110/7-R</t>
  </si>
  <si>
    <t>Shamim Amin</t>
  </si>
  <si>
    <t>2920</t>
  </si>
  <si>
    <t>53565</t>
  </si>
  <si>
    <t>37431</t>
  </si>
  <si>
    <t>GGHS 102/15-L, MIAN CHANNU</t>
  </si>
  <si>
    <t>Govt.Girls High School Chak No. 102/15-L</t>
  </si>
  <si>
    <t>Chak No. 102/15-L</t>
  </si>
  <si>
    <t>GHULAM RUQIA</t>
  </si>
  <si>
    <t>44491</t>
  </si>
  <si>
    <t>GPS FATEH BUMB</t>
  </si>
  <si>
    <t>YOUSAF SHAH NO 1- MALE</t>
  </si>
  <si>
    <t>Fateh Bumb</t>
  </si>
  <si>
    <t>GPS fateh bumb p.o notak bhakkar</t>
  </si>
  <si>
    <t>Bait Bogha</t>
  </si>
  <si>
    <t>2690</t>
  </si>
  <si>
    <t>15308</t>
  </si>
  <si>
    <t>GGES 102 GB</t>
  </si>
  <si>
    <t>102GB</t>
  </si>
  <si>
    <t>Govt Girls Elementary school 102GB Tehsil Jaranwala Dist Faisalabad</t>
  </si>
  <si>
    <t>58 Gb</t>
  </si>
  <si>
    <t>Rashida Nazir</t>
  </si>
  <si>
    <t>33655</t>
  </si>
  <si>
    <t>6517</t>
  </si>
  <si>
    <t>GMPS QADIR ABAD BASTI</t>
  </si>
  <si>
    <t>Basti bakho moza Qadir abad po Badli Sharif ryk</t>
  </si>
  <si>
    <t>Gulshan Amir Movia</t>
  </si>
  <si>
    <t>Badli Sharif</t>
  </si>
  <si>
    <t>Nasima Haider</t>
  </si>
  <si>
    <t>13378</t>
  </si>
  <si>
    <t>36637</t>
  </si>
  <si>
    <t>GGES KUND MALKANI, SARAI SIDHU</t>
  </si>
  <si>
    <t>Kund Malkani</t>
  </si>
  <si>
    <t>ggms kund malkani</t>
  </si>
  <si>
    <t>Chak Flak Sher</t>
  </si>
  <si>
    <t>Nafeesa Perveen</t>
  </si>
  <si>
    <t>22971</t>
  </si>
  <si>
    <t>15846</t>
  </si>
  <si>
    <t>GES CHAK 241 RB FSD</t>
  </si>
  <si>
    <t>THIKRIWALA 1 - MALE</t>
  </si>
  <si>
    <t>Chak No. 241 R.B</t>
  </si>
  <si>
    <t>Jhang Road, Faisalabad</t>
  </si>
  <si>
    <t>Chanchal Singh Wala</t>
  </si>
  <si>
    <t>Muhammad Nouman</t>
  </si>
  <si>
    <t>5489</t>
  </si>
  <si>
    <t>11524</t>
  </si>
  <si>
    <t>GGHS GURMANI</t>
  </si>
  <si>
    <t>Gurmani Sharqi</t>
  </si>
  <si>
    <t>GGHSGurmani</t>
  </si>
  <si>
    <t>Qasba Gurmani</t>
  </si>
  <si>
    <t>Nighat Saeed Chishti</t>
  </si>
  <si>
    <t>37014</t>
  </si>
  <si>
    <t>GMPS ALI CHAPPA JANUBI</t>
  </si>
  <si>
    <t>Ali Chappa</t>
  </si>
  <si>
    <t>Civil hospital road haji akram prince near makkah market</t>
  </si>
  <si>
    <t>MC ABDUL HAKIM</t>
  </si>
  <si>
    <t>5559</t>
  </si>
  <si>
    <t>12583</t>
  </si>
  <si>
    <t>52389</t>
  </si>
  <si>
    <t>16983</t>
  </si>
  <si>
    <t>GGHS  PIR KOT SADHANA</t>
  </si>
  <si>
    <t>Pir Kot Sadhana</t>
  </si>
  <si>
    <t>Pir kot Sadhana</t>
  </si>
  <si>
    <t>Amina Mehmood</t>
  </si>
  <si>
    <t>35096</t>
  </si>
  <si>
    <t>GGHS 327 EB</t>
  </si>
  <si>
    <t>327/E.B Burewala</t>
  </si>
  <si>
    <t>Govt Girls High School 327/E.B burewala</t>
  </si>
  <si>
    <t>Chak #327</t>
  </si>
  <si>
    <t>Chak # 327/E.B</t>
  </si>
  <si>
    <t>Saira Majeed</t>
  </si>
  <si>
    <t>30736</t>
  </si>
  <si>
    <t>3434</t>
  </si>
  <si>
    <t>5923</t>
  </si>
  <si>
    <t>8226</t>
  </si>
  <si>
    <t>50252</t>
  </si>
  <si>
    <t>GGHSS IQBAL NAGAR</t>
  </si>
  <si>
    <t>Govt.Girls Higher Secondary School Iqbal Nagar</t>
  </si>
  <si>
    <t>7/14l</t>
  </si>
  <si>
    <t>FARHAT SULTANA</t>
  </si>
  <si>
    <t>43884</t>
  </si>
  <si>
    <t>1241</t>
  </si>
  <si>
    <t>37037</t>
  </si>
  <si>
    <t>GPS KOT KATHIA</t>
  </si>
  <si>
    <t>Kot Kathia</t>
  </si>
  <si>
    <t>near moza lalaira p/o sarai sidhu</t>
  </si>
  <si>
    <t>Lalaira</t>
  </si>
  <si>
    <t>27844</t>
  </si>
  <si>
    <t>15261</t>
  </si>
  <si>
    <t>GGPS 77/RB-II AZAFI ABADI</t>
  </si>
  <si>
    <t>77 Rb II</t>
  </si>
  <si>
    <t>77RB II Azafi Abadi</t>
  </si>
  <si>
    <t>Azafi Abadi</t>
  </si>
  <si>
    <t>108 Chauhdry Wala</t>
  </si>
  <si>
    <t>Nighat Saleh</t>
  </si>
  <si>
    <t>12982</t>
  </si>
  <si>
    <t>6285</t>
  </si>
  <si>
    <t>15872</t>
  </si>
  <si>
    <t>GPS CHAK 75 JB SOHAL</t>
  </si>
  <si>
    <t>chak no 75jb sohal faisalabad</t>
  </si>
  <si>
    <t>75JB</t>
  </si>
  <si>
    <t>84jb Sarshameer</t>
  </si>
  <si>
    <t>48779</t>
  </si>
  <si>
    <t>15850</t>
  </si>
  <si>
    <t>GPS CHAK 245 RB I</t>
  </si>
  <si>
    <t>Abbaspur</t>
  </si>
  <si>
    <t>Chak No. 245 RB Abbas pur Tehseel Faisalaba Sadar,Distt. Faisalabad.</t>
  </si>
  <si>
    <t>45092</t>
  </si>
  <si>
    <t>49444</t>
  </si>
  <si>
    <t>15870</t>
  </si>
  <si>
    <t>GES CHAK 72 JB</t>
  </si>
  <si>
    <t>Gulalipur</t>
  </si>
  <si>
    <t>chak no 72jb tehsil saddar faisalabad</t>
  </si>
  <si>
    <t>nawaz Akhtar</t>
  </si>
  <si>
    <t>purchase from plant</t>
  </si>
  <si>
    <t>16210</t>
  </si>
  <si>
    <t>GHS CHAK 67 JB FSD</t>
  </si>
  <si>
    <t>chak no 67 jb</t>
  </si>
  <si>
    <t>sadhar</t>
  </si>
  <si>
    <t>muhammad younas</t>
  </si>
  <si>
    <t>1439</t>
  </si>
  <si>
    <t>15874</t>
  </si>
  <si>
    <t>GES CHAK 77 JB</t>
  </si>
  <si>
    <t>Mullanpur</t>
  </si>
  <si>
    <t>chak no 77jb</t>
  </si>
  <si>
    <t>Chak No 77 Jb</t>
  </si>
  <si>
    <t>Jawadi</t>
  </si>
  <si>
    <t>rafiq ahmad</t>
  </si>
  <si>
    <t>16194</t>
  </si>
  <si>
    <t>GHS CHAK 91 GB FSD</t>
  </si>
  <si>
    <t>Jagetpur</t>
  </si>
  <si>
    <t>GOVT'HIGGH 91 GB</t>
  </si>
  <si>
    <t>chak no 91 gB</t>
  </si>
  <si>
    <t>JAGETPUR</t>
  </si>
  <si>
    <t>MUHAMMAD ISHAQ Bajwa</t>
  </si>
  <si>
    <t>14562</t>
  </si>
  <si>
    <t>32466</t>
  </si>
  <si>
    <t>GGPS PHILLO DEOVTA</t>
  </si>
  <si>
    <t>Philo Devota</t>
  </si>
  <si>
    <t>villag philo devota  p o ..box  joina wala</t>
  </si>
  <si>
    <t>Mallian Klan</t>
  </si>
  <si>
    <t>Sajidha Sindhu</t>
  </si>
  <si>
    <t>20451</t>
  </si>
  <si>
    <t>GGHS LADHAY WALA WARRIACH</t>
  </si>
  <si>
    <t>Shahan Wala Bazar Ladhewala Warriach</t>
  </si>
  <si>
    <t>shahan wala bazar hafizabad road ladhewala warraich</t>
  </si>
  <si>
    <t>Ladhewala Warriach</t>
  </si>
  <si>
    <t>zahida</t>
  </si>
  <si>
    <t>26019</t>
  </si>
  <si>
    <t>GGHS GUNGRAN</t>
  </si>
  <si>
    <t>Gungran</t>
  </si>
  <si>
    <t>govt. girls high school gungran</t>
  </si>
  <si>
    <t>Mariam Bibi</t>
  </si>
  <si>
    <t>42100</t>
  </si>
  <si>
    <t>GGES 544/GB I</t>
  </si>
  <si>
    <t>Danaabad</t>
  </si>
  <si>
    <t>chak #544gb tehsil tandla distt fsd.</t>
  </si>
  <si>
    <t>544 Gb</t>
  </si>
  <si>
    <t>Hina Naveed</t>
  </si>
  <si>
    <t>12976</t>
  </si>
  <si>
    <t>GPS RANGPUR JATTAN</t>
  </si>
  <si>
    <t>RANGPUR JATTAN</t>
  </si>
  <si>
    <t>GPS RANGPUR JATTAN P/O CHAPRAR TEHSIL SIALKOT</t>
  </si>
  <si>
    <t>RANGPUR  JATTAN</t>
  </si>
  <si>
    <t>PALORA KALAN</t>
  </si>
  <si>
    <t>Syed Ali Raza</t>
  </si>
  <si>
    <t>51609</t>
  </si>
  <si>
    <t>48084</t>
  </si>
  <si>
    <t>10514</t>
  </si>
  <si>
    <t>40823</t>
  </si>
  <si>
    <t>GPS MOHRA JANYAL</t>
  </si>
  <si>
    <t>Bhit Must</t>
  </si>
  <si>
    <t>village  mohra janyal p o &amp; tehsil sohawa jhelum</t>
  </si>
  <si>
    <t>Mohra Janyal</t>
  </si>
  <si>
    <t>Samsun Nisa</t>
  </si>
  <si>
    <t>55632</t>
  </si>
  <si>
    <t>33505</t>
  </si>
  <si>
    <t>GGES MAHAS JANUBI CHAK 286/RB</t>
  </si>
  <si>
    <t>Mehais Jnobi</t>
  </si>
  <si>
    <t>mehais jnobi286 the sangla hill district banana sahib</t>
  </si>
  <si>
    <t>Mehais Janobi</t>
  </si>
  <si>
    <t>Azra Tasnim</t>
  </si>
  <si>
    <t>30132</t>
  </si>
  <si>
    <t>GHS BANDIAN WALA PUL CHUNGI AMER SIDHU</t>
  </si>
  <si>
    <t>pul Bandianwala, Near Niazi Chowk Chungi Amar Sidhu Lahore.</t>
  </si>
  <si>
    <t>Pul Bandianwala</t>
  </si>
  <si>
    <t>Noor Ahmad Rao</t>
  </si>
  <si>
    <t>18154</t>
  </si>
  <si>
    <t>GGPS SHAHAL DIN</t>
  </si>
  <si>
    <t>Kakki Nau</t>
  </si>
  <si>
    <t>shahal Din</t>
  </si>
  <si>
    <t>Shahal Din</t>
  </si>
  <si>
    <t>Kalsoom Akhter</t>
  </si>
  <si>
    <t>9018</t>
  </si>
  <si>
    <t>GGPS NADALA MOGHALAN</t>
  </si>
  <si>
    <t>Nadala Mughlan</t>
  </si>
  <si>
    <t>Nadala mughlan</t>
  </si>
  <si>
    <t>Chalah</t>
  </si>
  <si>
    <t>Asmin Nawaz</t>
  </si>
  <si>
    <t>44853</t>
  </si>
  <si>
    <t>43853</t>
  </si>
  <si>
    <t>14297</t>
  </si>
  <si>
    <t>GGHSS UMER KOT</t>
  </si>
  <si>
    <t>Umarkot</t>
  </si>
  <si>
    <t>govt.girls higher secondary school umarkot</t>
  </si>
  <si>
    <t>Tahira shaheen</t>
  </si>
  <si>
    <t>40030</t>
  </si>
  <si>
    <t>25589</t>
  </si>
  <si>
    <t>GPS LALAY WALI</t>
  </si>
  <si>
    <t>Lalaywali</t>
  </si>
  <si>
    <t>lalaywali</t>
  </si>
  <si>
    <t>Asma Ilyas</t>
  </si>
  <si>
    <t>33486</t>
  </si>
  <si>
    <t>GGHS BAROIA CHAK 36 RB</t>
  </si>
  <si>
    <t>Baroia Chak 36</t>
  </si>
  <si>
    <t>Baroia chak 36</t>
  </si>
  <si>
    <t>Badhomalhi</t>
  </si>
  <si>
    <t>984</t>
  </si>
  <si>
    <t>6255</t>
  </si>
  <si>
    <t>6997</t>
  </si>
  <si>
    <t>GGES CHAK NO.25/NP</t>
  </si>
  <si>
    <t>WAHID BAKHSH LAR-FEMALE</t>
  </si>
  <si>
    <t>Ahmad Pur Lamma</t>
  </si>
  <si>
    <t>chak 25/np sdk</t>
  </si>
  <si>
    <t>25/np</t>
  </si>
  <si>
    <t>Drigrha</t>
  </si>
  <si>
    <t>Hina Shabir</t>
  </si>
  <si>
    <t>20821</t>
  </si>
  <si>
    <t>GGES TARIQ COLONY</t>
  </si>
  <si>
    <t>tariq colony mamunkanjan</t>
  </si>
  <si>
    <t>Municipal Committee Mamunkanjan</t>
  </si>
  <si>
    <t>26277</t>
  </si>
  <si>
    <t>GGPS JHEJOWALI</t>
  </si>
  <si>
    <t>Jhejowali</t>
  </si>
  <si>
    <t>village jhejowali p.o gumtala tehsil shakargarh district narowal</t>
  </si>
  <si>
    <t>Tenzeela Kanwal</t>
  </si>
  <si>
    <t>electric pupm</t>
  </si>
  <si>
    <t>3927</t>
  </si>
  <si>
    <t>GHSS CHAK NO.21/DRB</t>
  </si>
  <si>
    <t>Chak No 21Drb</t>
  </si>
  <si>
    <t>chak no 21/drb</t>
  </si>
  <si>
    <t>channan peer</t>
  </si>
  <si>
    <t>qazi ghulam murtaza</t>
  </si>
  <si>
    <t>6721</t>
  </si>
  <si>
    <t>3278</t>
  </si>
  <si>
    <t>18129</t>
  </si>
  <si>
    <t>GGPS BASTI WARYAM</t>
  </si>
  <si>
    <t>JALAL PUR KAMLANA - FEMALE</t>
  </si>
  <si>
    <t>basti waryaam</t>
  </si>
  <si>
    <t>Basti waryaam</t>
  </si>
  <si>
    <t>Basti Waryaam</t>
  </si>
  <si>
    <t>Dubklhan</t>
  </si>
  <si>
    <t>Taswar batool</t>
  </si>
  <si>
    <t>GGHS SHEROKE</t>
  </si>
  <si>
    <t>GGHS SHEROKEY</t>
  </si>
  <si>
    <t>Dheori</t>
  </si>
  <si>
    <t>26594</t>
  </si>
  <si>
    <t>24113</t>
  </si>
  <si>
    <t>GMES MALOKAY</t>
  </si>
  <si>
    <t>Malokay</t>
  </si>
  <si>
    <t>Malokay P/IO qika kalar waka teh pasrur distt sialkot</t>
  </si>
  <si>
    <t>Rizwana Yousaf</t>
  </si>
  <si>
    <t>40538</t>
  </si>
  <si>
    <t>GMPS HATTAR</t>
  </si>
  <si>
    <t>Hattar</t>
  </si>
  <si>
    <t>village &amp;p.o hattar tehsil pind dadan khan distt.jhelum</t>
  </si>
  <si>
    <t>golpur</t>
  </si>
  <si>
    <t>Samia Sardar</t>
  </si>
  <si>
    <t>17524</t>
  </si>
  <si>
    <t>35644</t>
  </si>
  <si>
    <t>36353</t>
  </si>
  <si>
    <t>GGCMES 553 EB</t>
  </si>
  <si>
    <t>553/EB</t>
  </si>
  <si>
    <t>553/EB Machiwal Vehari</t>
  </si>
  <si>
    <t>553/EB Vehari</t>
  </si>
  <si>
    <t>19/WB</t>
  </si>
  <si>
    <t>AMINA NAZ</t>
  </si>
  <si>
    <t>GGHS 63/4-R</t>
  </si>
  <si>
    <t>63/4r</t>
  </si>
  <si>
    <t>chak no 63/4r</t>
  </si>
  <si>
    <t>62/4r</t>
  </si>
  <si>
    <t>54767</t>
  </si>
  <si>
    <t>GGPS Jamani</t>
  </si>
  <si>
    <t>Inaitii</t>
  </si>
  <si>
    <t>GGPS JAMANI KARAMPUR KPT</t>
  </si>
  <si>
    <t>Basti Jamani</t>
  </si>
  <si>
    <t>Sidra Irshad</t>
  </si>
  <si>
    <t>25638</t>
  </si>
  <si>
    <t>GHS AROOD AFGHANAN</t>
  </si>
  <si>
    <t>Aroodafghanan</t>
  </si>
  <si>
    <t>Village Aroodafghanan post office baddomalhi</t>
  </si>
  <si>
    <t>Rafaqat Baig</t>
  </si>
  <si>
    <t>26095</t>
  </si>
  <si>
    <t>6094</t>
  </si>
  <si>
    <t>GGES CHAK NO. 131/P</t>
  </si>
  <si>
    <t>Bangla Manthar</t>
  </si>
  <si>
    <t>GGES  131 P  RYK</t>
  </si>
  <si>
    <t>131/p</t>
  </si>
  <si>
    <t>Shabana Kalsoom</t>
  </si>
  <si>
    <t>10262</t>
  </si>
  <si>
    <t>22742</t>
  </si>
  <si>
    <t>25881</t>
  </si>
  <si>
    <t>53749</t>
  </si>
  <si>
    <t>5385</t>
  </si>
  <si>
    <t>GPS BASTI HAMID GASOORA</t>
  </si>
  <si>
    <t>Basti Mujawaran</t>
  </si>
  <si>
    <t>Basti Mujawaran Kotla Dolat</t>
  </si>
  <si>
    <t>Kotla Dolat</t>
  </si>
  <si>
    <t>Muhammad Amer Khan</t>
  </si>
  <si>
    <t>15145</t>
  </si>
  <si>
    <t>GGPS CHAK 631 GB LUNDIANWALA</t>
  </si>
  <si>
    <t>Dangali</t>
  </si>
  <si>
    <t>chak no 631 gb jaranwala</t>
  </si>
  <si>
    <t>Ghazala  Rafique</t>
  </si>
  <si>
    <t>5295</t>
  </si>
  <si>
    <t>10707</t>
  </si>
  <si>
    <t>GPS HARI RAM PURA</t>
  </si>
  <si>
    <t>hari ram pura</t>
  </si>
  <si>
    <t>massay waly chack hari ram pura p/o dunga bunga teh.&amp; distt. bahawal nagar</t>
  </si>
  <si>
    <t>massay wali</t>
  </si>
  <si>
    <t>gulab ali</t>
  </si>
  <si>
    <t>abdulrehman</t>
  </si>
  <si>
    <t>4787</t>
  </si>
  <si>
    <t>45087</t>
  </si>
  <si>
    <t>6837</t>
  </si>
  <si>
    <t>GMPS CHAK NO.59/DB</t>
  </si>
  <si>
    <t>DAILY NAMDAR-FEMALE</t>
  </si>
  <si>
    <t>59db</t>
  </si>
  <si>
    <t>63db</t>
  </si>
  <si>
    <t>34577</t>
  </si>
  <si>
    <t>6065</t>
  </si>
  <si>
    <t>Behari COLONY</t>
  </si>
  <si>
    <t>GGES Behari Colony</t>
  </si>
  <si>
    <t>Gulshan Iqbal</t>
  </si>
  <si>
    <t>Khalida Qasim</t>
  </si>
  <si>
    <t>5449</t>
  </si>
  <si>
    <t>20739</t>
  </si>
  <si>
    <t>27445</t>
  </si>
  <si>
    <t>GGPS 517/EB</t>
  </si>
  <si>
    <t>517-EB</t>
  </si>
  <si>
    <t>515 eb</t>
  </si>
  <si>
    <t>Robina Samad</t>
  </si>
  <si>
    <t>27704</t>
  </si>
  <si>
    <t>GPS CHAK NO. 38 FEROZWALA</t>
  </si>
  <si>
    <t>Chak38</t>
  </si>
  <si>
    <t>CHAK 38</t>
  </si>
  <si>
    <t>Chak 38</t>
  </si>
  <si>
    <t>Shamke</t>
  </si>
  <si>
    <t>51975</t>
  </si>
  <si>
    <t>48618</t>
  </si>
  <si>
    <t>18430</t>
  </si>
  <si>
    <t>17904</t>
  </si>
  <si>
    <t>GGPS ZAIGHAM ABAD NO. 1</t>
  </si>
  <si>
    <t>samandoana</t>
  </si>
  <si>
    <t>moza samandoana GGps zaigham abad no 1 tehsil a.p sial district jhang</t>
  </si>
  <si>
    <t>bunk pur</t>
  </si>
  <si>
    <t>12245</t>
  </si>
  <si>
    <t>4099</t>
  </si>
  <si>
    <t>GHS ABDULLAH WALA</t>
  </si>
  <si>
    <t>ADDA DHORI WALA</t>
  </si>
  <si>
    <t>433/TDA</t>
  </si>
  <si>
    <t>muhammad sarwar</t>
  </si>
  <si>
    <t>29065</t>
  </si>
  <si>
    <t>GGHS RAO KHAN WALA</t>
  </si>
  <si>
    <t>rao khan wala</t>
  </si>
  <si>
    <t>gghs rao khan wala</t>
  </si>
  <si>
    <t>syeda samina iffat</t>
  </si>
  <si>
    <t>9212</t>
  </si>
  <si>
    <t>GGES DHOK HASSU</t>
  </si>
  <si>
    <t>Dk Hassu</t>
  </si>
  <si>
    <t>Govt Girls Elementry School Dk Hassu</t>
  </si>
  <si>
    <t>Hassu</t>
  </si>
  <si>
    <t>Bolian Wal</t>
  </si>
  <si>
    <t>35552</t>
  </si>
  <si>
    <t>39427</t>
  </si>
  <si>
    <t>49423</t>
  </si>
  <si>
    <t>36347</t>
  </si>
  <si>
    <t>GGPS 531 EB</t>
  </si>
  <si>
    <t>531/eb</t>
  </si>
  <si>
    <t>chak no 531/EB post office 539/EB Vehari</t>
  </si>
  <si>
    <t>537/eb</t>
  </si>
  <si>
    <t>21093</t>
  </si>
  <si>
    <t>GGHS NIZAM ABAD</t>
  </si>
  <si>
    <t>Gghsnizamabad ( luqman road) tehsil wzd</t>
  </si>
  <si>
    <t>Shaista Parveen</t>
  </si>
  <si>
    <t>13593</t>
  </si>
  <si>
    <t>GGPS NAWAN SHAHAR</t>
  </si>
  <si>
    <t>Nawan shaher</t>
  </si>
  <si>
    <t>nawan shaher dak khana dajal tehsil jampur distt Rajan pur</t>
  </si>
  <si>
    <t>Noshehra gharbi</t>
  </si>
  <si>
    <t>Sidrah Tul Muntaha</t>
  </si>
  <si>
    <t>50213</t>
  </si>
  <si>
    <t>GGHS 46/12-L</t>
  </si>
  <si>
    <t>46/12L</t>
  </si>
  <si>
    <t>chak no 46/12.l Tehsil chichawatni District sahiwal</t>
  </si>
  <si>
    <t>Razia Naseer</t>
  </si>
  <si>
    <t>37086</t>
  </si>
  <si>
    <t>34105</t>
  </si>
  <si>
    <t>GES DALA</t>
  </si>
  <si>
    <t>Dala PO dullewala</t>
  </si>
  <si>
    <t>Jhamat Shumali</t>
  </si>
  <si>
    <t>HAFIZ GHULAM HUSSAIN</t>
  </si>
  <si>
    <t>1394</t>
  </si>
  <si>
    <t>GGPS CHAK JAMEL</t>
  </si>
  <si>
    <t>Chak Jaimel</t>
  </si>
  <si>
    <t>GGPS CHAK JAIMEL P/O Tarkhana Murida Tehsil Shakargarh Distt Narowal</t>
  </si>
  <si>
    <t>Nabeela Razzaq</t>
  </si>
  <si>
    <t>44041</t>
  </si>
  <si>
    <t>GGPS BHANO PINDI</t>
  </si>
  <si>
    <t>Bhanopidi</t>
  </si>
  <si>
    <t>ggps bhanopindi</t>
  </si>
  <si>
    <t>Bhanopindi</t>
  </si>
  <si>
    <t>Jamkecheema</t>
  </si>
  <si>
    <t>Shahnaz Kausar</t>
  </si>
  <si>
    <t>5470</t>
  </si>
  <si>
    <t>41405</t>
  </si>
  <si>
    <t>3068</t>
  </si>
  <si>
    <t>22579</t>
  </si>
  <si>
    <t>GGES SAGGAR</t>
  </si>
  <si>
    <t>Saggar</t>
  </si>
  <si>
    <t>saggar</t>
  </si>
  <si>
    <t>Faiza Ijaz</t>
  </si>
  <si>
    <t>46850</t>
  </si>
  <si>
    <t>44850</t>
  </si>
  <si>
    <t>38455</t>
  </si>
  <si>
    <t>GES CHAK NO. 360/WB</t>
  </si>
  <si>
    <t>chat No 360wb tehsil Dunyapur District Lodhran</t>
  </si>
  <si>
    <t>360wb</t>
  </si>
  <si>
    <t>35901</t>
  </si>
  <si>
    <t>GGES 186 WB</t>
  </si>
  <si>
    <t>Mitro</t>
  </si>
  <si>
    <t>gges186wb</t>
  </si>
  <si>
    <t>186wb</t>
  </si>
  <si>
    <t>188wb</t>
  </si>
  <si>
    <t>Zarina Aslam</t>
  </si>
  <si>
    <t>17480</t>
  </si>
  <si>
    <t>44512</t>
  </si>
  <si>
    <t>GES KHICHI KALAN</t>
  </si>
  <si>
    <t>KACHI SHAHANI NO 1- MALE</t>
  </si>
  <si>
    <t>Khichi kalan bhakkar</t>
  </si>
  <si>
    <t>khichi kalan bhakkar</t>
  </si>
  <si>
    <t>Khichi</t>
  </si>
  <si>
    <t>Dolat Wala</t>
  </si>
  <si>
    <t>Ahmad Faheem Kashif</t>
  </si>
  <si>
    <t>GGHS SULTAN BAHU</t>
  </si>
  <si>
    <t>Sultan Bahoo</t>
  </si>
  <si>
    <t>gghs sultan bahoo samandari road sultan bahoo tehsil A.P.Sial</t>
  </si>
  <si>
    <t>Shazia Sadaf</t>
  </si>
  <si>
    <t>45709</t>
  </si>
  <si>
    <t>1041</t>
  </si>
  <si>
    <t>45475</t>
  </si>
  <si>
    <t>GPS CHAK NO 8 TDA</t>
  </si>
  <si>
    <t>Chak no 8 tda</t>
  </si>
  <si>
    <t>Chak no 8 tda tehsile Darya khan disst: Bhakkar</t>
  </si>
  <si>
    <t>Chak no 8 TDA</t>
  </si>
  <si>
    <t>Chak no 06</t>
  </si>
  <si>
    <t>4643</t>
  </si>
  <si>
    <t>4415</t>
  </si>
  <si>
    <t>GHS ISLAMIA SHEIKHUPURA</t>
  </si>
  <si>
    <t>city sheikhupura</t>
  </si>
  <si>
    <t>govt. islamia high school city sheikhupura</t>
  </si>
  <si>
    <t>mc sheikhupura</t>
  </si>
  <si>
    <t>syed aamir ali</t>
  </si>
  <si>
    <t>16991</t>
  </si>
  <si>
    <t>GGHS BHOON</t>
  </si>
  <si>
    <t>BHONE</t>
  </si>
  <si>
    <t>MOZA BHONE T/D JHANG</t>
  </si>
  <si>
    <t>KOT ISA SHAH</t>
  </si>
  <si>
    <t>Rubina Basharat</t>
  </si>
  <si>
    <t>42691</t>
  </si>
  <si>
    <t>GGES BHAI KHAN</t>
  </si>
  <si>
    <t>Bhai khan</t>
  </si>
  <si>
    <t>Gges Bhai khan</t>
  </si>
  <si>
    <t>jairo Ratial</t>
  </si>
  <si>
    <t>Uzma shaheen</t>
  </si>
  <si>
    <t>11523</t>
  </si>
  <si>
    <t>GGHS PATTAL KOT ADU</t>
  </si>
  <si>
    <t>pattal</t>
  </si>
  <si>
    <t>Govt Girls High school Pattal Kot adu near pattal basti</t>
  </si>
  <si>
    <t>basti pattal</t>
  </si>
  <si>
    <t>Pattal Sharqe Mustq</t>
  </si>
  <si>
    <t>Mrs Nasreen Murtaza</t>
  </si>
  <si>
    <t>44430</t>
  </si>
  <si>
    <t>GPS KHICHI KHURD</t>
  </si>
  <si>
    <t>Khichi Khurd</t>
  </si>
  <si>
    <t>village khichi khurd p.o.kaneri tehsil and district bhakkar</t>
  </si>
  <si>
    <t>35948</t>
  </si>
  <si>
    <t>GGPS AMIN PUR</t>
  </si>
  <si>
    <t>Dhalo</t>
  </si>
  <si>
    <t>adda Amin pur P /o karam pur. tehsil mailsi district vehari</t>
  </si>
  <si>
    <t>Adda amin Pur</t>
  </si>
  <si>
    <t>Feroz Begum</t>
  </si>
  <si>
    <t>GES DULLE WALA</t>
  </si>
  <si>
    <t>DULLEWALA</t>
  </si>
  <si>
    <t>MC-Dullewala</t>
  </si>
  <si>
    <t>Ijaz Hussain</t>
  </si>
  <si>
    <t>47599</t>
  </si>
  <si>
    <t>GES SHAH YAKKA</t>
  </si>
  <si>
    <t>SHAH YAKKA</t>
  </si>
  <si>
    <t>Zia Ul Haq</t>
  </si>
  <si>
    <t>34141</t>
  </si>
  <si>
    <t>54638</t>
  </si>
  <si>
    <t>48647</t>
  </si>
  <si>
    <t>16090</t>
  </si>
  <si>
    <t>GES CHAK 71 JB I</t>
  </si>
  <si>
    <t>Chak 71 Jb Sarli</t>
  </si>
  <si>
    <t>Chak 71 jb sarli Faisalabad</t>
  </si>
  <si>
    <t>Oad Basti Chak 71 Jb Sarli</t>
  </si>
  <si>
    <t>Jhapal</t>
  </si>
  <si>
    <t>Muhammad Waseem Rashid</t>
  </si>
  <si>
    <t>GGHS FAROOQ ABAD (W)</t>
  </si>
  <si>
    <t>GGHS Farooqabad Model Town BWN</t>
  </si>
  <si>
    <t>Bwn</t>
  </si>
  <si>
    <t>SAEEDA BUKHARI</t>
  </si>
  <si>
    <t>33835</t>
  </si>
  <si>
    <t>GGES ADAMKAY CHEEMA</t>
  </si>
  <si>
    <t>Adamkay Cheema</t>
  </si>
  <si>
    <t>adamkay cheema</t>
  </si>
  <si>
    <t>Afshan Zari</t>
  </si>
  <si>
    <t>17945</t>
  </si>
  <si>
    <t>6836</t>
  </si>
  <si>
    <t>41679</t>
  </si>
  <si>
    <t>GGHS MORGAH ARL</t>
  </si>
  <si>
    <t>Morgah</t>
  </si>
  <si>
    <t>arl colony nai abadi morgah</t>
  </si>
  <si>
    <t>morgah</t>
  </si>
  <si>
    <t>Safoora rehmat</t>
  </si>
  <si>
    <t>ARL Company</t>
  </si>
  <si>
    <t>45439</t>
  </si>
  <si>
    <t>GPS RAILWAY STATION DARYA KHAN</t>
  </si>
  <si>
    <t>darya khan</t>
  </si>
  <si>
    <t>mollah bangial abad darya khan</t>
  </si>
  <si>
    <t>m.c darya khan</t>
  </si>
  <si>
    <t>GGPS SARWIN WALA</t>
  </si>
  <si>
    <t>Mansa Ram Sandila</t>
  </si>
  <si>
    <t>Basti sarvain wala p. o Qasba Gujrat</t>
  </si>
  <si>
    <t>Sarvain Wala</t>
  </si>
  <si>
    <t>5474</t>
  </si>
  <si>
    <t>45411</t>
  </si>
  <si>
    <t>GES HASTI WALA</t>
  </si>
  <si>
    <t>Dulley Wala</t>
  </si>
  <si>
    <t>hasti wala</t>
  </si>
  <si>
    <t>Hasti Wala</t>
  </si>
  <si>
    <t>MC Dulle Wala</t>
  </si>
  <si>
    <t>4347</t>
  </si>
  <si>
    <t>11829</t>
  </si>
  <si>
    <t>GGPS TARIQ ABAD</t>
  </si>
  <si>
    <t>GUJRAT- FEMALE</t>
  </si>
  <si>
    <t>Kohawrh</t>
  </si>
  <si>
    <t>tariq abad</t>
  </si>
  <si>
    <t>Huma Gulshan</t>
  </si>
  <si>
    <t>16932</t>
  </si>
  <si>
    <t>GHS CHAK NO. 254 JB</t>
  </si>
  <si>
    <t>Chak NO 254 JB</t>
  </si>
  <si>
    <t>Chak No. 254 J.B Tehsil &amp; District Jhang</t>
  </si>
  <si>
    <t>Chak No. 254J.B</t>
  </si>
  <si>
    <t>Chak No. 250 J.B</t>
  </si>
  <si>
    <t>Muhammad Irfan Haider Khan Aabdi</t>
  </si>
  <si>
    <t>17845</t>
  </si>
  <si>
    <t>14671</t>
  </si>
  <si>
    <t>GGES MC MILLAT COLONY</t>
  </si>
  <si>
    <t>G  girls e/millat mc millat colony ( D type)</t>
  </si>
  <si>
    <t>Sarvat Jabeen</t>
  </si>
  <si>
    <t>54556</t>
  </si>
  <si>
    <t>918</t>
  </si>
  <si>
    <t>15863</t>
  </si>
  <si>
    <t>GES CHAK 63 JB Faisalabad</t>
  </si>
  <si>
    <t>Mehta</t>
  </si>
  <si>
    <t>CHAK NO. 63 JB MEHTA</t>
  </si>
  <si>
    <t>CHAK NO. 64 JB</t>
  </si>
  <si>
    <t>Muhammad Shafiq Ghani</t>
  </si>
  <si>
    <t>6776</t>
  </si>
  <si>
    <t>31028</t>
  </si>
  <si>
    <t>31505</t>
  </si>
  <si>
    <t>28597</t>
  </si>
  <si>
    <t>96800</t>
  </si>
  <si>
    <t>15885</t>
  </si>
  <si>
    <t>GPS CHAK 249 RB II</t>
  </si>
  <si>
    <t>Shota Baloch Wala</t>
  </si>
  <si>
    <t>gps 249 rb ii</t>
  </si>
  <si>
    <t>Chak 249 RB ii</t>
  </si>
  <si>
    <t>Chak 248 RB</t>
  </si>
  <si>
    <t>1891</t>
  </si>
  <si>
    <t>16112</t>
  </si>
  <si>
    <t>GGHS CHAK NO 273 JB</t>
  </si>
  <si>
    <t>273jb Fsd</t>
  </si>
  <si>
    <t>chak no 273jb fsd.</t>
  </si>
  <si>
    <t>chak no 41jb</t>
  </si>
  <si>
    <t>14430</t>
  </si>
  <si>
    <t>7775</t>
  </si>
  <si>
    <t>GPS NOOR PUR ARIAN</t>
  </si>
  <si>
    <t>Noor Pur Arriyan</t>
  </si>
  <si>
    <t>Gps Noor Pur Arriyan</t>
  </si>
  <si>
    <t>Faiz pur kalan</t>
  </si>
  <si>
    <t>13383</t>
  </si>
  <si>
    <t>14691</t>
  </si>
  <si>
    <t>GGHS KANIK BASTI G.M. ABAD</t>
  </si>
  <si>
    <t>kanak basti</t>
  </si>
  <si>
    <t>govt. Girls, high school, kanak basti, g.m.abad, fsd</t>
  </si>
  <si>
    <t>5325</t>
  </si>
  <si>
    <t>16080</t>
  </si>
  <si>
    <t>GES CHAK 78 GB WEST</t>
  </si>
  <si>
    <t>Neelam Wala</t>
  </si>
  <si>
    <t>Chak # 78 gb West</t>
  </si>
  <si>
    <t>Chak # 78 Gb West</t>
  </si>
  <si>
    <t>Khudiyan Waraichan</t>
  </si>
  <si>
    <t>3541</t>
  </si>
  <si>
    <t>14777</t>
  </si>
  <si>
    <t>GGHS KINDER GARTON EID GAH ROAD FSD</t>
  </si>
  <si>
    <t>fsd</t>
  </si>
  <si>
    <t>eid gah road fsd</t>
  </si>
  <si>
    <t>MODEL TOWN C</t>
  </si>
  <si>
    <t>munaza nazeer</t>
  </si>
  <si>
    <t>14595</t>
  </si>
  <si>
    <t>GGPS MC MASOOD ABAD</t>
  </si>
  <si>
    <t>Nawabanwala</t>
  </si>
  <si>
    <t>MCGP Masoodabad</t>
  </si>
  <si>
    <t>25795</t>
  </si>
  <si>
    <t>35075</t>
  </si>
  <si>
    <t>GGPS CHEENAY SAGGAL</t>
  </si>
  <si>
    <t>NAROWAL (SOUTH)-FEMALE</t>
  </si>
  <si>
    <t>Cheeny Sagal</t>
  </si>
  <si>
    <t>Ggps cheeny sagal</t>
  </si>
  <si>
    <t>noor surriya</t>
  </si>
  <si>
    <t>20137</t>
  </si>
  <si>
    <t>35887</t>
  </si>
  <si>
    <t>18887</t>
  </si>
  <si>
    <t>34023</t>
  </si>
  <si>
    <t>GES LUTAFPUR BASTI MITHU SHUJABAD</t>
  </si>
  <si>
    <t>Lutaf Pur</t>
  </si>
  <si>
    <t>lutaf pur, Shujabad,Multan</t>
  </si>
  <si>
    <t>GES CHAK UGGO</t>
  </si>
  <si>
    <t>Chak Uggo</t>
  </si>
  <si>
    <t>Hafiz Abad road chak uggo</t>
  </si>
  <si>
    <t>ZULFIQAR ALI AKBAR ALI</t>
  </si>
  <si>
    <t>25932</t>
  </si>
  <si>
    <t>GGPS BALIAN KHURD</t>
  </si>
  <si>
    <t>RANSIWAL - FEMALE</t>
  </si>
  <si>
    <t>Balian Khurd</t>
  </si>
  <si>
    <t>Vill.Balian Khurd p.o Narowal Teh.Dist. Narowal</t>
  </si>
  <si>
    <t>18878</t>
  </si>
  <si>
    <t>5766</t>
  </si>
  <si>
    <t>2390</t>
  </si>
  <si>
    <t>GMPS CHAK AMEER</t>
  </si>
  <si>
    <t>MCD 07-FEMALE</t>
  </si>
  <si>
    <t>Murad Wala</t>
  </si>
  <si>
    <t>Chak ameer lalaka</t>
  </si>
  <si>
    <t>Chak Ameer</t>
  </si>
  <si>
    <t>Robina Qasim</t>
  </si>
  <si>
    <t>33939</t>
  </si>
  <si>
    <t>GGES KHAKHI PUNJANI SHUJABAD</t>
  </si>
  <si>
    <t>PUNJANI - FEMALE</t>
  </si>
  <si>
    <t>Govt girls elementry school khakhi punjani shujabad</t>
  </si>
  <si>
    <t>Khakhi Punjani</t>
  </si>
  <si>
    <t>Tasleem Somra</t>
  </si>
  <si>
    <t>32292</t>
  </si>
  <si>
    <t>GGPS DERA FAZAL DIN</t>
  </si>
  <si>
    <t>ggps dera fazal din farooq abad</t>
  </si>
  <si>
    <t>Dera Fazal Din Farooq Abad</t>
  </si>
  <si>
    <t>Kot Sondha</t>
  </si>
  <si>
    <t>9810</t>
  </si>
  <si>
    <t>6121</t>
  </si>
  <si>
    <t>7763</t>
  </si>
  <si>
    <t>GGHS GHOUS ABAD</t>
  </si>
  <si>
    <t>GhousAbad</t>
  </si>
  <si>
    <t>GGHS GHOUSABAD</t>
  </si>
  <si>
    <t>GHOUS ABAD</t>
  </si>
  <si>
    <t>SAJIDA KOUSAR</t>
  </si>
  <si>
    <t>34333</t>
  </si>
  <si>
    <t>GGES KOT GUJRAN P/O KOT GUJRAN</t>
  </si>
  <si>
    <t>BUDHLA SANT - FEMALE</t>
  </si>
  <si>
    <t>Kothay Wala</t>
  </si>
  <si>
    <t>Basti kot gujran</t>
  </si>
  <si>
    <t>Kot Gujran</t>
  </si>
  <si>
    <t>Gulnaz Hussain</t>
  </si>
  <si>
    <t>7916</t>
  </si>
  <si>
    <t>GGPS 4 TANDLIANWALA</t>
  </si>
  <si>
    <t>City Tandliawnala</t>
  </si>
  <si>
    <t>CANAL ROAD TANDLIANWALA</t>
  </si>
  <si>
    <t>City tandlianwala</t>
  </si>
  <si>
    <t>MC TANDLIANWALA</t>
  </si>
  <si>
    <t>Rehana Kuser</t>
  </si>
  <si>
    <t>53063</t>
  </si>
  <si>
    <t>17614</t>
  </si>
  <si>
    <t>25333</t>
  </si>
  <si>
    <t>GGES MC KASHMIRI MOHALLAH SIALKOT</t>
  </si>
  <si>
    <t>GGMCES Kashmiri Mohalla, Moh Imam Sahib Sialkot</t>
  </si>
  <si>
    <t>Imam Sahib</t>
  </si>
  <si>
    <t>Yasmin Anjum</t>
  </si>
  <si>
    <t>34681</t>
  </si>
  <si>
    <t>5397</t>
  </si>
  <si>
    <t>46415</t>
  </si>
  <si>
    <t>1427</t>
  </si>
  <si>
    <t>29608</t>
  </si>
  <si>
    <t>GHS NATHEY KHALSA P/O KHAS</t>
  </si>
  <si>
    <t>nathay Khalsa</t>
  </si>
  <si>
    <t>Govt. High School Nathay Khalsa</t>
  </si>
  <si>
    <t>Nathay Khalsa</t>
  </si>
  <si>
    <t>nathay khalsa</t>
  </si>
  <si>
    <t>Hafiz Muhammad Rashid Ali</t>
  </si>
  <si>
    <t>20025</t>
  </si>
  <si>
    <t>GGES CHAH BAKHSHANI</t>
  </si>
  <si>
    <t>makwal kalan</t>
  </si>
  <si>
    <t>p/o makwal kalan tehsil taunsa dist dg khan</t>
  </si>
  <si>
    <t>chah bakhshani</t>
  </si>
  <si>
    <t>25479</t>
  </si>
  <si>
    <t>GGPS KHOKHAY WALI</t>
  </si>
  <si>
    <t>SEHJOKEY - FEMALE</t>
  </si>
  <si>
    <t>Khokhewali</t>
  </si>
  <si>
    <t>village khokhewali post office pasia tehsil..sambrial dist.sialkot</t>
  </si>
  <si>
    <t>Verowala</t>
  </si>
  <si>
    <t>Sadaf Yousaf</t>
  </si>
  <si>
    <t>11268</t>
  </si>
  <si>
    <t>26275</t>
  </si>
  <si>
    <t>GGPS PANDORI TONDA</t>
  </si>
  <si>
    <t>Pandori Dhunda</t>
  </si>
  <si>
    <t>Village: Pandori Dhunda, Post Office: Dhudhu Chak, Tehsil: Shakar garh, District : Narowa</t>
  </si>
  <si>
    <t>Basra Jaala</t>
  </si>
  <si>
    <t>Beenish Waris</t>
  </si>
  <si>
    <t>16714</t>
  </si>
  <si>
    <t>GGPS 541/GB</t>
  </si>
  <si>
    <t>Chakianwala</t>
  </si>
  <si>
    <t>CHAK NO 541 gb chakianwala</t>
  </si>
  <si>
    <t>541gb</t>
  </si>
  <si>
    <t>ASIA YASMIN</t>
  </si>
  <si>
    <t>51823</t>
  </si>
  <si>
    <t>GHS CHAK 683/24 GB</t>
  </si>
  <si>
    <t>683/24 GB</t>
  </si>
  <si>
    <t>chak 683/24 gb</t>
  </si>
  <si>
    <t>Dilbagh Singh</t>
  </si>
  <si>
    <t>674/15 GB</t>
  </si>
  <si>
    <t>Muhamamd Azam Zia</t>
  </si>
  <si>
    <t>8499</t>
  </si>
  <si>
    <t>15639</t>
  </si>
  <si>
    <t>36340</t>
  </si>
  <si>
    <t>GGPS CHAK NO 557 EB</t>
  </si>
  <si>
    <t>557/EB</t>
  </si>
  <si>
    <t>Samina Nazir</t>
  </si>
  <si>
    <t>17621</t>
  </si>
  <si>
    <t>14152</t>
  </si>
  <si>
    <t>50792</t>
  </si>
  <si>
    <t>GMPS GUL MUHAMMAD</t>
  </si>
  <si>
    <t>Sanjarpur Kohna</t>
  </si>
  <si>
    <t>GMPS BASTI GULL MUHAMMAD ARRAIN  Sanjar pur Kogan Tehsil sadiqabad district rahimyar khan</t>
  </si>
  <si>
    <t>Gull M Arrain</t>
  </si>
  <si>
    <t>Sanjarpur</t>
  </si>
  <si>
    <t>Shumaila Taj</t>
  </si>
  <si>
    <t>12576</t>
  </si>
  <si>
    <t>26220</t>
  </si>
  <si>
    <t>GGPS NEW PAGALA</t>
  </si>
  <si>
    <t>New Pagala</t>
  </si>
  <si>
    <t>GGPS NEW Pagala</t>
  </si>
  <si>
    <t>Khanowal</t>
  </si>
  <si>
    <t>Rehana Bashir</t>
  </si>
  <si>
    <t>5471</t>
  </si>
  <si>
    <t>40490</t>
  </si>
  <si>
    <t>GGPS BANGLA PAHARI KHEWRA</t>
  </si>
  <si>
    <t>khewra</t>
  </si>
  <si>
    <t>rehn colony</t>
  </si>
  <si>
    <t>Haleema Farooq</t>
  </si>
  <si>
    <t>rented</t>
  </si>
  <si>
    <t>6093</t>
  </si>
  <si>
    <t>GGES CHAK NO. 126/P</t>
  </si>
  <si>
    <t>126p</t>
  </si>
  <si>
    <t>GGES 126P RYK</t>
  </si>
  <si>
    <t>Chk 126p</t>
  </si>
  <si>
    <t>17337</t>
  </si>
  <si>
    <t>29694</t>
  </si>
  <si>
    <t>GGHS JAGGO WALA CHAK NO. 40</t>
  </si>
  <si>
    <t>Jagoo WalaChak  40</t>
  </si>
  <si>
    <t>Jagoo Wala chak 40 , Tehsil Pattoki, District kasur</t>
  </si>
  <si>
    <t>Jagoo Wala Chak 40</t>
  </si>
  <si>
    <t>Behrwal Kalan</t>
  </si>
  <si>
    <t>urooj rasheed</t>
  </si>
  <si>
    <t>4963</t>
  </si>
  <si>
    <t>16688</t>
  </si>
  <si>
    <t>GGPS CHAK 505 GB MAMUNKANJAN</t>
  </si>
  <si>
    <t>chk no 505gb mamukanjan</t>
  </si>
  <si>
    <t>Chk 505 Gb</t>
  </si>
  <si>
    <t>Naheed Gulzar</t>
  </si>
  <si>
    <t>GGHS 96/6-R</t>
  </si>
  <si>
    <t>96/6R</t>
  </si>
  <si>
    <t>chak no. 96/6 R sahiwal</t>
  </si>
  <si>
    <t>92/6R</t>
  </si>
  <si>
    <t>Rubina Jabbar</t>
  </si>
  <si>
    <t>13798</t>
  </si>
  <si>
    <t>7104</t>
  </si>
  <si>
    <t>33822</t>
  </si>
  <si>
    <t>GGPS KHAIR PUR BHUTTA QASIM BELA</t>
  </si>
  <si>
    <t>Khairpur bhutta</t>
  </si>
  <si>
    <t>GGPS khair pur bhutta</t>
  </si>
  <si>
    <t>Khair pur Bhutta</t>
  </si>
  <si>
    <t>Tibba Musoodpur</t>
  </si>
  <si>
    <t>Aziza Khawar</t>
  </si>
  <si>
    <t>Electricity Pump</t>
  </si>
  <si>
    <t>GPS JHANDIAN WALI 170/RB</t>
  </si>
  <si>
    <t>Jhandianwali</t>
  </si>
  <si>
    <t>jhandian wali chak no170 sfd skp pakistan</t>
  </si>
  <si>
    <t>Ajmal Asim Chohan</t>
  </si>
  <si>
    <t>8244</t>
  </si>
  <si>
    <t>GGPS BASTI LARAN</t>
  </si>
  <si>
    <t>Ali Pur Machina</t>
  </si>
  <si>
    <t>GGPS BASTI LARAN NO I</t>
  </si>
  <si>
    <t>BASTI LARAN NO I</t>
  </si>
  <si>
    <t>Akaram Abad</t>
  </si>
  <si>
    <t>Sidra Riaz</t>
  </si>
  <si>
    <t>7382</t>
  </si>
  <si>
    <t>41581</t>
  </si>
  <si>
    <t>GES KOT FAQIRAN</t>
  </si>
  <si>
    <t>Kot Faqira</t>
  </si>
  <si>
    <t>kot faqira</t>
  </si>
  <si>
    <t>Muhammad Ubaidullah</t>
  </si>
  <si>
    <t>2922</t>
  </si>
  <si>
    <t>GGPS BHABRA</t>
  </si>
  <si>
    <t>Bhabra Jattan</t>
  </si>
  <si>
    <t>village bhabra jattan</t>
  </si>
  <si>
    <t>Misbah Rafique</t>
  </si>
  <si>
    <t>16654</t>
  </si>
  <si>
    <t>GGPS CHAK NO. 422/2-GB</t>
  </si>
  <si>
    <t>GGPS 422/2 GB</t>
  </si>
  <si>
    <t>yasmin akhtar</t>
  </si>
  <si>
    <t>20159</t>
  </si>
  <si>
    <t>GGES INAYAT PUR</t>
  </si>
  <si>
    <t>Anayatpur</t>
  </si>
  <si>
    <t>Anayatpur Tehsil Lalian District Chiniot</t>
  </si>
  <si>
    <t>Rukhsana Abbas</t>
  </si>
  <si>
    <t>25522</t>
  </si>
  <si>
    <t>53587</t>
  </si>
  <si>
    <t>GGHSS RENALA KHURD</t>
  </si>
  <si>
    <t>muslim town renala khurd</t>
  </si>
  <si>
    <t>Ranala</t>
  </si>
  <si>
    <t>renala</t>
  </si>
  <si>
    <t>roomana ambreen</t>
  </si>
  <si>
    <t>53293</t>
  </si>
  <si>
    <t>GPS SABRI COLONY</t>
  </si>
  <si>
    <t>GPS Sabri colony okara</t>
  </si>
  <si>
    <t>Sabri Colony Okara</t>
  </si>
  <si>
    <t>Shagufta Anjam</t>
  </si>
  <si>
    <t>7482</t>
  </si>
  <si>
    <t>GGPS CHAK 215 GB MAMUNKANJAN</t>
  </si>
  <si>
    <t>Daud Hamza</t>
  </si>
  <si>
    <t>215G.B tehseel samundri district Faisalabad</t>
  </si>
  <si>
    <t>215 GB</t>
  </si>
  <si>
    <t>214 Gb</t>
  </si>
  <si>
    <t>Misbah Khurshid</t>
  </si>
  <si>
    <t>3108</t>
  </si>
  <si>
    <t>36360</t>
  </si>
  <si>
    <t>GGCMES 35 WB</t>
  </si>
  <si>
    <t>35/Wb</t>
  </si>
  <si>
    <t>41/Wb</t>
  </si>
  <si>
    <t>Shahnaz Zahra</t>
  </si>
  <si>
    <t>16676</t>
  </si>
  <si>
    <t>GGPS CHAK 501 GB MAMUNKANJAN</t>
  </si>
  <si>
    <t>Ahat E Sadaat</t>
  </si>
  <si>
    <t>ggps 501 gb</t>
  </si>
  <si>
    <t>501gb</t>
  </si>
  <si>
    <t>558 Gb</t>
  </si>
  <si>
    <t>Sumera Siddique</t>
  </si>
  <si>
    <t>5727</t>
  </si>
  <si>
    <t>28227</t>
  </si>
  <si>
    <t>44259</t>
  </si>
  <si>
    <t>GPS CHAK KHUSHI</t>
  </si>
  <si>
    <t>Khandowa</t>
  </si>
  <si>
    <t>v/po chakkhushi tehsil kallarkahar chakwal</t>
  </si>
  <si>
    <t>Chakkhushi</t>
  </si>
  <si>
    <t>16433</t>
  </si>
  <si>
    <t>35562</t>
  </si>
  <si>
    <t>GES SANDA</t>
  </si>
  <si>
    <t>35292</t>
  </si>
  <si>
    <t>GGPS HERDO MALLI</t>
  </si>
  <si>
    <t>Herdomaly</t>
  </si>
  <si>
    <t>ggps herdomaly</t>
  </si>
  <si>
    <t>China Verkan</t>
  </si>
  <si>
    <t>Shagufta Naseem</t>
  </si>
  <si>
    <t>1782</t>
  </si>
  <si>
    <t>6558</t>
  </si>
  <si>
    <t>GGPS CHAK NO. 56/NP</t>
  </si>
  <si>
    <t>Rang Pur</t>
  </si>
  <si>
    <t>GGPS 56/NP,ryk</t>
  </si>
  <si>
    <t>Chak 56/NP</t>
  </si>
  <si>
    <t>Lubna Anam</t>
  </si>
  <si>
    <t>GGHS DHOK SAHARAN</t>
  </si>
  <si>
    <t>DHOK SAHARAN</t>
  </si>
  <si>
    <t>VPO DHOK SAHARAN TEHSIL AND DISTRICT MANDI BAHAUD DIN</t>
  </si>
  <si>
    <t>Saeeda Nasim</t>
  </si>
  <si>
    <t>13336</t>
  </si>
  <si>
    <t>10568</t>
  </si>
  <si>
    <t>GES CHAK NO 144 TDA</t>
  </si>
  <si>
    <t>chak no 144/TDA Layyah</t>
  </si>
  <si>
    <t>Chak 144/TDA</t>
  </si>
  <si>
    <t>Tariq Manzoor Khan</t>
  </si>
  <si>
    <t>46251</t>
  </si>
  <si>
    <t>41878</t>
  </si>
  <si>
    <t>GGES MC DHOK PARACHA</t>
  </si>
  <si>
    <t>Dhoke paracha rwp</t>
  </si>
  <si>
    <t>Dhoke Paracha</t>
  </si>
  <si>
    <t>Amara Rafique</t>
  </si>
  <si>
    <t>tubewell</t>
  </si>
  <si>
    <t>19369</t>
  </si>
  <si>
    <t>GGPS GOORE SIAL</t>
  </si>
  <si>
    <t>Gorsial</t>
  </si>
  <si>
    <t>ggps gorsial</t>
  </si>
  <si>
    <t>33221</t>
  </si>
  <si>
    <t>GPS JATRI NOU</t>
  </si>
  <si>
    <t>bhalikay</t>
  </si>
  <si>
    <t>jatri nou</t>
  </si>
  <si>
    <t>JATRI NOU</t>
  </si>
  <si>
    <t>Aqib Sarwar</t>
  </si>
  <si>
    <t>12321</t>
  </si>
  <si>
    <t>39740</t>
  </si>
  <si>
    <t>39211</t>
  </si>
  <si>
    <t>9347</t>
  </si>
  <si>
    <t>GGMPS DAU SHUMALI</t>
  </si>
  <si>
    <t>Dau</t>
  </si>
  <si>
    <t>dau shumali</t>
  </si>
  <si>
    <t>Dau Shumali</t>
  </si>
  <si>
    <t>Kaloo Wala</t>
  </si>
  <si>
    <t>Sadia Rasool</t>
  </si>
  <si>
    <t>6560</t>
  </si>
  <si>
    <t>GGPS ELAHI BAKHSH SANGHI</t>
  </si>
  <si>
    <t>Doodi Sangi Markaz Rukan Pur</t>
  </si>
  <si>
    <t>Basti Elahi Bukhsh sangi</t>
  </si>
  <si>
    <t>Basti Elahi Bukhsh Sangi</t>
  </si>
  <si>
    <t>Thual Khair Muhammad</t>
  </si>
  <si>
    <t>7289</t>
  </si>
  <si>
    <t>46751</t>
  </si>
  <si>
    <t>33397</t>
  </si>
  <si>
    <t>GGES KAMAL PUR CHAK NO.183/RB</t>
  </si>
  <si>
    <t>183Rb</t>
  </si>
  <si>
    <t>kamalpur chak #183R.b</t>
  </si>
  <si>
    <t>Zeba Hashmy</t>
  </si>
  <si>
    <t>34203</t>
  </si>
  <si>
    <t>41549</t>
  </si>
  <si>
    <t>GHS FAIZ UL ISLAM NO. 2 NEW SHAKRIAL</t>
  </si>
  <si>
    <t>sHAKRIAL</t>
  </si>
  <si>
    <t>ANWAR COLONY sHAKRIAL RWP</t>
  </si>
  <si>
    <t>SHAKRIAL</t>
  </si>
  <si>
    <t>Alia Bibi</t>
  </si>
  <si>
    <t>GGPS CHAK 771 GB II</t>
  </si>
  <si>
    <t>Jati Bahader</t>
  </si>
  <si>
    <t>teh.pirmahal t.t.singh</t>
  </si>
  <si>
    <t>771gb</t>
  </si>
  <si>
    <t>Josa</t>
  </si>
  <si>
    <t>28878</t>
  </si>
  <si>
    <t>29056</t>
  </si>
  <si>
    <t>GHS CHIRAGH DIN WALA</t>
  </si>
  <si>
    <t>KALAY OTTAR</t>
  </si>
  <si>
    <t>chiragh din wala (kasur)</t>
  </si>
  <si>
    <t>CHIRAGH DIN WALA</t>
  </si>
  <si>
    <t>kotli ray abu baker</t>
  </si>
  <si>
    <t>IMTIAZ AHMAD KHAN</t>
  </si>
  <si>
    <t>37437</t>
  </si>
  <si>
    <t>50860</t>
  </si>
  <si>
    <t>54008</t>
  </si>
  <si>
    <t>Akhtarabad</t>
  </si>
  <si>
    <t>Rehmanaabad</t>
  </si>
  <si>
    <t>Madiha Gohar</t>
  </si>
  <si>
    <t>37069</t>
  </si>
  <si>
    <t>GGHS MODEL KHANEWAL, BLOCK NO.4 LINE 3, KHANEWAL</t>
  </si>
  <si>
    <t>BLOCK NO.4 KHANEWAL</t>
  </si>
  <si>
    <t>City Khanewal</t>
  </si>
  <si>
    <t>CITY KHANEWAL</t>
  </si>
  <si>
    <t>QURAT-UL-AIN SALMA</t>
  </si>
  <si>
    <t>54461</t>
  </si>
  <si>
    <t>9977</t>
  </si>
  <si>
    <t>4326</t>
  </si>
  <si>
    <t>39256</t>
  </si>
  <si>
    <t>GGES PIRANA</t>
  </si>
  <si>
    <t>IKHLAS - FEMALE</t>
  </si>
  <si>
    <t>Pirana</t>
  </si>
  <si>
    <t>Govt. Girls Elementary School Pirana</t>
  </si>
  <si>
    <t>Taj Khushnood</t>
  </si>
  <si>
    <t>11991</t>
  </si>
  <si>
    <t>4465</t>
  </si>
  <si>
    <t>12578</t>
  </si>
  <si>
    <t>33806</t>
  </si>
  <si>
    <t>GPS PIR WALA</t>
  </si>
  <si>
    <t>MAHAL KUSHAK- MALE</t>
  </si>
  <si>
    <t>Mohri Wala</t>
  </si>
  <si>
    <t>Shabir Abad ,chouk aloday wali p/o Aloudday wali</t>
  </si>
  <si>
    <t>Pir Wala</t>
  </si>
  <si>
    <t>Muhammad Shahid Imran</t>
  </si>
  <si>
    <t>36141</t>
  </si>
  <si>
    <t>GGES CHAK NO. 577 EB</t>
  </si>
  <si>
    <t>577/e b</t>
  </si>
  <si>
    <t>Chak no 577/e b</t>
  </si>
  <si>
    <t>19/w b</t>
  </si>
  <si>
    <t>Musarat Rani</t>
  </si>
  <si>
    <t>40530</t>
  </si>
  <si>
    <t>39699</t>
  </si>
  <si>
    <t>45649</t>
  </si>
  <si>
    <t>37397</t>
  </si>
  <si>
    <t>GGHSS TULAMBA, TULAMBA</t>
  </si>
  <si>
    <t>tulamba</t>
  </si>
  <si>
    <t>Govt girls Higher Secondary School Tulamba</t>
  </si>
  <si>
    <t>tulamba city</t>
  </si>
  <si>
    <t>muncipal committe</t>
  </si>
  <si>
    <t>NAEEM SARWAR</t>
  </si>
  <si>
    <t>52496</t>
  </si>
  <si>
    <t>4035</t>
  </si>
  <si>
    <t>20897</t>
  </si>
  <si>
    <t>GGHS MANSOOR WALI</t>
  </si>
  <si>
    <t>govt.girls high school mansoorwali wza</t>
  </si>
  <si>
    <t>Mansoorwali Wzd</t>
  </si>
  <si>
    <t>RABIA AKRAM</t>
  </si>
  <si>
    <t>9898</t>
  </si>
  <si>
    <t>GGPS FAZILPUR NO. 3</t>
  </si>
  <si>
    <t>FAZIL PUR</t>
  </si>
  <si>
    <t>NEAR IMAM BARGHA FAZIL PUR</t>
  </si>
  <si>
    <t>MAHALA MASTOI</t>
  </si>
  <si>
    <t>MC city fazilpur</t>
  </si>
  <si>
    <t>Amna Rahim</t>
  </si>
  <si>
    <t>32505</t>
  </si>
  <si>
    <t>GGES BHOIWAL</t>
  </si>
  <si>
    <t>BHOYWAL</t>
  </si>
  <si>
    <t>VILLAGE BHOYWAL</t>
  </si>
  <si>
    <t>MANDIAWALA</t>
  </si>
  <si>
    <t>Salma Rani</t>
  </si>
  <si>
    <t>GGPS DODDI SANGHI BASTI MASTER KHUDA BUX MAHER</t>
  </si>
  <si>
    <t>Doodi Sangi</t>
  </si>
  <si>
    <t>GGPS  doodi Sangi basti master khuda bux maher</t>
  </si>
  <si>
    <t>Busti Master Khuda Bux  Maher</t>
  </si>
  <si>
    <t>41298</t>
  </si>
  <si>
    <t>GGHS ANGOORI</t>
  </si>
  <si>
    <t>Village and post office Angoori.</t>
  </si>
  <si>
    <t>Atifa Habib</t>
  </si>
  <si>
    <t>36953</t>
  </si>
  <si>
    <t>35749</t>
  </si>
  <si>
    <t>GPS CHAK NO.169/WB</t>
  </si>
  <si>
    <t>169/WB</t>
  </si>
  <si>
    <t>chak no. 169/WB</t>
  </si>
  <si>
    <t>Muhammad Usman Akram</t>
  </si>
  <si>
    <t>45643</t>
  </si>
  <si>
    <t>GPS 81 GB</t>
  </si>
  <si>
    <t>Meeraan Pur</t>
  </si>
  <si>
    <t>Chan no 81 gb Faisalabad</t>
  </si>
  <si>
    <t>81 Gb</t>
  </si>
  <si>
    <t>Kot Goraya</t>
  </si>
  <si>
    <t>AHSAN MAHMOOD</t>
  </si>
  <si>
    <t>22242</t>
  </si>
  <si>
    <t>53689</t>
  </si>
  <si>
    <t>GPS CHAK NO. 5/1-L</t>
  </si>
  <si>
    <t>5/1L</t>
  </si>
  <si>
    <t>chak  no  51L</t>
  </si>
  <si>
    <t>Chak  5/1L</t>
  </si>
  <si>
    <t>101L</t>
  </si>
  <si>
    <t>Rana Rashid Iqbal</t>
  </si>
  <si>
    <t>12237</t>
  </si>
  <si>
    <t>22209</t>
  </si>
  <si>
    <t>11884</t>
  </si>
  <si>
    <t>GGPS CHAK NO. 649 TDA</t>
  </si>
  <si>
    <t>Chak No 649/tda</t>
  </si>
  <si>
    <t>chak no 649/tda</t>
  </si>
  <si>
    <t>Sadaq Abad</t>
  </si>
  <si>
    <t>39368</t>
  </si>
  <si>
    <t>GGPS THATTI KALRA</t>
  </si>
  <si>
    <t>Thatti kalra</t>
  </si>
  <si>
    <t>Asia Batool</t>
  </si>
  <si>
    <t>36705</t>
  </si>
  <si>
    <t>GPS HABIB SHAH WALA, KABIRWALA</t>
  </si>
  <si>
    <t>Nabipur</t>
  </si>
  <si>
    <t>Qitta habib shah near jhang road kabirwala</t>
  </si>
  <si>
    <t>Habib Shah Wala</t>
  </si>
  <si>
    <t>40314</t>
  </si>
  <si>
    <t>GHS No 2 near children park PDKhan</t>
  </si>
  <si>
    <t>Adeel Abbas Malik</t>
  </si>
  <si>
    <t>36262</t>
  </si>
  <si>
    <t>53310</t>
  </si>
  <si>
    <t>GPS CHAK NO.38/2-RA</t>
  </si>
  <si>
    <t>Chak No 38/2-RA</t>
  </si>
  <si>
    <t>38/2-RA</t>
  </si>
  <si>
    <t>Muhammad Tariq Bashir</t>
  </si>
  <si>
    <t>12307</t>
  </si>
  <si>
    <t>45160</t>
  </si>
  <si>
    <t>GGHS LITTEN</t>
  </si>
  <si>
    <t>Litten</t>
  </si>
  <si>
    <t>p/o litten tehsil and district bhakkar</t>
  </si>
  <si>
    <t>GGHS BABBAR</t>
  </si>
  <si>
    <t>p/o babbar tehsil noshera virkan district Gujranwala</t>
  </si>
  <si>
    <t>Abida Abad</t>
  </si>
  <si>
    <t>Rabia Saleem</t>
  </si>
  <si>
    <t>22911</t>
  </si>
  <si>
    <t>36345</t>
  </si>
  <si>
    <t>GGPS 202 EB</t>
  </si>
  <si>
    <t>202/EB</t>
  </si>
  <si>
    <t>chak no. 202/EB</t>
  </si>
  <si>
    <t>204EB</t>
  </si>
  <si>
    <t>Rabia Ali</t>
  </si>
  <si>
    <t>28503</t>
  </si>
  <si>
    <t>37923</t>
  </si>
  <si>
    <t>GHS HAVELI NASEER KHAN</t>
  </si>
  <si>
    <t>Haveli Naseer khan</t>
  </si>
  <si>
    <t>Govt. High School Haveli Naseer Khan Tehsil &amp; District Lodhran</t>
  </si>
  <si>
    <t>roshan lal</t>
  </si>
  <si>
    <t>21717</t>
  </si>
  <si>
    <t>51005</t>
  </si>
  <si>
    <t>33878</t>
  </si>
  <si>
    <t>GGPS MC CHAH USMANIWALA MULTAN</t>
  </si>
  <si>
    <t>LOHARI GATE - FEMALE</t>
  </si>
  <si>
    <t>Chah Usmani Wala</t>
  </si>
  <si>
    <t>ggmc p/s chah usmani wala muhallah nizamabad Multan</t>
  </si>
  <si>
    <t>Imrana Zia</t>
  </si>
  <si>
    <t>32297</t>
  </si>
  <si>
    <t>32200</t>
  </si>
  <si>
    <t>27502</t>
  </si>
  <si>
    <t>21075</t>
  </si>
  <si>
    <t>GGPS RAILWAY COLONY WAZIRABAD</t>
  </si>
  <si>
    <t>Railway colony waziabad</t>
  </si>
  <si>
    <t>Railway Colony WZD</t>
  </si>
  <si>
    <t>Shafqat-u-Nisa</t>
  </si>
  <si>
    <t>24720</t>
  </si>
  <si>
    <t>GGHS HABIB PURA</t>
  </si>
  <si>
    <t>Habib Pura</t>
  </si>
  <si>
    <t>Govt. Girls High School Habib Pura Sialkot City</t>
  </si>
  <si>
    <t>Nughaz Afifa Naz</t>
  </si>
  <si>
    <t>7774</t>
  </si>
  <si>
    <t>46645</t>
  </si>
  <si>
    <t>GES ALAF KHEL</t>
  </si>
  <si>
    <t>Alaf Khel</t>
  </si>
  <si>
    <t>KOT CHANDNA</t>
  </si>
  <si>
    <t>Abdul Rauf Khan</t>
  </si>
  <si>
    <t>GPS SOBHEY WALA</t>
  </si>
  <si>
    <t>Allah Yar Soha</t>
  </si>
  <si>
    <t>chah sobhay Wala Moza Allah yar soha Tehsil Darya Khan District Bhakkar</t>
  </si>
  <si>
    <t>Sobhay Wala</t>
  </si>
  <si>
    <t>6 T D A</t>
  </si>
  <si>
    <t>34972</t>
  </si>
  <si>
    <t>GGPS BASTI KAMAL</t>
  </si>
  <si>
    <t>Bait kaitch Janobi</t>
  </si>
  <si>
    <t>GGPSBASTIKAMAL</t>
  </si>
  <si>
    <t>Haji Kareem Dad</t>
  </si>
  <si>
    <t>Bait kaitch</t>
  </si>
  <si>
    <t>Shahla Afzal</t>
  </si>
  <si>
    <t>39398</t>
  </si>
  <si>
    <t>GGPS NANGAN WALI</t>
  </si>
  <si>
    <t>Nangawali</t>
  </si>
  <si>
    <t>GGPS Nangawali Tehsil Pindi gheb</t>
  </si>
  <si>
    <t>Nusrat Hayat</t>
  </si>
  <si>
    <t>6562</t>
  </si>
  <si>
    <t>GGPS FAIZ BUX CHACHAR</t>
  </si>
  <si>
    <t>Tajpur Peer Wala</t>
  </si>
  <si>
    <t>Basti Rais Faiz Bux chachar Rukan pur</t>
  </si>
  <si>
    <t>Basti Faiz Bux Chachar</t>
  </si>
  <si>
    <t>Thull Khair M</t>
  </si>
  <si>
    <t>Khadija Bb</t>
  </si>
  <si>
    <t>45012</t>
  </si>
  <si>
    <t>GGPS SHAH ALAM WALA</t>
  </si>
  <si>
    <t>ggps shahalam wala</t>
  </si>
  <si>
    <t>SADIA PERVEEN</t>
  </si>
  <si>
    <t>24181</t>
  </si>
  <si>
    <t>40518</t>
  </si>
  <si>
    <t>GGMPS LILLA BHERWANA</t>
  </si>
  <si>
    <t>lilla bherwana</t>
  </si>
  <si>
    <t>Lilla Bherwana</t>
  </si>
  <si>
    <t>Moqadus Jabeen</t>
  </si>
  <si>
    <t>16863</t>
  </si>
  <si>
    <t>8050</t>
  </si>
  <si>
    <t>48893</t>
  </si>
  <si>
    <t>29734</t>
  </si>
  <si>
    <t>GPS WAN RADHA RAM</t>
  </si>
  <si>
    <t>Wan Radha ram tehsil pattoki district kasur</t>
  </si>
  <si>
    <t>Meiraj Hussain Khalid</t>
  </si>
  <si>
    <t>35573</t>
  </si>
  <si>
    <t>38350</t>
  </si>
  <si>
    <t>5493</t>
  </si>
  <si>
    <t>GES JARH RATHAIB</t>
  </si>
  <si>
    <t>Jarh Rathaib</t>
  </si>
  <si>
    <t>basti jarh rathaib</t>
  </si>
  <si>
    <t>Manik Pur</t>
  </si>
  <si>
    <t>Muhammad Arslan Farid</t>
  </si>
  <si>
    <t>15911</t>
  </si>
  <si>
    <t>44732</t>
  </si>
  <si>
    <t>GGES MAHNAY WALA</t>
  </si>
  <si>
    <t>Dagar Aoulakh</t>
  </si>
  <si>
    <t>PoliceHelpline 183 tda dagar Aoulakh mahny wala</t>
  </si>
  <si>
    <t>Dagger Aoulakh</t>
  </si>
  <si>
    <t>Shehnaz Bilqees</t>
  </si>
  <si>
    <t>41158</t>
  </si>
  <si>
    <t>GES BOHARA HAYAL</t>
  </si>
  <si>
    <t>Bhora Hayal</t>
  </si>
  <si>
    <t>bhora Hayal Kahuta</t>
  </si>
  <si>
    <t>Raja Muhammad Ishraq</t>
  </si>
  <si>
    <t>36687</t>
  </si>
  <si>
    <t>GPS TAWAKKAL WALA, P/O MOUZA CHAK SHER KHAN, KABIRWALA</t>
  </si>
  <si>
    <t>Chak Sheer Khan</t>
  </si>
  <si>
    <t>chah twakakal wala moza chak sheer khan kabirwala</t>
  </si>
  <si>
    <t>Tawakalwala</t>
  </si>
  <si>
    <t>Muhammad Amer</t>
  </si>
  <si>
    <t>13579</t>
  </si>
  <si>
    <t>41885</t>
  </si>
  <si>
    <t>52261</t>
  </si>
  <si>
    <t>36201</t>
  </si>
  <si>
    <t>GPS CHAK NO.559 EB</t>
  </si>
  <si>
    <t>559/E.B</t>
  </si>
  <si>
    <t>Chak No, 559/E.B Tehsil and District Vehari</t>
  </si>
  <si>
    <t>Chak No. 559/E.B</t>
  </si>
  <si>
    <t>Chak No. 1/W.B</t>
  </si>
  <si>
    <t>MUHAMMAD IMRAN ASLAM</t>
  </si>
  <si>
    <t>28664</t>
  </si>
  <si>
    <t>27882</t>
  </si>
  <si>
    <t>GHS SIR SYED M.B.DIN</t>
  </si>
  <si>
    <t>GOVT. SIR SYED HIGH SCHOOL, M.B.DIN</t>
  </si>
  <si>
    <t>MOHALLAH GURRAH</t>
  </si>
  <si>
    <t>KHURSHID AKBAR</t>
  </si>
  <si>
    <t>4056</t>
  </si>
  <si>
    <t>GHS QUTBAL</t>
  </si>
  <si>
    <t>Qutbal</t>
  </si>
  <si>
    <t>Government Boys High School Qutbal, Tehsil Fateh Jang District Attock</t>
  </si>
  <si>
    <t>Village Qutbal</t>
  </si>
  <si>
    <t>Muhammad Husam-ud-din</t>
  </si>
  <si>
    <t>9687</t>
  </si>
  <si>
    <t>11432</t>
  </si>
  <si>
    <t>GGPS BASTI ARAIN</t>
  </si>
  <si>
    <t>Ghalwan-2</t>
  </si>
  <si>
    <t>Basti Tibba UC Ghalwan-2 Tehsil Alipur District M.Garh</t>
  </si>
  <si>
    <t>Fariha Hussain</t>
  </si>
  <si>
    <t>32193</t>
  </si>
  <si>
    <t>21822</t>
  </si>
  <si>
    <t>13684</t>
  </si>
  <si>
    <t>44293</t>
  </si>
  <si>
    <t>16011</t>
  </si>
  <si>
    <t>GGPS CHAK 78 GB W</t>
  </si>
  <si>
    <t>78GB West</t>
  </si>
  <si>
    <t>GGPS 78GB WEST FAISALABAD</t>
  </si>
  <si>
    <t>Chak 78 GB West</t>
  </si>
  <si>
    <t>237RB North</t>
  </si>
  <si>
    <t>Aneeqa Hassan</t>
  </si>
  <si>
    <t>16456</t>
  </si>
  <si>
    <t>28380</t>
  </si>
  <si>
    <t>26608</t>
  </si>
  <si>
    <t>16596</t>
  </si>
  <si>
    <t>GES RAILWAY COLONY LALA MUSA</t>
  </si>
  <si>
    <t>Govt. elementary school rai
way colony lalamusa</t>
  </si>
  <si>
    <t>8995</t>
  </si>
  <si>
    <t>45924</t>
  </si>
  <si>
    <t>GGPS MC NO. 4 KHUSHAB</t>
  </si>
  <si>
    <t>mohalla madni jamia Masjid khushab</t>
  </si>
  <si>
    <t>Kishwar Yaqub</t>
  </si>
  <si>
    <t>22995</t>
  </si>
  <si>
    <t>13886</t>
  </si>
  <si>
    <t>GGHS KOTLA EASAN</t>
  </si>
  <si>
    <t>Kotla Eson</t>
  </si>
  <si>
    <t>kotla esan</t>
  </si>
  <si>
    <t>Kotla Eason</t>
  </si>
  <si>
    <t>Anam Ayub</t>
  </si>
  <si>
    <t>10469</t>
  </si>
  <si>
    <t>11895</t>
  </si>
  <si>
    <t>45476</t>
  </si>
  <si>
    <t>GPS CHAH THALLAH</t>
  </si>
  <si>
    <t>Haji Hussain Shah Daggar</t>
  </si>
  <si>
    <t>Haitoo Khasor Road Chah Thalla</t>
  </si>
  <si>
    <t>Chah Thalla</t>
  </si>
  <si>
    <t>4104</t>
  </si>
  <si>
    <t>45017</t>
  </si>
  <si>
    <t>GGPS UMREY WALA</t>
  </si>
  <si>
    <t>ggpsumreywala</t>
  </si>
  <si>
    <t>Umreywala</t>
  </si>
  <si>
    <t>Hina Yaseen</t>
  </si>
  <si>
    <t>11556</t>
  </si>
  <si>
    <t>GES CHAK NO. 638/TDA</t>
  </si>
  <si>
    <t>Chak No 638/TDA</t>
  </si>
  <si>
    <t>Ghulam Farid</t>
  </si>
  <si>
    <t>39971</t>
  </si>
  <si>
    <t>GPS ADIL ZAI</t>
  </si>
  <si>
    <t>ADAL ZAI</t>
  </si>
  <si>
    <t>VILLAGE ADAL ZAI TEHSIL &amp; POST OFFICE HAZRO DISTRICT ATTOCK</t>
  </si>
  <si>
    <t>HAROON</t>
  </si>
  <si>
    <t>Zubair Muhammad Shah</t>
  </si>
  <si>
    <t>12036</t>
  </si>
  <si>
    <t>38793</t>
  </si>
  <si>
    <t>GGHS PEPOLES COLONY ATTOCK</t>
  </si>
  <si>
    <t>Peoples colony attock</t>
  </si>
  <si>
    <t>No.1</t>
  </si>
  <si>
    <t>Benazir Khan</t>
  </si>
  <si>
    <t>35022</t>
  </si>
  <si>
    <t>GGHSS 98 EB SHEIKH FAZAL</t>
  </si>
  <si>
    <t>SHEIKH FAZAL</t>
  </si>
  <si>
    <t>CHAK NO 98/EB SHEIKH FAZAL</t>
  </si>
  <si>
    <t>98/EB SHEIKH FAZAL</t>
  </si>
  <si>
    <t>33866</t>
  </si>
  <si>
    <t>GGPS MC SCHEME NO. 2</t>
  </si>
  <si>
    <t>Taraf Mubarik Awal Gulgaaht</t>
  </si>
  <si>
    <t>govt. girls mc elementary school scheme no:2</t>
  </si>
  <si>
    <t>Riffat Farzana</t>
  </si>
  <si>
    <t>2854</t>
  </si>
  <si>
    <t>GGES KULAB NO.2</t>
  </si>
  <si>
    <t>Kulab</t>
  </si>
  <si>
    <t>Basti Kot sipra Dak Khana KULAB</t>
  </si>
  <si>
    <t>Kot Sipra</t>
  </si>
  <si>
    <t>KULAB</t>
  </si>
  <si>
    <t>Ayesha Ashraf</t>
  </si>
  <si>
    <t>29657</t>
  </si>
  <si>
    <t>GES TARA GARH CHAK NO.44</t>
  </si>
  <si>
    <t>TARA GARH CHAK 44</t>
  </si>
  <si>
    <t>TARA GARH CHAK 44 TEHSIL PATTOKI DISTRICT KASUR.</t>
  </si>
  <si>
    <t>MUHAMMAD SOHAIL</t>
  </si>
  <si>
    <t>45047</t>
  </si>
  <si>
    <t>GGPS AKHROTAN WALA</t>
  </si>
  <si>
    <t>awana wala</t>
  </si>
  <si>
    <t>Awana Wala</t>
  </si>
  <si>
    <t>Fozia Yasmeen</t>
  </si>
  <si>
    <t>36685</t>
  </si>
  <si>
    <t>GPS QASIM KABIRWALA, KABIRWALA</t>
  </si>
  <si>
    <t>nazd madina bakery city kabirwala.</t>
  </si>
  <si>
    <t>Mc Kabirwal</t>
  </si>
  <si>
    <t>Mc Kanirwala</t>
  </si>
  <si>
    <t>7210</t>
  </si>
  <si>
    <t>7373</t>
  </si>
  <si>
    <t>GPS GULLAN DAD PUTRA</t>
  </si>
  <si>
    <t>DARI AZEEM KHAN</t>
  </si>
  <si>
    <t>BASTI RUSTUM KI HAWELI</t>
  </si>
  <si>
    <t>Sulatana Shahabaz</t>
  </si>
  <si>
    <t>8912</t>
  </si>
  <si>
    <t>51810</t>
  </si>
  <si>
    <t>GGHS 119 EB</t>
  </si>
  <si>
    <t>119/EB</t>
  </si>
  <si>
    <t>chak no. 119/EB Arifwala Dist. Pakpattan</t>
  </si>
  <si>
    <t>119eb</t>
  </si>
  <si>
    <t>Moen Kot</t>
  </si>
  <si>
    <t>Nabeela Maskin</t>
  </si>
  <si>
    <t>19912</t>
  </si>
  <si>
    <t>GGHS CHINIOT</t>
  </si>
  <si>
    <t>govt.girls high school chiniot</t>
  </si>
  <si>
    <t>mohallah garha chiniot</t>
  </si>
  <si>
    <t>MEHNAZ RAFI NAZLI</t>
  </si>
  <si>
    <t>42439</t>
  </si>
  <si>
    <t>GGHS THATHI</t>
  </si>
  <si>
    <t>village &amp; p. o thathi tehsile  Gujarkhan  distt.rawalpindi</t>
  </si>
  <si>
    <t>Zoya Khalid</t>
  </si>
  <si>
    <t>15126</t>
  </si>
  <si>
    <t>GGHS CHAK 562 GB LUNDIANWALA</t>
  </si>
  <si>
    <t>GOVT GIRLS HIGH SCHOOL CHAK NO.562 GB JARANWALA</t>
  </si>
  <si>
    <t>CHAK NO. 562 GB</t>
  </si>
  <si>
    <t>MAHER-UN-NISA</t>
  </si>
  <si>
    <t>44371</t>
  </si>
  <si>
    <t>GMES CHAK NO.41 TDA</t>
  </si>
  <si>
    <t>DAGGAR REHTAS - FEMALE</t>
  </si>
  <si>
    <t>41TDA</t>
  </si>
  <si>
    <t>Govt Model Elementary  School  41 TDA  Bhakkar</t>
  </si>
  <si>
    <t>Pir Ashab</t>
  </si>
  <si>
    <t>34918</t>
  </si>
  <si>
    <t>GPS BUDHO KALAS</t>
  </si>
  <si>
    <t>budho kalas</t>
  </si>
  <si>
    <t>ali chak</t>
  </si>
  <si>
    <t>Muhammad Azhar</t>
  </si>
  <si>
    <t>15795</t>
  </si>
  <si>
    <t>GPS CHAK 237 RB I FSD</t>
  </si>
  <si>
    <t>Khudi Lakkan</t>
  </si>
  <si>
    <t>chak no.237rb</t>
  </si>
  <si>
    <t>Chak 237 RB</t>
  </si>
  <si>
    <t>KHUDIAN Warrich</t>
  </si>
  <si>
    <t>Muhammad Naveed Iftikhar</t>
  </si>
  <si>
    <t>52420</t>
  </si>
  <si>
    <t>GGPS MUSSALIAN WALA</t>
  </si>
  <si>
    <t>pio box khokhranwala Haitu</t>
  </si>
  <si>
    <t>Musalian Wala</t>
  </si>
  <si>
    <t>Mehvish Shahzadi</t>
  </si>
  <si>
    <t>GGHSS AWAN TOWN</t>
  </si>
  <si>
    <t>Awan Town</t>
  </si>
  <si>
    <t>government. girls higher secondary school awan Town lahore</t>
  </si>
  <si>
    <t>samina saeed</t>
  </si>
  <si>
    <t>58500</t>
  </si>
  <si>
    <t>7735</t>
  </si>
  <si>
    <t>GES KOT HAIBAT</t>
  </si>
  <si>
    <t>Churhatta Sindh Shumali</t>
  </si>
  <si>
    <t>Taunsa road,chowk churhatta D G Khan.</t>
  </si>
  <si>
    <t>D  G Khan</t>
  </si>
  <si>
    <t>Ishaq Ahmad</t>
  </si>
  <si>
    <t>35133</t>
  </si>
  <si>
    <t>GGHS 102 EB</t>
  </si>
  <si>
    <t>chak no 102/EB</t>
  </si>
  <si>
    <t>124EB</t>
  </si>
  <si>
    <t>Ammara Shafqat</t>
  </si>
  <si>
    <t>48579</t>
  </si>
  <si>
    <t>33068</t>
  </si>
  <si>
    <t>GHS BALLOKI</t>
  </si>
  <si>
    <t>BALLOKI POST OFFICE PHOOL NAGAR TEHSIL PATTOKI DISTRICT KASUR</t>
  </si>
  <si>
    <t>BALLOKI</t>
  </si>
  <si>
    <t>Haroon Ali</t>
  </si>
  <si>
    <t>36277</t>
  </si>
  <si>
    <t>44854</t>
  </si>
  <si>
    <t>GHS ABBASIAN WALA</t>
  </si>
  <si>
    <t>HAITU</t>
  </si>
  <si>
    <t>P/O ANBASIAN WALA TEHSIL KALLUR KOT DISTRICT BHAKKAR</t>
  </si>
  <si>
    <t>ABBASIAN WALA</t>
  </si>
  <si>
    <t>GGPS CHAK 113 JB I</t>
  </si>
  <si>
    <t>Phalahi</t>
  </si>
  <si>
    <t>Chak No 113 Jb</t>
  </si>
  <si>
    <t>Hina Makhdoom</t>
  </si>
  <si>
    <t>6895</t>
  </si>
  <si>
    <t>41430</t>
  </si>
  <si>
    <t>19928</t>
  </si>
  <si>
    <t>GGES MC CHINIOT</t>
  </si>
  <si>
    <t>govt.girls MC E/S mohallah garah chiniot</t>
  </si>
  <si>
    <t>Garah</t>
  </si>
  <si>
    <t>Rabia Idrees</t>
  </si>
  <si>
    <t>GES NOOR PUR, KABIRWALA</t>
  </si>
  <si>
    <t>BILAWAL PUR - MALE</t>
  </si>
  <si>
    <t>ges noorpur</t>
  </si>
  <si>
    <t>41486</t>
  </si>
  <si>
    <t>35154</t>
  </si>
  <si>
    <t>GPS AZIZ ABAD</t>
  </si>
  <si>
    <t>AZIZABAD</t>
  </si>
  <si>
    <t>azizabad Burewala</t>
  </si>
  <si>
    <t>AZiZABAD</t>
  </si>
  <si>
    <t>Ward # 2</t>
  </si>
  <si>
    <t>Muhammad Ajmal Shahid</t>
  </si>
  <si>
    <t>9731</t>
  </si>
  <si>
    <t>11032</t>
  </si>
  <si>
    <t>29206</t>
  </si>
  <si>
    <t>GGPS JAHAN WALA</t>
  </si>
  <si>
    <t>village jahan wala p/o dadu wala teh kallur kot disst bhakkar</t>
  </si>
  <si>
    <t>Jahan Wala</t>
  </si>
  <si>
    <t>Ghulaman No 2</t>
  </si>
  <si>
    <t>Aroosa Bibi</t>
  </si>
  <si>
    <t>14609</t>
  </si>
  <si>
    <t>GGES CHAK 122 JB NOOR PUR</t>
  </si>
  <si>
    <t>GGES 122 JB Noor Pur fsd</t>
  </si>
  <si>
    <t>122 JB</t>
  </si>
  <si>
    <t>Usman Town</t>
  </si>
  <si>
    <t>Samia Rasheed</t>
  </si>
  <si>
    <t>20012</t>
  </si>
  <si>
    <t>GMPS CHAH BUTTIAN WALA</t>
  </si>
  <si>
    <t>CHINIOT MARKAZ NO.13 - FEMALE</t>
  </si>
  <si>
    <t>Tibba Kamangran</t>
  </si>
  <si>
    <t>moh tiba kamangran chiniot</t>
  </si>
  <si>
    <t>Rajyvali</t>
  </si>
  <si>
    <t>Muqadas lqbal</t>
  </si>
  <si>
    <t>9555</t>
  </si>
  <si>
    <t>48575</t>
  </si>
  <si>
    <t>36688</t>
  </si>
  <si>
    <t>GPS SULTAN WALA, P/O HAQ NAWAZ WALA, KABIRWALA</t>
  </si>
  <si>
    <t>Sultan Abad</t>
  </si>
  <si>
    <t>p/o Haqnawaz wala</t>
  </si>
  <si>
    <t>Chak Norang Shah</t>
  </si>
  <si>
    <t>36684</t>
  </si>
  <si>
    <t>GPS SULTAN ABAD, KABIRWALA</t>
  </si>
  <si>
    <t>sultanabad</t>
  </si>
  <si>
    <t>Chaknaurangshah</t>
  </si>
  <si>
    <t>22417</t>
  </si>
  <si>
    <t>52072</t>
  </si>
  <si>
    <t>20011</t>
  </si>
  <si>
    <t>GMPS TIBIAN WALA</t>
  </si>
  <si>
    <t>mohallah tibbian wala chiniot</t>
  </si>
  <si>
    <t>Tarkhanawala</t>
  </si>
  <si>
    <t>Sahar Munir</t>
  </si>
  <si>
    <t>8148</t>
  </si>
  <si>
    <t>46637</t>
  </si>
  <si>
    <t>54485</t>
  </si>
  <si>
    <t>GGCMS CHAK NO. 197 RB</t>
  </si>
  <si>
    <t>Chak No 197RB Fsd</t>
  </si>
  <si>
    <t>chak no 197 rb fsd</t>
  </si>
  <si>
    <t>197 RB FSD</t>
  </si>
  <si>
    <t>197RB FSD</t>
  </si>
  <si>
    <t>7564</t>
  </si>
  <si>
    <t>15331</t>
  </si>
  <si>
    <t>GGES CHAK 77 GB SATIANA</t>
  </si>
  <si>
    <t>77 Gb</t>
  </si>
  <si>
    <t>77 GB</t>
  </si>
  <si>
    <t>77GB</t>
  </si>
  <si>
    <t>32 Gb</t>
  </si>
  <si>
    <t>Mudassara Naheed</t>
  </si>
  <si>
    <t>14693</t>
  </si>
  <si>
    <t>GGES RAZA ABAD FSD</t>
  </si>
  <si>
    <t>govt girls elementry school raza abad street #23 bazar #1 fsd</t>
  </si>
  <si>
    <t>52280</t>
  </si>
  <si>
    <t>34945</t>
  </si>
  <si>
    <t>GGPS JHANGI AHMED KHAN</t>
  </si>
  <si>
    <t>Bait Kaitch Shumali</t>
  </si>
  <si>
    <t>basti jhangi ahmad khan p/o lar janubi</t>
  </si>
  <si>
    <t>Basti jhangi Ahmad Khan</t>
  </si>
  <si>
    <t>Nida Rehman</t>
  </si>
  <si>
    <t>29237</t>
  </si>
  <si>
    <t>GPS WARA KUMHARAN WALA</t>
  </si>
  <si>
    <t>Rawal Jhangar</t>
  </si>
  <si>
    <t>wara kumhara</t>
  </si>
  <si>
    <t>Chhina Arla</t>
  </si>
  <si>
    <t>moin islam</t>
  </si>
  <si>
    <t>3481</t>
  </si>
  <si>
    <t>GPS BASTI KHUSHI MUHAMMAD</t>
  </si>
  <si>
    <t>Mehmod Kot</t>
  </si>
  <si>
    <t>basti dodha lar khanpur</t>
  </si>
  <si>
    <t>Dodha Lar</t>
  </si>
  <si>
    <t>Fayyaz Haider</t>
  </si>
  <si>
    <t>21167</t>
  </si>
  <si>
    <t>GPS MEHMOOD PUR LALAY KA</t>
  </si>
  <si>
    <t>MND-VII-MALE</t>
  </si>
  <si>
    <t>Basti Mehmoodpur Laleka</t>
  </si>
  <si>
    <t>Mehmoodpur Laeka</t>
  </si>
  <si>
    <t>GMPS SAJAWALAY WALA</t>
  </si>
  <si>
    <t>Sajawal Wala</t>
  </si>
  <si>
    <t>Moza Sajawal Wala Tehsil lalian District Chiniot</t>
  </si>
  <si>
    <t>GGPS DHOK WALANA</t>
  </si>
  <si>
    <t>BHAGWAL-FEMALE</t>
  </si>
  <si>
    <t>Dhoke Walana</t>
  </si>
  <si>
    <t>vpo karsal teh  district. chakwal</t>
  </si>
  <si>
    <t>Rubi Gul</t>
  </si>
  <si>
    <t>19068</t>
  </si>
  <si>
    <t>22099</t>
  </si>
  <si>
    <t>GPS WAHI GHULAM ALI</t>
  </si>
  <si>
    <t>Bsti wahi Ghulam Ali Po Abdul Rehman Sadiq Abad District RYK</t>
  </si>
  <si>
    <t>Basti Wahi Ghulam Ali</t>
  </si>
  <si>
    <t>Malik Munir Ahmed Solangi</t>
  </si>
  <si>
    <t>17916</t>
  </si>
  <si>
    <t>15655</t>
  </si>
  <si>
    <t>GGES SHOUKAT ABAD SAMUNDARI</t>
  </si>
  <si>
    <t>Shoukatabad</t>
  </si>
  <si>
    <t>shoukatabad near dam dam darbar</t>
  </si>
  <si>
    <t>Municipal Cmeti</t>
  </si>
  <si>
    <t>Rafia Almas</t>
  </si>
  <si>
    <t>GGES CHAK NO. 226 TDA RAMZAN DHIL WALA</t>
  </si>
  <si>
    <t>THAL JANDI - FEMALE</t>
  </si>
  <si>
    <t>Karor Nashaib</t>
  </si>
  <si>
    <t>p|o karor city</t>
  </si>
  <si>
    <t>Chahramzan Dhill Wala Karor Nashaib</t>
  </si>
  <si>
    <t>Thall Jandi</t>
  </si>
  <si>
    <t>shameem akhtar</t>
  </si>
  <si>
    <t>33680</t>
  </si>
  <si>
    <t>39432</t>
  </si>
  <si>
    <t>44108</t>
  </si>
  <si>
    <t>GPS SIKKI</t>
  </si>
  <si>
    <t>Sikki Saghral</t>
  </si>
  <si>
    <t>GPS sikki</t>
  </si>
  <si>
    <t>Sikki</t>
  </si>
  <si>
    <t>Bsharat</t>
  </si>
  <si>
    <t>Sajid Hussain</t>
  </si>
  <si>
    <t>15853</t>
  </si>
  <si>
    <t>GPS CHAK 273 JB</t>
  </si>
  <si>
    <t>273jb</t>
  </si>
  <si>
    <t>chak no 273jb fsd</t>
  </si>
  <si>
    <t>tahir abdulmajeed</t>
  </si>
  <si>
    <t>10007</t>
  </si>
  <si>
    <t>39450</t>
  </si>
  <si>
    <t>29740</t>
  </si>
  <si>
    <t>GPS KOT FAZAL SHAH</t>
  </si>
  <si>
    <t>Kot Fazal Shah</t>
  </si>
  <si>
    <t>Kot Fazal Shah phool nagar tehsil pattoki district kasur</t>
  </si>
  <si>
    <t>MC Phool Nagar</t>
  </si>
  <si>
    <t>Mc Phool Nagar</t>
  </si>
  <si>
    <t>SYED IFTKHAR HUSSAIN SHAH</t>
  </si>
  <si>
    <t>39010</t>
  </si>
  <si>
    <t>GPS DHOK MANGALA</t>
  </si>
  <si>
    <t>Dhurnal Tehsil Fateh Hang Attocj</t>
  </si>
  <si>
    <t>Dhoke Mangala</t>
  </si>
  <si>
    <t>22466</t>
  </si>
  <si>
    <t>19190</t>
  </si>
  <si>
    <t>GES CHAK NO.42 M</t>
  </si>
  <si>
    <t>42m</t>
  </si>
  <si>
    <t>chak 42m tensile and District  lodhran</t>
  </si>
  <si>
    <t>Muhammad Idrees</t>
  </si>
  <si>
    <t>38178</t>
  </si>
  <si>
    <t>19699</t>
  </si>
  <si>
    <t>GGPS BHANOKAY CHEEMA</t>
  </si>
  <si>
    <t>Bhanoke</t>
  </si>
  <si>
    <t>bhanoke p/o jamke cheema tehsil daska distt sialkot</t>
  </si>
  <si>
    <t>52920</t>
  </si>
  <si>
    <t>GMMS CHAK NO. 30/D</t>
  </si>
  <si>
    <t>30 D</t>
  </si>
  <si>
    <t>chak 30 d depalpur</t>
  </si>
  <si>
    <t>Sham Din</t>
  </si>
  <si>
    <t>GPS SAHIB ALI</t>
  </si>
  <si>
    <t>SAHIB ALI</t>
  </si>
  <si>
    <t>MOUZA SAHIB ALI</t>
  </si>
  <si>
    <t>CHAK #158/WB</t>
  </si>
  <si>
    <t>MOAZZAM KHAN</t>
  </si>
  <si>
    <t>2531</t>
  </si>
  <si>
    <t>997</t>
  </si>
  <si>
    <t>24741</t>
  </si>
  <si>
    <t>GGHSS VERIO</t>
  </si>
  <si>
    <t>gghss vario sialkot</t>
  </si>
  <si>
    <t>vario</t>
  </si>
  <si>
    <t>gurri malia</t>
  </si>
  <si>
    <t>Shafqat Zia</t>
  </si>
  <si>
    <t>51219</t>
  </si>
  <si>
    <t>GGPS DAD BLOCH</t>
  </si>
  <si>
    <t>Dad Bloch</t>
  </si>
  <si>
    <t>dad bloch</t>
  </si>
  <si>
    <t>7540</t>
  </si>
  <si>
    <t>14301</t>
  </si>
  <si>
    <t>13028</t>
  </si>
  <si>
    <t>GPS HARI PURA NO.1</t>
  </si>
  <si>
    <t>Sohail Singh</t>
  </si>
  <si>
    <t>GPS Haripura No.1 Moza Sohail Singh Minchinabad</t>
  </si>
  <si>
    <t>Haripura No1</t>
  </si>
  <si>
    <t>30764</t>
  </si>
  <si>
    <t>GGHS CDG TAKIA LEHRI SHAH</t>
  </si>
  <si>
    <t>ichra</t>
  </si>
  <si>
    <t>Takia Lehri Shah Ichra Lahore</t>
  </si>
  <si>
    <t>inchra</t>
  </si>
  <si>
    <t>anisa khan</t>
  </si>
  <si>
    <t>22152</t>
  </si>
  <si>
    <t>41499</t>
  </si>
  <si>
    <t>GHSS MUSLIM SAID PUR ROAD RAWALPINDI</t>
  </si>
  <si>
    <t>ASGHAR MAAL</t>
  </si>
  <si>
    <t>SAID PUR ROAD RAWALPINDI</t>
  </si>
  <si>
    <t>SAID PUR ROAD</t>
  </si>
  <si>
    <t>ASGHA MAAL SCHEEME</t>
  </si>
  <si>
    <t>GGES ANOKI</t>
  </si>
  <si>
    <t>Billoka</t>
  </si>
  <si>
    <t>GGES   Annoki</t>
  </si>
  <si>
    <t>Annoki</t>
  </si>
  <si>
    <t>Qasimka</t>
  </si>
  <si>
    <t>36938</t>
  </si>
  <si>
    <t>GMPS KALKAN WALA, ABDUL HAKIM</t>
  </si>
  <si>
    <t>Kalkan Wala</t>
  </si>
  <si>
    <t>Gmps kalkan wala markaz abdul hakim teh kabirwala distt khanewal</t>
  </si>
  <si>
    <t>Bazgha Mariam Amin</t>
  </si>
  <si>
    <t>42524</t>
  </si>
  <si>
    <t>22878</t>
  </si>
  <si>
    <t>GHS JOURA KARNANA</t>
  </si>
  <si>
    <t>Jaurah</t>
  </si>
  <si>
    <t>Village &amp; Post Office Jaurah, Tehsil Kharian, District Gujrat</t>
  </si>
  <si>
    <t>Javed Saleem chohdary</t>
  </si>
  <si>
    <t>35253</t>
  </si>
  <si>
    <t>GPS 365 EB</t>
  </si>
  <si>
    <t>chak no 365 EB burewala</t>
  </si>
  <si>
    <t>365 Eb Burewala</t>
  </si>
  <si>
    <t>Chak 365/EB</t>
  </si>
  <si>
    <t>16476</t>
  </si>
  <si>
    <t>29719</t>
  </si>
  <si>
    <t>GPS THEENG CHAK NO 7</t>
  </si>
  <si>
    <t>Theeng Ch 7</t>
  </si>
  <si>
    <t>theeng ch 7 tehsil pattoki kasur</t>
  </si>
  <si>
    <t>Kothi Wla</t>
  </si>
  <si>
    <t>Muhammad Raashid</t>
  </si>
  <si>
    <t>11044</t>
  </si>
  <si>
    <t>34439</t>
  </si>
  <si>
    <t>GPS ASHIQ MUHAMMAD (GABOOL)</t>
  </si>
  <si>
    <t>Gabool</t>
  </si>
  <si>
    <t>mouza Gabol teh Liaquat pur Distt Rahim yar khan</t>
  </si>
  <si>
    <t>Ashiq Mohammad gabol</t>
  </si>
  <si>
    <t>Jhoke Gulab shah</t>
  </si>
  <si>
    <t>Mohammad Arshad Awan</t>
  </si>
  <si>
    <t>38991</t>
  </si>
  <si>
    <t>GPS DHOK LOHARAN MALAL</t>
  </si>
  <si>
    <t>Village dhok loharan dakhli qoulyar post office dhurnal tehsil fateh jang district attock</t>
  </si>
  <si>
    <t>Dhoke Loharan</t>
  </si>
  <si>
    <t>Tahir Iqbal</t>
  </si>
  <si>
    <t>14987</t>
  </si>
  <si>
    <t>38911</t>
  </si>
  <si>
    <t>GGCMS SHAKAR DARA</t>
  </si>
  <si>
    <t>Shakardra</t>
  </si>
  <si>
    <t>shakardra mohalla Hafiz abad</t>
  </si>
  <si>
    <t>31515</t>
  </si>
  <si>
    <t>GHSS KHANPUR</t>
  </si>
  <si>
    <t>Govt. Higher Secondary School for Boys Khan Pur Sheikhupura</t>
  </si>
  <si>
    <t>IFTIKHAR AHMED</t>
  </si>
  <si>
    <t>23838</t>
  </si>
  <si>
    <t>GGCMS ADAMKAY CHEEMA</t>
  </si>
  <si>
    <t>village&amp;p.o adamke cheema tehsil daska district sialkot</t>
  </si>
  <si>
    <t>Farhat-UN- nisa</t>
  </si>
  <si>
    <t>50231</t>
  </si>
  <si>
    <t>GGES 18-B/7-R</t>
  </si>
  <si>
    <t>Chak No 18b/7r</t>
  </si>
  <si>
    <t>chak 18b/7r</t>
  </si>
  <si>
    <t>Chak No18b / 7r</t>
  </si>
  <si>
    <t>Murad Ke Kathia</t>
  </si>
  <si>
    <t>Ismat Khurshid</t>
  </si>
  <si>
    <t>47260</t>
  </si>
  <si>
    <t>51206</t>
  </si>
  <si>
    <t>GGPS JHARMAN</t>
  </si>
  <si>
    <t>JHARMAN</t>
  </si>
  <si>
    <t>GGPS JHARMAN SAHIWAL</t>
  </si>
  <si>
    <t>58GD</t>
  </si>
  <si>
    <t>ASMA NAZIR</t>
  </si>
  <si>
    <t>7108</t>
  </si>
  <si>
    <t>2261</t>
  </si>
  <si>
    <t>GPS GADHEY WALA</t>
  </si>
  <si>
    <t>Ghanda Sing</t>
  </si>
  <si>
    <t>Kothea stop Minchinabad Abad</t>
  </si>
  <si>
    <t>Gadhey Wala</t>
  </si>
  <si>
    <t>Hafiz Muhammad Ahmad</t>
  </si>
  <si>
    <t>7098</t>
  </si>
  <si>
    <t>38009</t>
  </si>
  <si>
    <t>46137</t>
  </si>
  <si>
    <t>GHSS KHUSHAB</t>
  </si>
  <si>
    <t>khushab</t>
  </si>
  <si>
    <t>girote road khushab</t>
  </si>
  <si>
    <t>Mc Khb</t>
  </si>
  <si>
    <t>qazi muhammad amin</t>
  </si>
  <si>
    <t>32684</t>
  </si>
  <si>
    <t>35874</t>
  </si>
  <si>
    <t>GGPS ZAREEN</t>
  </si>
  <si>
    <t>zareen</t>
  </si>
  <si>
    <t>moza zareeen jallah jeem</t>
  </si>
  <si>
    <t>jallah jeem</t>
  </si>
  <si>
    <t>Misbah Sultana</t>
  </si>
  <si>
    <t>24302</t>
  </si>
  <si>
    <t>24208</t>
  </si>
  <si>
    <t>31301</t>
  </si>
  <si>
    <t>GHS CDG CHOTA VILLAGE ISLAM PURA</t>
  </si>
  <si>
    <t>ISLAM POURA</t>
  </si>
  <si>
    <t>ISLAM POURA MATCH FACTURY SHAHDARA LAHORE</t>
  </si>
  <si>
    <t>CHHOTA GAON</t>
  </si>
  <si>
    <t>ISLAM POURA SHAHDARA</t>
  </si>
  <si>
    <t>SYED ZAMAN HUSSAIN</t>
  </si>
  <si>
    <t>20643</t>
  </si>
  <si>
    <t>GGHS MC JUNIOR MODEL OKARA</t>
  </si>
  <si>
    <t>GGHS M.C JUNIOR MODEL AMIR COLONY OKARA</t>
  </si>
  <si>
    <t>Amir Colony</t>
  </si>
  <si>
    <t>MC Okara</t>
  </si>
  <si>
    <t>RUKHSANA TASNEEM RANA</t>
  </si>
  <si>
    <t>30536</t>
  </si>
  <si>
    <t>53840</t>
  </si>
  <si>
    <t>21757</t>
  </si>
  <si>
    <t>GGHS GAHREE</t>
  </si>
  <si>
    <t>Gharee</t>
  </si>
  <si>
    <t>GGHSGahree Noshera Virkan</t>
  </si>
  <si>
    <t>Gahree</t>
  </si>
  <si>
    <t>Noshera Vkrkan</t>
  </si>
  <si>
    <t>attia jabeen</t>
  </si>
  <si>
    <t>5179</t>
  </si>
  <si>
    <t>37051</t>
  </si>
  <si>
    <t>GHS 70/10-R, KHANEWAL</t>
  </si>
  <si>
    <t>Chak 70/10 R</t>
  </si>
  <si>
    <t>chak no 70/10. r khanewal</t>
  </si>
  <si>
    <t>Chak 70/10r</t>
  </si>
  <si>
    <t>Muhammad Hanif Khayara</t>
  </si>
  <si>
    <t>11528</t>
  </si>
  <si>
    <t>GGHS KOT ADU</t>
  </si>
  <si>
    <t>Pirharr Sherqi</t>
  </si>
  <si>
    <t>ward no 4 near girls college kot adu</t>
  </si>
  <si>
    <t>Munazza Touqir Chishti</t>
  </si>
  <si>
    <t>42453</t>
  </si>
  <si>
    <t>GGES KARUNB BALOCH</t>
  </si>
  <si>
    <t>MOHRA NOORI -FEMALE</t>
  </si>
  <si>
    <t>Karunb Kaswal</t>
  </si>
  <si>
    <t>p/o and village karunb baloch teh gujar khan distt rwp</t>
  </si>
  <si>
    <t>Karunb Baloch</t>
  </si>
  <si>
    <t>Jahngi Jalal</t>
  </si>
  <si>
    <t>Saadia Fatima</t>
  </si>
  <si>
    <t>36161</t>
  </si>
  <si>
    <t>GGES 64/KB</t>
  </si>
  <si>
    <t>64/KB</t>
  </si>
  <si>
    <t>Chak No 64/KB</t>
  </si>
  <si>
    <t>18804</t>
  </si>
  <si>
    <t>35633</t>
  </si>
  <si>
    <t>GPS JHANDAN WALA</t>
  </si>
  <si>
    <t>JANDAN WALA</t>
  </si>
  <si>
    <t>GPS Jandan Wala P/O Tibba Sultan Pur Tehsil Mailsi Distt. Vehari</t>
  </si>
  <si>
    <t>Darbar Abdul Aziz</t>
  </si>
  <si>
    <t>9645</t>
  </si>
  <si>
    <t>36869</t>
  </si>
  <si>
    <t>GGES JAHAN PUR MAKHDOOM PUR, KABIRWALA</t>
  </si>
  <si>
    <t>jahan pur</t>
  </si>
  <si>
    <t>Kothi Ajml Khan</t>
  </si>
  <si>
    <t>Gulnaz Fahmeed</t>
  </si>
  <si>
    <t>44049</t>
  </si>
  <si>
    <t>GGHS MEHMOOD ABAD</t>
  </si>
  <si>
    <t>Mehmoodabad</t>
  </si>
  <si>
    <t>jain wala mauza mehmoodabad ryk</t>
  </si>
  <si>
    <t>Taj Garh</t>
  </si>
  <si>
    <t>Rehana Shaheen</t>
  </si>
  <si>
    <t>5154</t>
  </si>
  <si>
    <t>29767</t>
  </si>
  <si>
    <t>GPS THEH KAILAY</t>
  </si>
  <si>
    <t>Theh Kela</t>
  </si>
  <si>
    <t>theh kela</t>
  </si>
  <si>
    <t>Baghiana Kalan</t>
  </si>
  <si>
    <t>water pump</t>
  </si>
  <si>
    <t>51360</t>
  </si>
  <si>
    <t>44333</t>
  </si>
  <si>
    <t>GHS KARARRI KOT</t>
  </si>
  <si>
    <t>karari kot</t>
  </si>
  <si>
    <t>po karari kot bhakkar</t>
  </si>
  <si>
    <t>29858</t>
  </si>
  <si>
    <t>44857</t>
  </si>
  <si>
    <t>GHS FAZIL</t>
  </si>
  <si>
    <t>FAZIL</t>
  </si>
  <si>
    <t>MUMTAZ HUSSAIN</t>
  </si>
  <si>
    <t>24814</t>
  </si>
  <si>
    <t>GGHS BALAN WALA</t>
  </si>
  <si>
    <t>gghs ballanwala</t>
  </si>
  <si>
    <t>khalida ghumman</t>
  </si>
  <si>
    <t>15877</t>
  </si>
  <si>
    <t>GES CHAK 81 JB</t>
  </si>
  <si>
    <t>Pandori</t>
  </si>
  <si>
    <t>GES 81 JB FSD</t>
  </si>
  <si>
    <t>81 JB</t>
  </si>
  <si>
    <t>Chak No. 82 JB 1 Jaghat Pur</t>
  </si>
  <si>
    <t>Nisar Ahmad</t>
  </si>
  <si>
    <t>perchase</t>
  </si>
  <si>
    <t>35852</t>
  </si>
  <si>
    <t>GGPS MAQSOODA</t>
  </si>
  <si>
    <t>Maqsooda tehsil district mailsi Zila vehari</t>
  </si>
  <si>
    <t>335wb</t>
  </si>
  <si>
    <t>Aziz Bi Bi</t>
  </si>
  <si>
    <t>18550</t>
  </si>
  <si>
    <t>GGHS CHAK 371 JB II</t>
  </si>
  <si>
    <t>Chak 371jb</t>
  </si>
  <si>
    <t>Govt Girls High School 371JB Ganda Singh Gojra</t>
  </si>
  <si>
    <t>371JB</t>
  </si>
  <si>
    <t>Rabeea Maqbool</t>
  </si>
  <si>
    <t>33367</t>
  </si>
  <si>
    <t>36323</t>
  </si>
  <si>
    <t>GGPS CHAK NO 17 WB</t>
  </si>
  <si>
    <t>17/wb</t>
  </si>
  <si>
    <t>Chak no 17/wb, vehari</t>
  </si>
  <si>
    <t>Chak no 17/wb</t>
  </si>
  <si>
    <t>15/wb</t>
  </si>
  <si>
    <t>Sehrish Nisar</t>
  </si>
  <si>
    <t>8836</t>
  </si>
  <si>
    <t>GPS SIDHU PURA, P/O QATAL PUR, SARAI SIDHU</t>
  </si>
  <si>
    <t>Sidhu Pura</t>
  </si>
  <si>
    <t>sidhu pura</t>
  </si>
  <si>
    <t>Qatal Pur</t>
  </si>
  <si>
    <t>Muhammad Tariq Saleem</t>
  </si>
  <si>
    <t>29525</t>
  </si>
  <si>
    <t>29456</t>
  </si>
  <si>
    <t>8702</t>
  </si>
  <si>
    <t>30194</t>
  </si>
  <si>
    <t>GGHSS RANGERS COLONY</t>
  </si>
  <si>
    <t>Rangers H/Q</t>
  </si>
  <si>
    <t>Govt. Girls Higher Secondary School Rangers Colony Lahore Cantt</t>
  </si>
  <si>
    <t>Al-Faisal Town</t>
  </si>
  <si>
    <t>Mrs Abida Parveen</t>
  </si>
  <si>
    <t>GPS CHAK AZEEM</t>
  </si>
  <si>
    <t>Chak Azeem</t>
  </si>
  <si>
    <t>chak azeem</t>
  </si>
  <si>
    <t>Hafiz Noor Ahmad</t>
  </si>
  <si>
    <t>10981</t>
  </si>
  <si>
    <t>13616</t>
  </si>
  <si>
    <t>44607</t>
  </si>
  <si>
    <t>GGPS BASTI CHANAWAR</t>
  </si>
  <si>
    <t>Jhulan</t>
  </si>
  <si>
    <t>gmps Basti chanawar</t>
  </si>
  <si>
    <t>Basti Chanawar</t>
  </si>
  <si>
    <t>Shahani</t>
  </si>
  <si>
    <t>Kousar Farid</t>
  </si>
  <si>
    <t>15879</t>
  </si>
  <si>
    <t>GPS CHAK 82 JB II</t>
  </si>
  <si>
    <t>82 Jb Jaghatpur</t>
  </si>
  <si>
    <t>82 jb ii</t>
  </si>
  <si>
    <t>82 Jb Nourangabad</t>
  </si>
  <si>
    <t>Nadeem abbas</t>
  </si>
  <si>
    <t>39660</t>
  </si>
  <si>
    <t>25201</t>
  </si>
  <si>
    <t>GGES KOT MANDIAN WALA</t>
  </si>
  <si>
    <t>Kot Mandianwala</t>
  </si>
  <si>
    <t>GGES  Kot Mandianwala p/o Chowni Sulehrian, teh. &amp; distt. Sialkot</t>
  </si>
  <si>
    <t>42550</t>
  </si>
  <si>
    <t>4972</t>
  </si>
  <si>
    <t>10138</t>
  </si>
  <si>
    <t>36054</t>
  </si>
  <si>
    <t>GHSS LUDDAN</t>
  </si>
  <si>
    <t>luddan</t>
  </si>
  <si>
    <t>Principal GHSS Luddan</t>
  </si>
  <si>
    <t>Mohallah RIAZ Kot Luddan</t>
  </si>
  <si>
    <t>sultan mehmood</t>
  </si>
  <si>
    <t>14453</t>
  </si>
  <si>
    <t>sub marcibale pump</t>
  </si>
  <si>
    <t>18552</t>
  </si>
  <si>
    <t>35614</t>
  </si>
  <si>
    <t>GPS SEHAR</t>
  </si>
  <si>
    <t>moza sehar</t>
  </si>
  <si>
    <t>38691</t>
  </si>
  <si>
    <t>GMES GORCHA NASHEB</t>
  </si>
  <si>
    <t>KACHI SHAHANI - FEMALE</t>
  </si>
  <si>
    <t>Gorcha Nasheb</t>
  </si>
  <si>
    <t>Kachi Shahni</t>
  </si>
  <si>
    <t>Shagufta Kauser</t>
  </si>
  <si>
    <t>35630</t>
  </si>
  <si>
    <t>GPS BASTI IBRAHIM CHAK 263 WB</t>
  </si>
  <si>
    <t>263/WB</t>
  </si>
  <si>
    <t>BASTI IBRAHIM 263/WB TIBBA SULTAN PUR</t>
  </si>
  <si>
    <t>KHARALA</t>
  </si>
  <si>
    <t>ZAFAR HUSSAIN</t>
  </si>
  <si>
    <t>6878</t>
  </si>
  <si>
    <t>15873</t>
  </si>
  <si>
    <t>GPS CHAK 76 JB</t>
  </si>
  <si>
    <t>Johdan</t>
  </si>
  <si>
    <t>76/jb Johdan Fsd</t>
  </si>
  <si>
    <t>76/jb Johdan</t>
  </si>
  <si>
    <t>Hussain Ali</t>
  </si>
  <si>
    <t>24689</t>
  </si>
  <si>
    <t>31278</t>
  </si>
  <si>
    <t>GPS CDG JUNIOR MODEL CHOWK WAZIR KHAN</t>
  </si>
  <si>
    <t>Katra Wali Shah</t>
  </si>
  <si>
    <t>City District Govt Junior Model Primary School Chowk Wazir Khan Katra wali shah Lahore</t>
  </si>
  <si>
    <t>Lahore -e-khas</t>
  </si>
  <si>
    <t>Shahalam Market</t>
  </si>
  <si>
    <t>Madiha Inayat</t>
  </si>
  <si>
    <t>10709</t>
  </si>
  <si>
    <t>15769</t>
  </si>
  <si>
    <t>GPS 233 RB I</t>
  </si>
  <si>
    <t>Hari Singh Wala</t>
  </si>
  <si>
    <t>Chak no 233RB Hari Singh Wala Faisalabad</t>
  </si>
  <si>
    <t>Chak 233 RB Hari Singh Wala</t>
  </si>
  <si>
    <t>Ahsan Ullah</t>
  </si>
  <si>
    <t>5655</t>
  </si>
  <si>
    <t>29014</t>
  </si>
  <si>
    <t>GGHS BHADAL</t>
  </si>
  <si>
    <t>Bhadal</t>
  </si>
  <si>
    <t>Bhadal Tehsil &amp; District Sialkot</t>
  </si>
  <si>
    <t>Paki Kotli</t>
  </si>
  <si>
    <t>Sadia Imtiaz</t>
  </si>
  <si>
    <t>53860</t>
  </si>
  <si>
    <t>15806</t>
  </si>
  <si>
    <t>GPS 105 JB</t>
  </si>
  <si>
    <t>105 JB QAZIWALA</t>
  </si>
  <si>
    <t>113 JB</t>
  </si>
  <si>
    <t>Hasan abdal</t>
  </si>
  <si>
    <t>8990</t>
  </si>
  <si>
    <t>10750</t>
  </si>
  <si>
    <t>40641</t>
  </si>
  <si>
    <t>15765</t>
  </si>
  <si>
    <t>GPS 230 RB</t>
  </si>
  <si>
    <t>230 Rb</t>
  </si>
  <si>
    <t>chak 230 rb Faisalabad</t>
  </si>
  <si>
    <t>Chohla</t>
  </si>
  <si>
    <t>132 Risala</t>
  </si>
  <si>
    <t>Muhammad Bahoo</t>
  </si>
  <si>
    <t>38703</t>
  </si>
  <si>
    <t>12103</t>
  </si>
  <si>
    <t>36996</t>
  </si>
  <si>
    <t>GGPS MC HAJI PURA</t>
  </si>
  <si>
    <t>GGPS MC Haji Pura Sialkot City</t>
  </si>
  <si>
    <t>41588</t>
  </si>
  <si>
    <t>GES CHAK 64 JB</t>
  </si>
  <si>
    <t>Chak No 64 JB Seetal Mansooran</t>
  </si>
  <si>
    <t>Chak NO 64 JB Seetal Mansooran, Tehsil Sadar, Faisalabad</t>
  </si>
  <si>
    <t>Chak NO 64 JB</t>
  </si>
  <si>
    <t>GPS CHAK 73 JB I FSD</t>
  </si>
  <si>
    <t>73jb</t>
  </si>
  <si>
    <t>Ghulam murtaza</t>
  </si>
  <si>
    <t>7586</t>
  </si>
  <si>
    <t>15869</t>
  </si>
  <si>
    <t>GPS CHAK 70 JB FSD</t>
  </si>
  <si>
    <t>chak 70 JB</t>
  </si>
  <si>
    <t>Chak 70 JB</t>
  </si>
  <si>
    <t>6163</t>
  </si>
  <si>
    <t>44841</t>
  </si>
  <si>
    <t>GPS CHAK 245 RB III</t>
  </si>
  <si>
    <t>chak # 245 RB III FSD</t>
  </si>
  <si>
    <t>245 rb abbaspur</t>
  </si>
  <si>
    <t>20719</t>
  </si>
  <si>
    <t>GGPS DERA BAJWA</t>
  </si>
  <si>
    <t>Dera Bajwa</t>
  </si>
  <si>
    <t>Dera bajwa ladhywala gorya Grw</t>
  </si>
  <si>
    <t>Ladhywala Goraya</t>
  </si>
  <si>
    <t>Anam Ejaz Butt</t>
  </si>
  <si>
    <t>GGPS CHAK NO.40/DNB</t>
  </si>
  <si>
    <t>32 mour</t>
  </si>
  <si>
    <t>40dnb</t>
  </si>
  <si>
    <t>22dnb</t>
  </si>
  <si>
    <t>6362</t>
  </si>
  <si>
    <t>GES CHAK 74/P</t>
  </si>
  <si>
    <t>Chack 74p</t>
  </si>
  <si>
    <t>chack no 74p</t>
  </si>
  <si>
    <t>Bahishti</t>
  </si>
  <si>
    <t>21940</t>
  </si>
  <si>
    <t>52092</t>
  </si>
  <si>
    <t>36238</t>
  </si>
  <si>
    <t>54299</t>
  </si>
  <si>
    <t>GPS CHAK NO.220/EB</t>
  </si>
  <si>
    <t>RAHIM SHAH - MALE</t>
  </si>
  <si>
    <t>220 E B</t>
  </si>
  <si>
    <t>chak no 220Û°eb</t>
  </si>
  <si>
    <t>220eb</t>
  </si>
  <si>
    <t>KHDIM HUSSAIN</t>
  </si>
  <si>
    <t>9019</t>
  </si>
  <si>
    <t>GGPS CHAK RAFIQ ABAD MAMUN KANJAN</t>
  </si>
  <si>
    <t>Rafiqabad mamukanjan tandlianwala distt fsd</t>
  </si>
  <si>
    <t>Town Mamukanjan</t>
  </si>
  <si>
    <t>Jamila Akhter</t>
  </si>
  <si>
    <t>13622</t>
  </si>
  <si>
    <t>GHSS DOMELI</t>
  </si>
  <si>
    <t>ghs.domeli sohawa jhelum</t>
  </si>
  <si>
    <t>JAVED IQBAL AWAN</t>
  </si>
  <si>
    <t>36128</t>
  </si>
  <si>
    <t>GGES 547 EB</t>
  </si>
  <si>
    <t>547eb</t>
  </si>
  <si>
    <t>chak no 547/eb teh and distt vehari</t>
  </si>
  <si>
    <t>547/eb</t>
  </si>
  <si>
    <t>Nasira Kousar</t>
  </si>
  <si>
    <t>20001</t>
  </si>
  <si>
    <t>25262</t>
  </si>
  <si>
    <t>GMPS OULAKH JATTAN</t>
  </si>
  <si>
    <t>Oulakh Jattan</t>
  </si>
  <si>
    <t>Post office Uggoki GMPS Oulakh jattan distt and teh Sialkot.</t>
  </si>
  <si>
    <t>Jorian Kalan</t>
  </si>
  <si>
    <t>Nasreen Ahter</t>
  </si>
  <si>
    <t>Tap</t>
  </si>
  <si>
    <t>41547</t>
  </si>
  <si>
    <t>GPS HABIB KHERA</t>
  </si>
  <si>
    <t>kandewali</t>
  </si>
  <si>
    <t>GPS HABIB KHERA,BASTI HAJI PATHAN SIAL,MOUZA KANDE WALI,TEHSIL AND DISTRICT RAHIM YAR KHAN</t>
  </si>
  <si>
    <t>basti haji pathan sial</t>
  </si>
  <si>
    <t>Dari Azeem</t>
  </si>
  <si>
    <t>Hafiz M Faisal Asghar</t>
  </si>
  <si>
    <t>48755</t>
  </si>
  <si>
    <t>GPS MURLY GARH</t>
  </si>
  <si>
    <t>Murligarh</t>
  </si>
  <si>
    <t>murligarh</t>
  </si>
  <si>
    <t>MURLIGARH</t>
  </si>
  <si>
    <t>Rab Nawaz Pura</t>
  </si>
  <si>
    <t>AKHTAR HUSSAIN</t>
  </si>
  <si>
    <t>24204</t>
  </si>
  <si>
    <t>9853</t>
  </si>
  <si>
    <t>GGHS R.A.ISALMIA GUJRANWALA</t>
  </si>
  <si>
    <t>GGHS R.A Islamiya chaman shah road Gujranwala</t>
  </si>
  <si>
    <t>Chaman Shah Road</t>
  </si>
  <si>
    <t>neelam jahan ara butt</t>
  </si>
  <si>
    <t>41015</t>
  </si>
  <si>
    <t>GGMPS KHANA BOKI</t>
  </si>
  <si>
    <t>Khana Boki</t>
  </si>
  <si>
    <t>village khana boki post office dina the dina distt jhelum</t>
  </si>
  <si>
    <t>Sobia Arif</t>
  </si>
  <si>
    <t>45371</t>
  </si>
  <si>
    <t>GPS CHAK 274 JB</t>
  </si>
  <si>
    <t>274jb  Sarhala Kalan Fsd</t>
  </si>
  <si>
    <t>chak no 274jb fsd</t>
  </si>
  <si>
    <t>274jb Fsd</t>
  </si>
  <si>
    <t>41jb Fsd</t>
  </si>
  <si>
    <t>Saghir Ahmad</t>
  </si>
  <si>
    <t>45595</t>
  </si>
  <si>
    <t>GGPS TIBBA MURTAZA SHAH</t>
  </si>
  <si>
    <t>PUNJ GIRAIN-FEMALE</t>
  </si>
  <si>
    <t>Tibba Murtaza Shah</t>
  </si>
  <si>
    <t>tibba murtaza shah</t>
  </si>
  <si>
    <t>Panjgarian Dagr</t>
  </si>
  <si>
    <t>tayyaba haider</t>
  </si>
  <si>
    <t>41830</t>
  </si>
  <si>
    <t>11956</t>
  </si>
  <si>
    <t>GGPS CANAL COLONY</t>
  </si>
  <si>
    <t>ward no 14/f near office markete commette kot addu</t>
  </si>
  <si>
    <t>KISHWAR NAHEED</t>
  </si>
  <si>
    <t>40710</t>
  </si>
  <si>
    <t>38927</t>
  </si>
  <si>
    <t>GGES SANJWAL CANTT</t>
  </si>
  <si>
    <t>Sanjwal Cantt</t>
  </si>
  <si>
    <t>gges sajwal cantt</t>
  </si>
  <si>
    <t>Sanjwal Catt</t>
  </si>
  <si>
    <t>Shadab Fatima</t>
  </si>
  <si>
    <t>45263</t>
  </si>
  <si>
    <t>18274</t>
  </si>
  <si>
    <t>GGHS SAMANDOANA</t>
  </si>
  <si>
    <t>Govt Girls High School Samandoana,tehsil Ahmed Pur Sial,Dist Jhang</t>
  </si>
  <si>
    <t>Farrukh Tehseen</t>
  </si>
  <si>
    <t>(hand pump water pump)</t>
  </si>
  <si>
    <t>23978</t>
  </si>
  <si>
    <t>24705</t>
  </si>
  <si>
    <t>GHS GONDAL</t>
  </si>
  <si>
    <t>Village &amp; P/O Gondal Sialkot</t>
  </si>
  <si>
    <t>21811</t>
  </si>
  <si>
    <t>GGPS BASTI MITHOO</t>
  </si>
  <si>
    <t>chah goly wala shehr sultan, teh jatoi,distt m.garh</t>
  </si>
  <si>
    <t>Goly Wala</t>
  </si>
  <si>
    <t>Anisa Mehmood</t>
  </si>
  <si>
    <t>GGHS BADDO MALHI</t>
  </si>
  <si>
    <t>BADDOMALHI</t>
  </si>
  <si>
    <t>MUHALLAH DARBAR SHAREEF BADDOMALHI</t>
  </si>
  <si>
    <t>MUHALLA DARBAR SHAREEF BADDOMALHI</t>
  </si>
  <si>
    <t>RAHAT ABBAS</t>
  </si>
  <si>
    <t>35050</t>
  </si>
  <si>
    <t>GGHS 142 EB BUREWALA</t>
  </si>
  <si>
    <t>142eb</t>
  </si>
  <si>
    <t>chak no. 142eb burewala</t>
  </si>
  <si>
    <t>142eb Burewala</t>
  </si>
  <si>
    <t>148eb Burewala</t>
  </si>
  <si>
    <t>Nabeela Naz</t>
  </si>
  <si>
    <t>1369</t>
  </si>
  <si>
    <t>GGMPS QAIM WALA # 2</t>
  </si>
  <si>
    <t>Qaimwala no2</t>
  </si>
  <si>
    <t>BASTI GAHNAYwala</t>
  </si>
  <si>
    <t>GADAI</t>
  </si>
  <si>
    <t>Saeeda Tehra</t>
  </si>
  <si>
    <t>21815</t>
  </si>
  <si>
    <t>GGHS JALLAN</t>
  </si>
  <si>
    <t>P.o.box Jalhan Tehsil Noshera Virkan District Gujranwala</t>
  </si>
  <si>
    <t>Tallat Mehmood</t>
  </si>
  <si>
    <t>45549</t>
  </si>
  <si>
    <t>GGPS CHAK BASTI WALA</t>
  </si>
  <si>
    <t>Darya Khan City</t>
  </si>
  <si>
    <t>mohla blochn wala darya khan</t>
  </si>
  <si>
    <t>45058</t>
  </si>
  <si>
    <t>42390</t>
  </si>
  <si>
    <t>GGES MC JUNIOR MODEL PUBLIC NO. 1</t>
  </si>
  <si>
    <t>GUJAR KHAN CITY-FEMALE</t>
  </si>
  <si>
    <t>gujar khan</t>
  </si>
  <si>
    <t>Mc junior GT road gujar khan</t>
  </si>
  <si>
    <t>RIZWANA NAZLI</t>
  </si>
  <si>
    <t>38444</t>
  </si>
  <si>
    <t>GGHS 227/WB DUNYAPUR</t>
  </si>
  <si>
    <t>227/wb</t>
  </si>
  <si>
    <t>chak no 227/wb</t>
  </si>
  <si>
    <t>Chak No 227/wb</t>
  </si>
  <si>
    <t>Chak No 231wb</t>
  </si>
  <si>
    <t>15883</t>
  </si>
  <si>
    <t>GPS CHAK 248 RB II</t>
  </si>
  <si>
    <t>Chak no 248 Azafi Abadi bismillahpur</t>
  </si>
  <si>
    <t>Chak No 248 RB Bismilahpur</t>
  </si>
  <si>
    <t>Khadija Mureed</t>
  </si>
  <si>
    <t>14377</t>
  </si>
  <si>
    <t>34377</t>
  </si>
  <si>
    <t>GHS NO.2 MUSTAFA ABAD</t>
  </si>
  <si>
    <t>MUSTAFABAD</t>
  </si>
  <si>
    <t>Mustafabad,  Tehsil and District Kasur</t>
  </si>
  <si>
    <t>MUSTAFABAD-1</t>
  </si>
  <si>
    <t>SHARAFAT ALI</t>
  </si>
  <si>
    <t>23625</t>
  </si>
  <si>
    <t>35975</t>
  </si>
  <si>
    <t>GPS ABDULLAH ABAD</t>
  </si>
  <si>
    <t>abdullahabad</t>
  </si>
  <si>
    <t>Abdullahbad</t>
  </si>
  <si>
    <t>Muhammad Asif Javed</t>
  </si>
  <si>
    <t>45613</t>
  </si>
  <si>
    <t>GGPS DAGGAR YAAR SHAH GHARBI</t>
  </si>
  <si>
    <t>Sukha Shah</t>
  </si>
  <si>
    <t>Daggar yar shah gharbi p/o punjgirain</t>
  </si>
  <si>
    <t>Daggar Yar Shah</t>
  </si>
  <si>
    <t>Punjgirain</t>
  </si>
  <si>
    <t>25767</t>
  </si>
  <si>
    <t>GGMPS HATH WADIAN</t>
  </si>
  <si>
    <t>Hathwadian</t>
  </si>
  <si>
    <t>hathwadian tehsil and district narowal</t>
  </si>
  <si>
    <t>Thilay Kalan</t>
  </si>
  <si>
    <t>Farida Bibi</t>
  </si>
  <si>
    <t>52121</t>
  </si>
  <si>
    <t>28334</t>
  </si>
  <si>
    <t>GGES KHOKHER KE</t>
  </si>
  <si>
    <t>Khokharkee</t>
  </si>
  <si>
    <t>GGES KHOKHARKEE GRW</t>
  </si>
  <si>
    <t>KHOKHARKEE</t>
  </si>
  <si>
    <t>Yasmeen Khanam</t>
  </si>
  <si>
    <t>pump</t>
  </si>
  <si>
    <t>23061</t>
  </si>
  <si>
    <t>15891</t>
  </si>
  <si>
    <t>GPS 255 RB I</t>
  </si>
  <si>
    <t>Chak no 255rb Nawanpind</t>
  </si>
  <si>
    <t>Chak No 255 RB</t>
  </si>
  <si>
    <t>248 RB Bismillah Pur</t>
  </si>
  <si>
    <t>30015</t>
  </si>
  <si>
    <t>45400</t>
  </si>
  <si>
    <t>GGES BARANGA</t>
  </si>
  <si>
    <t>Barranga dullewala Darya Khan Bhakkar</t>
  </si>
  <si>
    <t>SADIA ASLAM</t>
  </si>
  <si>
    <t>34525</t>
  </si>
  <si>
    <t>GGES ALI DAHA</t>
  </si>
  <si>
    <t>Aali Daha</t>
  </si>
  <si>
    <t>aalidaha</t>
  </si>
  <si>
    <t>Aalidaha</t>
  </si>
  <si>
    <t>Samara Batool</t>
  </si>
  <si>
    <t>30040</t>
  </si>
  <si>
    <t>GGPS MC MOHALLA KHATEKAN</t>
  </si>
  <si>
    <t>Kharasiyan</t>
  </si>
  <si>
    <t>GGMCPS khatekan,Mohalla kharasiyan,Raja Bazar Sialkot</t>
  </si>
  <si>
    <t>Waheeda Khanum</t>
  </si>
  <si>
    <t>9586</t>
  </si>
  <si>
    <t>45556</t>
  </si>
  <si>
    <t>GGPS KHAN KHUDA BUKHSH</t>
  </si>
  <si>
    <t>Moh imdad house darya khan</t>
  </si>
  <si>
    <t>Tahira Bano</t>
  </si>
  <si>
    <t>22440</t>
  </si>
  <si>
    <t>GGHS DHOK HASSU</t>
  </si>
  <si>
    <t>Dhoke Hassu RAwalpindi</t>
  </si>
  <si>
    <t>GGHS Dhoke Hassu Rawalpindi</t>
  </si>
  <si>
    <t>Mrs Shahnaz Jabeen</t>
  </si>
  <si>
    <t>21616</t>
  </si>
  <si>
    <t>35018</t>
  </si>
  <si>
    <t>GHSS SHEIKH FAZAL</t>
  </si>
  <si>
    <t>GHSS SHEIKH FAZAL BUREWALA</t>
  </si>
  <si>
    <t>Dr.M.Javid Muzaffar Iqbal Chishti</t>
  </si>
  <si>
    <t>28176</t>
  </si>
  <si>
    <t>6599</t>
  </si>
  <si>
    <t>15892</t>
  </si>
  <si>
    <t>GES 255 RB BOGAN</t>
  </si>
  <si>
    <t>BOGAN</t>
  </si>
  <si>
    <t>CHAK NO. 255 RB BOGAN FSD</t>
  </si>
  <si>
    <t>Chak No 255 RB Bogan Fsd</t>
  </si>
  <si>
    <t>Faisal Jamil</t>
  </si>
  <si>
    <t>4669</t>
  </si>
  <si>
    <t>water gallon</t>
  </si>
  <si>
    <t>14028</t>
  </si>
  <si>
    <t>5297</t>
  </si>
  <si>
    <t>25013</t>
  </si>
  <si>
    <t>GGPS CHAK CHAO</t>
  </si>
  <si>
    <t>RAHANG - FEMALE</t>
  </si>
  <si>
    <t>Chak Chao Sialkot</t>
  </si>
  <si>
    <t>village chak Chao p/o kotli loharan teh district sialkot</t>
  </si>
  <si>
    <t>Chak Chao</t>
  </si>
  <si>
    <t>Mongar</t>
  </si>
  <si>
    <t>Nema Kumari</t>
  </si>
  <si>
    <t>16485</t>
  </si>
  <si>
    <t>14939</t>
  </si>
  <si>
    <t>51306</t>
  </si>
  <si>
    <t>35832</t>
  </si>
  <si>
    <t>GGCMS 112/WB</t>
  </si>
  <si>
    <t>112 w b teh mails vr</t>
  </si>
  <si>
    <t>124 W B</t>
  </si>
  <si>
    <t>zaib un nisa</t>
  </si>
  <si>
    <t>19732</t>
  </si>
  <si>
    <t>13436</t>
  </si>
  <si>
    <t>35873</t>
  </si>
  <si>
    <t>GGHS CHATANI</t>
  </si>
  <si>
    <t>Chattani</t>
  </si>
  <si>
    <t>mouza chattani mailsi</t>
  </si>
  <si>
    <t>Nadia Haq Nawaz</t>
  </si>
  <si>
    <t>35850</t>
  </si>
  <si>
    <t>GGPS CHAH BLOUCHAN WALA</t>
  </si>
  <si>
    <t>chah balochan wala mitro road tibba sutan pur</t>
  </si>
  <si>
    <t>Chah Balochawala</t>
  </si>
  <si>
    <t>khalida shafi</t>
  </si>
  <si>
    <t>GES CHAK 244 RB FSD</t>
  </si>
  <si>
    <t>chak no 244RB waseeran</t>
  </si>
  <si>
    <t>Bolaki</t>
  </si>
  <si>
    <t>Ali Arshad</t>
  </si>
  <si>
    <t>14666</t>
  </si>
  <si>
    <t>GGES 220 RB BABO WALA</t>
  </si>
  <si>
    <t>street no. 14 gges 220 rb babuwala fsd</t>
  </si>
  <si>
    <t>220 Rb Babuwala</t>
  </si>
  <si>
    <t>Rasheed abad</t>
  </si>
  <si>
    <t>Balqees akhter</t>
  </si>
  <si>
    <t>41976</t>
  </si>
  <si>
    <t>GGES CENTRAL JAIL</t>
  </si>
  <si>
    <t>kalyal</t>
  </si>
  <si>
    <t>jail colony adyala road</t>
  </si>
  <si>
    <t>dahgel</t>
  </si>
  <si>
    <t>Azra Gul</t>
  </si>
  <si>
    <t>24686</t>
  </si>
  <si>
    <t>GGHSS UGGOKI</t>
  </si>
  <si>
    <t>Uggoki</t>
  </si>
  <si>
    <t>uggoki sialkot</t>
  </si>
  <si>
    <t>jeweiria faiz cheema</t>
  </si>
  <si>
    <t>GGPS 192 RB KALWAN</t>
  </si>
  <si>
    <t>chak no 192 rb kalwan fsd</t>
  </si>
  <si>
    <t>192 Rb Kalwan</t>
  </si>
  <si>
    <t>Bagewala</t>
  </si>
  <si>
    <t>Shagufta Tesleem</t>
  </si>
  <si>
    <t>5220</t>
  </si>
  <si>
    <t>15884</t>
  </si>
  <si>
    <t>GPS CHAK 249 RB I</t>
  </si>
  <si>
    <t>Bara Baloch Wala</t>
  </si>
  <si>
    <t>chak no 249rb -1</t>
  </si>
  <si>
    <t>CHAK NO 249 RB BARA BALOCH WALA</t>
  </si>
  <si>
    <t>Ghulam Ahmad</t>
  </si>
  <si>
    <t>23815</t>
  </si>
  <si>
    <t>18557</t>
  </si>
  <si>
    <t>14676</t>
  </si>
  <si>
    <t>GGES 219 RB SHER SINGH WALA</t>
  </si>
  <si>
    <t>SherSingh Wala</t>
  </si>
  <si>
    <t>GGESchool 219 RB SherSingh Wala</t>
  </si>
  <si>
    <t>219RB</t>
  </si>
  <si>
    <t>Shakilla Tabussem</t>
  </si>
  <si>
    <t>25050</t>
  </si>
  <si>
    <t>GGPS BHEERA</t>
  </si>
  <si>
    <t>Bhaira</t>
  </si>
  <si>
    <t>GGPS Village Bhaira markaz mrakiwal P/O Marakiwal</t>
  </si>
  <si>
    <t>Marakiwal</t>
  </si>
  <si>
    <t>Salma Nazli</t>
  </si>
  <si>
    <t>23015</t>
  </si>
  <si>
    <t>10170</t>
  </si>
  <si>
    <t>38890</t>
  </si>
  <si>
    <t>33983</t>
  </si>
  <si>
    <t>14708</t>
  </si>
  <si>
    <t>GGES TARIQ MUSLIM BILAL GANJ TOWN</t>
  </si>
  <si>
    <t>Hajvery Town</t>
  </si>
  <si>
    <t>govt girls tariq muslim elemenry school bilal gunj town.</t>
  </si>
  <si>
    <t>207 RB</t>
  </si>
  <si>
    <t>ISHRAT JAHAN</t>
  </si>
  <si>
    <t>41523</t>
  </si>
  <si>
    <t>GHS PUBLIC ACADEMY MUGHAL ABAD</t>
  </si>
  <si>
    <t>Qasai chowk tench road rwp</t>
  </si>
  <si>
    <t>Tench Bata</t>
  </si>
  <si>
    <t>Mutti Ur Rehman Khan Niazi</t>
  </si>
  <si>
    <t>25666</t>
  </si>
  <si>
    <t>GPS ISLAMIA BOARDING</t>
  </si>
  <si>
    <t>muhallah Jillani colony narowal</t>
  </si>
  <si>
    <t>MC Narowal</t>
  </si>
  <si>
    <t>Nabila Khadim</t>
  </si>
  <si>
    <t>1541</t>
  </si>
  <si>
    <t>GGHS JAJOKE</t>
  </si>
  <si>
    <t>jajoke</t>
  </si>
  <si>
    <t>GGHS Jajoke tehsil nowshera virkan</t>
  </si>
  <si>
    <t>Jajoke</t>
  </si>
  <si>
    <t>budha  goraya</t>
  </si>
  <si>
    <t>Khalida Ilyas</t>
  </si>
  <si>
    <t>24669</t>
  </si>
  <si>
    <t>23428</t>
  </si>
  <si>
    <t>GHSS KHOHAR</t>
  </si>
  <si>
    <t>village &amp; post office khohar tehsil sarai alamgir district gujrat</t>
  </si>
  <si>
    <t>AFTAB ALI</t>
  </si>
  <si>
    <t>49516</t>
  </si>
  <si>
    <t>13589</t>
  </si>
  <si>
    <t>43740</t>
  </si>
  <si>
    <t>12688</t>
  </si>
  <si>
    <t>GGES NOOR KUBRA</t>
  </si>
  <si>
    <t>Noor Kubra</t>
  </si>
  <si>
    <t>GGES noor kubra Basira</t>
  </si>
  <si>
    <t>Razia Bano</t>
  </si>
  <si>
    <t>18980</t>
  </si>
  <si>
    <t>24661</t>
  </si>
  <si>
    <t>GPS SAHEN GIL</t>
  </si>
  <si>
    <t>sahin gill</t>
  </si>
  <si>
    <t>Sahin Gill</t>
  </si>
  <si>
    <t>pejokey</t>
  </si>
  <si>
    <t>Nasser Ahmed</t>
  </si>
  <si>
    <t>GGPS GHUMAN MARI</t>
  </si>
  <si>
    <t>Basti Mari</t>
  </si>
  <si>
    <t>basti mari</t>
  </si>
  <si>
    <t>ghuman mari</t>
  </si>
  <si>
    <t>Sobia Aslam</t>
  </si>
  <si>
    <t>7873</t>
  </si>
  <si>
    <t>47873</t>
  </si>
  <si>
    <t>16719</t>
  </si>
  <si>
    <t>GGPS 615/GB</t>
  </si>
  <si>
    <t>GGPS 615 GB</t>
  </si>
  <si>
    <t>Chak no 615 GB</t>
  </si>
  <si>
    <t>khalida parveen</t>
  </si>
  <si>
    <t>6485</t>
  </si>
  <si>
    <t>17258</t>
  </si>
  <si>
    <t>GGPS HAJI SHAH</t>
  </si>
  <si>
    <t>Hajishah</t>
  </si>
  <si>
    <t>ggps. hajishah</t>
  </si>
  <si>
    <t>Mehmeed Wala</t>
  </si>
  <si>
    <t>Fozia Shabbir</t>
  </si>
  <si>
    <t>15552</t>
  </si>
  <si>
    <t>10962</t>
  </si>
  <si>
    <t>29176</t>
  </si>
  <si>
    <t>GGES DOULAT ABAD</t>
  </si>
  <si>
    <t>Doulat Abad</t>
  </si>
  <si>
    <t>Moza doultabad p/o box luddan</t>
  </si>
  <si>
    <t>Samina Riaz</t>
  </si>
  <si>
    <t>20829</t>
  </si>
  <si>
    <t>33883</t>
  </si>
  <si>
    <t>26581</t>
  </si>
  <si>
    <t>GPS NO. 1 ZAFARWAL</t>
  </si>
  <si>
    <t>GGHS WAHDAT COLONY</t>
  </si>
  <si>
    <t>Wahdat Colony</t>
  </si>
  <si>
    <t>GGHS, wahdat colony taxila</t>
  </si>
  <si>
    <t>Thatatha Khalil</t>
  </si>
  <si>
    <t>Asma Siddiqa</t>
  </si>
  <si>
    <t>33204</t>
  </si>
  <si>
    <t>GGHS RASUL PUR JATTAN</t>
  </si>
  <si>
    <t>Rasool Pur Jattan</t>
  </si>
  <si>
    <t>rasool pur jattan</t>
  </si>
  <si>
    <t>Jhaindainwali</t>
  </si>
  <si>
    <t>22982</t>
  </si>
  <si>
    <t>47562</t>
  </si>
  <si>
    <t>32382</t>
  </si>
  <si>
    <t>GGPS DERA SRAN WALA</t>
  </si>
  <si>
    <t>Saranwala</t>
  </si>
  <si>
    <t>village saranwala p/o saikhum teh @ distt sheikhupura</t>
  </si>
  <si>
    <t>Mallian Kalan</t>
  </si>
  <si>
    <t>Bushra Kausar</t>
  </si>
  <si>
    <t>11809</t>
  </si>
  <si>
    <t>GGPS BARHAMAN WALA</t>
  </si>
  <si>
    <t>khokhar</t>
  </si>
  <si>
    <t>basti sarhun wala mouza khokhar uc alu rid p.o bhryog</t>
  </si>
  <si>
    <t>sarhun wala</t>
  </si>
  <si>
    <t>alu rid</t>
  </si>
  <si>
    <t>Waseem Sajida</t>
  </si>
  <si>
    <t>21594</t>
  </si>
  <si>
    <t>26555</t>
  </si>
  <si>
    <t>GGES AHAL GHUMNA</t>
  </si>
  <si>
    <t>AhalGhumna</t>
  </si>
  <si>
    <t>govt girls elementary school AhalGhumna</t>
  </si>
  <si>
    <t>Feroz Pur</t>
  </si>
  <si>
    <t>Tayyabah Yaqoob</t>
  </si>
  <si>
    <t>5313</t>
  </si>
  <si>
    <t>43762</t>
  </si>
  <si>
    <t>33177</t>
  </si>
  <si>
    <t>GHS MANGAT</t>
  </si>
  <si>
    <t>MANGAT</t>
  </si>
  <si>
    <t>MANGAT MAR BALOCHAN ROAD</t>
  </si>
  <si>
    <t>REHMAN ABAD</t>
  </si>
  <si>
    <t>27382</t>
  </si>
  <si>
    <t>51382</t>
  </si>
  <si>
    <t>4328</t>
  </si>
  <si>
    <t>39426</t>
  </si>
  <si>
    <t>GGPS DHOK BABRI</t>
  </si>
  <si>
    <t>KHARPA - FEMALE</t>
  </si>
  <si>
    <t>Naka Ghulam Shah</t>
  </si>
  <si>
    <t>ggps dhok babri</t>
  </si>
  <si>
    <t>Dhok Babri</t>
  </si>
  <si>
    <t>Malhuwali</t>
  </si>
  <si>
    <t>Adeela Bibi</t>
  </si>
  <si>
    <t>28480</t>
  </si>
  <si>
    <t>36143</t>
  </si>
  <si>
    <t>GGES 39 WB</t>
  </si>
  <si>
    <t>39 W/B</t>
  </si>
  <si>
    <t>chack no. 39 W/B vehari</t>
  </si>
  <si>
    <t>41 W/B Danewal</t>
  </si>
  <si>
    <t>TASNIM GHANI</t>
  </si>
  <si>
    <t>46756</t>
  </si>
  <si>
    <t>31994</t>
  </si>
  <si>
    <t>GGES CHACHOKI VIRKAN</t>
  </si>
  <si>
    <t>Chachoki Virkan</t>
  </si>
  <si>
    <t>chachoki virkan post office amonki</t>
  </si>
  <si>
    <t>Chachki Virkan</t>
  </si>
  <si>
    <t>Sidra Tanveer</t>
  </si>
  <si>
    <t>3632</t>
  </si>
  <si>
    <t>36983</t>
  </si>
  <si>
    <t>29731</t>
  </si>
  <si>
    <t>GPS JHEDU CHAK NO. 36</t>
  </si>
  <si>
    <t>JHEDU</t>
  </si>
  <si>
    <t>JHEDU chak#36</t>
  </si>
  <si>
    <t>Awan Chak#39</t>
  </si>
  <si>
    <t>Zahoor Hussain</t>
  </si>
  <si>
    <t>19480</t>
  </si>
  <si>
    <t>19760</t>
  </si>
  <si>
    <t>11850</t>
  </si>
  <si>
    <t>GGPS BASTI ZOUR</t>
  </si>
  <si>
    <t>Basti zour Qasba Gujrat tehseel kot adu distt.M.Garh</t>
  </si>
  <si>
    <t>Rubeena Shahnaz</t>
  </si>
  <si>
    <t>53668</t>
  </si>
  <si>
    <t>GPS CHAK 12/1-AL</t>
  </si>
  <si>
    <t>12/1AL</t>
  </si>
  <si>
    <t>chak no 12/1al</t>
  </si>
  <si>
    <t>12/1al</t>
  </si>
  <si>
    <t>11/1al</t>
  </si>
  <si>
    <t>Javed  Iqbal</t>
  </si>
  <si>
    <t>43271</t>
  </si>
  <si>
    <t>28410</t>
  </si>
  <si>
    <t>GGHS MODEL OKARA CITY</t>
  </si>
  <si>
    <t>gGHS MODEL OKARA</t>
  </si>
  <si>
    <t>tehsil road</t>
  </si>
  <si>
    <t>MC OKARA</t>
  </si>
  <si>
    <t>Samina Kouser</t>
  </si>
  <si>
    <t>3452</t>
  </si>
  <si>
    <t>6047</t>
  </si>
  <si>
    <t>GGES MC THALI ROAD</t>
  </si>
  <si>
    <t>NORAY WALI</t>
  </si>
  <si>
    <t>GGES MC THALLI Road, RAHIM YAR KHAN</t>
  </si>
  <si>
    <t>THALLI ROAD</t>
  </si>
  <si>
    <t>MC RYKHAN</t>
  </si>
  <si>
    <t>Samra  Manzoor</t>
  </si>
  <si>
    <t>6358</t>
  </si>
  <si>
    <t>GGHS KAMRIAL</t>
  </si>
  <si>
    <t>vpo kamrial</t>
  </si>
  <si>
    <t>tehmina khalid</t>
  </si>
  <si>
    <t>26473</t>
  </si>
  <si>
    <t>GGPS KHUDAI PUR</t>
  </si>
  <si>
    <t>Khudai Pur</t>
  </si>
  <si>
    <t>khudai Pur p/o knjrur tehsil skg district narrowal</t>
  </si>
  <si>
    <t>47975</t>
  </si>
  <si>
    <t>49986</t>
  </si>
  <si>
    <t>11975</t>
  </si>
  <si>
    <t>GGPS GHAREEB ABAD</t>
  </si>
  <si>
    <t>tibi kushkon wali moza kotla near kapko</t>
  </si>
  <si>
    <t>Kot addu</t>
  </si>
  <si>
    <t>sajda tasneem kausar</t>
  </si>
  <si>
    <t>20349</t>
  </si>
  <si>
    <t>34410</t>
  </si>
  <si>
    <t>GPS CHAK NO. 1 FAIZ SOUTH</t>
  </si>
  <si>
    <t>1/faiz</t>
  </si>
  <si>
    <t>Chak No.1/Faiz  South p/of Lar Tehsil and district Multan</t>
  </si>
  <si>
    <t>Chak No 1/Faiz South</t>
  </si>
  <si>
    <t>1/Faiz</t>
  </si>
  <si>
    <t>GGHS MAJRA KALAN</t>
  </si>
  <si>
    <t>majra kalan teh sambrial distt sialkot</t>
  </si>
  <si>
    <t>abida perveen</t>
  </si>
  <si>
    <t>151200</t>
  </si>
  <si>
    <t>9055</t>
  </si>
  <si>
    <t>35823</t>
  </si>
  <si>
    <t>GGPS SANDA</t>
  </si>
  <si>
    <t>chah guht wala moza sanda</t>
  </si>
  <si>
    <t>guht Wala</t>
  </si>
  <si>
    <t>Sidra Mushtaq</t>
  </si>
  <si>
    <t>20903</t>
  </si>
  <si>
    <t>GGHS VERPAL</t>
  </si>
  <si>
    <t>VERPAL CHATTHA</t>
  </si>
  <si>
    <t>ASIFA NAZ</t>
  </si>
  <si>
    <t>40248</t>
  </si>
  <si>
    <t>GGHS DHOK LOONA</t>
  </si>
  <si>
    <t>Dhoke Loona</t>
  </si>
  <si>
    <t>Gghs dhoke loona</t>
  </si>
  <si>
    <t>Memoona Sajid</t>
  </si>
  <si>
    <t>29870</t>
  </si>
  <si>
    <t>37404</t>
  </si>
  <si>
    <t>GHS 102/15-L, MIAN CHUNNU</t>
  </si>
  <si>
    <t>102/15L</t>
  </si>
  <si>
    <t>chak 102/15-L Tehsil Mian Channu District Khanewal</t>
  </si>
  <si>
    <t>102/15-L</t>
  </si>
  <si>
    <t>Chak No 102/15-L</t>
  </si>
  <si>
    <t>MUHAMMAD SHAFIQ</t>
  </si>
  <si>
    <t>12398</t>
  </si>
  <si>
    <t>GGPS MC NOOR PURA MACHLI FARM</t>
  </si>
  <si>
    <t>Noorpura</t>
  </si>
  <si>
    <t>Govt girls M/C primary School noorpura fish farm, sheikhupura.</t>
  </si>
  <si>
    <t>Dera Hafizan</t>
  </si>
  <si>
    <t>AMTAL MATEEN</t>
  </si>
  <si>
    <t>28095</t>
  </si>
  <si>
    <t>11229</t>
  </si>
  <si>
    <t>36127</t>
  </si>
  <si>
    <t>GGES 573 EB</t>
  </si>
  <si>
    <t>chak no573/eb vehari</t>
  </si>
  <si>
    <t>573/eb</t>
  </si>
  <si>
    <t>561/eb</t>
  </si>
  <si>
    <t>RizwanaTallat</t>
  </si>
  <si>
    <t>41987</t>
  </si>
  <si>
    <t>19288</t>
  </si>
  <si>
    <t>GES CHAK 322 JB</t>
  </si>
  <si>
    <t>BARIAN WALA-MALE</t>
  </si>
  <si>
    <t>322 Jb</t>
  </si>
  <si>
    <t>chak #322 jb</t>
  </si>
  <si>
    <t>38968</t>
  </si>
  <si>
    <t>GMES TANAZA DAM</t>
  </si>
  <si>
    <t>Tanaza Dam</t>
  </si>
  <si>
    <t>BLPRI Kheri Moorat Tanaza Dam</t>
  </si>
  <si>
    <t>Jangal</t>
  </si>
  <si>
    <t>Nazima Khatoon</t>
  </si>
  <si>
    <t>8358</t>
  </si>
  <si>
    <t>8018</t>
  </si>
  <si>
    <t>GGHS 142/9-L</t>
  </si>
  <si>
    <t>142/9l</t>
  </si>
  <si>
    <t>chak no 142/9l</t>
  </si>
  <si>
    <t>Chak No 142/9l</t>
  </si>
  <si>
    <t>NAZIA  BALQEES</t>
  </si>
  <si>
    <t>42641</t>
  </si>
  <si>
    <t>33250</t>
  </si>
  <si>
    <t>29071</t>
  </si>
  <si>
    <t>GGHS DHOLAN HITHAR</t>
  </si>
  <si>
    <t>Dholan Hithar</t>
  </si>
  <si>
    <t>Dholan hithar</t>
  </si>
  <si>
    <t>AMNA BASHIR</t>
  </si>
  <si>
    <t>42923</t>
  </si>
  <si>
    <t>GMPS GARATA SYEDAN</t>
  </si>
  <si>
    <t>Grata Syedan</t>
  </si>
  <si>
    <t>grata syedan pro box shahbagh kallersyedan</t>
  </si>
  <si>
    <t>Mukhtar Bibi</t>
  </si>
  <si>
    <t>13222</t>
  </si>
  <si>
    <t>GGPS BHELAY WALA</t>
  </si>
  <si>
    <t>GGps bhelay wala</t>
  </si>
  <si>
    <t>Kho Waso Wala</t>
  </si>
  <si>
    <t>Tahreem Manzoor</t>
  </si>
  <si>
    <t>26376</t>
  </si>
  <si>
    <t>GGPS KATARIAN</t>
  </si>
  <si>
    <t>vill,Katarian.p/o noorkot teh skg dist narowal</t>
  </si>
  <si>
    <t>Katarinan</t>
  </si>
  <si>
    <t>Mellu Saillu</t>
  </si>
  <si>
    <t>Khzaima Nazeer</t>
  </si>
  <si>
    <t>51656</t>
  </si>
  <si>
    <t>11936</t>
  </si>
  <si>
    <t>GGES MANHAN (ARAIN WALA)</t>
  </si>
  <si>
    <t>manhan</t>
  </si>
  <si>
    <t>GGES MANHAN</t>
  </si>
  <si>
    <t>basti manhan</t>
  </si>
  <si>
    <t>shaikh umar</t>
  </si>
  <si>
    <t>Safia shawana</t>
  </si>
  <si>
    <t>2739</t>
  </si>
  <si>
    <t>54633</t>
  </si>
  <si>
    <t>GPS CHAK 250 RBI</t>
  </si>
  <si>
    <t>BARDEKAY</t>
  </si>
  <si>
    <t>Chak 250/RB BARDEKAY FAISALABAD</t>
  </si>
  <si>
    <t>250/RB BARDEKAY FAISALABAD</t>
  </si>
  <si>
    <t>256/RB Deegan Wala</t>
  </si>
  <si>
    <t>30343</t>
  </si>
  <si>
    <t>9858</t>
  </si>
  <si>
    <t>GPS BHAI KOT NO. 3</t>
  </si>
  <si>
    <t>BHAI KOT CHAK#03</t>
  </si>
  <si>
    <t>Bhai kot</t>
  </si>
  <si>
    <t>Bhaikot Chak #03</t>
  </si>
  <si>
    <t>Bhai Kot</t>
  </si>
  <si>
    <t>HAKIM-UD-DIM</t>
  </si>
  <si>
    <t>32114</t>
  </si>
  <si>
    <t>18734</t>
  </si>
  <si>
    <t>GGPS CHAK 343 JB BHATTA</t>
  </si>
  <si>
    <t>343jb bhatta nawab.</t>
  </si>
  <si>
    <t>343jb</t>
  </si>
  <si>
    <t>345pinanky</t>
  </si>
  <si>
    <t>Saima Javed</t>
  </si>
  <si>
    <t>19016</t>
  </si>
  <si>
    <t>41229</t>
  </si>
  <si>
    <t>43811</t>
  </si>
  <si>
    <t>GGPS KHALOL</t>
  </si>
  <si>
    <t>Khalol</t>
  </si>
  <si>
    <t>P/O khalol teh:Kahuta distt:rawalpindi</t>
  </si>
  <si>
    <t>Naila Shahnaz</t>
  </si>
  <si>
    <t>18460</t>
  </si>
  <si>
    <t>19311</t>
  </si>
  <si>
    <t>52520</t>
  </si>
  <si>
    <t>GPS PATI PUR</t>
  </si>
  <si>
    <t>Patipur</t>
  </si>
  <si>
    <t>gps pati pur</t>
  </si>
  <si>
    <t>Kani Pur</t>
  </si>
  <si>
    <t>15547</t>
  </si>
  <si>
    <t>GGES CHAK 139 GB I</t>
  </si>
  <si>
    <t>ram pur</t>
  </si>
  <si>
    <t>chak no 139</t>
  </si>
  <si>
    <t>MC samundri</t>
  </si>
  <si>
    <t>Bismillah Chaudhary</t>
  </si>
  <si>
    <t>21893</t>
  </si>
  <si>
    <t>GPS BASTI DUDIAN</t>
  </si>
  <si>
    <t>Teh. Sadiq Abad Distt. Rahim Yar 
khan</t>
  </si>
  <si>
    <t>Dhuddian</t>
  </si>
  <si>
    <t>Atta Rasool</t>
  </si>
  <si>
    <t>5227</t>
  </si>
  <si>
    <t>GPS MUSLIM ABAD</t>
  </si>
  <si>
    <t>VEHOA MALE</t>
  </si>
  <si>
    <t>Vehoa Shumali</t>
  </si>
  <si>
    <t>basti Muslim abad p/o vehowa teh taunsa DG khan</t>
  </si>
  <si>
    <t>Vehowa Shumali</t>
  </si>
  <si>
    <t>Nemat Ullah</t>
  </si>
  <si>
    <t>destroy</t>
  </si>
  <si>
    <t>5228</t>
  </si>
  <si>
    <t>9023</t>
  </si>
  <si>
    <t>GPS FAROOQ ABAD</t>
  </si>
  <si>
    <t>LITRA MALE</t>
  </si>
  <si>
    <t>GPS farooq abad litra</t>
  </si>
  <si>
    <t>5229</t>
  </si>
  <si>
    <t>9056</t>
  </si>
  <si>
    <t>GPS NUTKANI NO. 1</t>
  </si>
  <si>
    <t>NUTKANI MALE</t>
  </si>
  <si>
    <t>p/o nutkani</t>
  </si>
  <si>
    <t>9057</t>
  </si>
  <si>
    <t>GPS FATEH KHAN</t>
  </si>
  <si>
    <t>Rakh Fateh Khan</t>
  </si>
  <si>
    <t>p/o NUTKANI tehsil taunsa</t>
  </si>
  <si>
    <t>ALLAH DITTA</t>
  </si>
  <si>
    <t>GMMS CHAK NO. 340 HR</t>
  </si>
  <si>
    <t>FTS-XVI-MALE</t>
  </si>
  <si>
    <t>Chak  340 HR Marot</t>
  </si>
  <si>
    <t>Chak No 340 HR</t>
  </si>
  <si>
    <t>327 HR</t>
  </si>
  <si>
    <t>Water 1 Cooler</t>
  </si>
  <si>
    <t>5675</t>
  </si>
  <si>
    <t>GPS CHAK NO 176/7-R</t>
  </si>
  <si>
    <t>FTS-IX-MALE</t>
  </si>
  <si>
    <t>chak no. 176/7r, fort abbas</t>
  </si>
  <si>
    <t>sadiq Hussain</t>
  </si>
  <si>
    <t>GMMS CHAK NO. 276/HR</t>
  </si>
  <si>
    <t>FTS-V-MALE</t>
  </si>
  <si>
    <t>276/HR</t>
  </si>
  <si>
    <t>Chak no 276/hr Thesil Fort Abas Ditt  Bhawalnagar</t>
  </si>
  <si>
    <t>289/HR</t>
  </si>
  <si>
    <t>GHS RIZVIA ISLAMIA HAROON ABAD</t>
  </si>
  <si>
    <t>Haroonabad</t>
  </si>
  <si>
    <t>Govt. Rizvia Islamia High School Haroonabad</t>
  </si>
  <si>
    <t>Muhammad Arshed Pervaiz</t>
  </si>
  <si>
    <t>27132</t>
  </si>
  <si>
    <t>1438</t>
  </si>
  <si>
    <t>GHS CHAK NO. 433/6-R</t>
  </si>
  <si>
    <t>CHAK NO.433/6R 433/6R</t>
  </si>
  <si>
    <t>CHAK NO. 433/6R PO SAME TEHSIL HAROON ABAD DISTRICT BAHAWALNAGAR</t>
  </si>
  <si>
    <t>chak no. 433/6R</t>
  </si>
  <si>
    <t>CHAK NO. 132/6R</t>
  </si>
  <si>
    <t>Shahid Farooq</t>
  </si>
  <si>
    <t>29260</t>
  </si>
  <si>
    <t>GHSS CHAK 123/6-R</t>
  </si>
  <si>
    <t>Chak No123/6R</t>
  </si>
  <si>
    <t>Chak No.123/6R</t>
  </si>
  <si>
    <t>Chak No 123/6R</t>
  </si>
  <si>
    <t>Chak No142/6R</t>
  </si>
  <si>
    <t>MUHAMMAD ASHRAF NADEEM</t>
  </si>
  <si>
    <t>GGHS CHAK NO.62/4-R</t>
  </si>
  <si>
    <t>CHAK NO 62/4R</t>
  </si>
  <si>
    <t>CHAK NO 62/4-R</t>
  </si>
  <si>
    <t>SAIMA ANJUM</t>
  </si>
  <si>
    <t>1619</t>
  </si>
  <si>
    <t>GGHS CHAK NO. 428/6-R</t>
  </si>
  <si>
    <t>chak no 428/6R</t>
  </si>
  <si>
    <t>CHAK NO 428/6R TEHSIL HAROONABAD DISTT BAHAWALNAGAR</t>
  </si>
  <si>
    <t>chak no 432/6R</t>
  </si>
  <si>
    <t>Munazza Bibi</t>
  </si>
  <si>
    <t>5716</t>
  </si>
  <si>
    <t>GES CHAK NO.150/2-L</t>
  </si>
  <si>
    <t>HND-7-MALE</t>
  </si>
  <si>
    <t>Chak No 150/2L</t>
  </si>
  <si>
    <t>150/2L</t>
  </si>
  <si>
    <t>MUHAMMAD SHAHZAD ASLAM</t>
  </si>
  <si>
    <t>GES RAFIQ-UL-HULMA FAQIR WALI</t>
  </si>
  <si>
    <t>HND-15-MALE</t>
  </si>
  <si>
    <t>Faqir Walli</t>
  </si>
  <si>
    <t>Madrsa Qasim ul uloom Faqir walli</t>
  </si>
  <si>
    <t>Ali Raza Razvi</t>
  </si>
  <si>
    <t>26922</t>
  </si>
  <si>
    <t>GGHS 79/1-L HAROON ABAD</t>
  </si>
  <si>
    <t>79/1l Haroonabad</t>
  </si>
  <si>
    <t>GGHS 79/1.L haroonabad</t>
  </si>
  <si>
    <t>79/1l</t>
  </si>
  <si>
    <t>1651</t>
  </si>
  <si>
    <t>GGHS AL-FATIMA TOWN</t>
  </si>
  <si>
    <t>Housing colony</t>
  </si>
  <si>
    <t>Gghs al-fatima town hnd BWN</t>
  </si>
  <si>
    <t>Al-hashim colony</t>
  </si>
  <si>
    <t>Sajida Naeem</t>
  </si>
  <si>
    <t>9843</t>
  </si>
  <si>
    <t>1671</t>
  </si>
  <si>
    <t>GGHS 158/7-R</t>
  </si>
  <si>
    <t>158/7R</t>
  </si>
  <si>
    <t>chak 158/7r</t>
  </si>
  <si>
    <t>164/7R</t>
  </si>
  <si>
    <t>misbah majeed</t>
  </si>
  <si>
    <t>20704</t>
  </si>
  <si>
    <t>31770</t>
  </si>
  <si>
    <t>GPS CHAK NO 50/4-R NO 1(N)</t>
  </si>
  <si>
    <t>Chak No 50/4R   N</t>
  </si>
  <si>
    <t>Chak No 50/4R (N) Teh.Haroonabad District Bahawalnagar</t>
  </si>
  <si>
    <t>MC HND</t>
  </si>
  <si>
    <t>Zia-ullah Waseem</t>
  </si>
  <si>
    <t>GPS CHAK NO 113/6-R</t>
  </si>
  <si>
    <t>Chak No 113/6R</t>
  </si>
  <si>
    <t>Asad Jalil</t>
  </si>
  <si>
    <t>40869</t>
  </si>
  <si>
    <t>GPS CHAK NO 116/6-R</t>
  </si>
  <si>
    <t>chack no 116/6r</t>
  </si>
  <si>
    <t>chack no. 116/6r Teh. HND District BWN</t>
  </si>
  <si>
    <t>chack no 118/6r</t>
  </si>
  <si>
    <t>Mohammad Ashfaq</t>
  </si>
  <si>
    <t>24426</t>
  </si>
  <si>
    <t>51316</t>
  </si>
  <si>
    <t>GPS CHAK NO. 144/6-R</t>
  </si>
  <si>
    <t>HND-8-MALE</t>
  </si>
  <si>
    <t>144/6r</t>
  </si>
  <si>
    <t>144/6.r tehsil haroonabad distt bahawalnagar</t>
  </si>
  <si>
    <t>No 98/6r</t>
  </si>
  <si>
    <t>5714</t>
  </si>
  <si>
    <t>GPS CHAK NO 87/5-R</t>
  </si>
  <si>
    <t>HND-5-MALE</t>
  </si>
  <si>
    <t>87 5r</t>
  </si>
  <si>
    <t>Chak # 87.5r</t>
  </si>
  <si>
    <t>86 5r Tibba</t>
  </si>
  <si>
    <t>GPS CHAK NO.34/3-R</t>
  </si>
  <si>
    <t>34/3r</t>
  </si>
  <si>
    <t>33/3r</t>
  </si>
  <si>
    <t>Akbar Ali Niaz</t>
  </si>
  <si>
    <t>32179</t>
  </si>
  <si>
    <t>5732</t>
  </si>
  <si>
    <t>GGPS CHAK NO 90/5-R</t>
  </si>
  <si>
    <t>HND-2-FEMALE</t>
  </si>
  <si>
    <t>90 5r</t>
  </si>
  <si>
    <t>90/5r ch</t>
  </si>
  <si>
    <t>90/5r Ch</t>
  </si>
  <si>
    <t>150/2l</t>
  </si>
  <si>
    <t>shakila yasmeen</t>
  </si>
  <si>
    <t>47442</t>
  </si>
  <si>
    <t>GGPS CHAK NO 150/2-L A</t>
  </si>
  <si>
    <t>HND-10-FEMALE</t>
  </si>
  <si>
    <t>150/2LA</t>
  </si>
  <si>
    <t>Govt Girls primary school 150/2LA</t>
  </si>
  <si>
    <t>15280</t>
  </si>
  <si>
    <t>GGPS CHAK NO. 56/4-R DERA KHUSHI</t>
  </si>
  <si>
    <t>HND-7-FEMALE</t>
  </si>
  <si>
    <t>56/4R</t>
  </si>
  <si>
    <t>chak no 56/4-r Dera kushi mohamd Haroon Abad district BWN</t>
  </si>
  <si>
    <t>56/-4r</t>
  </si>
  <si>
    <t>58/4-r</t>
  </si>
  <si>
    <t>Bushra Noreen</t>
  </si>
  <si>
    <t>GGPS CHAK NO 64/4-R</t>
  </si>
  <si>
    <t>HND-4-FEMALE</t>
  </si>
  <si>
    <t>64/4-R</t>
  </si>
  <si>
    <t>chak 64/4-R tehsil haroonabad</t>
  </si>
  <si>
    <t>64-4-R</t>
  </si>
  <si>
    <t>62/4-R</t>
  </si>
  <si>
    <t>Iqra Hidayat</t>
  </si>
  <si>
    <t>1305</t>
  </si>
  <si>
    <t>GGPS CHAK NO. 65/4-R</t>
  </si>
  <si>
    <t>65/4r</t>
  </si>
  <si>
    <t>chak no 65/4r</t>
  </si>
  <si>
    <t>Ammara Khushi</t>
  </si>
  <si>
    <t>52586</t>
  </si>
  <si>
    <t>5738</t>
  </si>
  <si>
    <t>GGPS CHAK NO. 7/1-R</t>
  </si>
  <si>
    <t>HND-6-FEMALE</t>
  </si>
  <si>
    <t>7/1-R</t>
  </si>
  <si>
    <t>chak no 7/1-R</t>
  </si>
  <si>
    <t>30/3-R</t>
  </si>
  <si>
    <t>Ayesha Tahseen</t>
  </si>
  <si>
    <t>GGPS CHAK NO. 10/1-R</t>
  </si>
  <si>
    <t>10/1R E</t>
  </si>
  <si>
    <t>Chak no 10\1R E Post office 25\3R</t>
  </si>
  <si>
    <t>Saba Kanwal</t>
  </si>
  <si>
    <t>GGPS CHAK NO. 22/3-R (AB)</t>
  </si>
  <si>
    <t>22/3R AB</t>
  </si>
  <si>
    <t>Chak 22 3R ab</t>
  </si>
  <si>
    <t>22 3Rab</t>
  </si>
  <si>
    <t>20 3R</t>
  </si>
  <si>
    <t>SAFIA TABASUM</t>
  </si>
  <si>
    <t>GGPS WARD NO. 3 FAQIR WALI</t>
  </si>
  <si>
    <t>HND-15-FEMALE</t>
  </si>
  <si>
    <t>Madni Colony</t>
  </si>
  <si>
    <t>madni colony  ward no :3 faqirwali tehsil haroonabad</t>
  </si>
  <si>
    <t>Faqirwali</t>
  </si>
  <si>
    <t>Komal Majeed</t>
  </si>
  <si>
    <t>GGPS CHAK NO 43/3-R</t>
  </si>
  <si>
    <t>HND-17-FEMALE</t>
  </si>
  <si>
    <t>43/3R</t>
  </si>
  <si>
    <t>chak no 43/r(E) Tesil haroonabad disst bwn</t>
  </si>
  <si>
    <t>Chak No 43/3R E</t>
  </si>
  <si>
    <t>6332</t>
  </si>
  <si>
    <t>GMPS CHAK 443/6-R WEST</t>
  </si>
  <si>
    <t>HDN-18-FEMALE</t>
  </si>
  <si>
    <t>443 6r</t>
  </si>
  <si>
    <t>chak no 443/6r w</t>
  </si>
  <si>
    <t>Chak 443/6r W</t>
  </si>
  <si>
    <t>438 6r</t>
  </si>
  <si>
    <t>Feroza  Yasmeen</t>
  </si>
  <si>
    <t>1295</t>
  </si>
  <si>
    <t>GPS CHAK NO 55/4R</t>
  </si>
  <si>
    <t>HND-1-MALE</t>
  </si>
  <si>
    <t>ChaK 55/4r</t>
  </si>
  <si>
    <t>chak no 55/4r,Haroonabad</t>
  </si>
  <si>
    <t>Chak 55/4r</t>
  </si>
  <si>
    <t>Alhashim Colony</t>
  </si>
  <si>
    <t>Amjad Mahmood</t>
  </si>
  <si>
    <t>2030</t>
  </si>
  <si>
    <t>GMMS TIBBA EAST HAROON ABAD</t>
  </si>
  <si>
    <t>Tibba noorpura</t>
  </si>
  <si>
    <t>City Hnd</t>
  </si>
  <si>
    <t>Asma Aftab</t>
  </si>
  <si>
    <t>GMMS GHOUSIA MASJID</t>
  </si>
  <si>
    <t>Tina Noor Pura</t>
  </si>
  <si>
    <t>Tina Noor Pura gosiamsjd haroonabad</t>
  </si>
  <si>
    <t>GMMS GODI HAROONABAD</t>
  </si>
  <si>
    <t>Godi HND</t>
  </si>
  <si>
    <t>city godi HND</t>
  </si>
  <si>
    <t>2036</t>
  </si>
  <si>
    <t>GPS CHAK NO.5/1-R</t>
  </si>
  <si>
    <t>HND-2-MALE</t>
  </si>
  <si>
    <t>5/1-r</t>
  </si>
  <si>
    <t>Chak no 5/1-r p/o 4/1-r teh  haroonabad distt bahawalnagar</t>
  </si>
  <si>
    <t>15/1-r</t>
  </si>
  <si>
    <t>Habib Ur Rahman</t>
  </si>
  <si>
    <t>GMMS CHAK NO 20/3-R NO. 2</t>
  </si>
  <si>
    <t>Chak No 20/3R</t>
  </si>
  <si>
    <t>GMMS 20/3R , CHAK 20/3R GULSHAN COLONY HAROONABAD</t>
  </si>
  <si>
    <t>CHAK NO 20/3R GULSHAN COLONY</t>
  </si>
  <si>
    <t>CHAK NO 20/3R</t>
  </si>
  <si>
    <t>Muhammad Riaz Shahid</t>
  </si>
  <si>
    <t>GPS WAROOD FIAZ ALOOM FAQIR WALI</t>
  </si>
  <si>
    <t>faqirwali</t>
  </si>
  <si>
    <t>govt p/s warood faiz aloom faqirwali thaisl haroonabad distic bahawalngar</t>
  </si>
  <si>
    <t>Muhammad  Muneer</t>
  </si>
  <si>
    <t>5724</t>
  </si>
  <si>
    <t>GPS CHAK NO. 100/6-R</t>
  </si>
  <si>
    <t>HND-12-MALE</t>
  </si>
  <si>
    <t>100/6r</t>
  </si>
  <si>
    <t>chak No.100,/6R  Ab</t>
  </si>
  <si>
    <t>100/6r AB</t>
  </si>
  <si>
    <t>Chak NO 101/6R</t>
  </si>
  <si>
    <t>Muhammad Aftab Hussain</t>
  </si>
  <si>
    <t>5726</t>
  </si>
  <si>
    <t>GPS CHAK NO 120/6-R N</t>
  </si>
  <si>
    <t>HND-13-MALE</t>
  </si>
  <si>
    <t>Chak120/6R N</t>
  </si>
  <si>
    <t>chak120/6R North</t>
  </si>
  <si>
    <t>120/6R N</t>
  </si>
  <si>
    <t>Chak101/6R</t>
  </si>
  <si>
    <t>Muhammad   Akram</t>
  </si>
  <si>
    <t>GMPS CHAK NO.122/6-R</t>
  </si>
  <si>
    <t>122/6-R</t>
  </si>
  <si>
    <t>GPS CHAK NO. 122/6.R HND</t>
  </si>
  <si>
    <t>CHAK NO 122/6-R AB 122/6.R(AB)</t>
  </si>
  <si>
    <t>CHAK NO.101/6.R</t>
  </si>
  <si>
    <t>Muhammad  Akram</t>
  </si>
  <si>
    <t>GMMS CHAK NO. 142/6-R</t>
  </si>
  <si>
    <t>chak 142/6R</t>
  </si>
  <si>
    <t>Chak No 142/6R</t>
  </si>
  <si>
    <t>MEHMOOD AHMED</t>
  </si>
  <si>
    <t>54368</t>
  </si>
  <si>
    <t>GPS 58/4R</t>
  </si>
  <si>
    <t>58/4R</t>
  </si>
  <si>
    <t>gmmps chak 58/4R</t>
  </si>
  <si>
    <t>Rukhsana Nosheen</t>
  </si>
  <si>
    <t>GMMS CHAK NO. 192/7-R</t>
  </si>
  <si>
    <t>192/7R</t>
  </si>
  <si>
    <t>chak No 192/7R tehsil Haroonabad</t>
  </si>
  <si>
    <t>Rashid Mehmood</t>
  </si>
  <si>
    <t>GGHS MINCHIN ABAD</t>
  </si>
  <si>
    <t>Minchinabad</t>
  </si>
  <si>
    <t>gghs minchinabad</t>
  </si>
  <si>
    <t>minchinabad</t>
  </si>
  <si>
    <t>KAUSAR AYOUB</t>
  </si>
  <si>
    <t>10179</t>
  </si>
  <si>
    <t>GGHS HASIL SARU</t>
  </si>
  <si>
    <t>Govt.Girls High School Hasil Saru</t>
  </si>
  <si>
    <t>Rashida Nawaz</t>
  </si>
  <si>
    <t>GGPS BONGA BALOCHAAN</t>
  </si>
  <si>
    <t>Bonga Balochan</t>
  </si>
  <si>
    <t>Kausar Tariq</t>
  </si>
  <si>
    <t>10162</t>
  </si>
  <si>
    <t>GPS BHOLEY WALA</t>
  </si>
  <si>
    <t>MCD-18-MALE</t>
  </si>
  <si>
    <t>Bholay Wala</t>
  </si>
  <si>
    <t>chak bholay wala</t>
  </si>
  <si>
    <t>2139</t>
  </si>
  <si>
    <t>GPS FATEH GARH</t>
  </si>
  <si>
    <t>MND-XVII-MALE</t>
  </si>
  <si>
    <t>fateh garh</t>
  </si>
  <si>
    <t>Garia Abad</t>
  </si>
  <si>
    <t>GPS CHUBARA</t>
  </si>
  <si>
    <t>MCD-19-MALE</t>
  </si>
  <si>
    <t>mouza chobara basti jeway wala thsil minchin distt. bahawal nagar</t>
  </si>
  <si>
    <t>Jeway Wala</t>
  </si>
  <si>
    <t>Muhammad Saleem Anjum</t>
  </si>
  <si>
    <t>GPS DHANGORIAN</t>
  </si>
  <si>
    <t>Dangorian</t>
  </si>
  <si>
    <t>GPS Dangorian</t>
  </si>
  <si>
    <t>5789</t>
  </si>
  <si>
    <t>GPS LAHOORAH</t>
  </si>
  <si>
    <t>MND-X-MALE</t>
  </si>
  <si>
    <t>Lahoora</t>
  </si>
  <si>
    <t>Lahoora post office Madhaniwala Tehsil Minchinabad district Bahawalnagar</t>
  </si>
  <si>
    <t>Mut Wala</t>
  </si>
  <si>
    <t>31858</t>
  </si>
  <si>
    <t>25992</t>
  </si>
  <si>
    <t>GPS HINO WALA</t>
  </si>
  <si>
    <t>Heno Wala</t>
  </si>
  <si>
    <t>Chak Heno wala tehsil Minchin abad Dist Bahawal nagar</t>
  </si>
  <si>
    <t>Griabad</t>
  </si>
  <si>
    <t>44363</t>
  </si>
  <si>
    <t>29546</t>
  </si>
  <si>
    <t>5781</t>
  </si>
  <si>
    <t>GPS MEHRAM CHINNA</t>
  </si>
  <si>
    <t>MND-IV-MALE</t>
  </si>
  <si>
    <t>Mehram Cheena</t>
  </si>
  <si>
    <t>Moza Mehram cheena</t>
  </si>
  <si>
    <t>Ayaz Iqbal</t>
  </si>
  <si>
    <t>GPS USMAN PUR RATTAAKA</t>
  </si>
  <si>
    <t>Usman Pur Ratteka</t>
  </si>
  <si>
    <t>Basti Usman Pur Ratteka</t>
  </si>
  <si>
    <t>Basti Usman Pur</t>
  </si>
  <si>
    <t>Behramka Hithar</t>
  </si>
  <si>
    <t>44174</t>
  </si>
  <si>
    <t>GPS BARAY KA</t>
  </si>
  <si>
    <t>MCD-09-MALE</t>
  </si>
  <si>
    <t>Baryka</t>
  </si>
  <si>
    <t>Hasil Sarhu</t>
  </si>
  <si>
    <t>Muhammad Ijaz Yousuf</t>
  </si>
  <si>
    <t>GPS JUND WALA</t>
  </si>
  <si>
    <t>Jund Wala</t>
  </si>
  <si>
    <t>Chack Jund Wala Tehsil Minchinabad Disttrict Bahawalnagar</t>
  </si>
  <si>
    <t>Muhammad Hussain Azad</t>
  </si>
  <si>
    <t>53810</t>
  </si>
  <si>
    <t>GGES CHAK NO.3/1RA</t>
  </si>
  <si>
    <t>3 /1RA</t>
  </si>
  <si>
    <t>chak#3/1ra</t>
  </si>
  <si>
    <t>3/1RA</t>
  </si>
  <si>
    <t>4/1RA</t>
  </si>
  <si>
    <t>GGHS NAWAN PIND CHAK 78 RB</t>
  </si>
  <si>
    <t>nawan pind chak 78</t>
  </si>
  <si>
    <t>Irum Mustfa</t>
  </si>
  <si>
    <t>3462</t>
  </si>
  <si>
    <t>40883</t>
  </si>
  <si>
    <t>GGHS NAKODAR</t>
  </si>
  <si>
    <t>Nakodar</t>
  </si>
  <si>
    <t>govt girls high school  nakodar p/o ladhar teh dina distt jhelum</t>
  </si>
  <si>
    <t>ZOBIA REHMAN</t>
  </si>
  <si>
    <t>GGPS CHAK 39 JB 1</t>
  </si>
  <si>
    <t>39jb</t>
  </si>
  <si>
    <t>chak no. 39jb dabora</t>
  </si>
  <si>
    <t>Chak No 39jb</t>
  </si>
  <si>
    <t>Chak No 38jb</t>
  </si>
  <si>
    <t>44460</t>
  </si>
  <si>
    <t>GHS MUHAMMAD PUR SANSARAN</t>
  </si>
  <si>
    <t>muhammad pur sansaran</t>
  </si>
  <si>
    <t>p/o muhammad pur sansaran</t>
  </si>
  <si>
    <t>muhammad bilal khawar</t>
  </si>
  <si>
    <t>25648</t>
  </si>
  <si>
    <t>GGHS THALAY KALAN</t>
  </si>
  <si>
    <t>Thillay Kalan</t>
  </si>
  <si>
    <t>Thillay Kalan Teh Narowal district Narowal</t>
  </si>
  <si>
    <t>bushra mobeen</t>
  </si>
  <si>
    <t>49155</t>
  </si>
  <si>
    <t>20290</t>
  </si>
  <si>
    <t>18493</t>
  </si>
  <si>
    <t>1797</t>
  </si>
  <si>
    <t>23857</t>
  </si>
  <si>
    <t>49995</t>
  </si>
  <si>
    <t>GMES BHARTHANWALA</t>
  </si>
  <si>
    <t>Bharthanwala</t>
  </si>
  <si>
    <t>Post Office, Khas, Bharthanwala.</t>
  </si>
  <si>
    <t>Fareeha</t>
  </si>
  <si>
    <t>16130</t>
  </si>
  <si>
    <t>50659</t>
  </si>
  <si>
    <t>GHS NANGAL NO. 1 SAHIWAL</t>
  </si>
  <si>
    <t>Govt. post Graduate Boys College sahiwal</t>
  </si>
  <si>
    <t>city-II</t>
  </si>
  <si>
    <t>2419</t>
  </si>
  <si>
    <t>52995</t>
  </si>
  <si>
    <t>GES DEPALPUR</t>
  </si>
  <si>
    <t>AMLI MOTI - MALE</t>
  </si>
  <si>
    <t>tiba gillani sahb depalpur</t>
  </si>
  <si>
    <t>City 2</t>
  </si>
  <si>
    <t>Naeem Ahmed</t>
  </si>
  <si>
    <t>16834</t>
  </si>
  <si>
    <t>12430</t>
  </si>
  <si>
    <t>5769</t>
  </si>
  <si>
    <t>GGPS HARAN WALA</t>
  </si>
  <si>
    <t>MCD 09-FEMALE</t>
  </si>
  <si>
    <t>Haran Wala</t>
  </si>
  <si>
    <t>haranwala</t>
  </si>
  <si>
    <t>GHSS GOLEKI</t>
  </si>
  <si>
    <t>GOLEKI</t>
  </si>
  <si>
    <t>AAMIR RIZWAN</t>
  </si>
  <si>
    <t>45266</t>
  </si>
  <si>
    <t>GGPS SHAH SAID ALI</t>
  </si>
  <si>
    <t>Shah said ali</t>
  </si>
  <si>
    <t>Shah Said Ali</t>
  </si>
  <si>
    <t>25709</t>
  </si>
  <si>
    <t>42136</t>
  </si>
  <si>
    <t>GGHS MC MODEL TAXILA</t>
  </si>
  <si>
    <t>MC model GHS taxila near eid gah taxila</t>
  </si>
  <si>
    <t>Sar-e-kala</t>
  </si>
  <si>
    <t>Robina Kouser</t>
  </si>
  <si>
    <t>GHS LASANI MUSLIM</t>
  </si>
  <si>
    <t>Govt. lasani muslim H/S</t>
  </si>
  <si>
    <t>farooqabd</t>
  </si>
  <si>
    <t>urbab</t>
  </si>
  <si>
    <t>Muddasir Ahmad</t>
  </si>
  <si>
    <t>14916</t>
  </si>
  <si>
    <t>26122</t>
  </si>
  <si>
    <t>GPS SUMRAN</t>
  </si>
  <si>
    <t>Sumray</t>
  </si>
  <si>
    <t>Sumray P/ O Kanjrur Skg.</t>
  </si>
  <si>
    <t>Muhammad Boota Ishtiaq</t>
  </si>
  <si>
    <t>14213</t>
  </si>
  <si>
    <t>40077</t>
  </si>
  <si>
    <t>GHS CHAK MEHMEDA</t>
  </si>
  <si>
    <t>CHAK MEHMNDA</t>
  </si>
  <si>
    <t>VPO: CHAK MEHMDA, TEH &amp; DISTT. JHELUM</t>
  </si>
  <si>
    <t>44865</t>
  </si>
  <si>
    <t>GGHS DAGAR NOON</t>
  </si>
  <si>
    <t>Daggar Noon</t>
  </si>
  <si>
    <t>daggar noon tehsil kkot district bhakkar</t>
  </si>
  <si>
    <t>Dania Amtul Hafeez</t>
  </si>
  <si>
    <t>26572</t>
  </si>
  <si>
    <t>GPS DUDHU CHAK</t>
  </si>
  <si>
    <t>village p/o dudhuchak</t>
  </si>
  <si>
    <t>Khalil Ahmad</t>
  </si>
  <si>
    <t>26506</t>
  </si>
  <si>
    <t>GGPS JHUN</t>
  </si>
  <si>
    <t>Jhun</t>
  </si>
  <si>
    <t>jhun</t>
  </si>
  <si>
    <t>Sahari</t>
  </si>
  <si>
    <t>Hafiza Parveen</t>
  </si>
  <si>
    <t>10008</t>
  </si>
  <si>
    <t>26114</t>
  </si>
  <si>
    <t>GPS PHULWARI</t>
  </si>
  <si>
    <t>Phulwari</t>
  </si>
  <si>
    <t>village Phulwari</t>
  </si>
  <si>
    <t>12963</t>
  </si>
  <si>
    <t>GPS JHALAAR WALA</t>
  </si>
  <si>
    <t>Bhunday wali</t>
  </si>
  <si>
    <t>Gps jhalaar wali mouza bhunday wali tehsil and district muzaffar garh</t>
  </si>
  <si>
    <t>Jhalaar Wala</t>
  </si>
  <si>
    <t>Aluday Wali</t>
  </si>
  <si>
    <t>Muhammad Dilbar</t>
  </si>
  <si>
    <t>53328</t>
  </si>
  <si>
    <t>GPS TELEEM-UL-ISLAM</t>
  </si>
  <si>
    <t>F block, Okara</t>
  </si>
  <si>
    <t>SHAMSA JABEEN</t>
  </si>
  <si>
    <t>GHS 151/9-L</t>
  </si>
  <si>
    <t>CHAK NO 151/9_L</t>
  </si>
  <si>
    <t>CHAKNO 150/9-L</t>
  </si>
  <si>
    <t>Naveed Akhtar Anjum</t>
  </si>
  <si>
    <t>23858</t>
  </si>
  <si>
    <t>GGPS CM DHOLAY WALI</t>
  </si>
  <si>
    <t>Dohlywali</t>
  </si>
  <si>
    <t>Dohlywali tehsil daska district sailkot</t>
  </si>
  <si>
    <t>Sain</t>
  </si>
  <si>
    <t>sadaf iqbal</t>
  </si>
  <si>
    <t>7610</t>
  </si>
  <si>
    <t>35218</t>
  </si>
  <si>
    <t>4327</t>
  </si>
  <si>
    <t>GGPS HOOT WALA</t>
  </si>
  <si>
    <t>TAUNSA BARRAGE- FEMALE</t>
  </si>
  <si>
    <t>Pirhar Sharki</t>
  </si>
  <si>
    <t>basti javaid abad Noor shah road kot addu</t>
  </si>
  <si>
    <t>Basti Javaid Abad</t>
  </si>
  <si>
    <t>38720</t>
  </si>
  <si>
    <t>39805</t>
  </si>
  <si>
    <t>23883</t>
  </si>
  <si>
    <t>GMPS WAHLAY</t>
  </si>
  <si>
    <t>wahlay</t>
  </si>
  <si>
    <t>Wahlay</t>
  </si>
  <si>
    <t>Bhartanwala</t>
  </si>
  <si>
    <t>Roheeia Khalji</t>
  </si>
  <si>
    <t>53104</t>
  </si>
  <si>
    <t>GES CHAK 5/4-L</t>
  </si>
  <si>
    <t>5/4-L</t>
  </si>
  <si>
    <t>5/4-L , Okara</t>
  </si>
  <si>
    <t>muhammad attique khari</t>
  </si>
  <si>
    <t>46309</t>
  </si>
  <si>
    <t>23882</t>
  </si>
  <si>
    <t>GGPS MANJHI PUR</t>
  </si>
  <si>
    <t>Manjhi Pur</t>
  </si>
  <si>
    <t>manjhi pur</t>
  </si>
  <si>
    <t>Salhokay</t>
  </si>
  <si>
    <t>Memoona Ashraf</t>
  </si>
  <si>
    <t>5685</t>
  </si>
  <si>
    <t>6431</t>
  </si>
  <si>
    <t>53559</t>
  </si>
  <si>
    <t>GPS MC GHAZI ABAD</t>
  </si>
  <si>
    <t>st no 3 ghazi abad okara</t>
  </si>
  <si>
    <t>Ward No 12</t>
  </si>
  <si>
    <t>Mirza Fazal Ahmad Khusrau</t>
  </si>
  <si>
    <t>52800</t>
  </si>
  <si>
    <t>11574</t>
  </si>
  <si>
    <t>32347</t>
  </si>
  <si>
    <t>GGPS GHULAM ABAD</t>
  </si>
  <si>
    <t>Jakarta road  mohalah ghulamabad.</t>
  </si>
  <si>
    <t>Sheikhupura City</t>
  </si>
  <si>
    <t>Jinah Park</t>
  </si>
  <si>
    <t>Shazia Khalil</t>
  </si>
  <si>
    <t>53562</t>
  </si>
  <si>
    <t>GPS MC QARI COLONY</t>
  </si>
  <si>
    <t>Qari Colony</t>
  </si>
  <si>
    <t>M.C Qari Colony, Okara</t>
  </si>
  <si>
    <t>26033</t>
  </si>
  <si>
    <t>GES DUSSARI</t>
  </si>
  <si>
    <t>Dusri</t>
  </si>
  <si>
    <t>village dusri tehsil shakargarh district Narowal</t>
  </si>
  <si>
    <t>Raiba Kala</t>
  </si>
  <si>
    <t>Khalil Sarwar</t>
  </si>
  <si>
    <t>31033</t>
  </si>
  <si>
    <t>30900</t>
  </si>
  <si>
    <t>31940</t>
  </si>
  <si>
    <t>GES BADOO MURADEY</t>
  </si>
  <si>
    <t>SHEIKHUPURA-VI - MALE</t>
  </si>
  <si>
    <t>GES BADOO Muraday</t>
  </si>
  <si>
    <t>Muraday Kalan</t>
  </si>
  <si>
    <t>Muhammad Sohail Shoukat</t>
  </si>
  <si>
    <t>9505</t>
  </si>
  <si>
    <t>39522</t>
  </si>
  <si>
    <t>38232</t>
  </si>
  <si>
    <t>GGHS RIND JADA</t>
  </si>
  <si>
    <t>Rind jada</t>
  </si>
  <si>
    <t>Rind jada, tehsil kahror pacca lodhran</t>
  </si>
  <si>
    <t>Sumbal Hameed</t>
  </si>
  <si>
    <t>38433</t>
  </si>
  <si>
    <t>GHS 355/WB</t>
  </si>
  <si>
    <t>355-wb</t>
  </si>
  <si>
    <t>chak no. 355-wb, tehsil Dunyapur Disttrict Lodhran</t>
  </si>
  <si>
    <t>Chak No# 355-wb</t>
  </si>
  <si>
    <t>MAHMOOD UL HASSAN</t>
  </si>
  <si>
    <t>40293</t>
  </si>
  <si>
    <t>35149</t>
  </si>
  <si>
    <t>GGHS 331 EB</t>
  </si>
  <si>
    <t>CHAK NO 331/EB BUREWALA</t>
  </si>
  <si>
    <t>CHAK NO.331/EB  BUREWALA</t>
  </si>
  <si>
    <t>331/EB BUREWALA</t>
  </si>
  <si>
    <t>495/EB</t>
  </si>
  <si>
    <t>AYESHA RAFIQUE</t>
  </si>
  <si>
    <t>1777</t>
  </si>
  <si>
    <t>26139</t>
  </si>
  <si>
    <t>GES BAJAR</t>
  </si>
  <si>
    <t>Bajar</t>
  </si>
  <si>
    <t>bajjar</t>
  </si>
  <si>
    <t>Raiba Kalan</t>
  </si>
  <si>
    <t>Mukhtar  Ahmad Sabir</t>
  </si>
  <si>
    <t>GGES CHAK 27 JB SOUTH</t>
  </si>
  <si>
    <t>27jb South</t>
  </si>
  <si>
    <t>Govt Girls Elementary School 27 jb south</t>
  </si>
  <si>
    <t>27jb North</t>
  </si>
  <si>
    <t>Anum Ashraf</t>
  </si>
  <si>
    <t>53060</t>
  </si>
  <si>
    <t>38644</t>
  </si>
  <si>
    <t>GGPS MAQBOOL WAH</t>
  </si>
  <si>
    <t>NOOR GARH - FEMALE</t>
  </si>
  <si>
    <t>maqbool wah</t>
  </si>
  <si>
    <t>Sabiha Ramzan</t>
  </si>
  <si>
    <t>48005</t>
  </si>
  <si>
    <t>GGPS GHANDI</t>
  </si>
  <si>
    <t>KUNDIAN RURAL-FEMALE</t>
  </si>
  <si>
    <t>Ghandi</t>
  </si>
  <si>
    <t>ggps ghandi</t>
  </si>
  <si>
    <t>Tahira Shaheen</t>
  </si>
  <si>
    <t>16333</t>
  </si>
  <si>
    <t>26130</t>
  </si>
  <si>
    <t>GES FATEH PUR DITTAN</t>
  </si>
  <si>
    <t>Fatehpur Dittan</t>
  </si>
  <si>
    <t>village fatehpur dittan ,p/o kanjrur ,tehsil shakargarh ,district narowal</t>
  </si>
  <si>
    <t>Muhammad waris</t>
  </si>
  <si>
    <t>48006</t>
  </si>
  <si>
    <t>GGPS HIMMAT SHAH</t>
  </si>
  <si>
    <t>ggps himatshah</t>
  </si>
  <si>
    <t>Himatshah</t>
  </si>
  <si>
    <t>Rabia Manzoor</t>
  </si>
  <si>
    <t>GPS MC LALAZAR COLONY</t>
  </si>
  <si>
    <t>Lalazar colony okara</t>
  </si>
  <si>
    <t>City Okara</t>
  </si>
  <si>
    <t>Mc Okara</t>
  </si>
  <si>
    <t>22227</t>
  </si>
  <si>
    <t>54700</t>
  </si>
  <si>
    <t>26110</t>
  </si>
  <si>
    <t>GPS KAYAN</t>
  </si>
  <si>
    <t>Kayan</t>
  </si>
  <si>
    <t>Village Kayan Raiba Kalan Tehsil Shakargarh District Narowal</t>
  </si>
  <si>
    <t>Abdul Haq</t>
  </si>
  <si>
    <t>22113</t>
  </si>
  <si>
    <t>GHS AJNALA</t>
  </si>
  <si>
    <t>vill. Ajnala p/o karianwala teh. and distt. Gujrat</t>
  </si>
  <si>
    <t>MUHAMMAD SALEEM USMANI</t>
  </si>
  <si>
    <t>28056</t>
  </si>
  <si>
    <t>19421</t>
  </si>
  <si>
    <t>19419</t>
  </si>
  <si>
    <t>GGHS DERA NAWAB SAHIB</t>
  </si>
  <si>
    <t>Rashda Rani</t>
  </si>
  <si>
    <t>GHS KHAIRPUR DAHA</t>
  </si>
  <si>
    <t>Kgairpur Daha</t>
  </si>
  <si>
    <t>khairpur daha tehsil ahmadpur east</t>
  </si>
  <si>
    <t>Khairpur Daha</t>
  </si>
  <si>
    <t>Javed Iqbal Gill</t>
  </si>
  <si>
    <t>40606</t>
  </si>
  <si>
    <t>GES DAIWAL</t>
  </si>
  <si>
    <t>DIAL -MALE</t>
  </si>
  <si>
    <t>Village and Post Office Daiwal Tehsil Sohawa District Jhelum</t>
  </si>
  <si>
    <t>36022</t>
  </si>
  <si>
    <t>19217</t>
  </si>
  <si>
    <t>GHSS CHAK 379 JB</t>
  </si>
  <si>
    <t>Tts</t>
  </si>
  <si>
    <t>379 Jb</t>
  </si>
  <si>
    <t>375 Jb</t>
  </si>
  <si>
    <t>3047</t>
  </si>
  <si>
    <t>53112</t>
  </si>
  <si>
    <t>GGHS 38/GD YOUNG PUR</t>
  </si>
  <si>
    <t>YOUNg Pur</t>
  </si>
  <si>
    <t>38gd young pur</t>
  </si>
  <si>
    <t>Uc 38 Gd</t>
  </si>
  <si>
    <t>salma saif</t>
  </si>
  <si>
    <t>GHS MUSLIM MODEL BHERI KHURD</t>
  </si>
  <si>
    <t>BHERI KHURD</t>
  </si>
  <si>
    <t>GOVT MM HIGH SCHOOL BHERI KHURD</t>
  </si>
  <si>
    <t>BASHIR AHMED</t>
  </si>
  <si>
    <t>GGES CHAK NO.7/1R CHUGATA</t>
  </si>
  <si>
    <t>Renala Khurd</t>
  </si>
  <si>
    <t>7/1R</t>
  </si>
  <si>
    <t>GGES 7/1R Chughata</t>
  </si>
  <si>
    <t>7/1R Faujian</t>
  </si>
  <si>
    <t>asia firdous</t>
  </si>
  <si>
    <t>19376</t>
  </si>
  <si>
    <t>41673</t>
  </si>
  <si>
    <t>GGHS BIJNIAL</t>
  </si>
  <si>
    <t>Bajnial</t>
  </si>
  <si>
    <t>gghs bajnial sadder beroni teh and  distt Rawalpindi</t>
  </si>
  <si>
    <t>Fouzia Shouq</t>
  </si>
  <si>
    <t>21746</t>
  </si>
  <si>
    <t>GHSS NOKHAR</t>
  </si>
  <si>
    <t>nokhar</t>
  </si>
  <si>
    <t>v.p.o.nokhar tehsil nowshera virkan distt; gujranwala.</t>
  </si>
  <si>
    <t>m abdul rauf</t>
  </si>
  <si>
    <t>35640</t>
  </si>
  <si>
    <t>35510</t>
  </si>
  <si>
    <t>GGHS 128/EB</t>
  </si>
  <si>
    <t>chak#128 Eb burewala</t>
  </si>
  <si>
    <t>Chak#128</t>
  </si>
  <si>
    <t>Shama Naheed</t>
  </si>
  <si>
    <t>76676</t>
  </si>
  <si>
    <t>34659</t>
  </si>
  <si>
    <t>GGPS MC HAJVERI TOWN-1</t>
  </si>
  <si>
    <t>Hajveri Town</t>
  </si>
  <si>
    <t>st#2 hajveri town</t>
  </si>
  <si>
    <t>sarwat rizwana</t>
  </si>
  <si>
    <t>6535</t>
  </si>
  <si>
    <t>15770</t>
  </si>
  <si>
    <t>GPS 233 RB II</t>
  </si>
  <si>
    <t>Tikky Wala</t>
  </si>
  <si>
    <t>Chack no 233/Rb tikkay Wala , fsd</t>
  </si>
  <si>
    <t>Tikkay Wala</t>
  </si>
  <si>
    <t>22801</t>
  </si>
  <si>
    <t>GGPS SHEIK SUKHA</t>
  </si>
  <si>
    <t>Sheikh Sukha</t>
  </si>
  <si>
    <t>GMPS Sheikh Sukha Gujrat</t>
  </si>
  <si>
    <t>Harianwala</t>
  </si>
  <si>
    <t>20686</t>
  </si>
  <si>
    <t>GMPS KOT BAQAR</t>
  </si>
  <si>
    <t>Kot Baqar</t>
  </si>
  <si>
    <t>kot baqar</t>
  </si>
  <si>
    <t>35036</t>
  </si>
  <si>
    <t>GHS 171 EB</t>
  </si>
  <si>
    <t>CHAK NO.  171.EB</t>
  </si>
  <si>
    <t>CHAK NO. 171.EB,BUREWALA</t>
  </si>
  <si>
    <t>CHAK NO. 171.EB</t>
  </si>
  <si>
    <t>CHAK NO. 215 EB,BUREWALA</t>
  </si>
  <si>
    <t>41836</t>
  </si>
  <si>
    <t>GES 85 GB</t>
  </si>
  <si>
    <t>Maanpur</t>
  </si>
  <si>
    <t>CHAK NO.85 GB MANPUR</t>
  </si>
  <si>
    <t>Chak No 85 GB</t>
  </si>
  <si>
    <t>91GB</t>
  </si>
  <si>
    <t>20696</t>
  </si>
  <si>
    <t>GMPS QILA CHAND</t>
  </si>
  <si>
    <t>Qila Chand</t>
  </si>
  <si>
    <t>qila chand gujranwala</t>
  </si>
  <si>
    <t>Khiali Shah Pur Barun</t>
  </si>
  <si>
    <t>Zahira Akbar</t>
  </si>
  <si>
    <t>52016</t>
  </si>
  <si>
    <t>43900</t>
  </si>
  <si>
    <t>15782</t>
  </si>
  <si>
    <t>GPS 87 GB</t>
  </si>
  <si>
    <t>Babe Di Bair</t>
  </si>
  <si>
    <t>chak no  87 GB</t>
  </si>
  <si>
    <t>Chak 87GB</t>
  </si>
  <si>
    <t>258 RB pharala</t>
  </si>
  <si>
    <t>mineral water plant</t>
  </si>
  <si>
    <t>7971</t>
  </si>
  <si>
    <t>29402</t>
  </si>
  <si>
    <t>16119</t>
  </si>
  <si>
    <t>GGHS CHAK NO 61 JB</t>
  </si>
  <si>
    <t>Chak No 61 JB FSD</t>
  </si>
  <si>
    <t>SHAMSHAD BEGUM</t>
  </si>
  <si>
    <t>GHS CHOTI ZAREEN</t>
  </si>
  <si>
    <t>chak bakhar</t>
  </si>
  <si>
    <t>choti zareen</t>
  </si>
  <si>
    <t>chak bakher</t>
  </si>
  <si>
    <t>External supply</t>
  </si>
  <si>
    <t>53434</t>
  </si>
  <si>
    <t>16633</t>
  </si>
  <si>
    <t>GGPS CHAK 392 GB  TANDLIANWALA</t>
  </si>
  <si>
    <t>Jhok Khayali</t>
  </si>
  <si>
    <t>Chak no 392 GB Jhok Khayali, Tehsile Tandlianwala, Dist. Faisalabad</t>
  </si>
  <si>
    <t>Chak No 392 GB</t>
  </si>
  <si>
    <t>Chak no 416</t>
  </si>
  <si>
    <t>Tahira Younas</t>
  </si>
  <si>
    <t>20055</t>
  </si>
  <si>
    <t>GGHS MUGHAL CHAK KALAN</t>
  </si>
  <si>
    <t>GGHS mughal chak kalan</t>
  </si>
  <si>
    <t>mughal chak kalan</t>
  </si>
  <si>
    <t>kot shera</t>
  </si>
  <si>
    <t>Amina Shaheen</t>
  </si>
  <si>
    <t>16326</t>
  </si>
  <si>
    <t>34986</t>
  </si>
  <si>
    <t>GHS CHOHAN</t>
  </si>
  <si>
    <t>Chak Patai</t>
  </si>
  <si>
    <t>Govt High school chhohan tehsil 18 hazari Distt jhang</t>
  </si>
  <si>
    <t>Muhammad Mazhar</t>
  </si>
  <si>
    <t>2733</t>
  </si>
  <si>
    <t>1218</t>
  </si>
  <si>
    <t>36526</t>
  </si>
  <si>
    <t>GPS 58/KB WEST</t>
  </si>
  <si>
    <t>Chak no .58/KB w</t>
  </si>
  <si>
    <t>58//KB W</t>
  </si>
  <si>
    <t>MUHAMMAD ZAHOOR</t>
  </si>
  <si>
    <t>2028</t>
  </si>
  <si>
    <t>GES BIDDER</t>
  </si>
  <si>
    <t>Govt. Elementary School,Bidder.Sohawa.</t>
  </si>
  <si>
    <t>BIDDER</t>
  </si>
  <si>
    <t>PHULRAY SYEDAN</t>
  </si>
  <si>
    <t>Talib Hussain Hashmi</t>
  </si>
  <si>
    <t>Motor</t>
  </si>
  <si>
    <t>19169</t>
  </si>
  <si>
    <t>GMPS CHAK 687/27 GB</t>
  </si>
  <si>
    <t>687/27 Gb</t>
  </si>
  <si>
    <t>chak number 687/27 g.b</t>
  </si>
  <si>
    <t>687/27GB</t>
  </si>
  <si>
    <t>Nasir Nagar</t>
  </si>
  <si>
    <t>Sajida Mahmood</t>
  </si>
  <si>
    <t>49911</t>
  </si>
  <si>
    <t>53597</t>
  </si>
  <si>
    <t>GPS KOLOKAY</t>
  </si>
  <si>
    <t>KOLOKAY</t>
  </si>
  <si>
    <t>KOLOKAY TEHSIL SAMBRIAl DISTRICT SIALKOT</t>
  </si>
  <si>
    <t>JAITHEEKAY</t>
  </si>
  <si>
    <t>34308</t>
  </si>
  <si>
    <t>36445</t>
  </si>
  <si>
    <t>GGPS QADIR WAH</t>
  </si>
  <si>
    <t>qadirwah</t>
  </si>
  <si>
    <t>Ayesha Naseem</t>
  </si>
  <si>
    <t>36504</t>
  </si>
  <si>
    <t>GGES 569/EB</t>
  </si>
  <si>
    <t>569/eb</t>
  </si>
  <si>
    <t>GGES 569/eb vehari</t>
  </si>
  <si>
    <t>569/eb Vehari</t>
  </si>
  <si>
    <t>Nazia Arshid</t>
  </si>
  <si>
    <t>33320</t>
  </si>
  <si>
    <t>GGPS KHAIR MANDI</t>
  </si>
  <si>
    <t>Saeed Nagar</t>
  </si>
  <si>
    <t>Saeed Nager Safdarabad</t>
  </si>
  <si>
    <t>Urban Area</t>
  </si>
  <si>
    <t>12588</t>
  </si>
  <si>
    <t>GGPS CHAK NO. 52/NP</t>
  </si>
  <si>
    <t>Fifty Two Np</t>
  </si>
  <si>
    <t>chak 52 np Rahim Yar Khan near chowk bahadar pur</t>
  </si>
  <si>
    <t>Tasleem Akram</t>
  </si>
  <si>
    <t>10106</t>
  </si>
  <si>
    <t>12830</t>
  </si>
  <si>
    <t>26767</t>
  </si>
  <si>
    <t>GPS BHOJO CHAK</t>
  </si>
  <si>
    <t>Bhojo Chak</t>
  </si>
  <si>
    <t>bhojochak Chak, Zafarwal, narowal</t>
  </si>
  <si>
    <t>Marara</t>
  </si>
  <si>
    <t>TALIB HUSSAIN</t>
  </si>
  <si>
    <t>15456</t>
  </si>
  <si>
    <t>40837</t>
  </si>
  <si>
    <t>36444</t>
  </si>
  <si>
    <t>GGPS MOLVI WAH</t>
  </si>
  <si>
    <t>Faiz Wah</t>
  </si>
  <si>
    <t>moza Faiz wah post office ratta tiba vehari</t>
  </si>
  <si>
    <t>Molvi Wah</t>
  </si>
  <si>
    <t>Ujeyara Jamal</t>
  </si>
  <si>
    <t>41820</t>
  </si>
  <si>
    <t>42041</t>
  </si>
  <si>
    <t>GGHS TAXILA</t>
  </si>
  <si>
    <t>GGHS taxila railway road</t>
  </si>
  <si>
    <t>Zareen Iqbal</t>
  </si>
  <si>
    <t>30196</t>
  </si>
  <si>
    <t>GGHS KAHNA NAU</t>
  </si>
  <si>
    <t>GOVT. GIRLS HIGH SCHOOL KAHNA NAU LAHORE</t>
  </si>
  <si>
    <t>Kahna Kohna</t>
  </si>
  <si>
    <t>Rubina Tasneem D/O Najeeb Ullah Chatha</t>
  </si>
  <si>
    <t>30958</t>
  </si>
  <si>
    <t>GES RAMKOT (SHEIKH DAKOT)</t>
  </si>
  <si>
    <t>Ramkot</t>
  </si>
  <si>
    <t>GES Ramkot</t>
  </si>
  <si>
    <t>Niamat Ali</t>
  </si>
  <si>
    <t>20074</t>
  </si>
  <si>
    <t>24526</t>
  </si>
  <si>
    <t>39353</t>
  </si>
  <si>
    <t>GGPS DHOK AWAN</t>
  </si>
  <si>
    <t>Govt Girls Primary School Dhok Awan</t>
  </si>
  <si>
    <t>Farhat Shahnaz</t>
  </si>
  <si>
    <t>19742</t>
  </si>
  <si>
    <t>34134</t>
  </si>
  <si>
    <t>GGPS DHORAY WALA NO.1 SHUJABAD</t>
  </si>
  <si>
    <t>ZAREEF SHAHEED - FEMALE</t>
  </si>
  <si>
    <t>Dhoraywala</t>
  </si>
  <si>
    <t>Dhoraywala No1</t>
  </si>
  <si>
    <t>Mari Noon</t>
  </si>
  <si>
    <t>GGPS 78 WB</t>
  </si>
  <si>
    <t>Muhammad Anwar House No 25 Street No 5 behind lucky floor Mills Burewala  road vehari</t>
  </si>
  <si>
    <t>Irshad Anwar Rana</t>
  </si>
  <si>
    <t>20417</t>
  </si>
  <si>
    <t>40347</t>
  </si>
  <si>
    <t>GGHS SHAKAR GARH</t>
  </si>
  <si>
    <t>SKG</t>
  </si>
  <si>
    <t>GGHS SHAKARGARH#1</t>
  </si>
  <si>
    <t>Naveeda Afzal</t>
  </si>
  <si>
    <t>GES PHAMA SARAI</t>
  </si>
  <si>
    <t>Phama Sarai</t>
  </si>
  <si>
    <t>distt. gujranwala teh. nowshera virkan village phama sarai</t>
  </si>
  <si>
    <t>12711</t>
  </si>
  <si>
    <t>Sadhan wali</t>
  </si>
  <si>
    <t>ggps rehmanabad basti rehmanabad</t>
  </si>
  <si>
    <t>Rehman abad</t>
  </si>
  <si>
    <t>Shehla Asghar</t>
  </si>
  <si>
    <t>40718</t>
  </si>
  <si>
    <t>33120</t>
  </si>
  <si>
    <t>GPS KHAIR PUR</t>
  </si>
  <si>
    <t>NANKANA SHARQI - MALE</t>
  </si>
  <si>
    <t>khair pur</t>
  </si>
  <si>
    <t>village khair pur</t>
  </si>
  <si>
    <t>Nabipur piran</t>
  </si>
  <si>
    <t>Muhammad Razwan</t>
  </si>
  <si>
    <t>19352</t>
  </si>
  <si>
    <t>GGES CHAK 376 JB</t>
  </si>
  <si>
    <t>DULAM-FEMALE</t>
  </si>
  <si>
    <t>Chak 376jb</t>
  </si>
  <si>
    <t>chak 376jb toba tek singh</t>
  </si>
  <si>
    <t>Ckak376jb</t>
  </si>
  <si>
    <t>Chak319jb</t>
  </si>
  <si>
    <t>Sumaira Nazir</t>
  </si>
  <si>
    <t>11781</t>
  </si>
  <si>
    <t>15035</t>
  </si>
  <si>
    <t>2331</t>
  </si>
  <si>
    <t>GMPS KALE WAL</t>
  </si>
  <si>
    <t>MCD 06-FEMALE</t>
  </si>
  <si>
    <t>Kala Wale</t>
  </si>
  <si>
    <t>Gmps Kala Wale</t>
  </si>
  <si>
    <t>32411</t>
  </si>
  <si>
    <t>GGHS MC MODEL IQBAL PARK</t>
  </si>
  <si>
    <t>GGHS MC MODEL IQBAL PARK SHEIKHUPURA</t>
  </si>
  <si>
    <t>IQBALPARK</t>
  </si>
  <si>
    <t>Ghania Aslam</t>
  </si>
  <si>
    <t>25329</t>
  </si>
  <si>
    <t>GGES MC MORI GATE SIALKOT</t>
  </si>
  <si>
    <t>Dharowal</t>
  </si>
  <si>
    <t>Govt MC E/S Morigate, Schwala Park Dharowal</t>
  </si>
  <si>
    <t>Imam sahib</t>
  </si>
  <si>
    <t>Samina Rashid</t>
  </si>
  <si>
    <t>26478</t>
  </si>
  <si>
    <t>GGPS PATTI SHOIB WALA</t>
  </si>
  <si>
    <t>GGPS Patti Shoaib DG.khan road muzaffargarh</t>
  </si>
  <si>
    <t>Patti Shoaib</t>
  </si>
  <si>
    <t>humaira shaheen</t>
  </si>
  <si>
    <t>52126</t>
  </si>
  <si>
    <t>51963</t>
  </si>
  <si>
    <t>42145</t>
  </si>
  <si>
    <t>GHS DHIR KOT SATTIAN</t>
  </si>
  <si>
    <t>dhirkot sattian</t>
  </si>
  <si>
    <t>village and post office dhirkot sattian</t>
  </si>
  <si>
    <t>Syed Aamir Kamal</t>
  </si>
  <si>
    <t>natural reservoir</t>
  </si>
  <si>
    <t>43555</t>
  </si>
  <si>
    <t>26628</t>
  </si>
  <si>
    <t>GGES CHEEMA</t>
  </si>
  <si>
    <t>Chemah</t>
  </si>
  <si>
    <t>village chemah, p.o. Ahmad abad</t>
  </si>
  <si>
    <t>Lalla</t>
  </si>
  <si>
    <t>Anjum Tahira</t>
  </si>
  <si>
    <t>4917</t>
  </si>
  <si>
    <t>30515</t>
  </si>
  <si>
    <t>2365</t>
  </si>
  <si>
    <t>GGPS RASHEED DHUDDI</t>
  </si>
  <si>
    <t>Behkawala</t>
  </si>
  <si>
    <t>gg ps rashid  dhudi  minchan abad district bahawalnagar</t>
  </si>
  <si>
    <t>Ameer Cot</t>
  </si>
  <si>
    <t>17647</t>
  </si>
  <si>
    <t>37009</t>
  </si>
  <si>
    <t>GPS FARID ABAD, P/O CHAK HAIDER ABAD, NAWAN SHEHR (PEF,PSSP PHASE III) NOT HANDED OVER DUE TO COURT</t>
  </si>
  <si>
    <t>basti fared abad tehsil kabirwala district Khanewal</t>
  </si>
  <si>
    <t>Fared Abad</t>
  </si>
  <si>
    <t>Nasir Ali Saqi</t>
  </si>
  <si>
    <t>46406</t>
  </si>
  <si>
    <t>GGHS JAURA KALAN</t>
  </si>
  <si>
    <t>Jaura kalan</t>
  </si>
  <si>
    <t>Jaura kalan tehsil noorpur thal district khushab</t>
  </si>
  <si>
    <t>MARY STELLA</t>
  </si>
  <si>
    <t>45022</t>
  </si>
  <si>
    <t>GGPS CHAK NO.29/ML</t>
  </si>
  <si>
    <t>29 ml</t>
  </si>
  <si>
    <t>29ml</t>
  </si>
  <si>
    <t>Nighat Jbeen</t>
  </si>
  <si>
    <t>29641</t>
  </si>
  <si>
    <t>GES NATHEY JAGEER</t>
  </si>
  <si>
    <t>Nathey Jagir</t>
  </si>
  <si>
    <t>nathey jagir post office same tehsil Pattoki district kasur</t>
  </si>
  <si>
    <t>45193</t>
  </si>
  <si>
    <t>49694</t>
  </si>
  <si>
    <t>26028</t>
  </si>
  <si>
    <t>GES KHARAL KAHNA</t>
  </si>
  <si>
    <t>CHAK AMRU- MALE</t>
  </si>
  <si>
    <t>Kharal Kahna</t>
  </si>
  <si>
    <t>mohalla Riaz market Shakargarh</t>
  </si>
  <si>
    <t>Norang Abad</t>
  </si>
  <si>
    <t>Muhammad Azhar Inayat</t>
  </si>
  <si>
    <t>21803</t>
  </si>
  <si>
    <t>GGHS MARI BHINDRAN</t>
  </si>
  <si>
    <t>GGHS Mari Bhindran</t>
  </si>
  <si>
    <t>Khalida Sarwar</t>
  </si>
  <si>
    <t>13253</t>
  </si>
  <si>
    <t>GGPS MASOO WALA</t>
  </si>
  <si>
    <t>Bairband 1</t>
  </si>
  <si>
    <t>chah masu wala p/o shaher sultan bair band awal.</t>
  </si>
  <si>
    <t>Masu Wala</t>
  </si>
  <si>
    <t>Bairband</t>
  </si>
  <si>
    <t>Sadaf Bashir Sial</t>
  </si>
  <si>
    <t>41077</t>
  </si>
  <si>
    <t>GHS SALGRAN</t>
  </si>
  <si>
    <t>VILLAGE SALGRAN TEHSIL KAHUTA DISTRICT RAWALPINDI</t>
  </si>
  <si>
    <t>43919</t>
  </si>
  <si>
    <t>GGPS MINCHIN ABAD</t>
  </si>
  <si>
    <t>Mcd</t>
  </si>
  <si>
    <t>mcd</t>
  </si>
  <si>
    <t>Municipal Committe</t>
  </si>
  <si>
    <t>Shahida Parvin</t>
  </si>
  <si>
    <t>37541</t>
  </si>
  <si>
    <t>GES 120/15-L, MIAN CHANNU</t>
  </si>
  <si>
    <t>120/15-L</t>
  </si>
  <si>
    <t>chak no 120/15-L</t>
  </si>
  <si>
    <t>NAUSHER ALI</t>
  </si>
  <si>
    <t>27529</t>
  </si>
  <si>
    <t>38480</t>
  </si>
  <si>
    <t>42891</t>
  </si>
  <si>
    <t>GGHS CHANBA KARPAL</t>
  </si>
  <si>
    <t>gghs chamba karpal teh kallar syedan distt rwp</t>
  </si>
  <si>
    <t>Chamba Karpal</t>
  </si>
  <si>
    <t>Mamoona Shahzad</t>
  </si>
  <si>
    <t>44192</t>
  </si>
  <si>
    <t>GGHS NOOR PUR</t>
  </si>
  <si>
    <t>noorpur</t>
  </si>
  <si>
    <t>govt.girls high school noorpur tehsil kalar kahar dist. chakwal</t>
  </si>
  <si>
    <t>Zahida Kalsoom Jaffari</t>
  </si>
  <si>
    <t>7954</t>
  </si>
  <si>
    <t>water supply, hand pump</t>
  </si>
  <si>
    <t>12712</t>
  </si>
  <si>
    <t>GGPS SAWAN WALA</t>
  </si>
  <si>
    <t>Sadhan Wali</t>
  </si>
  <si>
    <t>Sawan Wala Tibbi Bookan Post office basira</t>
  </si>
  <si>
    <t>Sawan Wala Tibbi Bookan</t>
  </si>
  <si>
    <t>Nasira Kalsoom</t>
  </si>
  <si>
    <t>33640</t>
  </si>
  <si>
    <t>GHS MC MANZOOR ABAD MULTAN</t>
  </si>
  <si>
    <t>Manzoor Abad Multan</t>
  </si>
  <si>
    <t>Manzoor ABAD</t>
  </si>
  <si>
    <t>Zafar Ali Gujar</t>
  </si>
  <si>
    <t>23116</t>
  </si>
  <si>
    <t>GES KAMLA BHAND</t>
  </si>
  <si>
    <t>Kamla  Bhand</t>
  </si>
  <si>
    <t>kamla bhand P.O. hanj  teh  kharian  dist  gujrat</t>
  </si>
  <si>
    <t>Adeel Asghar</t>
  </si>
  <si>
    <t>34788</t>
  </si>
  <si>
    <t>GES BAIT MUGHAL BASTI DE-WALA</t>
  </si>
  <si>
    <t>Baitmughal</t>
  </si>
  <si>
    <t>basti Dwala baitmughal</t>
  </si>
  <si>
    <t>Shehni</t>
  </si>
  <si>
    <t>Muhammad Javaid Iqbal</t>
  </si>
  <si>
    <t>11455</t>
  </si>
  <si>
    <t>GES CHAK NO 136 TDA</t>
  </si>
  <si>
    <t>Thal</t>
  </si>
  <si>
    <t>chak no 136/TDA Layyah</t>
  </si>
  <si>
    <t>Chak No 136/TDA Layyah</t>
  </si>
  <si>
    <t>Ghulam Mustafa Shah</t>
  </si>
  <si>
    <t>28387</t>
  </si>
  <si>
    <t>35945</t>
  </si>
  <si>
    <t>GGPS AUDO WALA</t>
  </si>
  <si>
    <t>Rahola</t>
  </si>
  <si>
    <t>chalk Islam pura araian Walla(adoo Walla)mailsi</t>
  </si>
  <si>
    <t>Chalk Islam Pura</t>
  </si>
  <si>
    <t>1M</t>
  </si>
  <si>
    <t>Sobia Iram</t>
  </si>
  <si>
    <t>35019</t>
  </si>
  <si>
    <t>26631</t>
  </si>
  <si>
    <t>GGPS KHAMONWALI</t>
  </si>
  <si>
    <t>khemowali</t>
  </si>
  <si>
    <t>khemowali ahmed abad district Narowal</t>
  </si>
  <si>
    <t>ahmed abad</t>
  </si>
  <si>
    <t>13234</t>
  </si>
  <si>
    <t>GGPS BATOOL WALA</t>
  </si>
  <si>
    <t>meeran pur markaz shehar sultan tehsil jatoi dist m.garh</t>
  </si>
  <si>
    <t>Faiz-a-bad</t>
  </si>
  <si>
    <t>Yasmin Khalid</t>
  </si>
  <si>
    <t>9996</t>
  </si>
  <si>
    <t>GGHS CHAK NO. 82/ML</t>
  </si>
  <si>
    <t>90 ML</t>
  </si>
  <si>
    <t>chak 82ml p/o 83ml teh.karor distt.layyah</t>
  </si>
  <si>
    <t>chak no.82/ML</t>
  </si>
  <si>
    <t>90ml</t>
  </si>
  <si>
    <t>ZARTASHIA MEHMOOD</t>
  </si>
  <si>
    <t>21481</t>
  </si>
  <si>
    <t>18889</t>
  </si>
  <si>
    <t>GGES 218/GB</t>
  </si>
  <si>
    <t>Chak 221 Gb</t>
  </si>
  <si>
    <t>45088</t>
  </si>
  <si>
    <t>GGES BITTI</t>
  </si>
  <si>
    <t>Bitti</t>
  </si>
  <si>
    <t>p/o Chak no 55 db village bitti</t>
  </si>
  <si>
    <t>Saba Shahzadi</t>
  </si>
  <si>
    <t>4218</t>
  </si>
  <si>
    <t>18153</t>
  </si>
  <si>
    <t>26056</t>
  </si>
  <si>
    <t>GGHS GORALA</t>
  </si>
  <si>
    <t>sadia idrees</t>
  </si>
  <si>
    <t>16403</t>
  </si>
  <si>
    <t>GGPS CHAK 186 RB II</t>
  </si>
  <si>
    <t>Dhilum</t>
  </si>
  <si>
    <t>chak no 186/r.b ll</t>
  </si>
  <si>
    <t>Dhilum Dogranwala</t>
  </si>
  <si>
    <t>Nudrat Mahmood</t>
  </si>
  <si>
    <t>24662</t>
  </si>
  <si>
    <t>15229</t>
  </si>
  <si>
    <t>GGPS CHAK 216 RB I KHURRIANWALA</t>
  </si>
  <si>
    <t>216 RB1 Bara Muhammad Wala</t>
  </si>
  <si>
    <t>216 RB 1</t>
  </si>
  <si>
    <t>19091</t>
  </si>
  <si>
    <t>GGHS CHAK NO.142/6-R</t>
  </si>
  <si>
    <t>Chak No 1426r</t>
  </si>
  <si>
    <t>chak no 1426r</t>
  </si>
  <si>
    <t>anwari maqbool</t>
  </si>
  <si>
    <t>23991</t>
  </si>
  <si>
    <t>46385</t>
  </si>
  <si>
    <t>GGHS CHAK NO. 52 DB NOORPUR</t>
  </si>
  <si>
    <t>chak no.52db</t>
  </si>
  <si>
    <t>p/o chak no.50db</t>
  </si>
  <si>
    <t>Tasawer Aziz</t>
  </si>
  <si>
    <t>29635</t>
  </si>
  <si>
    <t>47302</t>
  </si>
  <si>
    <t>11785</t>
  </si>
  <si>
    <t>GPS CHAK NO.639 TDA</t>
  </si>
  <si>
    <t>Chak 639/TDA</t>
  </si>
  <si>
    <t>Chak No 639/TDA</t>
  </si>
  <si>
    <t>567/TDA</t>
  </si>
  <si>
    <t>Muhammad Yaqoob</t>
  </si>
  <si>
    <t>9398</t>
  </si>
  <si>
    <t>49466</t>
  </si>
  <si>
    <t>39889</t>
  </si>
  <si>
    <t>GGPS DHOKE MOLVIAN (JALLO)</t>
  </si>
  <si>
    <t>G  G  P S  Dhok Molvian</t>
  </si>
  <si>
    <t>Dhok Molvian</t>
  </si>
  <si>
    <t>NAFEESA JABEEN</t>
  </si>
  <si>
    <t>24540</t>
  </si>
  <si>
    <t>16223</t>
  </si>
  <si>
    <t>40952</t>
  </si>
  <si>
    <t>GMPS BAN SHAHEED</t>
  </si>
  <si>
    <t>Kanial Nagial</t>
  </si>
  <si>
    <t>village Kanial nagial po watalian tehsil dina district Jhelum</t>
  </si>
  <si>
    <t>Safeena Kousar</t>
  </si>
  <si>
    <t>32681</t>
  </si>
  <si>
    <t>44111</t>
  </si>
  <si>
    <t>GPS MAHINWAL</t>
  </si>
  <si>
    <t>Mehinwal</t>
  </si>
  <si>
    <t>GPS mehinwal vill and p/o mehinwal chakwal</t>
  </si>
  <si>
    <t>5698</t>
  </si>
  <si>
    <t>GGPS NALLA MOUSANI</t>
  </si>
  <si>
    <t>PACCA LARRAN -FEMALE</t>
  </si>
  <si>
    <t>Nalla Mousani</t>
  </si>
  <si>
    <t>g g p/s nalla mousani</t>
  </si>
  <si>
    <t>Rukhsana Naheed</t>
  </si>
  <si>
    <t>2556</t>
  </si>
  <si>
    <t>20247</t>
  </si>
  <si>
    <t>36578</t>
  </si>
  <si>
    <t>29052</t>
  </si>
  <si>
    <t>GHS KACHA PACCA</t>
  </si>
  <si>
    <t>KachaPacca</t>
  </si>
  <si>
    <t>Govt H/S kacha Pacca</t>
  </si>
  <si>
    <t>Kacha Pacca</t>
  </si>
  <si>
    <t>Sands Kalan</t>
  </si>
  <si>
    <t>Zain Ul Abedin</t>
  </si>
  <si>
    <t>13883</t>
  </si>
  <si>
    <t>1431</t>
  </si>
  <si>
    <t>12452</t>
  </si>
  <si>
    <t>7768</t>
  </si>
  <si>
    <t>GGHS MULLA QUAID SHAH JADEED</t>
  </si>
  <si>
    <t>qasba churhatta</t>
  </si>
  <si>
    <t>near khosa park block churhatta dgkhan</t>
  </si>
  <si>
    <t>block churhatta</t>
  </si>
  <si>
    <t>urban block churhatta</t>
  </si>
  <si>
    <t>HUMAIRA YASMIN</t>
  </si>
  <si>
    <t>28352</t>
  </si>
  <si>
    <t>31335</t>
  </si>
  <si>
    <t>GHS CDG HANIF PARK</t>
  </si>
  <si>
    <t>Badami bagh</t>
  </si>
  <si>
    <t>CDG Boys High school Hanif Park Badami bagh Lahore</t>
  </si>
  <si>
    <t>hanif Park</t>
  </si>
  <si>
    <t>Saddique Pura</t>
  </si>
  <si>
    <t>muhammad Azam amin</t>
  </si>
  <si>
    <t>22247</t>
  </si>
  <si>
    <t>GGHS JASSOKI</t>
  </si>
  <si>
    <t>jassoki</t>
  </si>
  <si>
    <t>GGHS jassoki gujrat</t>
  </si>
  <si>
    <t>Nighat Shaheen</t>
  </si>
  <si>
    <t>10460</t>
  </si>
  <si>
    <t>49885</t>
  </si>
  <si>
    <t>44667</t>
  </si>
  <si>
    <t>GGPS DERA PIR MUHAMMAD WALA</t>
  </si>
  <si>
    <t>33 Tda</t>
  </si>
  <si>
    <t>GGPS Dera Peer Mohammad  wala</t>
  </si>
  <si>
    <t>Dera Peer Mohammad</t>
  </si>
  <si>
    <t>Dakar Aoulakh</t>
  </si>
  <si>
    <t>45402</t>
  </si>
  <si>
    <t>GPS MOHALLA RANN</t>
  </si>
  <si>
    <t>Mohala rawn dullewala</t>
  </si>
  <si>
    <t>Mc Dullewala</t>
  </si>
  <si>
    <t>Azizullah</t>
  </si>
  <si>
    <t>18896</t>
  </si>
  <si>
    <t>14542</t>
  </si>
  <si>
    <t>38562</t>
  </si>
  <si>
    <t>GPS 383/WB</t>
  </si>
  <si>
    <t>CHAK NO. 369/WB - MALE</t>
  </si>
  <si>
    <t>Chak No 383/WB</t>
  </si>
  <si>
    <t>Chak no 383/WB tehsil Dunyapur district Lodhran</t>
  </si>
  <si>
    <t>Chak No 384/WB</t>
  </si>
  <si>
    <t>53002</t>
  </si>
  <si>
    <t>GHS JAMAL KOT</t>
  </si>
  <si>
    <t>village Jamal kot p /o Jamal kot khass teh.Depalpur District Okara</t>
  </si>
  <si>
    <t>19208</t>
  </si>
  <si>
    <t>15067</t>
  </si>
  <si>
    <t>GGPS CHAK 54 GB JARANWALA</t>
  </si>
  <si>
    <t>Dhewal Shankr</t>
  </si>
  <si>
    <t>chak no 54 gb</t>
  </si>
  <si>
    <t>54 GB</t>
  </si>
  <si>
    <t>tahira hafeez</t>
  </si>
  <si>
    <t>23651</t>
  </si>
  <si>
    <t>GMES SANDHAN WALA</t>
  </si>
  <si>
    <t>Sindhanwala</t>
  </si>
  <si>
    <t>sandhanwala</t>
  </si>
  <si>
    <t>Razia Butt</t>
  </si>
  <si>
    <t>42472</t>
  </si>
  <si>
    <t>35666</t>
  </si>
  <si>
    <t>GGPS NO.2 GOPANG</t>
  </si>
  <si>
    <t>chowk gopang tehsil jatoi m.garh</t>
  </si>
  <si>
    <t>Rashida Parveen</t>
  </si>
  <si>
    <t>41275</t>
  </si>
  <si>
    <t>16400</t>
  </si>
  <si>
    <t>GGPS CHAK NO 223 RB CHUNGI 15</t>
  </si>
  <si>
    <t>murad colony st# 1 samundri road fsd</t>
  </si>
  <si>
    <t>chungi NO 15 fsd</t>
  </si>
  <si>
    <t>SIndhu town</t>
  </si>
  <si>
    <t>fozia kabeer</t>
  </si>
  <si>
    <t>43512</t>
  </si>
  <si>
    <t>25931</t>
  </si>
  <si>
    <t>6713</t>
  </si>
  <si>
    <t>GGPS CHAK NO.46/NP</t>
  </si>
  <si>
    <t>46 Np</t>
  </si>
  <si>
    <t>chak 46Np</t>
  </si>
  <si>
    <t>46Np</t>
  </si>
  <si>
    <t>Farzana Firdous</t>
  </si>
  <si>
    <t>electric filter</t>
  </si>
  <si>
    <t>GES CHAK 457 GB I TANDLIANWALA</t>
  </si>
  <si>
    <t>GARH</t>
  </si>
  <si>
    <t>Govt ES 457 GB</t>
  </si>
  <si>
    <t>Chak NO 457 GB</t>
  </si>
  <si>
    <t>Siraj  Din</t>
  </si>
  <si>
    <t>3012</t>
  </si>
  <si>
    <t>26809</t>
  </si>
  <si>
    <t>36121</t>
  </si>
  <si>
    <t>GGES JHANG</t>
  </si>
  <si>
    <t>LESSAR KALAN - FEMALE</t>
  </si>
  <si>
    <t>vill. jhang  p/o. mukhwal teh. zafarwal dist Narowal</t>
  </si>
  <si>
    <t>Nagwal</t>
  </si>
  <si>
    <t>nazia shabbir</t>
  </si>
  <si>
    <t>32425</t>
  </si>
  <si>
    <t>GGPS MC PIR BAHAR SHAH</t>
  </si>
  <si>
    <t>SHEIKHUPURA-V - FEMALE</t>
  </si>
  <si>
    <t>pir bahar shah skp</t>
  </si>
  <si>
    <t>Pir Bahar Shah</t>
  </si>
  <si>
    <t>Shahida Alam Bhatti</t>
  </si>
  <si>
    <t>GGPS CHAK 139 GB II HASHMAT PURA SAMUNDRI</t>
  </si>
  <si>
    <t>Hashmatpura</t>
  </si>
  <si>
    <t>139hashmat pura</t>
  </si>
  <si>
    <t>139hashmat Pura</t>
  </si>
  <si>
    <t>Aiysha Noreen</t>
  </si>
  <si>
    <t>water pump hand pum</t>
  </si>
  <si>
    <t>32135</t>
  </si>
  <si>
    <t>6725</t>
  </si>
  <si>
    <t>GGPS KEKAR WALI</t>
  </si>
  <si>
    <t>Basti kekar wali, Moza Rajanpur, Tehseel Rahim Yar Khan</t>
  </si>
  <si>
    <t>Basti Kekar Wali</t>
  </si>
  <si>
    <t>Asifa Aslam</t>
  </si>
  <si>
    <t>7955</t>
  </si>
  <si>
    <t>33287</t>
  </si>
  <si>
    <t>GPS CHAK JAID 16 JAID</t>
  </si>
  <si>
    <t>Jaid  Chak</t>
  </si>
  <si>
    <t>jaid chak 16 safdarabad sheikhupura</t>
  </si>
  <si>
    <t>GGPS BASTI KHARL</t>
  </si>
  <si>
    <t>Pir Abdul Malik</t>
  </si>
  <si>
    <t>basti sardar kharl</t>
  </si>
  <si>
    <t>Basti Kharl</t>
  </si>
  <si>
    <t>Aliza Arshad</t>
  </si>
  <si>
    <t>15605</t>
  </si>
  <si>
    <t>GGPS CHAK 477 GB EAST MAMUNKANJAN</t>
  </si>
  <si>
    <t>Kot  Umrah</t>
  </si>
  <si>
    <t>chak no 477gb</t>
  </si>
  <si>
    <t>Chak No 477 GB East</t>
  </si>
  <si>
    <t>Chak No 475 GB</t>
  </si>
  <si>
    <t>5039</t>
  </si>
  <si>
    <t>46949</t>
  </si>
  <si>
    <t>12616</t>
  </si>
  <si>
    <t>GPS KHULANG SHUMALI</t>
  </si>
  <si>
    <t>AHMAD MOHANA- MALE</t>
  </si>
  <si>
    <t>Khulang Shumali</t>
  </si>
  <si>
    <t>basti zahid wali Moza khulang Shumali post office Shareef chajra</t>
  </si>
  <si>
    <t>Khalung shumali</t>
  </si>
  <si>
    <t>Ahmad Mohana</t>
  </si>
  <si>
    <t>37112</t>
  </si>
  <si>
    <t>GGHS 42/10-R, KHANEWAL</t>
  </si>
  <si>
    <t>42/10R</t>
  </si>
  <si>
    <t>CHAK NO 42/10R KHANEWAL</t>
  </si>
  <si>
    <t>Chak 42/10-R</t>
  </si>
  <si>
    <t>41/10-R</t>
  </si>
  <si>
    <t>Rabia Khan</t>
  </si>
  <si>
    <t>10689</t>
  </si>
  <si>
    <t>31950</t>
  </si>
  <si>
    <t>gges noorpur virkan</t>
  </si>
  <si>
    <t>Noor Pur Virkan</t>
  </si>
  <si>
    <t>Mud Wala Kalan</t>
  </si>
  <si>
    <t>Shafqat Bano</t>
  </si>
  <si>
    <t>11155</t>
  </si>
  <si>
    <t>32275</t>
  </si>
  <si>
    <t>GGPS DERA NARIAN WALA</t>
  </si>
  <si>
    <t>dhilam</t>
  </si>
  <si>
    <t>GGPS dera narianwala</t>
  </si>
  <si>
    <t>dera narianwala</t>
  </si>
  <si>
    <t>TAHIRA KOSAR FATIMA</t>
  </si>
  <si>
    <t>44619</t>
  </si>
  <si>
    <t>31982</t>
  </si>
  <si>
    <t>GGES PACCA DARA</t>
  </si>
  <si>
    <t>Pacca Dera</t>
  </si>
  <si>
    <t>village pacca dera</t>
  </si>
  <si>
    <t>Kot Ranjeet</t>
  </si>
  <si>
    <t>17011</t>
  </si>
  <si>
    <t>15235</t>
  </si>
  <si>
    <t>GGPS CHAK 266 RB II WATER SUPPLY KHURRIANWALA</t>
  </si>
  <si>
    <t>jhumra road near water supply tanky khurrianwala</t>
  </si>
  <si>
    <t>4193</t>
  </si>
  <si>
    <t>39069</t>
  </si>
  <si>
    <t>32429</t>
  </si>
  <si>
    <t>GGPS MC SHARIF PURA</t>
  </si>
  <si>
    <t>Sharif puras</t>
  </si>
  <si>
    <t>Fish  Form</t>
  </si>
  <si>
    <t>GGES CHAK NO 99 RB</t>
  </si>
  <si>
    <t>Pacca Jandiala</t>
  </si>
  <si>
    <t>99RB</t>
  </si>
  <si>
    <t>Hafiza Samina Kausar</t>
  </si>
  <si>
    <t>23294</t>
  </si>
  <si>
    <t>50178</t>
  </si>
  <si>
    <t>GGES GOPI RAI</t>
  </si>
  <si>
    <t>Gopi Rai</t>
  </si>
  <si>
    <t>Village Gopi Rai, P.O.Thabal,Tehsil &amp; District Sheikhupura</t>
  </si>
  <si>
    <t>Alia Afzal</t>
  </si>
  <si>
    <t>14420</t>
  </si>
  <si>
    <t>41637</t>
  </si>
  <si>
    <t>42813</t>
  </si>
  <si>
    <t>20718</t>
  </si>
  <si>
    <t>GGES LADHAY WALA GORAYA</t>
  </si>
  <si>
    <t>Ladhy Wala Goraya</t>
  </si>
  <si>
    <t>Ghazala Tariq</t>
  </si>
  <si>
    <t>26841</t>
  </si>
  <si>
    <t>GGPS KARYAL</t>
  </si>
  <si>
    <t>ggps karyal post office lessar kalan</t>
  </si>
  <si>
    <t>26118</t>
  </si>
  <si>
    <t>GPS JAWAHAR PUR</t>
  </si>
  <si>
    <t>Jawhar pur po dudhu chak Skg.</t>
  </si>
  <si>
    <t>Basharat Ali Zia</t>
  </si>
  <si>
    <t>20783</t>
  </si>
  <si>
    <t>45783</t>
  </si>
  <si>
    <t>32432</t>
  </si>
  <si>
    <t>GPS MC MOHALLAH SHARIF PURA</t>
  </si>
  <si>
    <t>Nashtar Road Street MC School Sharof Pura SKP</t>
  </si>
  <si>
    <t>Munawar Ali</t>
  </si>
  <si>
    <t>Filter Water</t>
  </si>
  <si>
    <t>26839</t>
  </si>
  <si>
    <t>GGPS LESSAR KALAN</t>
  </si>
  <si>
    <t>lessar kalan,tehsil zafarwal,dist narowal</t>
  </si>
  <si>
    <t>Rifat Rani</t>
  </si>
  <si>
    <t>15619</t>
  </si>
  <si>
    <t>GGPS CHAK NO 476 GB</t>
  </si>
  <si>
    <t>476 bazurgwal</t>
  </si>
  <si>
    <t>Chak no 476 gb</t>
  </si>
  <si>
    <t>Chak No 476</t>
  </si>
  <si>
    <t>Chak No 475gb</t>
  </si>
  <si>
    <t>Iqbal Bano</t>
  </si>
  <si>
    <t>44214</t>
  </si>
  <si>
    <t>26867</t>
  </si>
  <si>
    <t>GGPS BADALA GUJRAN</t>
  </si>
  <si>
    <t>Badala Gujran</t>
  </si>
  <si>
    <t>badala gujran tehsil zafarwal,dist narowal</t>
  </si>
  <si>
    <t>Muhammad Baqar Anjum</t>
  </si>
  <si>
    <t>2171</t>
  </si>
  <si>
    <t>GGPS SARGALA</t>
  </si>
  <si>
    <t>Sargala</t>
  </si>
  <si>
    <t>GGPS sargala</t>
  </si>
  <si>
    <t>Muhammad Aslam Rashid</t>
  </si>
  <si>
    <t>7313</t>
  </si>
  <si>
    <t>GGES 119/P</t>
  </si>
  <si>
    <t>PANDIT DARI-FEMALE</t>
  </si>
  <si>
    <t>Lunda</t>
  </si>
  <si>
    <t>Chak no 119/p</t>
  </si>
  <si>
    <t>Chak No119p</t>
  </si>
  <si>
    <t>Chak No 148p</t>
  </si>
  <si>
    <t>SHAKEELA SHAFI</t>
  </si>
  <si>
    <t>41266</t>
  </si>
  <si>
    <t>41205</t>
  </si>
  <si>
    <t>30405</t>
  </si>
  <si>
    <t>41300</t>
  </si>
  <si>
    <t>26810</t>
  </si>
  <si>
    <t>GGES BHAIR KALAN</t>
  </si>
  <si>
    <t>Bhair Kalan</t>
  </si>
  <si>
    <t>gges  bhair Kalan</t>
  </si>
  <si>
    <t>Delhra</t>
  </si>
  <si>
    <t>65287</t>
  </si>
  <si>
    <t>7399</t>
  </si>
  <si>
    <t>GGES CHAK NO. 205/P</t>
  </si>
  <si>
    <t>205/</t>
  </si>
  <si>
    <t>p.o. 216/p chak205/p sdk ryk</t>
  </si>
  <si>
    <t>205/p</t>
  </si>
  <si>
    <t>264/</t>
  </si>
  <si>
    <t>Abida Yousaf</t>
  </si>
  <si>
    <t>3389</t>
  </si>
  <si>
    <t>GMPS JAM MANZOOR</t>
  </si>
  <si>
    <t>MUHAMMAD ALI ARAIN</t>
  </si>
  <si>
    <t>BAIG MAHER</t>
  </si>
  <si>
    <t>Shabiran Bibi</t>
  </si>
  <si>
    <t>44517</t>
  </si>
  <si>
    <t>GMPS BHAKKAR NO. 1</t>
  </si>
  <si>
    <t>mohllah qutab shah bano bazar bhakkar</t>
  </si>
  <si>
    <t>Nighat Safia</t>
  </si>
  <si>
    <t>46972</t>
  </si>
  <si>
    <t>10180</t>
  </si>
  <si>
    <t>GPS BHATTA</t>
  </si>
  <si>
    <t>Basti bahtta</t>
  </si>
  <si>
    <t>Hafiz Mohammed Azam Raza</t>
  </si>
  <si>
    <t>15607</t>
  </si>
  <si>
    <t>GGES CHAK 473 GB BEJA</t>
  </si>
  <si>
    <t>473gbBeeja</t>
  </si>
  <si>
    <t>chak no 473gb beeja teh samundri.</t>
  </si>
  <si>
    <t>Chak 473gb Beeja</t>
  </si>
  <si>
    <t>FAIZA YOUSAF</t>
  </si>
  <si>
    <t>3991</t>
  </si>
  <si>
    <t>45313</t>
  </si>
  <si>
    <t>50687</t>
  </si>
  <si>
    <t>GHS 111/9-L</t>
  </si>
  <si>
    <t>111/9L</t>
  </si>
  <si>
    <t>Chak no.111/9-L</t>
  </si>
  <si>
    <t>Chak No 111/9l</t>
  </si>
  <si>
    <t>Chak No 78/5-L</t>
  </si>
  <si>
    <t>68880</t>
  </si>
  <si>
    <t>15105</t>
  </si>
  <si>
    <t>GGPS GILLANI MOHALLAH JARANWLA</t>
  </si>
  <si>
    <t>Gillani Muhallah Jaranwala</t>
  </si>
  <si>
    <t>Shahnaz Shabbir</t>
  </si>
  <si>
    <t>25447</t>
  </si>
  <si>
    <t>GPS WAROOD CHAH SARDAR ALI</t>
  </si>
  <si>
    <t>Means Wala</t>
  </si>
  <si>
    <t>mouza meana wala. basti Chah SARWAR Ali.</t>
  </si>
  <si>
    <t>ChahSardar Ali</t>
  </si>
  <si>
    <t>M  Pur Sansaran</t>
  </si>
  <si>
    <t>Muhammad Mansha Tahir</t>
  </si>
  <si>
    <t>4483</t>
  </si>
  <si>
    <t>22422</t>
  </si>
  <si>
    <t>GPS NAGIRAN WALA</t>
  </si>
  <si>
    <t>KUNJAH-IV-MALE</t>
  </si>
  <si>
    <t>Nagrianwala</t>
  </si>
  <si>
    <t>Nazish Ambreen</t>
  </si>
  <si>
    <t>41100</t>
  </si>
  <si>
    <t>45821</t>
  </si>
  <si>
    <t>43090</t>
  </si>
  <si>
    <t>GGHS CHAK NO 41 WB</t>
  </si>
  <si>
    <t>Chak#41/wb Danewal Town Vehari</t>
  </si>
  <si>
    <t>Chak#41/wb</t>
  </si>
  <si>
    <t>samia kouser</t>
  </si>
  <si>
    <t>38756</t>
  </si>
  <si>
    <t>GHS BASTI ISLAM PUR</t>
  </si>
  <si>
    <t>basti islampur tehsil dunyapur district lodhran</t>
  </si>
  <si>
    <t>Housing Scheme Dunyapur</t>
  </si>
  <si>
    <t>54563</t>
  </si>
  <si>
    <t>24505</t>
  </si>
  <si>
    <t>GGES KHAPRALA</t>
  </si>
  <si>
    <t>khaprala</t>
  </si>
  <si>
    <t>village khaprala tehsil pasrur disst sialkot</t>
  </si>
  <si>
    <t>Nabeela Gul</t>
  </si>
  <si>
    <t>26645</t>
  </si>
  <si>
    <t>7223</t>
  </si>
  <si>
    <t>36789</t>
  </si>
  <si>
    <t>GPS CHAPRAN WALA, P/O SARDAR PUR, NAWAN SHEHR</t>
  </si>
  <si>
    <t>Chapranwala</t>
  </si>
  <si>
    <t>Tehsil Kabirwala district khanewal</t>
  </si>
  <si>
    <t>Muhammad zafar</t>
  </si>
  <si>
    <t>GGES MC WUKLA COLONY</t>
  </si>
  <si>
    <t>wukla Colony bwn .</t>
  </si>
  <si>
    <t>BahawalNagar</t>
  </si>
  <si>
    <t>Amir Cot</t>
  </si>
  <si>
    <t>Shazia Yousuf</t>
  </si>
  <si>
    <t>35820</t>
  </si>
  <si>
    <t>13859</t>
  </si>
  <si>
    <t>GGHS KOTLA NASEER</t>
  </si>
  <si>
    <t>KOTLA NASEER</t>
  </si>
  <si>
    <t>Sajida Ghani</t>
  </si>
  <si>
    <t>30508</t>
  </si>
  <si>
    <t>11845</t>
  </si>
  <si>
    <t>GGPS BASTI KHANDOYA</t>
  </si>
  <si>
    <t>Basti khandoya Mehmood kot</t>
  </si>
  <si>
    <t>Basti Khandoya</t>
  </si>
  <si>
    <t>Shazia Akber</t>
  </si>
  <si>
    <t>8219</t>
  </si>
  <si>
    <t>15862</t>
  </si>
  <si>
    <t>GPS CHAK 62 JB</t>
  </si>
  <si>
    <t>62jb</t>
  </si>
  <si>
    <t>chat # 62 jb  chananki Faisalabad</t>
  </si>
  <si>
    <t>62 jb chananki</t>
  </si>
  <si>
    <t>19585</t>
  </si>
  <si>
    <t>19338</t>
  </si>
  <si>
    <t>41014</t>
  </si>
  <si>
    <t>GGPS CHAK ABDUL KHALIQ</t>
  </si>
  <si>
    <t>Chak Abdul Khaliq</t>
  </si>
  <si>
    <t>village and p. o chak Abdul khaliq teh Dina district Jhelum</t>
  </si>
  <si>
    <t>Aqeela Parveen</t>
  </si>
  <si>
    <t>4069</t>
  </si>
  <si>
    <t>35591</t>
  </si>
  <si>
    <t>GGES 54/12-L</t>
  </si>
  <si>
    <t>54/12L</t>
  </si>
  <si>
    <t>54/12.L</t>
  </si>
  <si>
    <t>54/12 L</t>
  </si>
  <si>
    <t>AYESHA RAUF</t>
  </si>
  <si>
    <t>25159</t>
  </si>
  <si>
    <t>GGPS DAIRY FORM</t>
  </si>
  <si>
    <t>CANTT. - FEMALE</t>
  </si>
  <si>
    <t>Dairy  Farm</t>
  </si>
  <si>
    <t>miltary dairy farm</t>
  </si>
  <si>
    <t>Dairy   Farm</t>
  </si>
  <si>
    <t>Barth</t>
  </si>
  <si>
    <t>Yasmeen Siddique</t>
  </si>
  <si>
    <t>35072</t>
  </si>
  <si>
    <t>40574</t>
  </si>
  <si>
    <t>GES PANCHORE</t>
  </si>
  <si>
    <t>Panchore</t>
  </si>
  <si>
    <t>village panchore,p/o Panchore,tehsil Sohawa,district jhelum</t>
  </si>
  <si>
    <t>Khurram Shahzad</t>
  </si>
  <si>
    <t>2789</t>
  </si>
  <si>
    <t>14439</t>
  </si>
  <si>
    <t>41282</t>
  </si>
  <si>
    <t>GGHS CHITRA DOONGA</t>
  </si>
  <si>
    <t>Chitradoonga</t>
  </si>
  <si>
    <t>GGHS Chitradoonga</t>
  </si>
  <si>
    <t>Darya gali</t>
  </si>
  <si>
    <t>Naseemakhter</t>
  </si>
  <si>
    <t>19330</t>
  </si>
  <si>
    <t>GGES CHAK 271 GB</t>
  </si>
  <si>
    <t>271GB</t>
  </si>
  <si>
    <t>chak #271 g.b t .t. singh</t>
  </si>
  <si>
    <t>271 G b</t>
  </si>
  <si>
    <t>269 G b</t>
  </si>
  <si>
    <t>Hina Iqbal</t>
  </si>
  <si>
    <t>30840</t>
  </si>
  <si>
    <t>GGHS THEH PANJU KAHNA LAHORE CANTT</t>
  </si>
  <si>
    <t>they panju</t>
  </si>
  <si>
    <t>panju</t>
  </si>
  <si>
    <t>mrs khursheed jabbar khan</t>
  </si>
  <si>
    <t>7948</t>
  </si>
  <si>
    <t>53691</t>
  </si>
  <si>
    <t>GES CHAK NO 7/1.L</t>
  </si>
  <si>
    <t>7-1L</t>
  </si>
  <si>
    <t>chak no 7 1L</t>
  </si>
  <si>
    <t>10-1L</t>
  </si>
  <si>
    <t>Munawar Ali Tabassum</t>
  </si>
  <si>
    <t>GGPS WARD NO.2 THATHA ASIYA</t>
  </si>
  <si>
    <t>ward no 2 thattha asia</t>
  </si>
  <si>
    <t>Thatta Asian</t>
  </si>
  <si>
    <t>Shahida Malik</t>
  </si>
  <si>
    <t>23938</t>
  </si>
  <si>
    <t>35736</t>
  </si>
  <si>
    <t>GPS CHAK NO.186/WB</t>
  </si>
  <si>
    <t>186w/b</t>
  </si>
  <si>
    <t>Chak no.186w/b</t>
  </si>
  <si>
    <t>Chak No 188wb</t>
  </si>
  <si>
    <t>Zawar Hussain</t>
  </si>
  <si>
    <t>12961</t>
  </si>
  <si>
    <t>35041</t>
  </si>
  <si>
    <t>22080</t>
  </si>
  <si>
    <t>6504</t>
  </si>
  <si>
    <t>GGPS CHAK NO. 105/P</t>
  </si>
  <si>
    <t>105/P</t>
  </si>
  <si>
    <t>GGPS 105/p</t>
  </si>
  <si>
    <t>Samina Majeed</t>
  </si>
  <si>
    <t>49720</t>
  </si>
  <si>
    <t>25633</t>
  </si>
  <si>
    <t>GHS RANSINWAL</t>
  </si>
  <si>
    <t>Ransinwal</t>
  </si>
  <si>
    <t>ghs Ransinwal narowal</t>
  </si>
  <si>
    <t>ransinwal</t>
  </si>
  <si>
    <t>24767</t>
  </si>
  <si>
    <t>39477</t>
  </si>
  <si>
    <t>GHS TARAP</t>
  </si>
  <si>
    <t>TARAP</t>
  </si>
  <si>
    <t>VPO TARAP JAND</t>
  </si>
  <si>
    <t>MALIK AMIR MUHAMMAD</t>
  </si>
  <si>
    <t>21789</t>
  </si>
  <si>
    <t>50811</t>
  </si>
  <si>
    <t>GGES 53/GD</t>
  </si>
  <si>
    <t>53/GD</t>
  </si>
  <si>
    <t>53/Gd</t>
  </si>
  <si>
    <t>50/GD</t>
  </si>
  <si>
    <t>Afzal Bibi</t>
  </si>
  <si>
    <t>36250</t>
  </si>
  <si>
    <t>41042</t>
  </si>
  <si>
    <t>GGPS TEEN PURA ZAREEN</t>
  </si>
  <si>
    <t>Teenpura</t>
  </si>
  <si>
    <t>Village Teen Pura, Tehsil Dina ,post office Dina, district jhelum</t>
  </si>
  <si>
    <t>sohan</t>
  </si>
  <si>
    <t>Zeba Sadaf</t>
  </si>
  <si>
    <t>18973</t>
  </si>
  <si>
    <t>6947</t>
  </si>
  <si>
    <t>GES CHAK NO 195/P SADIQABAD</t>
  </si>
  <si>
    <t>peer wahi buhkash</t>
  </si>
  <si>
    <t>chak no 195/p sdk</t>
  </si>
  <si>
    <t>chak no 195/p</t>
  </si>
  <si>
    <t>chak no 173/p</t>
  </si>
  <si>
    <t>Zeshan Ali</t>
  </si>
  <si>
    <t>47631</t>
  </si>
  <si>
    <t>40584</t>
  </si>
  <si>
    <t>GGHS NATHOT</t>
  </si>
  <si>
    <t>Nathot</t>
  </si>
  <si>
    <t>post office Dial  Nathot</t>
  </si>
  <si>
    <t>Rahila Tanveer</t>
  </si>
  <si>
    <t>45312</t>
  </si>
  <si>
    <t>11726</t>
  </si>
  <si>
    <t>37511</t>
  </si>
  <si>
    <t>15110</t>
  </si>
  <si>
    <t>GGPS MC NO. 5 JARANWALA</t>
  </si>
  <si>
    <t>mohla eid gha jaranwala</t>
  </si>
  <si>
    <t>27220</t>
  </si>
  <si>
    <t>12639</t>
  </si>
  <si>
    <t>50755</t>
  </si>
  <si>
    <t>31414</t>
  </si>
  <si>
    <t>GPS RAT GARH</t>
  </si>
  <si>
    <t>Ratgarh</t>
  </si>
  <si>
    <t>post/office Bagjbanpura Lahore ratgarh</t>
  </si>
  <si>
    <t>Shafaqat Ali Sajid</t>
  </si>
  <si>
    <t>20908</t>
  </si>
  <si>
    <t>44599</t>
  </si>
  <si>
    <t>GGPS CHAH GHULAM QADAR WALA</t>
  </si>
  <si>
    <t>shahani</t>
  </si>
  <si>
    <t>basti qadir shah wali</t>
  </si>
  <si>
    <t>chah ghulam qadir shah wala</t>
  </si>
  <si>
    <t>Shakeela naz</t>
  </si>
  <si>
    <t>3113</t>
  </si>
  <si>
    <t>45384</t>
  </si>
  <si>
    <t>38665</t>
  </si>
  <si>
    <t>GGPS BHANA</t>
  </si>
  <si>
    <t>Bhana</t>
  </si>
  <si>
    <t>GPS bhana</t>
  </si>
  <si>
    <t>Maqbool Wah</t>
  </si>
  <si>
    <t>8667</t>
  </si>
  <si>
    <t>GGPS CHABRI BALA NO. 2</t>
  </si>
  <si>
    <t>Chabri</t>
  </si>
  <si>
    <t>district dgk,near post office chabri bala</t>
  </si>
  <si>
    <t>Saira Nasir</t>
  </si>
  <si>
    <t>23704</t>
  </si>
  <si>
    <t>GPS DASKA NO.3</t>
  </si>
  <si>
    <t>DASKA -    MALE</t>
  </si>
  <si>
    <t>Mohalla haqpura Daska.</t>
  </si>
  <si>
    <t>Haqpura</t>
  </si>
  <si>
    <t>Qaiser Mehmood</t>
  </si>
  <si>
    <t>4127</t>
  </si>
  <si>
    <t>28100</t>
  </si>
  <si>
    <t>28713</t>
  </si>
  <si>
    <t>41010</t>
  </si>
  <si>
    <t>GGPS DHOK KHOKHAR</t>
  </si>
  <si>
    <t>Dhok Khokhar</t>
  </si>
  <si>
    <t>village dhok khokhar near to by pass road</t>
  </si>
  <si>
    <t>Humaira Nasreen</t>
  </si>
  <si>
    <t>GGES CHHAPANWALI</t>
  </si>
  <si>
    <t>chappanwali</t>
  </si>
  <si>
    <t>chappanwali tehsil safdarabad distric sheikhupura</t>
  </si>
  <si>
    <t>cheena virkan</t>
  </si>
  <si>
    <t>Asima Zaman</t>
  </si>
  <si>
    <t>35344</t>
  </si>
  <si>
    <t>33681</t>
  </si>
  <si>
    <t>36065</t>
  </si>
  <si>
    <t>45917</t>
  </si>
  <si>
    <t>32443</t>
  </si>
  <si>
    <t>GGPS KOTLA PANJU BAIG</t>
  </si>
  <si>
    <t>Kotla Panju Baig</t>
  </si>
  <si>
    <t>Butter</t>
  </si>
  <si>
    <t>Maria Ashraf</t>
  </si>
  <si>
    <t>48161</t>
  </si>
  <si>
    <t>44594</t>
  </si>
  <si>
    <t>GHS CHAK NO 216 JB</t>
  </si>
  <si>
    <t>CHAK NO. 216/JB</t>
  </si>
  <si>
    <t>CHAK NO. 216/JB P/O CHAK NO. 214/JB JHANG</t>
  </si>
  <si>
    <t>SEMA WALI JHOK</t>
  </si>
  <si>
    <t>CHAK NO. 215</t>
  </si>
  <si>
    <t>MUHAMMAD SIDDIQUE ATEEQ</t>
  </si>
  <si>
    <t>24887</t>
  </si>
  <si>
    <t>GGPS GHURAH AHMAD</t>
  </si>
  <si>
    <t>gurah Ahmed</t>
  </si>
  <si>
    <t>village  gurah  Ahmed  teh  dina   jhelum</t>
  </si>
  <si>
    <t>gurrah Ahmed</t>
  </si>
  <si>
    <t>jangeel</t>
  </si>
  <si>
    <t>Salma Sarwar</t>
  </si>
  <si>
    <t>2525</t>
  </si>
  <si>
    <t>51339</t>
  </si>
  <si>
    <t>GGPS CHAK 293 RB II</t>
  </si>
  <si>
    <t>293 RB</t>
  </si>
  <si>
    <t>Chak No 293 RB Odan Chak Teh Chak Jhumra</t>
  </si>
  <si>
    <t>Odan Chak</t>
  </si>
  <si>
    <t>155 RB Panwan</t>
  </si>
  <si>
    <t>49996</t>
  </si>
  <si>
    <t>35120</t>
  </si>
  <si>
    <t>GGES 124 EB</t>
  </si>
  <si>
    <t>124eb</t>
  </si>
  <si>
    <t>Gulnaz Rukhsana</t>
  </si>
  <si>
    <t>30642</t>
  </si>
  <si>
    <t>50139</t>
  </si>
  <si>
    <t>GHS 66/12-L</t>
  </si>
  <si>
    <t>chak 66/12-l</t>
  </si>
  <si>
    <t>ghs 66/12-L tehsil chicha watni distt. sahiwal</t>
  </si>
  <si>
    <t>66/12-l</t>
  </si>
  <si>
    <t>chak 62/12-l</t>
  </si>
  <si>
    <t>MOHSIN YOUSAF ANJUM</t>
  </si>
  <si>
    <t>19232</t>
  </si>
  <si>
    <t>GHS CHAK 394 JB JAJA</t>
  </si>
  <si>
    <t>Jaja</t>
  </si>
  <si>
    <t>Chak No.394 JB T.T.S</t>
  </si>
  <si>
    <t>Chak No 394 JB</t>
  </si>
  <si>
    <t>393 JB</t>
  </si>
  <si>
    <t>12004</t>
  </si>
  <si>
    <t>38583</t>
  </si>
  <si>
    <t>GGPS 275 77 WB</t>
  </si>
  <si>
    <t>Jandhirwah</t>
  </si>
  <si>
    <t>chakno27577wb</t>
  </si>
  <si>
    <t>27577wb</t>
  </si>
  <si>
    <t>RAZIA PARVEEN</t>
  </si>
  <si>
    <t>8313</t>
  </si>
  <si>
    <t>GGPS CHAH DAR WALA</t>
  </si>
  <si>
    <t>Johok Yar Shah</t>
  </si>
  <si>
    <t>chah dar wala basti haytani</t>
  </si>
  <si>
    <t>Chah Dar Wala Basti Haytani</t>
  </si>
  <si>
    <t>44888</t>
  </si>
  <si>
    <t>GGES ASRRAN WALA</t>
  </si>
  <si>
    <t>asranwala</t>
  </si>
  <si>
    <t>Asranwala</t>
  </si>
  <si>
    <t>Dagarnoon</t>
  </si>
  <si>
    <t>Amat Ur Raheem</t>
  </si>
  <si>
    <t>12274</t>
  </si>
  <si>
    <t>GGES Farooqabad markaz qasbagujrat</t>
  </si>
  <si>
    <t>30135</t>
  </si>
  <si>
    <t>44589</t>
  </si>
  <si>
    <t>GGES NEWANI</t>
  </si>
  <si>
    <t>Jhammat</t>
  </si>
  <si>
    <t>GGES Niwani</t>
  </si>
  <si>
    <t>Niwani</t>
  </si>
  <si>
    <t>Budhani</t>
  </si>
  <si>
    <t>Sehrish Sohail</t>
  </si>
  <si>
    <t>2689</t>
  </si>
  <si>
    <t>GGES CHAK NO.33/BC-A</t>
  </si>
  <si>
    <t>33bcA</t>
  </si>
  <si>
    <t>13518</t>
  </si>
  <si>
    <t>30191</t>
  </si>
  <si>
    <t>GGHS ISLAMIA LAHORE CANTT</t>
  </si>
  <si>
    <t>Govt Islamia Girls High School Dahka Road Lahore cantt</t>
  </si>
  <si>
    <t>Safia Naureen</t>
  </si>
  <si>
    <t>50119</t>
  </si>
  <si>
    <t>22116</t>
  </si>
  <si>
    <t>FATEHPUR</t>
  </si>
  <si>
    <t>FATEHPUR, TEHSIL AND DISTRICT GUJRAT</t>
  </si>
  <si>
    <t>GHULAM RABBANI</t>
  </si>
  <si>
    <t>15056</t>
  </si>
  <si>
    <t>GGPS CHAK 121 GB JARANWALA</t>
  </si>
  <si>
    <t>121GB</t>
  </si>
  <si>
    <t>121g.b</t>
  </si>
  <si>
    <t>122GB</t>
  </si>
  <si>
    <t>Shamim Bashir</t>
  </si>
  <si>
    <t>41837</t>
  </si>
  <si>
    <t>13511</t>
  </si>
  <si>
    <t>38852</t>
  </si>
  <si>
    <t>GMPS MOHALLAH SHAH ABAD</t>
  </si>
  <si>
    <t>Shahabad</t>
  </si>
  <si>
    <t>Mohalla Shahabad</t>
  </si>
  <si>
    <t>Amber Khalil</t>
  </si>
  <si>
    <t>8321</t>
  </si>
  <si>
    <t>GGES CHAH MASOO KHAN</t>
  </si>
  <si>
    <t>Kothabbit</t>
  </si>
  <si>
    <t>kot Habbit road near Ismail petrol pump</t>
  </si>
  <si>
    <t>Chack Sind Shumali</t>
  </si>
  <si>
    <t>Churrata</t>
  </si>
  <si>
    <t>Arifa Baloch</t>
  </si>
  <si>
    <t>26711</t>
  </si>
  <si>
    <t>51232</t>
  </si>
  <si>
    <t>GGCMS MOUZA BASHERA</t>
  </si>
  <si>
    <t>Bashera</t>
  </si>
  <si>
    <t>GGCMSMouza Bashera Sahiwal</t>
  </si>
  <si>
    <t>Mouza Bashera Swl</t>
  </si>
  <si>
    <t>58/GD</t>
  </si>
  <si>
    <t>Nazira Karim</t>
  </si>
  <si>
    <t>27650</t>
  </si>
  <si>
    <t>38478</t>
  </si>
  <si>
    <t>GMES CHAK SARDAR</t>
  </si>
  <si>
    <t>MAKHDOOMAALI - FEMALE</t>
  </si>
  <si>
    <t>Desi</t>
  </si>
  <si>
    <t>post office 384W/B chak sardar dunyapur district lodhran</t>
  </si>
  <si>
    <t>Chak Sarar Khan</t>
  </si>
  <si>
    <t>384W/B</t>
  </si>
  <si>
    <t>Aqsa Yaseen</t>
  </si>
  <si>
    <t>54594</t>
  </si>
  <si>
    <t>GMPS AHATA ALI SHER</t>
  </si>
  <si>
    <t>ALI SHER</t>
  </si>
  <si>
    <t>BASTI AHATA ALI SHER</t>
  </si>
  <si>
    <t>BASTI ALI SHER</t>
  </si>
  <si>
    <t>CHAK SADIQ NAGAR</t>
  </si>
  <si>
    <t>UZMA SHAD</t>
  </si>
  <si>
    <t>10664</t>
  </si>
  <si>
    <t>51230</t>
  </si>
  <si>
    <t>GGPS 62/GD</t>
  </si>
  <si>
    <t>62 Gd</t>
  </si>
  <si>
    <t>62 gd</t>
  </si>
  <si>
    <t>59 Gd</t>
  </si>
  <si>
    <t>GGHSS KIRARRI KOT</t>
  </si>
  <si>
    <t>kARARI kOT</t>
  </si>
  <si>
    <t>Karari Kot p/o same</t>
  </si>
  <si>
    <t>Mrs Naghma Parveen</t>
  </si>
  <si>
    <t>19691</t>
  </si>
  <si>
    <t>38680</t>
  </si>
  <si>
    <t>GGPS 291 WB</t>
  </si>
  <si>
    <t>291/wb</t>
  </si>
  <si>
    <t>chak no  291 /wb</t>
  </si>
  <si>
    <t>Chak No 291 /wb</t>
  </si>
  <si>
    <t>Jhandirwah</t>
  </si>
  <si>
    <t>RASHIDA PERVEEN</t>
  </si>
  <si>
    <t>38657</t>
  </si>
  <si>
    <t>GGPS NOOR GARH MOUZA</t>
  </si>
  <si>
    <t>Noor garh</t>
  </si>
  <si>
    <t>noor garh tehsil Dunya pur district lodhran</t>
  </si>
  <si>
    <t>Naseem Kousar</t>
  </si>
  <si>
    <t>38685</t>
  </si>
  <si>
    <t>GGPS CHAK 295/WB NEAR ADA ZAKHEERA</t>
  </si>
  <si>
    <t>Maqbol Wah</t>
  </si>
  <si>
    <t>chak 295 tehsil dunyapur district lodharan</t>
  </si>
  <si>
    <t>Rashida Alyas</t>
  </si>
  <si>
    <t>GGES CHAK NO 95 GB</t>
  </si>
  <si>
    <t>chak no 95 g.b tehseel jaranwala district fsd</t>
  </si>
  <si>
    <t>95 Gb</t>
  </si>
  <si>
    <t>97 Gb</t>
  </si>
  <si>
    <t>Faiza Niaz</t>
  </si>
  <si>
    <t>42578</t>
  </si>
  <si>
    <t>7233</t>
  </si>
  <si>
    <t>GPS SHAH DIN</t>
  </si>
  <si>
    <t>Bhutta Wahen</t>
  </si>
  <si>
    <t>Basti  Shah Din P/o Bhutta wahan</t>
  </si>
  <si>
    <t>Shah Din</t>
  </si>
  <si>
    <t>Sajid Ali</t>
  </si>
  <si>
    <t>26674</t>
  </si>
  <si>
    <t>GGPS SAHDREY</t>
  </si>
  <si>
    <t>SANKHATRA - FEMALE</t>
  </si>
  <si>
    <t>Sahdray</t>
  </si>
  <si>
    <t>school sahdray p/o dhamthal teh zafarwal district narowal</t>
  </si>
  <si>
    <t>Abdur Rehman</t>
  </si>
  <si>
    <t>7235</t>
  </si>
  <si>
    <t>GPS BASTI RASHID KHAN</t>
  </si>
  <si>
    <t>Sadi sultan</t>
  </si>
  <si>
    <t>Basti Rasheed khan</t>
  </si>
  <si>
    <t>Basti Rasheed Khan</t>
  </si>
  <si>
    <t>Maqbool Ahmed</t>
  </si>
  <si>
    <t>GGCMS KHARA DIWAN</t>
  </si>
  <si>
    <t>Kharadewan</t>
  </si>
  <si>
    <t>Rahila zafar</t>
  </si>
  <si>
    <t>21441</t>
  </si>
  <si>
    <t>32598</t>
  </si>
  <si>
    <t>GGCMES GHAZI PUR</t>
  </si>
  <si>
    <t>Shaista Khanum</t>
  </si>
  <si>
    <t>27047</t>
  </si>
  <si>
    <t>39287</t>
  </si>
  <si>
    <t>GES TANWEEN</t>
  </si>
  <si>
    <t>v.p.o tanween teh pindigheb distt attock</t>
  </si>
  <si>
    <t>Shafiq Ur Rehman</t>
  </si>
  <si>
    <t>GGPS CHAK 552 GB MAMUNKANJAN</t>
  </si>
  <si>
    <t>552 GB</t>
  </si>
  <si>
    <t>552 GB Mamunkanjan</t>
  </si>
  <si>
    <t>2979</t>
  </si>
  <si>
    <t>31450</t>
  </si>
  <si>
    <t>16629</t>
  </si>
  <si>
    <t>GGPS CHAK 402 GB TANDLIAN WALA</t>
  </si>
  <si>
    <t>402 Gb</t>
  </si>
  <si>
    <t>chak No 402 gb tehsil tandlianwala faisalabad</t>
  </si>
  <si>
    <t>400Gb</t>
  </si>
  <si>
    <t>Asma Manzoor</t>
  </si>
  <si>
    <t>36339</t>
  </si>
  <si>
    <t>GGPS 527 EB</t>
  </si>
  <si>
    <t>527/EB</t>
  </si>
  <si>
    <t>CHAK No 527/EB Vehari</t>
  </si>
  <si>
    <t>533/EB</t>
  </si>
  <si>
    <t>GES SHEEN BAGH KALAN</t>
  </si>
  <si>
    <t>Sheen Bagh Kalan</t>
  </si>
  <si>
    <t>sheen bagh kalan</t>
  </si>
  <si>
    <t>Abdul Wasay</t>
  </si>
  <si>
    <t>17439</t>
  </si>
  <si>
    <t>29607</t>
  </si>
  <si>
    <t>GGPS JOOR</t>
  </si>
  <si>
    <t>vpo joor teh/distt chakwal</t>
  </si>
  <si>
    <t>Joor</t>
  </si>
  <si>
    <t>Tanzeela Firdous</t>
  </si>
  <si>
    <t>Tanker facility</t>
  </si>
  <si>
    <t>15278</t>
  </si>
  <si>
    <t>GPS 570 GB I</t>
  </si>
  <si>
    <t>Kalsan Chak</t>
  </si>
  <si>
    <t>570 gb</t>
  </si>
  <si>
    <t>Muhammad Shahbaz Sharif</t>
  </si>
  <si>
    <t>39078</t>
  </si>
  <si>
    <t>39142</t>
  </si>
  <si>
    <t>GGES SUKHWAL</t>
  </si>
  <si>
    <t>vpo sukhwal Teh. fateh jang distt. Attock</t>
  </si>
  <si>
    <t>Fouzia Haidari</t>
  </si>
  <si>
    <t>6525</t>
  </si>
  <si>
    <t>7545</t>
  </si>
  <si>
    <t>45575</t>
  </si>
  <si>
    <t>45430</t>
  </si>
  <si>
    <t>GES MEHR SHAH WALI</t>
  </si>
  <si>
    <t>TRAG SHARIF-MALE</t>
  </si>
  <si>
    <t>Mehrshah Wali</t>
  </si>
  <si>
    <t>po trag mehrshah wali</t>
  </si>
  <si>
    <t>Mehr Shah Wali</t>
  </si>
  <si>
    <t>Trag</t>
  </si>
  <si>
    <t>Ijaz Muhammad</t>
  </si>
  <si>
    <t>GPS CHEEMA KALAIR</t>
  </si>
  <si>
    <t>Cheema Klair</t>
  </si>
  <si>
    <t>Cheema klair p\o shah greeb</t>
  </si>
  <si>
    <t>Cheema klair</t>
  </si>
  <si>
    <t>Ghonna</t>
  </si>
  <si>
    <t>8354</t>
  </si>
  <si>
    <t>GGMPS CHUTTA KHAN</t>
  </si>
  <si>
    <t>Paighan</t>
  </si>
  <si>
    <t>government girls primary school chutta khan</t>
  </si>
  <si>
    <t>Chutta Khan</t>
  </si>
  <si>
    <t>Nasreen akhtar</t>
  </si>
  <si>
    <t>16430</t>
  </si>
  <si>
    <t>GGES CHAK NO 136 RB BAKHRAY WALI</t>
  </si>
  <si>
    <t>136 RB</t>
  </si>
  <si>
    <t>GGE/s 136 rb bakhray wali</t>
  </si>
  <si>
    <t>Bakhray Wali</t>
  </si>
  <si>
    <t>Bakhre Wali</t>
  </si>
  <si>
    <t>18210</t>
  </si>
  <si>
    <t>9934</t>
  </si>
  <si>
    <t>GHS SHAH PUR</t>
  </si>
  <si>
    <t>shah pur</t>
  </si>
  <si>
    <t>GHS CHELA JHANG</t>
  </si>
  <si>
    <t>chela</t>
  </si>
  <si>
    <t>Govt. High School Chela Jhang</t>
  </si>
  <si>
    <t>KHIZAR ABBAS</t>
  </si>
  <si>
    <t>5596</t>
  </si>
  <si>
    <t>committe chowk Allahabad</t>
  </si>
  <si>
    <t>Ameena Khanum</t>
  </si>
  <si>
    <t>GHS SATLITE TOWN CHISHTIAN</t>
  </si>
  <si>
    <t>Satlite Town Chishtian</t>
  </si>
  <si>
    <t>GHS Satlite town chishtian</t>
  </si>
  <si>
    <t>Satlite Town</t>
  </si>
  <si>
    <t>12136</t>
  </si>
  <si>
    <t>GGHS X BLOCK</t>
  </si>
  <si>
    <t>peoples colony, x-block</t>
  </si>
  <si>
    <t>Vehari</t>
  </si>
  <si>
    <t>taimoor shaheed colony</t>
  </si>
  <si>
    <t>Majeeda Tariq</t>
  </si>
  <si>
    <t>21203</t>
  </si>
  <si>
    <t>37624</t>
  </si>
  <si>
    <t>GGMPS 118/15-L, MIAN CHANNU</t>
  </si>
  <si>
    <t>118/15L</t>
  </si>
  <si>
    <t>Govt. Model Primary School 118/15L Main Channu Khanewal</t>
  </si>
  <si>
    <t>Miss Rahat Aman</t>
  </si>
  <si>
    <t>6017</t>
  </si>
  <si>
    <t>20459</t>
  </si>
  <si>
    <t>GGHS SARFRAZ COLONY GUJRANWALA</t>
  </si>
  <si>
    <t>SARFRAZ COLONY  G.T ROAD GUJRANWALA</t>
  </si>
  <si>
    <t>Hashmi Colony</t>
  </si>
  <si>
    <t>GUL SAMARA SHAMSI</t>
  </si>
  <si>
    <t>8304</t>
  </si>
  <si>
    <t>5153</t>
  </si>
  <si>
    <t>GGHS CHAK NO. 37/A</t>
  </si>
  <si>
    <t>37/A</t>
  </si>
  <si>
    <t>CHAK NO 37/A</t>
  </si>
  <si>
    <t>Chak No 37/A</t>
  </si>
  <si>
    <t>AFSHAN NOREEN</t>
  </si>
  <si>
    <t>28625</t>
  </si>
  <si>
    <t>GGHS CHANGA MANGA</t>
  </si>
  <si>
    <t>Changa Manga</t>
  </si>
  <si>
    <t>gghs changa manga</t>
  </si>
  <si>
    <t>Rehman Pora</t>
  </si>
  <si>
    <t>Aliya Ferzana</t>
  </si>
  <si>
    <t>15421</t>
  </si>
  <si>
    <t>GGHS CHAK 68 RB</t>
  </si>
  <si>
    <t>68 Rb</t>
  </si>
  <si>
    <t>GGHS68rb</t>
  </si>
  <si>
    <t>68rb</t>
  </si>
  <si>
    <t>Nadia tasneem alvi</t>
  </si>
  <si>
    <t>44591</t>
  </si>
  <si>
    <t>GMPS JHOKE TIBBA</t>
  </si>
  <si>
    <t>government ggps jhoke tiba</t>
  </si>
  <si>
    <t>Jhoke Tiba</t>
  </si>
  <si>
    <t>asmat bibi</t>
  </si>
  <si>
    <t>6227</t>
  </si>
  <si>
    <t>24089</t>
  </si>
  <si>
    <t>GES BHULAIR BAJWA</t>
  </si>
  <si>
    <t>BHULAIR Bajwa</t>
  </si>
  <si>
    <t>BHULAIR BAJWA PASRUR SIALKOT</t>
  </si>
  <si>
    <t>BHULAIR BAJWA</t>
  </si>
  <si>
    <t>CHICHERYALI</t>
  </si>
  <si>
    <t>Muhammad Abdur Rehman</t>
  </si>
  <si>
    <t>42253</t>
  </si>
  <si>
    <t>25267</t>
  </si>
  <si>
    <t>41633</t>
  </si>
  <si>
    <t>GHS MAIRA KALLAN</t>
  </si>
  <si>
    <t>MAIRA KALAN</t>
  </si>
  <si>
    <t>MAIRA KALAN, CHAKRI ROAD, RAWALPINDI</t>
  </si>
  <si>
    <t>RANIAL</t>
  </si>
  <si>
    <t>9078</t>
  </si>
  <si>
    <t>GGPS MUHAMMAD ALI KHOHAWAR</t>
  </si>
  <si>
    <t>Jhung Bilawal</t>
  </si>
  <si>
    <t>Basti Muhammad Ali Khohawar u.c Nalla Mosani LiaquatPur</t>
  </si>
  <si>
    <t>Muhammad Ali Khohawar</t>
  </si>
  <si>
    <t>Syeda kiran zahra</t>
  </si>
  <si>
    <t>45322</t>
  </si>
  <si>
    <t>GGPS GAMA GODEY WALA</t>
  </si>
  <si>
    <t>gama goday wala</t>
  </si>
  <si>
    <t>Gama Goday Wala</t>
  </si>
  <si>
    <t>Daggar Kotli Shumali</t>
  </si>
  <si>
    <t>Saira Parveen</t>
  </si>
  <si>
    <t>26108</t>
  </si>
  <si>
    <t>GES KASANA</t>
  </si>
  <si>
    <t>Village Kasana, P/O Dudhu Chak, Tehsil Shakargarh, Distt Narowal</t>
  </si>
  <si>
    <t>Dudhu Chak</t>
  </si>
  <si>
    <t>25623</t>
  </si>
  <si>
    <t>GGHSS AHMAD ABAD</t>
  </si>
  <si>
    <t>Ahmadabad A</t>
  </si>
  <si>
    <t>GGHSS Ahmadabad</t>
  </si>
  <si>
    <t>TASNEEM FATIMA</t>
  </si>
  <si>
    <t>GGPS BAHAWAL WALA</t>
  </si>
  <si>
    <t>Bahawal wala</t>
  </si>
  <si>
    <t>Bahawal Wala</t>
  </si>
  <si>
    <t>Mc Jatoi</t>
  </si>
  <si>
    <t>asia bibi</t>
  </si>
  <si>
    <t>11811</t>
  </si>
  <si>
    <t>GGPS HABIB WALA</t>
  </si>
  <si>
    <t>Basti nawan Zour Qusba Gujrat tehs.kotaadu dist.M.garh p/o Qusba gujrt</t>
  </si>
  <si>
    <t>Nawan Zour</t>
  </si>
  <si>
    <t>Aroosa Zaib</t>
  </si>
  <si>
    <t>40969</t>
  </si>
  <si>
    <t>GMPS BURA JUNGLE</t>
  </si>
  <si>
    <t>BURA JUNGLE</t>
  </si>
  <si>
    <t>Village Bura Jungle PO Chak Akka Teh. Dina Distt. Jhelum</t>
  </si>
  <si>
    <t>Shagufta Noor</t>
  </si>
  <si>
    <t>403925</t>
  </si>
  <si>
    <t>37854</t>
  </si>
  <si>
    <t>23789</t>
  </si>
  <si>
    <t>Faqeeran Wali</t>
  </si>
  <si>
    <t>faqeeran wali P/O Buddha Goraya teh  Daska distt sialkot</t>
  </si>
  <si>
    <t>Koreki</t>
  </si>
  <si>
    <t>Manawar khan</t>
  </si>
  <si>
    <t>11280</t>
  </si>
  <si>
    <t>29878</t>
  </si>
  <si>
    <t>39878</t>
  </si>
  <si>
    <t>38704</t>
  </si>
  <si>
    <t>GGPS KOTLI WAJWA</t>
  </si>
  <si>
    <t>Kotly Wajwah</t>
  </si>
  <si>
    <t>Riaz wala khoh moza kotli wajwah</t>
  </si>
  <si>
    <t>5 Marla Scheme</t>
  </si>
  <si>
    <t>366 W/B</t>
  </si>
  <si>
    <t>Rashida Tabassum</t>
  </si>
  <si>
    <t>39473</t>
  </si>
  <si>
    <t>GHS BASAL</t>
  </si>
  <si>
    <t>basal</t>
  </si>
  <si>
    <t>ghs basal</t>
  </si>
  <si>
    <t>Rashid Mushtaq</t>
  </si>
  <si>
    <t>25703</t>
  </si>
  <si>
    <t>6462</t>
  </si>
  <si>
    <t>GMPS CHAK 244/P</t>
  </si>
  <si>
    <t>244/P</t>
  </si>
  <si>
    <t>Cheema House 50/D  Sadiq Town Rahim Yar Khan</t>
  </si>
  <si>
    <t>Jamila Mumtaz</t>
  </si>
  <si>
    <t>45976</t>
  </si>
  <si>
    <t>42468</t>
  </si>
  <si>
    <t>GGHS SAHANG</t>
  </si>
  <si>
    <t>VPO sahang, tehsil gujar khan, district rWP</t>
  </si>
  <si>
    <t>sahang</t>
  </si>
  <si>
    <t>MADEEHA JEHAN AZHAR</t>
  </si>
  <si>
    <t>GGES BASTI CHACHRAN</t>
  </si>
  <si>
    <t>MUSAFAR KHANA - FEMALE</t>
  </si>
  <si>
    <t>Pacca</t>
  </si>
  <si>
    <t>basti chachran</t>
  </si>
  <si>
    <t>Basti Chachran</t>
  </si>
  <si>
    <t>Mari Sheikh Shajjra</t>
  </si>
  <si>
    <t>kausar parveen</t>
  </si>
  <si>
    <t>37352</t>
  </si>
  <si>
    <t>11816</t>
  </si>
  <si>
    <t>GGPS BASTI JANGLA</t>
  </si>
  <si>
    <t>Allu Rid</t>
  </si>
  <si>
    <t>basti jangla p/o mehmood kot</t>
  </si>
  <si>
    <t>Basti Jangla</t>
  </si>
  <si>
    <t>Suraya Begum</t>
  </si>
  <si>
    <t>12532</t>
  </si>
  <si>
    <t>GGES MC JUNIOR MODEL MUZAFFARGARH</t>
  </si>
  <si>
    <t>Muzaffar Garh</t>
  </si>
  <si>
    <t>GGES MC Junior Model Muzaffar Garh</t>
  </si>
  <si>
    <t>Muzaffar Garh  Khursheedabad</t>
  </si>
  <si>
    <t>Sadia Niaz</t>
  </si>
  <si>
    <t>38648</t>
  </si>
  <si>
    <t>GGES 269 WB</t>
  </si>
  <si>
    <t>269/wb</t>
  </si>
  <si>
    <t>GGES 269/wb</t>
  </si>
  <si>
    <t>Noorghar</t>
  </si>
  <si>
    <t>Fozia Parveen</t>
  </si>
  <si>
    <t>12151</t>
  </si>
  <si>
    <t>GES BABRAL</t>
  </si>
  <si>
    <t>Village Babral P.O khas Tesh Shakergrah Dist Narowal</t>
  </si>
  <si>
    <t>Mullah</t>
  </si>
  <si>
    <t>23722</t>
  </si>
  <si>
    <t>GPS JAISER WALA</t>
  </si>
  <si>
    <t>Jaiserwala</t>
  </si>
  <si>
    <t>Irshad Bibi</t>
  </si>
  <si>
    <t>9912</t>
  </si>
  <si>
    <t>25177</t>
  </si>
  <si>
    <t>GGPS JODHAY WALI KHURD</t>
  </si>
  <si>
    <t>Jodhay Wali Khurd</t>
  </si>
  <si>
    <t>Vill.Jodhay Wali Khurd,Chungi no.8,St.Bonga,Bhagowal Rd Sialkot</t>
  </si>
  <si>
    <t>Pindi Araian</t>
  </si>
  <si>
    <t>Hashmat</t>
  </si>
  <si>
    <t>35847</t>
  </si>
  <si>
    <t>GGPS SAHIB ALI</t>
  </si>
  <si>
    <t>tibba sultan pur</t>
  </si>
  <si>
    <t>Sikandar Abaf</t>
  </si>
  <si>
    <t>Azra Jabeen</t>
  </si>
  <si>
    <t>18520</t>
  </si>
  <si>
    <t>18357</t>
  </si>
  <si>
    <t>38637</t>
  </si>
  <si>
    <t>GGPS BALAIL</t>
  </si>
  <si>
    <t>balail</t>
  </si>
  <si>
    <t>post office qutabpur tehseel duniyapur district lodhran</t>
  </si>
  <si>
    <t>Balail</t>
  </si>
  <si>
    <t>samina anwar</t>
  </si>
  <si>
    <t>52252</t>
  </si>
  <si>
    <t>GGHS DEPALPUR</t>
  </si>
  <si>
    <t>MRS. NUSRAT PERVEEN</t>
  </si>
  <si>
    <t>19154</t>
  </si>
  <si>
    <t>16218</t>
  </si>
  <si>
    <t>GHS CHAK 84 JB FAISALABAD</t>
  </si>
  <si>
    <t>sarshmeer</t>
  </si>
  <si>
    <t>chak no 84 jb sarshameer</t>
  </si>
  <si>
    <t>84 jb</t>
  </si>
  <si>
    <t>IJAZ FEROZE KHAN</t>
  </si>
  <si>
    <t>33854</t>
  </si>
  <si>
    <t>38646</t>
  </si>
  <si>
    <t>GGPS 221 WB DUNYA PUR</t>
  </si>
  <si>
    <t>Chak 221 tehsil dunyapur district Lodhran</t>
  </si>
  <si>
    <t>Chak221</t>
  </si>
  <si>
    <t>Chak 231</t>
  </si>
  <si>
    <t>Nighat Yousaf</t>
  </si>
  <si>
    <t>15077</t>
  </si>
  <si>
    <t>GGCMS CHAK 238 GB I JARANWALA</t>
  </si>
  <si>
    <t>pathan chak</t>
  </si>
  <si>
    <t>238GB1 pathan chak</t>
  </si>
  <si>
    <t>238GB1</t>
  </si>
  <si>
    <t>239GB</t>
  </si>
  <si>
    <t>Zahida Nasim S S T</t>
  </si>
  <si>
    <t>35764</t>
  </si>
  <si>
    <t>GPS CHAK NO.194/WB</t>
  </si>
  <si>
    <t>194/WB</t>
  </si>
  <si>
    <t>tehsil mailsi,,,district vehari</t>
  </si>
  <si>
    <t>188/Wb</t>
  </si>
  <si>
    <t>7467</t>
  </si>
  <si>
    <t>4338</t>
  </si>
  <si>
    <t>GGMES 315 WB</t>
  </si>
  <si>
    <t>Chak No 315/WB Thesil Dunyapur Distt Lodhran</t>
  </si>
  <si>
    <t>chak No 315/WB</t>
  </si>
  <si>
    <t>Noor Garh</t>
  </si>
  <si>
    <t>Sadia Ambrin</t>
  </si>
  <si>
    <t>35608</t>
  </si>
  <si>
    <t>GPS CHAK LIYAR</t>
  </si>
  <si>
    <t>Chakliar</t>
  </si>
  <si>
    <t>Mouza Chakliar p/o Mitru Tehsil Mailsi District Vehari</t>
  </si>
  <si>
    <t>Mouza Chakliar</t>
  </si>
  <si>
    <t>Muhammad Kashif</t>
  </si>
  <si>
    <t>35660</t>
  </si>
  <si>
    <t>GPS CHAK 106WB</t>
  </si>
  <si>
    <t>106wb</t>
  </si>
  <si>
    <t>chak no 106 wb</t>
  </si>
  <si>
    <t>106WB</t>
  </si>
  <si>
    <t>Chak No 124wb</t>
  </si>
  <si>
    <t>18743</t>
  </si>
  <si>
    <t>9143</t>
  </si>
  <si>
    <t>41893</t>
  </si>
  <si>
    <t>GGHS NO.2 MUSLIM TOWN</t>
  </si>
  <si>
    <t>Muslim Town</t>
  </si>
  <si>
    <t>GGHS # 2 Muslim Town Band Khana Road RWP</t>
  </si>
  <si>
    <t>RWP City</t>
  </si>
  <si>
    <t>Khurram Colony</t>
  </si>
  <si>
    <t>10303</t>
  </si>
  <si>
    <t>GGES MANDIAN WALA</t>
  </si>
  <si>
    <t>Mandiawala</t>
  </si>
  <si>
    <t>mandiawala</t>
  </si>
  <si>
    <t>Tridewaywali</t>
  </si>
  <si>
    <t>Samina Malik</t>
  </si>
  <si>
    <t>26663</t>
  </si>
  <si>
    <t>GGHS BHATTIAN DEWAN</t>
  </si>
  <si>
    <t>Bhattiandewan</t>
  </si>
  <si>
    <t>GGHS BHATTIANDEWAN</t>
  </si>
  <si>
    <t>Samia Rani</t>
  </si>
  <si>
    <t>GHS JHANGI WALI</t>
  </si>
  <si>
    <t>jhangiwali</t>
  </si>
  <si>
    <t>basti moza and po jhangiwali bahwalpur</t>
  </si>
  <si>
    <t>Muhammad Akhtar Shah</t>
  </si>
  <si>
    <t>9710</t>
  </si>
  <si>
    <t>42674</t>
  </si>
  <si>
    <t>20517</t>
  </si>
  <si>
    <t>GGHS TARIGRI</t>
  </si>
  <si>
    <t>Trigri</t>
  </si>
  <si>
    <t>Village &amp; P/O Trigri Teh &amp; District  Gujranwala</t>
  </si>
  <si>
    <t>T Khajoorwali</t>
  </si>
  <si>
    <t>Zunaira Hafiz Muhammad</t>
  </si>
  <si>
    <t>37975</t>
  </si>
  <si>
    <t>GGHS KHANWAH GHALWAN</t>
  </si>
  <si>
    <t>Khanwah ghalwan</t>
  </si>
  <si>
    <t>khanwah ghalwan tehsil district Lodhran</t>
  </si>
  <si>
    <t>Sawaira Badar</t>
  </si>
  <si>
    <t>43530</t>
  </si>
  <si>
    <t>19366</t>
  </si>
  <si>
    <t>26734</t>
  </si>
  <si>
    <t>GGPS VERYAM</t>
  </si>
  <si>
    <t>Veryam</t>
  </si>
  <si>
    <t>Shagufta Nasreen</t>
  </si>
  <si>
    <t>33901</t>
  </si>
  <si>
    <t>GPS PEER COLONY</t>
  </si>
  <si>
    <t>Peer Colony</t>
  </si>
  <si>
    <t>GPS Peer Colony 2 Multan</t>
  </si>
  <si>
    <t>Niaz Mand Hajira</t>
  </si>
  <si>
    <t>26546</t>
  </si>
  <si>
    <t>GGPS VIEROKAY</t>
  </si>
  <si>
    <t>Vierokay</t>
  </si>
  <si>
    <t>GGP vierokary</t>
  </si>
  <si>
    <t>Nabila Kousar</t>
  </si>
  <si>
    <t>GMPS SURAJ PURA</t>
  </si>
  <si>
    <t>Suraj Pura</t>
  </si>
  <si>
    <t>gmps surj pura minchinabad</t>
  </si>
  <si>
    <t>Surai Pura</t>
  </si>
  <si>
    <t>Muncipal Committe</t>
  </si>
  <si>
    <t>Nasreen Akhter Khursheed</t>
  </si>
  <si>
    <t>41563</t>
  </si>
  <si>
    <t>GGHS MC MODEL SATELLITE TOWN</t>
  </si>
  <si>
    <t>GGHS MC MODEL SATELLITE TOWN B BLOCK RWP</t>
  </si>
  <si>
    <t>SATELLITE TOWN</t>
  </si>
  <si>
    <t>ASGHAR MALL SCHEME</t>
  </si>
  <si>
    <t>GUL-E-FARZANA</t>
  </si>
  <si>
    <t>24230</t>
  </si>
  <si>
    <t>53459</t>
  </si>
  <si>
    <t>GPS MODEL 561 EB</t>
  </si>
  <si>
    <t>561/Eb</t>
  </si>
  <si>
    <t>chak no 561/eb vehari</t>
  </si>
  <si>
    <t>561/Eb Vehari</t>
  </si>
  <si>
    <t>7521</t>
  </si>
  <si>
    <t>9654</t>
  </si>
  <si>
    <t>33964</t>
  </si>
  <si>
    <t>GPS TAHIR PUR P/O &amp; TEH.SHUJABAD</t>
  </si>
  <si>
    <t>Khan Gharh Road Near Baggi Pull</t>
  </si>
  <si>
    <t>Tahir pur</t>
  </si>
  <si>
    <t>Muhammad  Arif</t>
  </si>
  <si>
    <t>29446</t>
  </si>
  <si>
    <t>39527</t>
  </si>
  <si>
    <t>26238</t>
  </si>
  <si>
    <t>GGPS BHOJ PUR</t>
  </si>
  <si>
    <t>Bhojpur</t>
  </si>
  <si>
    <t>Fahkra Sajid</t>
  </si>
  <si>
    <t>42020</t>
  </si>
  <si>
    <t>GGHS PAF BASE CHAKLALA</t>
  </si>
  <si>
    <t>Chaklala</t>
  </si>
  <si>
    <t>GGHS PAF BASE IQBAL CAMP RWP</t>
  </si>
  <si>
    <t>MS. FAKHIRA NAHEED</t>
  </si>
  <si>
    <t>8276</t>
  </si>
  <si>
    <t>37587</t>
  </si>
  <si>
    <t>GMPS 136/16-L NORTH, P/O 135/16-L STUNTZABAD, MIAN CHANNU</t>
  </si>
  <si>
    <t>chak 136/16-L North, mian channu, khanewal</t>
  </si>
  <si>
    <t>136/16-L North</t>
  </si>
  <si>
    <t>137/16L</t>
  </si>
  <si>
    <t>Javeria  Aziz</t>
  </si>
  <si>
    <t>50820</t>
  </si>
  <si>
    <t>51755</t>
  </si>
  <si>
    <t>30267</t>
  </si>
  <si>
    <t>GGHS DULLO KHURD</t>
  </si>
  <si>
    <t>Dullo Khurd</t>
  </si>
  <si>
    <t>21km Feroze Pur Road Dullo Khurd LHR</t>
  </si>
  <si>
    <t>Youhanabad</t>
  </si>
  <si>
    <t>kishwar wahab</t>
  </si>
  <si>
    <t>25781</t>
  </si>
  <si>
    <t>34157</t>
  </si>
  <si>
    <t>GMPS IBRAHIM WALA SHUJABAD</t>
  </si>
  <si>
    <t>Bastidad</t>
  </si>
  <si>
    <t>Ibrahim wala</t>
  </si>
  <si>
    <t>Ibrahim Wala</t>
  </si>
  <si>
    <t>Shah Musa</t>
  </si>
  <si>
    <t>50575</t>
  </si>
  <si>
    <t>16642</t>
  </si>
  <si>
    <t>GGPS CHAK 420 GB II TANDLIANWALA</t>
  </si>
  <si>
    <t>420/2</t>
  </si>
  <si>
    <t>gGPS 420/2 GB TEHSIL TANDLIANWALA</t>
  </si>
  <si>
    <t>jinah abadi</t>
  </si>
  <si>
    <t>420gb</t>
  </si>
  <si>
    <t>fozia naheed</t>
  </si>
  <si>
    <t>15576</t>
  </si>
  <si>
    <t>GGPS QASIM ROAD NO. 1 SAMUNDRI</t>
  </si>
  <si>
    <t>Samundri city</t>
  </si>
  <si>
    <t>Qasim Road  samundri</t>
  </si>
  <si>
    <t>Adeela Shahid</t>
  </si>
  <si>
    <t>1629</t>
  </si>
  <si>
    <t>GGPS CHAK 250/P</t>
  </si>
  <si>
    <t>Chak 250/p</t>
  </si>
  <si>
    <t>chak 250/p</t>
  </si>
  <si>
    <t>GGES 166 WB COLONY</t>
  </si>
  <si>
    <t>166 wb colony</t>
  </si>
  <si>
    <t>Chak 166 wb colony</t>
  </si>
  <si>
    <t>335 wb</t>
  </si>
  <si>
    <t>GGPS KOT HADAYAT LUNDIANWALA</t>
  </si>
  <si>
    <t>Kot Hadayat</t>
  </si>
  <si>
    <t>651/1</t>
  </si>
  <si>
    <t>Umm-e-Habiba</t>
  </si>
  <si>
    <t>44595</t>
  </si>
  <si>
    <t>GGES SHAHANI PO BHAKKAR</t>
  </si>
  <si>
    <t>po shahani</t>
  </si>
  <si>
    <t>Noureen Akhtar Malik</t>
  </si>
  <si>
    <t>6.2174e+006</t>
  </si>
  <si>
    <t>29367</t>
  </si>
  <si>
    <t>31984</t>
  </si>
  <si>
    <t>GGHS KALOKE</t>
  </si>
  <si>
    <t>p.o box kaloke skp</t>
  </si>
  <si>
    <t>kaloke</t>
  </si>
  <si>
    <t>yasmeen anjum</t>
  </si>
  <si>
    <t>37736</t>
  </si>
  <si>
    <t>GHS JHOKE SAMTIA</t>
  </si>
  <si>
    <t>Mullan Wali</t>
  </si>
  <si>
    <t>Jhoke Samtia Bhakkar</t>
  </si>
  <si>
    <t>Jhoke Samtia</t>
  </si>
  <si>
    <t>nazeer hussain</t>
  </si>
  <si>
    <t>40627</t>
  </si>
  <si>
    <t>GPS DABKAS</t>
  </si>
  <si>
    <t>Dabkas</t>
  </si>
  <si>
    <t>Village Dabkas Post Office Banth</t>
  </si>
  <si>
    <t>21953</t>
  </si>
  <si>
    <t>16678</t>
  </si>
  <si>
    <t>GGPS CHAK 509 GB MAMUN KANJAN</t>
  </si>
  <si>
    <t>CHAK NO. 509 GB MAMUKANJAN TEHSIL TANDLIANWALA FSD</t>
  </si>
  <si>
    <t>Chak No 509gb</t>
  </si>
  <si>
    <t>Muncpal CametyMamunkanjan</t>
  </si>
  <si>
    <t>KANIZ FATIMA</t>
  </si>
  <si>
    <t>GGES BAIRA VIRKAN</t>
  </si>
  <si>
    <t>Beravirkan</t>
  </si>
  <si>
    <t>vill bera virkan p/o servis industri teh/dist sheikhupura</t>
  </si>
  <si>
    <t>Bera Virkan</t>
  </si>
  <si>
    <t>Maliyan Kalan</t>
  </si>
  <si>
    <t>Sumaira Iftikhar</t>
  </si>
  <si>
    <t>32459</t>
  </si>
  <si>
    <t>20942</t>
  </si>
  <si>
    <t>GGHS SAHARAN CHATHA</t>
  </si>
  <si>
    <t>Ali Pour Chatha</t>
  </si>
  <si>
    <t>saharan chatha  gujranwala</t>
  </si>
  <si>
    <t>Saharan chatha</t>
  </si>
  <si>
    <t>Wazirke chatha</t>
  </si>
  <si>
    <t>shahida Parveen</t>
  </si>
  <si>
    <t>1547</t>
  </si>
  <si>
    <t>33957</t>
  </si>
  <si>
    <t>GPS GHAZANFER ABAD</t>
  </si>
  <si>
    <t>mohalla pathan wala shujabad</t>
  </si>
  <si>
    <t>25179</t>
  </si>
  <si>
    <t>GGPS ITTIFAQ PURA</t>
  </si>
  <si>
    <t>Ittifaq Pura</t>
  </si>
  <si>
    <t>mohallah ittifaqpura near railwayline sialkot</t>
  </si>
  <si>
    <t>Samina Sadeeq</t>
  </si>
  <si>
    <t>21077</t>
  </si>
  <si>
    <t>9302</t>
  </si>
  <si>
    <t>26733</t>
  </si>
  <si>
    <t>GGES AINOWALI</t>
  </si>
  <si>
    <t>Ainowali</t>
  </si>
  <si>
    <t>village Ainowali p/o Sankhatra tehsil Zafarwal district Narowal</t>
  </si>
  <si>
    <t>Raheela Karamat</t>
  </si>
  <si>
    <t>31789</t>
  </si>
  <si>
    <t>25383</t>
  </si>
  <si>
    <t>GGHS DHODO WAL</t>
  </si>
  <si>
    <t>Saranky</t>
  </si>
  <si>
    <t>Village dhodowal tehsil sambrial district sialkot</t>
  </si>
  <si>
    <t>Dhodowal</t>
  </si>
  <si>
    <t>asma  Aslam</t>
  </si>
  <si>
    <t>28570</t>
  </si>
  <si>
    <t>38760</t>
  </si>
  <si>
    <t>7587</t>
  </si>
  <si>
    <t>GPS BASTI RASOOL BUX</t>
  </si>
  <si>
    <t>Basti Akbar abad P/O Bhutta Wahan Mouza Rasool Pur Teh: Sadiq Abad Distt:RYK</t>
  </si>
  <si>
    <t>Akbar Abad</t>
  </si>
  <si>
    <t>RASOOL PUR</t>
  </si>
  <si>
    <t>Abdul Hameed Solangi</t>
  </si>
  <si>
    <t>13802</t>
  </si>
  <si>
    <t>28202</t>
  </si>
  <si>
    <t>GHS MANO CHAK</t>
  </si>
  <si>
    <t>mANO cHAK</t>
  </si>
  <si>
    <t>MANO CHAK</t>
  </si>
  <si>
    <t>Muhammad Ashraf javed</t>
  </si>
  <si>
    <t>GGES 412 GB</t>
  </si>
  <si>
    <t>Kamyania</t>
  </si>
  <si>
    <t>govt. girls elementry school 412/1gb kamyana tandlianwala dictt. fsd</t>
  </si>
  <si>
    <t>412/1gb</t>
  </si>
  <si>
    <t>Noureen Akram</t>
  </si>
  <si>
    <t>motor pump,hand pump</t>
  </si>
  <si>
    <t>9356</t>
  </si>
  <si>
    <t>18836</t>
  </si>
  <si>
    <t>GHS CHAK 685/26 GB</t>
  </si>
  <si>
    <t>Chak 685/26 GB</t>
  </si>
  <si>
    <t>CHak 685/26 GB, Pir Mahal</t>
  </si>
  <si>
    <t>Khurshidabad</t>
  </si>
  <si>
    <t>Muhammad Farooq Chaudhary</t>
  </si>
  <si>
    <t>2696</t>
  </si>
  <si>
    <t>25086</t>
  </si>
  <si>
    <t>GMPS ROMAL JATTAN</t>
  </si>
  <si>
    <t>Romal Jattan</t>
  </si>
  <si>
    <t>vill romal jattan po najwal teh distt Sialkot</t>
  </si>
  <si>
    <t>12281</t>
  </si>
  <si>
    <t>5018</t>
  </si>
  <si>
    <t>2947</t>
  </si>
  <si>
    <t>31208</t>
  </si>
  <si>
    <t>GGPS CHOURA</t>
  </si>
  <si>
    <t>Choura</t>
  </si>
  <si>
    <t>village choura post office dudhuchak</t>
  </si>
  <si>
    <t>Gamtala</t>
  </si>
  <si>
    <t>Hira Amin</t>
  </si>
  <si>
    <t>16897</t>
  </si>
  <si>
    <t>5897</t>
  </si>
  <si>
    <t>20895</t>
  </si>
  <si>
    <t>GGHS ALI PUR CHATTHA</t>
  </si>
  <si>
    <t>ALI PUR CHATHA</t>
  </si>
  <si>
    <t>GOVT. GIRLS HIGH SCHOOL, ALI PUR CHATHA THANA BAZAR ALI PUR CHATHA</t>
  </si>
  <si>
    <t>THANA BAZAR</t>
  </si>
  <si>
    <t>40330</t>
  </si>
  <si>
    <t>GGHS HARAN PUR</t>
  </si>
  <si>
    <t>govt girls high school haranpur</t>
  </si>
  <si>
    <t>jaria batool</t>
  </si>
  <si>
    <t>25103</t>
  </si>
  <si>
    <t>GMPS MALAGAR PUR</t>
  </si>
  <si>
    <t>malagr pur</t>
  </si>
  <si>
    <t>malagr pr p/o najwal</t>
  </si>
  <si>
    <t>malagrpur</t>
  </si>
  <si>
    <t>chak jogo</t>
  </si>
  <si>
    <t>Naseem Ghulam Rasool</t>
  </si>
  <si>
    <t>19629</t>
  </si>
  <si>
    <t>60750</t>
  </si>
  <si>
    <t>32363</t>
  </si>
  <si>
    <t>GGPS JWAR JAB</t>
  </si>
  <si>
    <t>Jwar Chab</t>
  </si>
  <si>
    <t>jwar chab sheikhupura</t>
  </si>
  <si>
    <t>Mallian Kallan</t>
  </si>
  <si>
    <t>Rana Muhammad Zia</t>
  </si>
  <si>
    <t>26753</t>
  </si>
  <si>
    <t>GGPS SOOD</t>
  </si>
  <si>
    <t>Sood</t>
  </si>
  <si>
    <t>GGPS Sood</t>
  </si>
  <si>
    <t>Jamila  Kousar</t>
  </si>
  <si>
    <t>7322</t>
  </si>
  <si>
    <t>GGPS CHAK 224 GB SAMUNDRI</t>
  </si>
  <si>
    <t>224gb Warpal</t>
  </si>
  <si>
    <t>224gb tehsil samundri distt fsd</t>
  </si>
  <si>
    <t>225gb</t>
  </si>
  <si>
    <t>26614</t>
  </si>
  <si>
    <t>GGPS SHERPUR</t>
  </si>
  <si>
    <t>Shairpur</t>
  </si>
  <si>
    <t>ggps sher pur</t>
  </si>
  <si>
    <t>Chamryal</t>
  </si>
  <si>
    <t>Nadia Imdad</t>
  </si>
  <si>
    <t>GGES TORIA</t>
  </si>
  <si>
    <t>Toriya</t>
  </si>
  <si>
    <t>Village Toriya P/O Dhamky Tehsil Sharaqpur District Sheikhupura.</t>
  </si>
  <si>
    <t>Dhamky</t>
  </si>
  <si>
    <t>Saira Manzoor</t>
  </si>
  <si>
    <t>GGPS CHAK 203 GB IV MAMUNKANJAN</t>
  </si>
  <si>
    <t>Feroz Pura</t>
  </si>
  <si>
    <t>chak no 203 gb</t>
  </si>
  <si>
    <t>203 Gb</t>
  </si>
  <si>
    <t>Tehseen Akhtar</t>
  </si>
  <si>
    <t>46699</t>
  </si>
  <si>
    <t>44380</t>
  </si>
  <si>
    <t>26512</t>
  </si>
  <si>
    <t>GGES PELA DOGRA</t>
  </si>
  <si>
    <t>Peela Dogra</t>
  </si>
  <si>
    <t>peela dogra p/tola Teh_shakar Ghar Dissit Narowal</t>
  </si>
  <si>
    <t>Tola</t>
  </si>
  <si>
    <t>Fareeha Ali</t>
  </si>
  <si>
    <t>17665</t>
  </si>
  <si>
    <t>GES 238 RB FSD</t>
  </si>
  <si>
    <t>Awanwala</t>
  </si>
  <si>
    <t>Chak no 238 RB Faisalabad</t>
  </si>
  <si>
    <t>chak no 238 rb awanwala</t>
  </si>
  <si>
    <t>37120</t>
  </si>
  <si>
    <t>16647</t>
  </si>
  <si>
    <t>GGPS 2 TANDLIAN WALA</t>
  </si>
  <si>
    <t>GGPS No 2 Tandlianwala</t>
  </si>
  <si>
    <t>11537</t>
  </si>
  <si>
    <t>15797</t>
  </si>
  <si>
    <t>GPS CHAK 240 RB I</t>
  </si>
  <si>
    <t>Redana</t>
  </si>
  <si>
    <t>chak no 240 rb 1 faisalabad</t>
  </si>
  <si>
    <t>240 RB 1 Redana</t>
  </si>
  <si>
    <t>M Afzal Shahid</t>
  </si>
  <si>
    <t>26104</t>
  </si>
  <si>
    <t>GPS PELLA GOJARAN</t>
  </si>
  <si>
    <t>Peela Gujran</t>
  </si>
  <si>
    <t>Village peela Gujran shakar garh narowal</t>
  </si>
  <si>
    <t>GPS CHAK 78 GB EAST FSD</t>
  </si>
  <si>
    <t>Chak 78GB EAST</t>
  </si>
  <si>
    <t>237 RB</t>
  </si>
  <si>
    <t>Ammara Sattar</t>
  </si>
  <si>
    <t>3906</t>
  </si>
  <si>
    <t>7950</t>
  </si>
  <si>
    <t>26445</t>
  </si>
  <si>
    <t>GGPS KAYAN</t>
  </si>
  <si>
    <t>village kayan p/o raiba kalan</t>
  </si>
  <si>
    <t>Rukhsana Maqbool</t>
  </si>
  <si>
    <t>38058</t>
  </si>
  <si>
    <t>37046</t>
  </si>
  <si>
    <t>GHS 9/V, KHANEWAL</t>
  </si>
  <si>
    <t>Chak No 9/v</t>
  </si>
  <si>
    <t>Chak No 9/V Tehsil &amp; District Khanewal</t>
  </si>
  <si>
    <t>Chak No.9/V Khanewal</t>
  </si>
  <si>
    <t>Chak No.10-AH</t>
  </si>
  <si>
    <t>18690</t>
  </si>
  <si>
    <t>26271</t>
  </si>
  <si>
    <t>GGPS PILA GUJRAN</t>
  </si>
  <si>
    <t>GGPS peela gujran</t>
  </si>
  <si>
    <t>26798</t>
  </si>
  <si>
    <t>GGES SANIARI KALAN</t>
  </si>
  <si>
    <t>Sanyari Kalan</t>
  </si>
  <si>
    <t>sanyari kalan tehsil Shakargarh district narowal</t>
  </si>
  <si>
    <t>Chmrial</t>
  </si>
  <si>
    <t>Hafiza Sadaf Mobeen</t>
  </si>
  <si>
    <t>5646</t>
  </si>
  <si>
    <t>26837</t>
  </si>
  <si>
    <t>GGPS TALAN</t>
  </si>
  <si>
    <t>Tallan</t>
  </si>
  <si>
    <t>village Tallan p/o lohara tehsil zafarwal district Narowal</t>
  </si>
  <si>
    <t>16751</t>
  </si>
  <si>
    <t>GGES 418 GB</t>
  </si>
  <si>
    <t>chak418gb</t>
  </si>
  <si>
    <t>Harrowala</t>
  </si>
  <si>
    <t>Burhan Di Jhok</t>
  </si>
  <si>
    <t>Ujala Akbar</t>
  </si>
  <si>
    <t>52340</t>
  </si>
  <si>
    <t>37467</t>
  </si>
  <si>
    <t>GGHS 108/15-L, MIAN CHANNU</t>
  </si>
  <si>
    <t>108/15L</t>
  </si>
  <si>
    <t>gghs 108/15.l</t>
  </si>
  <si>
    <t>108/5L</t>
  </si>
  <si>
    <t>105/15L Vanjari</t>
  </si>
  <si>
    <t>245025</t>
  </si>
  <si>
    <t>38145</t>
  </si>
  <si>
    <t>GGPS MALAK AFGHANA</t>
  </si>
  <si>
    <t>Malik Afghana</t>
  </si>
  <si>
    <t>Ggps Malik afghana tehsil shakargarh narowal</t>
  </si>
  <si>
    <t>Langah</t>
  </si>
  <si>
    <t>Samina Munir</t>
  </si>
  <si>
    <t>53496</t>
  </si>
  <si>
    <t>26801</t>
  </si>
  <si>
    <t>GGPS HALAN PO SARJAL</t>
  </si>
  <si>
    <t>Hallan</t>
  </si>
  <si>
    <t>GGPS Hallan tehseel shakargarh post office sarjal</t>
  </si>
  <si>
    <t>Aamna Shahid</t>
  </si>
  <si>
    <t>41621</t>
  </si>
  <si>
    <t>GGPS SALEH MUHAMMAD SHAH</t>
  </si>
  <si>
    <t>Ahmad Pur Lama</t>
  </si>
  <si>
    <t>bilal colony FFC chowk</t>
  </si>
  <si>
    <t>Wahid Bux Lar</t>
  </si>
  <si>
    <t>Saeeda Ghulam Rasool</t>
  </si>
  <si>
    <t>17858</t>
  </si>
  <si>
    <t>9033</t>
  </si>
  <si>
    <t>5078</t>
  </si>
  <si>
    <t>26569</t>
  </si>
  <si>
    <t>GPS CHAKWAL SULEHRIAN</t>
  </si>
  <si>
    <t>Chakwal Sulhrein</t>
  </si>
  <si>
    <t>village chakwal sulhrein post office showara Thsil shakargarh district Narowal</t>
  </si>
  <si>
    <t>GGES CHAK NO 153</t>
  </si>
  <si>
    <t>Chak 153 Jb Gatti Sayedan</t>
  </si>
  <si>
    <t>Chak no.153 jb</t>
  </si>
  <si>
    <t>Chak No153 JbGati Syedan</t>
  </si>
  <si>
    <t>Chak No153 Jb Gati Sydian</t>
  </si>
  <si>
    <t>Nadia Fatima</t>
  </si>
  <si>
    <t>7221</t>
  </si>
  <si>
    <t>30401</t>
  </si>
  <si>
    <t>11974</t>
  </si>
  <si>
    <t>GGPS ASIF WALA</t>
  </si>
  <si>
    <t>Kutt 14 C</t>
  </si>
  <si>
    <t>basti kulachi abad</t>
  </si>
  <si>
    <t>Kulachi Abad</t>
  </si>
  <si>
    <t>Asma bano</t>
  </si>
  <si>
    <t>6243</t>
  </si>
  <si>
    <t>26107</t>
  </si>
  <si>
    <t>GPS HANSOWALA</t>
  </si>
  <si>
    <t>Hansowala</t>
  </si>
  <si>
    <t>GGPS FATUI CHAK</t>
  </si>
  <si>
    <t>Fatoichak</t>
  </si>
  <si>
    <t>village fatoichak post office baramanga</t>
  </si>
  <si>
    <t>Wali Pur Boura</t>
  </si>
  <si>
    <t>Shaista Hina</t>
  </si>
  <si>
    <t>GGHS CHABA CHAK 169/RB</t>
  </si>
  <si>
    <t>Chabba</t>
  </si>
  <si>
    <t>chabba chak no.169/RB</t>
  </si>
  <si>
    <t>Chabba Chak No169/RB</t>
  </si>
  <si>
    <t>Qaisera Rashid</t>
  </si>
  <si>
    <t>49930</t>
  </si>
  <si>
    <t>1736</t>
  </si>
  <si>
    <t>20671</t>
  </si>
  <si>
    <t>GGES CHAK REHAN</t>
  </si>
  <si>
    <t>Chak Rehan</t>
  </si>
  <si>
    <t>chak rehan gujranwala</t>
  </si>
  <si>
    <t>chak rehan</t>
  </si>
  <si>
    <t>nadala sandhwan</t>
  </si>
  <si>
    <t>Palwisha</t>
  </si>
  <si>
    <t>31308</t>
  </si>
  <si>
    <t>20883</t>
  </si>
  <si>
    <t>46361</t>
  </si>
  <si>
    <t>31873</t>
  </si>
  <si>
    <t>GHS LIAQAT SHEIKHUPURA</t>
  </si>
  <si>
    <t>bhikhi road</t>
  </si>
  <si>
    <t>sargodha road sheikhupura</t>
  </si>
  <si>
    <t>basti balochan</t>
  </si>
  <si>
    <t>SAJID AHMAD SAJID</t>
  </si>
  <si>
    <t>26301</t>
  </si>
  <si>
    <t>GGPS PANWAN KHUKAR</t>
  </si>
  <si>
    <t>Panwan Khokhar</t>
  </si>
  <si>
    <t>Panwan khukhar</t>
  </si>
  <si>
    <t>Vali Pur Bhora</t>
  </si>
  <si>
    <t>Madiha Gul Naz</t>
  </si>
  <si>
    <t>4579</t>
  </si>
  <si>
    <t>GPS FARID ABAD</t>
  </si>
  <si>
    <t>Basti fareed abad</t>
  </si>
  <si>
    <t>Fateh Pur Kamal</t>
  </si>
  <si>
    <t>Ghulam Arbi Saeedi</t>
  </si>
  <si>
    <t>26298</t>
  </si>
  <si>
    <t>GGPS BEKHO CHAK</t>
  </si>
  <si>
    <t>Bhicko Chuck</t>
  </si>
  <si>
    <t>village and p o Bhicko Chuck teh SKG dis Norro wal</t>
  </si>
  <si>
    <t>Wali Pur Borra</t>
  </si>
  <si>
    <t>marium khan</t>
  </si>
  <si>
    <t>5435</t>
  </si>
  <si>
    <t>20066</t>
  </si>
  <si>
    <t>GMPS PUMP GHAFOOR SHAH</t>
  </si>
  <si>
    <t>AEO (W) CHINIOT NO.14</t>
  </si>
  <si>
    <t>hersasheikh</t>
  </si>
  <si>
    <t>GMPS Pump Ghafoor Shah</t>
  </si>
  <si>
    <t>hersa sheikh</t>
  </si>
  <si>
    <t>nighat zaidi</t>
  </si>
  <si>
    <t>GGPS CHHANI NAGROTA</t>
  </si>
  <si>
    <t>ChhaniNagrota</t>
  </si>
  <si>
    <t>Chhani.Nagrota post office sukhochak Tehsil Shakargarh District Narowal</t>
  </si>
  <si>
    <t>Sukhochak</t>
  </si>
  <si>
    <t>26106</t>
  </si>
  <si>
    <t>GPS BASRA JALA</t>
  </si>
  <si>
    <t>village basrajala</t>
  </si>
  <si>
    <t>20651</t>
  </si>
  <si>
    <t>GGES RAMKEY SANDHUWAN</t>
  </si>
  <si>
    <t>rural</t>
  </si>
  <si>
    <t>ramkey sandhwan tehsil and district gujranwala</t>
  </si>
  <si>
    <t>ramkey sandhwan</t>
  </si>
  <si>
    <t>Sadia Afzal</t>
  </si>
  <si>
    <t>44893</t>
  </si>
  <si>
    <t>GGHS FAZIL</t>
  </si>
  <si>
    <t>fazil</t>
  </si>
  <si>
    <t>fazil tehsil k.kot bhakkar</t>
  </si>
  <si>
    <t>10956</t>
  </si>
  <si>
    <t>50207</t>
  </si>
  <si>
    <t>47219</t>
  </si>
  <si>
    <t>GGPS MUMMKA GOJRAN</t>
  </si>
  <si>
    <t>Mumka Gujran</t>
  </si>
  <si>
    <t>village mumka gujran p/o bhicko Chak tehsil shakargarh district narowal</t>
  </si>
  <si>
    <t>Bramanga</t>
  </si>
  <si>
    <t>Nusrat Beghum</t>
  </si>
  <si>
    <t>40725</t>
  </si>
  <si>
    <t>GPS HASSAN ABAD JADID</t>
  </si>
  <si>
    <t>BULAQI WALI - MALE</t>
  </si>
  <si>
    <t>Basti hassan abad jadeed Ryk</t>
  </si>
  <si>
    <t>Hassan A bad Jadeed</t>
  </si>
  <si>
    <t>Bahudi Pur Qureshin</t>
  </si>
  <si>
    <t>10715</t>
  </si>
  <si>
    <t>GHS TULAMBA</t>
  </si>
  <si>
    <t>Govt. High School Mohallah kot islam Tulamba Tehsil Mian Channu Distt. Khanewal</t>
  </si>
  <si>
    <t>Mohallah kot islam Tulamba</t>
  </si>
  <si>
    <t>SHAFQAT HUSSAIN</t>
  </si>
  <si>
    <t>3922</t>
  </si>
  <si>
    <t>11544</t>
  </si>
  <si>
    <t>GES KAHIRI SINAWAN</t>
  </si>
  <si>
    <t>kaheeri sinawan</t>
  </si>
  <si>
    <t>Basti Haji Pur Mouza kaheeri sinawan Kot Addu M Garh</t>
  </si>
  <si>
    <t>Dregh</t>
  </si>
  <si>
    <t>Muhammad Aslam Khan</t>
  </si>
  <si>
    <t>7036</t>
  </si>
  <si>
    <t>19927</t>
  </si>
  <si>
    <t>GGES EID GAH NO. 1 CHINIOT</t>
  </si>
  <si>
    <t>govt girls elementry school Eid gah no.1</t>
  </si>
  <si>
    <t>NA100</t>
  </si>
  <si>
    <t>Aali</t>
  </si>
  <si>
    <t>Robina Zawar</t>
  </si>
  <si>
    <t>23474</t>
  </si>
  <si>
    <t>GHS CHAK NO 152 JB</t>
  </si>
  <si>
    <t>chak No. 152 JB District Chiniot</t>
  </si>
  <si>
    <t>Chak no. 152  JB</t>
  </si>
  <si>
    <t>ChAK no. 153 JB</t>
  </si>
  <si>
    <t>41299</t>
  </si>
  <si>
    <t>GGHS BHAMROOT SYEDAN</t>
  </si>
  <si>
    <t>Ban</t>
  </si>
  <si>
    <t>gghs Bhamrote Sayyedan murree p/o Bann tehsil murree</t>
  </si>
  <si>
    <t>Bhamrote Syedan</t>
  </si>
  <si>
    <t>Hadia Shabbir</t>
  </si>
  <si>
    <t>spring</t>
  </si>
  <si>
    <t>39680</t>
  </si>
  <si>
    <t>26066</t>
  </si>
  <si>
    <t>GGES NORANG ABAD</t>
  </si>
  <si>
    <t>Norangabad p/o sukhu chak</t>
  </si>
  <si>
    <t>26568</t>
  </si>
  <si>
    <t>GGMPS CHAK NAHRAH</t>
  </si>
  <si>
    <t>Chak Nahra</t>
  </si>
  <si>
    <t>chak nahra post office tarkhana mureedan tehsil Shakar Garh district narowal</t>
  </si>
  <si>
    <t>26401</t>
  </si>
  <si>
    <t>GGMPS FATEH PUR GUJRAN</t>
  </si>
  <si>
    <t>Fatehpur Gujjaran</t>
  </si>
  <si>
    <t>fatehpur gujjaran tehsil SKG district narowal</t>
  </si>
  <si>
    <t>samina iqbal</t>
  </si>
  <si>
    <t>5770</t>
  </si>
  <si>
    <t>36535</t>
  </si>
  <si>
    <t>GGHSS HAVELI MEHR SHAH, ABDUL HAKIM</t>
  </si>
  <si>
    <t>HAVELI MEHAR SHAH</t>
  </si>
  <si>
    <t>HAVELI KORANGA</t>
  </si>
  <si>
    <t>52563</t>
  </si>
  <si>
    <t>45525</t>
  </si>
  <si>
    <t>GHS CHAK NO.111 WB</t>
  </si>
  <si>
    <t>Chak No 111/wb</t>
  </si>
  <si>
    <t>chak no 111/wb mailsi</t>
  </si>
  <si>
    <t>Chak 111/wb</t>
  </si>
  <si>
    <t>Chak 69/wb</t>
  </si>
  <si>
    <t>Aamir Mahmood Khan</t>
  </si>
  <si>
    <t>6686</t>
  </si>
  <si>
    <t>27416</t>
  </si>
  <si>
    <t>GPS KARIM WALA</t>
  </si>
  <si>
    <t>GPS KARIM WALA P/O Aluday wali Teh. &amp; Distt. Muzaffargarh</t>
  </si>
  <si>
    <t>Karim Wala</t>
  </si>
  <si>
    <t>Farman Ali</t>
  </si>
  <si>
    <t>GPS PINDI SANIAN</t>
  </si>
  <si>
    <t>Pindi Sainian</t>
  </si>
  <si>
    <t>village Pindi Sainian post office shakargarh district Narowal</t>
  </si>
  <si>
    <t>44588</t>
  </si>
  <si>
    <t>GHS CHAK 227/9-R</t>
  </si>
  <si>
    <t>227-9r</t>
  </si>
  <si>
    <t>chak no.227/9-R P/o 227/9-r tehsil fortabbas distt bahawaln gar</t>
  </si>
  <si>
    <t>227/9-R</t>
  </si>
  <si>
    <t>226/9-r</t>
  </si>
  <si>
    <t>abdul ghaffar asif</t>
  </si>
  <si>
    <t>26455</t>
  </si>
  <si>
    <t>GGPS KHIZAR PUR</t>
  </si>
  <si>
    <t>Khizar pur</t>
  </si>
  <si>
    <t>Khizar  pur teh. Shakargarh District. Narowal</t>
  </si>
  <si>
    <t>Khizar Pur</t>
  </si>
  <si>
    <t>Samra Rashid</t>
  </si>
  <si>
    <t>31149</t>
  </si>
  <si>
    <t>3056</t>
  </si>
  <si>
    <t>GHSS SATELLITE TOWN BAHAWALPUR</t>
  </si>
  <si>
    <t>SATELLITE TOWN BAHAWALPUR</t>
  </si>
  <si>
    <t>Haji Muhammad Afzal</t>
  </si>
  <si>
    <t>GES CHAK NO 170/P</t>
  </si>
  <si>
    <t>Chak No 170 P</t>
  </si>
  <si>
    <t>chak  170 p. sdk</t>
  </si>
  <si>
    <t>Wahid Buksh Lar</t>
  </si>
  <si>
    <t>saifullah</t>
  </si>
  <si>
    <t>rooter. pump</t>
  </si>
  <si>
    <t>7018</t>
  </si>
  <si>
    <t>GPS 171/P</t>
  </si>
  <si>
    <t>171/P</t>
  </si>
  <si>
    <t>171/p Po. bosk and Teh.sadiq Abad</t>
  </si>
  <si>
    <t>171/p</t>
  </si>
  <si>
    <t>Goth Jungoo</t>
  </si>
  <si>
    <t>M. RAMZAN TAHIR</t>
  </si>
  <si>
    <t>26454</t>
  </si>
  <si>
    <t>GGPS MAN JATTAN</t>
  </si>
  <si>
    <t>Man Jattan</t>
  </si>
  <si>
    <t>Vill. Man Jattan  p/o dudhuchak</t>
  </si>
  <si>
    <t>GHS VERAM</t>
  </si>
  <si>
    <t>Veeram</t>
  </si>
  <si>
    <t>GHS Veeram p/o Kanjrur teh shakargarh dist Narowal</t>
  </si>
  <si>
    <t>Kotli Baray Khan</t>
  </si>
  <si>
    <t>Muhammad Mohsin Faraz</t>
  </si>
  <si>
    <t>15553</t>
  </si>
  <si>
    <t>GGPS CHAK 225 GB SAMUNDRI</t>
  </si>
  <si>
    <t>ggps225gb</t>
  </si>
  <si>
    <t>Shamaila Ihsan</t>
  </si>
  <si>
    <t>22200</t>
  </si>
  <si>
    <t>16689</t>
  </si>
  <si>
    <t>GGES CHAK 546 GB MAMUNKANJAN</t>
  </si>
  <si>
    <t>gogera</t>
  </si>
  <si>
    <t>chak no 546 gb mamukanjan</t>
  </si>
  <si>
    <t>chak no 546 gb</t>
  </si>
  <si>
    <t>chak no 550 gb</t>
  </si>
  <si>
    <t>Afia Hameed</t>
  </si>
  <si>
    <t>6907</t>
  </si>
  <si>
    <t>10090</t>
  </si>
  <si>
    <t>32465</t>
  </si>
  <si>
    <t>GGCMS DERA LUDHIANIAN</t>
  </si>
  <si>
    <t>Herdave</t>
  </si>
  <si>
    <t>Dera Ludhianian</t>
  </si>
  <si>
    <t>11070</t>
  </si>
  <si>
    <t>14468</t>
  </si>
  <si>
    <t>36889</t>
  </si>
  <si>
    <t>39330</t>
  </si>
  <si>
    <t>GGPS NAKA KALAN</t>
  </si>
  <si>
    <t>Naka Kalan</t>
  </si>
  <si>
    <t>Village  Naka kalan</t>
  </si>
  <si>
    <t>Noor Jahan</t>
  </si>
  <si>
    <t>23763</t>
  </si>
  <si>
    <t>27290</t>
  </si>
  <si>
    <t>GGPS SHER MUHAMMAD GHARIB SHAH</t>
  </si>
  <si>
    <t>Gareeb Shah</t>
  </si>
  <si>
    <t>sher muhammad gareeb shahb</t>
  </si>
  <si>
    <t>Sher Muhammad Gareeb Shah</t>
  </si>
  <si>
    <t>Kandani</t>
  </si>
  <si>
    <t>Amna Marium Akbar</t>
  </si>
  <si>
    <t>2699</t>
  </si>
  <si>
    <t>GES SAIDOKE</t>
  </si>
  <si>
    <t>NIDDOKE - MALE</t>
  </si>
  <si>
    <t>Saidokey</t>
  </si>
  <si>
    <t>Village Saidokey Narowal</t>
  </si>
  <si>
    <t>Ikram Ali</t>
  </si>
  <si>
    <t>53495</t>
  </si>
  <si>
    <t>GGPS DOLLA</t>
  </si>
  <si>
    <t>Daula</t>
  </si>
  <si>
    <t>daula p o jandraka teh distt okara</t>
  </si>
  <si>
    <t>Lakhan</t>
  </si>
  <si>
    <t>14346</t>
  </si>
  <si>
    <t>6646</t>
  </si>
  <si>
    <t>15724</t>
  </si>
  <si>
    <t>GGHS CHAK NO 226 GB</t>
  </si>
  <si>
    <t>chak no 226gb</t>
  </si>
  <si>
    <t>Chak No 226gb</t>
  </si>
  <si>
    <t>Chak Na 225gb</t>
  </si>
  <si>
    <t>ayesha siddique</t>
  </si>
  <si>
    <t>10312</t>
  </si>
  <si>
    <t>GHSS WAN BHACHRAN</t>
  </si>
  <si>
    <t>Wan Bhachran</t>
  </si>
  <si>
    <t>GHSS Wan Bhachran (Mianwali)</t>
  </si>
  <si>
    <t>Muzaffar Pure</t>
  </si>
  <si>
    <t>103455</t>
  </si>
  <si>
    <t>GGES NO.1 TANDLIANWALA</t>
  </si>
  <si>
    <t>tandlianwala</t>
  </si>
  <si>
    <t>malika humera</t>
  </si>
  <si>
    <t>38502</t>
  </si>
  <si>
    <t>2804</t>
  </si>
  <si>
    <t>2239</t>
  </si>
  <si>
    <t>GPS KUP QURESHI</t>
  </si>
  <si>
    <t>Kup Qureshi</t>
  </si>
  <si>
    <t>mouza kup qureshi</t>
  </si>
  <si>
    <t>Kupqureshi</t>
  </si>
  <si>
    <t>Muhammad Tufail</t>
  </si>
  <si>
    <t>44201</t>
  </si>
  <si>
    <t>GPS REHNA SADAT</t>
  </si>
  <si>
    <t>BHOUN-MALE</t>
  </si>
  <si>
    <t>Rehna Sadat</t>
  </si>
  <si>
    <t>Aamna Tassawar</t>
  </si>
  <si>
    <t>19308</t>
  </si>
  <si>
    <t>27154</t>
  </si>
  <si>
    <t>GMPS PINDI WALA</t>
  </si>
  <si>
    <t>Pindiwala</t>
  </si>
  <si>
    <t>pindiwala</t>
  </si>
  <si>
    <t>Shabnam Noreen</t>
  </si>
  <si>
    <t>19424</t>
  </si>
  <si>
    <t>GGPS CHAKOHA</t>
  </si>
  <si>
    <t>Chakoha</t>
  </si>
  <si>
    <t>village chakoha po box Dina</t>
  </si>
  <si>
    <t>Sehar Sultana</t>
  </si>
  <si>
    <t>10357</t>
  </si>
  <si>
    <t>33446</t>
  </si>
  <si>
    <t>31980</t>
  </si>
  <si>
    <t>GGES QAYYAM PUR</t>
  </si>
  <si>
    <t>Qayyam Pur</t>
  </si>
  <si>
    <t>qayyam pur Dak khana mannon pur .skp</t>
  </si>
  <si>
    <t>Nargis Qadir</t>
  </si>
  <si>
    <t>48521</t>
  </si>
  <si>
    <t>GHS IKHLAS PUR</t>
  </si>
  <si>
    <t>Ikhlas Pur</t>
  </si>
  <si>
    <t>AZIZ BAKHSH</t>
  </si>
  <si>
    <t>4684</t>
  </si>
  <si>
    <t>29603</t>
  </si>
  <si>
    <t>GHS NO. 2 PHOOL NAGAR</t>
  </si>
  <si>
    <t>Eid ghah road Phool Nagar Distt kasur</t>
  </si>
  <si>
    <t>Municipal Commety</t>
  </si>
  <si>
    <t>Aamir Shehzad</t>
  </si>
  <si>
    <t>29475</t>
  </si>
  <si>
    <t>28690</t>
  </si>
  <si>
    <t>27656</t>
  </si>
  <si>
    <t>GHS BAHAWAL GARH</t>
  </si>
  <si>
    <t>Bahawalgarh Garh</t>
  </si>
  <si>
    <t>GHS BAHAWALGARH. Tensile keyword pacca</t>
  </si>
  <si>
    <t>Bahawalgarh</t>
  </si>
  <si>
    <t>Mukhtar Ahmad Khan</t>
  </si>
  <si>
    <t>22970</t>
  </si>
  <si>
    <t>23920</t>
  </si>
  <si>
    <t>GGPS JAMKAY CHEEMA NO.1</t>
  </si>
  <si>
    <t>Jamke cheema</t>
  </si>
  <si>
    <t>Rafia Amin</t>
  </si>
  <si>
    <t>1.95149e+008</t>
  </si>
  <si>
    <t>24945</t>
  </si>
  <si>
    <t>5958</t>
  </si>
  <si>
    <t>44101</t>
  </si>
  <si>
    <t>GPS SIDHANDI</t>
  </si>
  <si>
    <t>Sidhandi</t>
  </si>
  <si>
    <t>gpssidhandi</t>
  </si>
  <si>
    <t>59841</t>
  </si>
  <si>
    <t>watersuply</t>
  </si>
  <si>
    <t>54511</t>
  </si>
  <si>
    <t>GGPS MUSLIM DOGAR</t>
  </si>
  <si>
    <t>Muslim Doger</t>
  </si>
  <si>
    <t>Muslim doger</t>
  </si>
  <si>
    <t>Ransiwal</t>
  </si>
  <si>
    <t>Shagufta Sohan</t>
  </si>
  <si>
    <t>44246</t>
  </si>
  <si>
    <t>42888</t>
  </si>
  <si>
    <t>GGHSS NALLA MUSLIM SHAMALI</t>
  </si>
  <si>
    <t>Nala Muslmana</t>
  </si>
  <si>
    <t>vpo nala musalmana teh kallar syedan distt rawalpindi</t>
  </si>
  <si>
    <t>Nala Musalmana</t>
  </si>
  <si>
    <t>Nala Musalmans</t>
  </si>
  <si>
    <t>Iffat Qadir Malik</t>
  </si>
  <si>
    <t>38705</t>
  </si>
  <si>
    <t>GMPS 367/WB</t>
  </si>
  <si>
    <t>367/WB</t>
  </si>
  <si>
    <t>Chak No.367/WB Tehsil Dunyapur District Lodhran</t>
  </si>
  <si>
    <t>42540</t>
  </si>
  <si>
    <t>19812</t>
  </si>
  <si>
    <t>GMPS ABDUL KAY</t>
  </si>
  <si>
    <t>Sagar Wala</t>
  </si>
  <si>
    <t>bohart wala tehsil bhowana dust chiniot</t>
  </si>
  <si>
    <t>Bohart Wala</t>
  </si>
  <si>
    <t>Summader</t>
  </si>
  <si>
    <t>9970</t>
  </si>
  <si>
    <t>GPS CHIBIANA</t>
  </si>
  <si>
    <t>Mosam Wala</t>
  </si>
  <si>
    <t>adda chabiana</t>
  </si>
  <si>
    <t>Chabiana</t>
  </si>
  <si>
    <t>20108</t>
  </si>
  <si>
    <t>GGES CHAK NO. 128 JB</t>
  </si>
  <si>
    <t>AEO (W) CHINIOT NO.20</t>
  </si>
  <si>
    <t>Chak 128 Jb Thethian</t>
  </si>
  <si>
    <t>gges 128 jb Thethian</t>
  </si>
  <si>
    <t>AASIMA RIAZ</t>
  </si>
  <si>
    <t>21840</t>
  </si>
  <si>
    <t>45455</t>
  </si>
  <si>
    <t>39410</t>
  </si>
  <si>
    <t>23842</t>
  </si>
  <si>
    <t>GMPS HERSIAN</t>
  </si>
  <si>
    <t>Harsian</t>
  </si>
  <si>
    <t>harsian</t>
  </si>
  <si>
    <t>Adam Kay</t>
  </si>
  <si>
    <t>naila tabassum</t>
  </si>
  <si>
    <t>34326</t>
  </si>
  <si>
    <t>GPS CHAK 426 JB</t>
  </si>
  <si>
    <t>PUL AADA-MALE</t>
  </si>
  <si>
    <t>Chak 426 jb</t>
  </si>
  <si>
    <t>426 JB</t>
  </si>
  <si>
    <t>310JB</t>
  </si>
  <si>
    <t>23921</t>
  </si>
  <si>
    <t>20075</t>
  </si>
  <si>
    <t>20064</t>
  </si>
  <si>
    <t>41108</t>
  </si>
  <si>
    <t>11448</t>
  </si>
  <si>
    <t>GGPS BASTI AWAN</t>
  </si>
  <si>
    <t>Basti awan</t>
  </si>
  <si>
    <t>Basti Awan</t>
  </si>
  <si>
    <t>Aneela Saeed</t>
  </si>
  <si>
    <t>43432</t>
  </si>
  <si>
    <t>GGPS PINDI GUJRAN</t>
  </si>
  <si>
    <t>Pindigujran</t>
  </si>
  <si>
    <t>vill po pindi gujran</t>
  </si>
  <si>
    <t>PindiGujran</t>
  </si>
  <si>
    <t>Misbah Ghazanfar</t>
  </si>
  <si>
    <t>19880</t>
  </si>
  <si>
    <t>15305</t>
  </si>
  <si>
    <t>GGES ISLAM PURA JARANWALA</t>
  </si>
  <si>
    <t>islampura jaranwala</t>
  </si>
  <si>
    <t>Najma Firdous</t>
  </si>
  <si>
    <t>4049</t>
  </si>
  <si>
    <t>34130</t>
  </si>
  <si>
    <t>GPS CHAK 66 JB I</t>
  </si>
  <si>
    <t>66 J/B Dhandra</t>
  </si>
  <si>
    <t>Chak 66 J/B Dhandra Jhang Road Faisalabad</t>
  </si>
  <si>
    <t>M  Afzal</t>
  </si>
  <si>
    <t>59903</t>
  </si>
  <si>
    <t>51440</t>
  </si>
  <si>
    <t>36657</t>
  </si>
  <si>
    <t>GGES EID GHAH ABDUL HAKIM</t>
  </si>
  <si>
    <t>GGES  Eidgah  Abdulhakim</t>
  </si>
  <si>
    <t>GHS SHAHANI</t>
  </si>
  <si>
    <t>Govt.high school shahani</t>
  </si>
  <si>
    <t>Zahid Muhammad Alias Rajab Ali</t>
  </si>
  <si>
    <t>20691</t>
  </si>
  <si>
    <t>7951</t>
  </si>
  <si>
    <t>GGHS CHAK NO 117 TDA (GHULAM HAIDER KULLO WALA)</t>
  </si>
  <si>
    <t>chak  117/TDA  haider kallu wala</t>
  </si>
  <si>
    <t>GGHS CHAK NO 117 TDA (GHULAM HAIDER KULLO WALA) Layyah</t>
  </si>
  <si>
    <t>chak  117/TDA Ghulam Haider</t>
  </si>
  <si>
    <t>Sajida Kanwal</t>
  </si>
  <si>
    <t>hand pump, motor pump</t>
  </si>
  <si>
    <t>38642</t>
  </si>
  <si>
    <t>GGES 301 WB</t>
  </si>
  <si>
    <t>gges301wb tehseel dunyapur</t>
  </si>
  <si>
    <t>Samina Shaheen</t>
  </si>
  <si>
    <t>16467</t>
  </si>
  <si>
    <t>GGHSS CHAK JHUMRA</t>
  </si>
  <si>
    <t>Chak Jhumra</t>
  </si>
  <si>
    <t>gghss near railway station chak jhumra, fsd</t>
  </si>
  <si>
    <t>mc chak jhumra</t>
  </si>
  <si>
    <t>zubaida khanum</t>
  </si>
  <si>
    <t>60384</t>
  </si>
  <si>
    <t>7203</t>
  </si>
  <si>
    <t>50155</t>
  </si>
  <si>
    <t>GGHS 18/11-L</t>
  </si>
  <si>
    <t>Chak 18/11-L</t>
  </si>
  <si>
    <t>18 /11-L</t>
  </si>
  <si>
    <t>Farhana kaousar</t>
  </si>
  <si>
    <t>13652</t>
  </si>
  <si>
    <t>5138</t>
  </si>
  <si>
    <t>4573</t>
  </si>
  <si>
    <t>26229</t>
  </si>
  <si>
    <t>GGPS DERSSO PUR</t>
  </si>
  <si>
    <t>Dersopur</t>
  </si>
  <si>
    <t>post office maryal village dersopur</t>
  </si>
  <si>
    <t>Naila Arif</t>
  </si>
  <si>
    <t>44674</t>
  </si>
  <si>
    <t>GGPS CHAK NO 180 TDA</t>
  </si>
  <si>
    <t>Dagar Rhtas</t>
  </si>
  <si>
    <t>chak no 180tda</t>
  </si>
  <si>
    <t>Rukhsana begum</t>
  </si>
  <si>
    <t>35387</t>
  </si>
  <si>
    <t>GGES CHAK 293 RB  I</t>
  </si>
  <si>
    <t>293 RB I</t>
  </si>
  <si>
    <t>Chak no 293RB 1</t>
  </si>
  <si>
    <t>Aasma Irfan</t>
  </si>
  <si>
    <t>21223</t>
  </si>
  <si>
    <t>38441</t>
  </si>
  <si>
    <t>GGHSS 358/WB</t>
  </si>
  <si>
    <t>Chak No 358/WB</t>
  </si>
  <si>
    <t>CHAK NO 358/WB, TEHSIL DUNYAPUR, DISTRICT LODHRAN</t>
  </si>
  <si>
    <t>Chak No 360/WB</t>
  </si>
  <si>
    <t>SHABINA RAANA</t>
  </si>
  <si>
    <t>GGPS CHAK 127 GB I JARANWALA</t>
  </si>
  <si>
    <t>Chak #127Gb</t>
  </si>
  <si>
    <t>chak #127Gb I</t>
  </si>
  <si>
    <t>Shazia Umar</t>
  </si>
  <si>
    <t>35959</t>
  </si>
  <si>
    <t>35565</t>
  </si>
  <si>
    <t>16068</t>
  </si>
  <si>
    <t>GES CHAK 130 GB</t>
  </si>
  <si>
    <t>130GB</t>
  </si>
  <si>
    <t>GES 130GB FSD</t>
  </si>
  <si>
    <t>JAGGAT PUR</t>
  </si>
  <si>
    <t>Sarfaraz Khan</t>
  </si>
  <si>
    <t>44655</t>
  </si>
  <si>
    <t>GGPS CHAH ANWAR BAIG KHAN WALA</t>
  </si>
  <si>
    <t>BEHAL - FEMALE</t>
  </si>
  <si>
    <t>Rasheed Purr</t>
  </si>
  <si>
    <t>GAPS chah Anwer Baig Khan wala</t>
  </si>
  <si>
    <t>Chah Anwer Baig Khan Wala</t>
  </si>
  <si>
    <t>Yousaf Shah</t>
  </si>
  <si>
    <t>Kausar  Perveen</t>
  </si>
  <si>
    <t>35047</t>
  </si>
  <si>
    <t>GGHS CHAK NO. 447 EB</t>
  </si>
  <si>
    <t>447EB</t>
  </si>
  <si>
    <t>GGHS 447EB BUREWALA</t>
  </si>
  <si>
    <t>CHAK NO 447EB</t>
  </si>
  <si>
    <t>BTM</t>
  </si>
  <si>
    <t>SUMAIRA NASEEM</t>
  </si>
  <si>
    <t>22745</t>
  </si>
  <si>
    <t>37700</t>
  </si>
  <si>
    <t>30678</t>
  </si>
  <si>
    <t>38471</t>
  </si>
  <si>
    <t>GGHS 357/WB</t>
  </si>
  <si>
    <t>chak no 357/wb tehsil dunyapur district lodhran</t>
  </si>
  <si>
    <t>Chak No 357/Wb</t>
  </si>
  <si>
    <t>shumaila bashir</t>
  </si>
  <si>
    <t>8649</t>
  </si>
  <si>
    <t>GGHS 174-A/9-L</t>
  </si>
  <si>
    <t>174/9-L Chichawtni</t>
  </si>
  <si>
    <t>chak # 174/9-L Fojiya'n wala..Teh.chichawatni..Dist: Sahiwal</t>
  </si>
  <si>
    <t>174/9-L Chichawatni</t>
  </si>
  <si>
    <t>Chak #162/9-L</t>
  </si>
  <si>
    <t>16885</t>
  </si>
  <si>
    <t>GGHS TRIMU HEAD</t>
  </si>
  <si>
    <t>Dhui Muhammad</t>
  </si>
  <si>
    <t>Head trimu canal colony moza dhui Muhammad tehsil &amp;district Jhang</t>
  </si>
  <si>
    <t>Mansoor Sial</t>
  </si>
  <si>
    <t>hameeda fatima</t>
  </si>
  <si>
    <t>20507</t>
  </si>
  <si>
    <t>GGHS NADALA SANDWAN</t>
  </si>
  <si>
    <t>Nadala sandwan</t>
  </si>
  <si>
    <t>Gghs nadala sandwan</t>
  </si>
  <si>
    <t>Aneela anam</t>
  </si>
  <si>
    <t>34228</t>
  </si>
  <si>
    <t>31899</t>
  </si>
  <si>
    <t>31499</t>
  </si>
  <si>
    <t>19227</t>
  </si>
  <si>
    <t>GHS CHAK 313 GB</t>
  </si>
  <si>
    <t>Chak 313 GB Tehsil pirmahal district Toba. Tek Singh</t>
  </si>
  <si>
    <t>Chak 313 GB</t>
  </si>
  <si>
    <t>Chak 327 GB</t>
  </si>
  <si>
    <t>Saif ur Rehman</t>
  </si>
  <si>
    <t>8356</t>
  </si>
  <si>
    <t>water supply chak 313 gb</t>
  </si>
  <si>
    <t>33229</t>
  </si>
  <si>
    <t>GPS DERA GUJRAN</t>
  </si>
  <si>
    <t>Goverment primary school Dera Gujran</t>
  </si>
  <si>
    <t>Dera Gujran</t>
  </si>
  <si>
    <t>Zulfiqar Ghous</t>
  </si>
  <si>
    <t>40182</t>
  </si>
  <si>
    <t>GHS 228 EB</t>
  </si>
  <si>
    <t>228EB</t>
  </si>
  <si>
    <t>Chak No.228EB, Vehari.</t>
  </si>
  <si>
    <t>Chak 228EB</t>
  </si>
  <si>
    <t>194EB</t>
  </si>
  <si>
    <t>19229</t>
  </si>
  <si>
    <t>GHS CHAK 264 GB</t>
  </si>
  <si>
    <t>264 gB</t>
  </si>
  <si>
    <t>CHAK NO. 264 GB</t>
  </si>
  <si>
    <t>CHAK NO. 262 GB</t>
  </si>
  <si>
    <t>MUHAMMAD WAQAS BOOTA</t>
  </si>
  <si>
    <t>11051</t>
  </si>
  <si>
    <t>26004</t>
  </si>
  <si>
    <t>36462</t>
  </si>
  <si>
    <t>GGPS ABDULLAH WAH</t>
  </si>
  <si>
    <t>Abdullah Wah, Moza Karim Wah,
 Vehari</t>
  </si>
  <si>
    <t>Abdullah Wah</t>
  </si>
  <si>
    <t>Mahtab Jan</t>
  </si>
  <si>
    <t>47812</t>
  </si>
  <si>
    <t>33173</t>
  </si>
  <si>
    <t>GHS RASUL PUR JATTAN</t>
  </si>
  <si>
    <t>Safdar Abad</t>
  </si>
  <si>
    <t>ghs rasul pur jattan skp</t>
  </si>
  <si>
    <t>Rasulpurj attan</t>
  </si>
  <si>
    <t>30852</t>
  </si>
  <si>
    <t>29468</t>
  </si>
  <si>
    <t>36343</t>
  </si>
  <si>
    <t>GGPS CHAK NO 563 EB</t>
  </si>
  <si>
    <t>563/eb</t>
  </si>
  <si>
    <t>Chak no 563/eb vehari</t>
  </si>
  <si>
    <t>563/eb Vehari</t>
  </si>
  <si>
    <t>561/eb Vehari</t>
  </si>
  <si>
    <t>25162</t>
  </si>
  <si>
    <t>25571</t>
  </si>
  <si>
    <t>GGHS MUNDAIR KHURD</t>
  </si>
  <si>
    <t>village mundair khurd P/O Mundair Syedaan Sambrial</t>
  </si>
  <si>
    <t>Mundair Khurd</t>
  </si>
  <si>
    <t>9691</t>
  </si>
  <si>
    <t>36092</t>
  </si>
  <si>
    <t>36083</t>
  </si>
  <si>
    <t>GGHS CHAK NO 537 EB</t>
  </si>
  <si>
    <t>537/EB VEHARI</t>
  </si>
  <si>
    <t>CHAK NO.537/EB TEHSIL AND DISTRICT VEHARI.</t>
  </si>
  <si>
    <t>Night Islam ud Din</t>
  </si>
  <si>
    <t>13667</t>
  </si>
  <si>
    <t>GGES CHAK NO.112/DNB</t>
  </si>
  <si>
    <t>Chak No 112 DNB</t>
  </si>
  <si>
    <t>chak no 112/dnb</t>
  </si>
  <si>
    <t>112/dnb</t>
  </si>
  <si>
    <t>36/dn</t>
  </si>
  <si>
    <t>40250</t>
  </si>
  <si>
    <t>26573</t>
  </si>
  <si>
    <t>GPS FATTOWAL SULEHRIAN</t>
  </si>
  <si>
    <t>Fattowal Sulehrian</t>
  </si>
  <si>
    <t>village fattowal sulehrian p/o dudhuchak tehsil sakargarh district narowal</t>
  </si>
  <si>
    <t>Shafqaat Ahmed</t>
  </si>
  <si>
    <t>34491</t>
  </si>
  <si>
    <t>41383</t>
  </si>
  <si>
    <t>GPS BHORGARAN</t>
  </si>
  <si>
    <t>Samli Tajjal</t>
  </si>
  <si>
    <t>Bohar  Graan Samli Tajjal Murree</t>
  </si>
  <si>
    <t>Bohar  Graan</t>
  </si>
  <si>
    <t>GGES JOURIAN KALAN</t>
  </si>
  <si>
    <t>Jourian kalan</t>
  </si>
  <si>
    <t>GGES Jourian kalan</t>
  </si>
  <si>
    <t>42107</t>
  </si>
  <si>
    <t>11204</t>
  </si>
  <si>
    <t>GHS JAISAIL KALASRA</t>
  </si>
  <si>
    <t>Jaisal Nashaib</t>
  </si>
  <si>
    <t>basti jaisal klasra  district layyah</t>
  </si>
  <si>
    <t>Basti Jaisal Klasra</t>
  </si>
  <si>
    <t>Rural Kot Sultan</t>
  </si>
  <si>
    <t>MUHAMMAD AMMAR RAZA</t>
  </si>
  <si>
    <t>GGES KHANNA</t>
  </si>
  <si>
    <t>Khanna</t>
  </si>
  <si>
    <t>khanna</t>
  </si>
  <si>
    <t>Asia Ramzan</t>
  </si>
  <si>
    <t>7866</t>
  </si>
  <si>
    <t>31651</t>
  </si>
  <si>
    <t>GGES GHEHAL PUR</t>
  </si>
  <si>
    <t>Ghehal Pur</t>
  </si>
  <si>
    <t>post office utra sandeela teh jatoi distt muzaffargarh</t>
  </si>
  <si>
    <t>Basti Makwal</t>
  </si>
  <si>
    <t>Hassan Pur Kacha</t>
  </si>
  <si>
    <t>Shumaila Razzaq</t>
  </si>
  <si>
    <t>31459</t>
  </si>
  <si>
    <t>42371</t>
  </si>
  <si>
    <t>GGHS NO. 1 GUJAR KHAN</t>
  </si>
  <si>
    <t>Housing scheme #1,Gujar khan</t>
  </si>
  <si>
    <t>SHAZIA SHARIF</t>
  </si>
  <si>
    <t>26109</t>
  </si>
  <si>
    <t>GPS RAIBA KALAN</t>
  </si>
  <si>
    <t>GPS Raiba Kalan p/o Raiba kalan tehsil Shakargarh District Narowak</t>
  </si>
  <si>
    <t>Ashfaq Ahmed Tahir</t>
  </si>
  <si>
    <t>53645</t>
  </si>
  <si>
    <t>GGES CHAK NO.13/1R</t>
  </si>
  <si>
    <t>13/1R</t>
  </si>
  <si>
    <t>34818</t>
  </si>
  <si>
    <t>GPS BAIT WAHI NO.1</t>
  </si>
  <si>
    <t>Bait Wahi</t>
  </si>
  <si>
    <t>Muhammad pur bait wahi</t>
  </si>
  <si>
    <t>Muhammad pur</t>
  </si>
  <si>
    <t>17107</t>
  </si>
  <si>
    <t>20225</t>
  </si>
  <si>
    <t>GPS JABANA</t>
  </si>
  <si>
    <t>JABANA</t>
  </si>
  <si>
    <t>GOVT PS JABANA</t>
  </si>
  <si>
    <t>MOHAMMAD MUNSHA</t>
  </si>
  <si>
    <t>9670</t>
  </si>
  <si>
    <t>GES CHAK 5 FAIZ MULTAN</t>
  </si>
  <si>
    <t>BASTI MALOOK-MALE</t>
  </si>
  <si>
    <t>Chack 5 Faiz</t>
  </si>
  <si>
    <t>20364</t>
  </si>
  <si>
    <t>47046</t>
  </si>
  <si>
    <t>GGHS DILLE WALI</t>
  </si>
  <si>
    <t>Mochh</t>
  </si>
  <si>
    <t>P/O Dillewali Tehsil and District Mianwali.</t>
  </si>
  <si>
    <t>Dillewali</t>
  </si>
  <si>
    <t>Dillewali Qurashian</t>
  </si>
  <si>
    <t>11444</t>
  </si>
  <si>
    <t>38443</t>
  </si>
  <si>
    <t>4756</t>
  </si>
  <si>
    <t>18898</t>
  </si>
  <si>
    <t>GGES MAL FATYANA</t>
  </si>
  <si>
    <t>SHEIKH BURHAN-FEMALE</t>
  </si>
  <si>
    <t>Malfatyana</t>
  </si>
  <si>
    <t>moza malfatyana</t>
  </si>
  <si>
    <t>MalfaTyana</t>
  </si>
  <si>
    <t>Sahira Jabeen</t>
  </si>
  <si>
    <t>4621</t>
  </si>
  <si>
    <t>34386</t>
  </si>
  <si>
    <t>GPS PUL MIANI JHOKE LASHKAR PUR</t>
  </si>
  <si>
    <t>BUDHLA SANT - MALE</t>
  </si>
  <si>
    <t>Chpran Wala</t>
  </si>
  <si>
    <t>19 kassi budhla road kot shahbaz</t>
  </si>
  <si>
    <t>Chpran Wals</t>
  </si>
  <si>
    <t>Jhok Lashkar Pur</t>
  </si>
  <si>
    <t>Tariq Javad</t>
  </si>
  <si>
    <t>3556</t>
  </si>
  <si>
    <t>GHS JAMAL PUR</t>
  </si>
  <si>
    <t>p/o Jamalpur Tehsil Hasilpur</t>
  </si>
  <si>
    <t>GGPS 3/GD</t>
  </si>
  <si>
    <t>3GD</t>
  </si>
  <si>
    <t>Chak no.3GD Tehsil Renala Khurd district Okara</t>
  </si>
  <si>
    <t>Lahorianwala</t>
  </si>
  <si>
    <t>Robina Kosur</t>
  </si>
  <si>
    <t>29487</t>
  </si>
  <si>
    <t>16435</t>
  </si>
  <si>
    <t>GGHS CHAK NO 153 RB BHROKI</t>
  </si>
  <si>
    <t>153rb</t>
  </si>
  <si>
    <t>GGHS153RB Bhroki</t>
  </si>
  <si>
    <t>Chak No 153RB Bhrok</t>
  </si>
  <si>
    <t>zubaida begum</t>
  </si>
  <si>
    <t>174021</t>
  </si>
  <si>
    <t>13263</t>
  </si>
  <si>
    <t>GGPS CHAK NO.6/1R</t>
  </si>
  <si>
    <t>6/1r</t>
  </si>
  <si>
    <t>chack number 6/1.r TEHSIL Renala khurd</t>
  </si>
  <si>
    <t>Islampure</t>
  </si>
  <si>
    <t>53436</t>
  </si>
  <si>
    <t>44131</t>
  </si>
  <si>
    <t>30914</t>
  </si>
  <si>
    <t>GGHS MUHAMMADIA DATA NAGAR</t>
  </si>
  <si>
    <t>govt Muhammadia GHS Data Nagar badami bagh lhr</t>
  </si>
  <si>
    <t>Data Nagar</t>
  </si>
  <si>
    <t>Raheela Shah</t>
  </si>
  <si>
    <t>2379</t>
  </si>
  <si>
    <t>5921</t>
  </si>
  <si>
    <t>GGHS CHAK 157 RB FSD</t>
  </si>
  <si>
    <t>Chak No 157RB .Chak Jhumra.Fsd</t>
  </si>
  <si>
    <t>157RB</t>
  </si>
  <si>
    <t>Soby Chak 159RB</t>
  </si>
  <si>
    <t>Mussarat rafiq</t>
  </si>
  <si>
    <t>40959</t>
  </si>
  <si>
    <t>40684</t>
  </si>
  <si>
    <t>GPS NATHOT</t>
  </si>
  <si>
    <t>NATHOT</t>
  </si>
  <si>
    <t>Village Nathot P /O Diyal Tehsil Sohawa District Jhelum</t>
  </si>
  <si>
    <t>Kashif Ashraf</t>
  </si>
  <si>
    <t>53018</t>
  </si>
  <si>
    <t>16651</t>
  </si>
  <si>
    <t>GGHS PINDI SHEIKH MUSA TANDLIANWALA</t>
  </si>
  <si>
    <t>pindi sheikh musa</t>
  </si>
  <si>
    <t>dak-khana pindi sheikh musa tehsil tandlianwala districtfaisalabad</t>
  </si>
  <si>
    <t>53744</t>
  </si>
  <si>
    <t>GGES BASTI RAHIM BAKHSH</t>
  </si>
  <si>
    <t>Basti Raheem bakhsh, Renala khurd</t>
  </si>
  <si>
    <t>Munciple Commety Renala Khurd</t>
  </si>
  <si>
    <t>Iffat Fahmida</t>
  </si>
  <si>
    <t>GGPS DAGGAR WALI</t>
  </si>
  <si>
    <t>VohoaNorth</t>
  </si>
  <si>
    <t>ggpsdaggerwali</t>
  </si>
  <si>
    <t>Dagger Wali</t>
  </si>
  <si>
    <t>VehoaNorth</t>
  </si>
  <si>
    <t>KALSOOM BI BI</t>
  </si>
  <si>
    <t>16253</t>
  </si>
  <si>
    <t>15672</t>
  </si>
  <si>
    <t>GGHS 388 GB</t>
  </si>
  <si>
    <t>gghs388gbtehsil sumandri dist faisalabad</t>
  </si>
  <si>
    <t>Chak No 388 gb</t>
  </si>
  <si>
    <t>TAHIRA YASMIN</t>
  </si>
  <si>
    <t>47946</t>
  </si>
  <si>
    <t>GGES CHAK NO. 17 ML</t>
  </si>
  <si>
    <t>9 ML GHANGI WALA</t>
  </si>
  <si>
    <t>CHAK NO 17 ML</t>
  </si>
  <si>
    <t>CHAK NO.17ML</t>
  </si>
  <si>
    <t>DABB</t>
  </si>
  <si>
    <t>Snober Nazir</t>
  </si>
  <si>
    <t>40071</t>
  </si>
  <si>
    <t>GGHS SANGHOI</t>
  </si>
  <si>
    <t>sanghoi</t>
  </si>
  <si>
    <t>GGHS SANGHOI JHELUM</t>
  </si>
  <si>
    <t>SANGHOI</t>
  </si>
  <si>
    <t>mahrukh rafiq</t>
  </si>
  <si>
    <t>filtration plant</t>
  </si>
  <si>
    <t>1205</t>
  </si>
  <si>
    <t>34794</t>
  </si>
  <si>
    <t>GGHS KOTLA CHAKAR JALALPUR PIRWALA</t>
  </si>
  <si>
    <t>Kotla Chakar</t>
  </si>
  <si>
    <t>GGHS.KOTLA CHAKAR.JALALPUR PIR WALA  MULTAN</t>
  </si>
  <si>
    <t>Sajida Begum</t>
  </si>
  <si>
    <t>19070</t>
  </si>
  <si>
    <t>3588</t>
  </si>
  <si>
    <t>GGHS CHHOHAN</t>
  </si>
  <si>
    <t>Gghs chohan hasilpur</t>
  </si>
  <si>
    <t>Palla</t>
  </si>
  <si>
    <t>Salma Amin</t>
  </si>
  <si>
    <t>3415</t>
  </si>
  <si>
    <t>22796</t>
  </si>
  <si>
    <t>54670</t>
  </si>
  <si>
    <t>GMPS CHAK NO 21 DB</t>
  </si>
  <si>
    <t>Wichveen Bala</t>
  </si>
  <si>
    <t>chak no 21db po Bala teh piplan distt mianwali</t>
  </si>
  <si>
    <t>Chak No 21db</t>
  </si>
  <si>
    <t>Taslim Akhtar</t>
  </si>
  <si>
    <t>23232</t>
  </si>
  <si>
    <t>19698</t>
  </si>
  <si>
    <t>GHS CHAK NO 223 JB</t>
  </si>
  <si>
    <t>Ramana</t>
  </si>
  <si>
    <t>Chak No.223/JB Tehsil Bhowana District Chiniot</t>
  </si>
  <si>
    <t>Chak No 223/JB</t>
  </si>
  <si>
    <t>190 /JBArbiwala</t>
  </si>
  <si>
    <t>sanaullah khan</t>
  </si>
  <si>
    <t>43058</t>
  </si>
  <si>
    <t>53574</t>
  </si>
  <si>
    <t>GGCMES CHAK NO. 36/2-L</t>
  </si>
  <si>
    <t>36/2L Okara</t>
  </si>
  <si>
    <t>36/2_L Okara</t>
  </si>
  <si>
    <t>Shafqat Shafique</t>
  </si>
  <si>
    <t>44440</t>
  </si>
  <si>
    <t>40853</t>
  </si>
  <si>
    <t>GHS RAMDAYAL</t>
  </si>
  <si>
    <t>Ramdial</t>
  </si>
  <si>
    <t>GHS Ramdial tehsil dina</t>
  </si>
  <si>
    <t>Arshad Hussain Shah</t>
  </si>
  <si>
    <t>26997</t>
  </si>
  <si>
    <t>4014</t>
  </si>
  <si>
    <t>42219</t>
  </si>
  <si>
    <t>GGCMS BUKHARA</t>
  </si>
  <si>
    <t>BUKHARA - FEMALE</t>
  </si>
  <si>
    <t>bukhara</t>
  </si>
  <si>
    <t>bukhara shareef</t>
  </si>
  <si>
    <t>shabana perveen</t>
  </si>
  <si>
    <t>40062</t>
  </si>
  <si>
    <t>GHS MEHR ALI AZAM SHAHEED (CHAKRI)</t>
  </si>
  <si>
    <t>Chakri Rajgan</t>
  </si>
  <si>
    <t>VPO chakri Teh &amp; Distt jhelum</t>
  </si>
  <si>
    <t>22515</t>
  </si>
  <si>
    <t>GGPS KULA CHOUR NO. 2</t>
  </si>
  <si>
    <t>J.P.JATTAN II - FEMALE</t>
  </si>
  <si>
    <t>Kula Chor</t>
  </si>
  <si>
    <t>kula chor</t>
  </si>
  <si>
    <t>JPJ</t>
  </si>
  <si>
    <t>Fouzia Nazir</t>
  </si>
  <si>
    <t>35180</t>
  </si>
  <si>
    <t>33980</t>
  </si>
  <si>
    <t>GGES PASAIL</t>
  </si>
  <si>
    <t>Pasail</t>
  </si>
  <si>
    <t>moza pasail dak khana bahawal das tehsil depalpur dist okara</t>
  </si>
  <si>
    <t>Padat Manful Pur</t>
  </si>
  <si>
    <t>Mussart Shaeen</t>
  </si>
  <si>
    <t>GGES CHAK 334 JB TEHSILDAR</t>
  </si>
  <si>
    <t>Tehsildar</t>
  </si>
  <si>
    <t>chak no 334 jb teh gojra</t>
  </si>
  <si>
    <t>334 Jb</t>
  </si>
  <si>
    <t>Rumana Hanif</t>
  </si>
  <si>
    <t>GGES JANOO WALA</t>
  </si>
  <si>
    <t>JANOO WALA - FEMALE</t>
  </si>
  <si>
    <t>Janoo Wala</t>
  </si>
  <si>
    <t>gghs janoo wala</t>
  </si>
  <si>
    <t>Manzoor Bibi</t>
  </si>
  <si>
    <t>45580</t>
  </si>
  <si>
    <t>45314</t>
  </si>
  <si>
    <t>GGHS CHAK NO 275 JB</t>
  </si>
  <si>
    <t>275 Jb</t>
  </si>
  <si>
    <t>chk no 275 jb</t>
  </si>
  <si>
    <t>275jb</t>
  </si>
  <si>
    <t>Naz Parwr</t>
  </si>
  <si>
    <t>28680</t>
  </si>
  <si>
    <t>GGHS CHAK 257 RB FSD</t>
  </si>
  <si>
    <t>Chak No 257rb</t>
  </si>
  <si>
    <t>GGHS 257rb chak jahangir khurd</t>
  </si>
  <si>
    <t>Rubina Kauser</t>
  </si>
  <si>
    <t>GPS 8/FW SETHAN WALA</t>
  </si>
  <si>
    <t>CTN-IV-MALE</t>
  </si>
  <si>
    <t>8FW</t>
  </si>
  <si>
    <t>8/FW sethanwala</t>
  </si>
  <si>
    <t>8/FW Sethanwala</t>
  </si>
  <si>
    <t>9/FW</t>
  </si>
  <si>
    <t>GPS BADANA SHARQI</t>
  </si>
  <si>
    <t>CTN-XIV-MALE</t>
  </si>
  <si>
    <t>Badana Sharqi</t>
  </si>
  <si>
    <t>Badana Sharqi .</t>
  </si>
  <si>
    <t>Sodha</t>
  </si>
  <si>
    <t>GPS CHAK NO. 3/FW - M</t>
  </si>
  <si>
    <t>CTN-XI-MALE</t>
  </si>
  <si>
    <t>3fw</t>
  </si>
  <si>
    <t>chak no 3fw manzoor wala</t>
  </si>
  <si>
    <t>3fw Manzoor Wala</t>
  </si>
  <si>
    <t>Muhammad ZAfar</t>
  </si>
  <si>
    <t>GPS CHAK NO. 117/M</t>
  </si>
  <si>
    <t>CTN-V-MALE</t>
  </si>
  <si>
    <t>117/M</t>
  </si>
  <si>
    <t>CHAK NO. 117 MURAD</t>
  </si>
  <si>
    <t>CHAK NO. 112 MURAD</t>
  </si>
  <si>
    <t>ABDUL GHAFOOR</t>
  </si>
  <si>
    <t>5899</t>
  </si>
  <si>
    <t>5638</t>
  </si>
  <si>
    <t>GPS CHAK NO. 114 M</t>
  </si>
  <si>
    <t>CTN-II-MALE</t>
  </si>
  <si>
    <t>114m</t>
  </si>
  <si>
    <t>Chak114m chishtian bwn</t>
  </si>
  <si>
    <t>Chak114m</t>
  </si>
  <si>
    <t>Chak112m</t>
  </si>
  <si>
    <t>Muhammad Abu Baker</t>
  </si>
  <si>
    <t>GMPS CHAK NO. 5 GAJIANI</t>
  </si>
  <si>
    <t>5/G</t>
  </si>
  <si>
    <t>GMPS 5Gajiani</t>
  </si>
  <si>
    <t>4/G</t>
  </si>
  <si>
    <t>Uzma Farooq</t>
  </si>
  <si>
    <t>GGES CHAK NO 3/F MARLA SCHEME</t>
  </si>
  <si>
    <t>Three Fw</t>
  </si>
  <si>
    <t>Govt Girls Elementary school 3FW marla scheme</t>
  </si>
  <si>
    <t>Three Fw Marla Scheme</t>
  </si>
  <si>
    <t>Mehwish Saba</t>
  </si>
  <si>
    <t>41537</t>
  </si>
  <si>
    <t>29790</t>
  </si>
  <si>
    <t>GGPS JHEDWAN AREY WALA</t>
  </si>
  <si>
    <t>jhedwan</t>
  </si>
  <si>
    <t>basti jhedwan</t>
  </si>
  <si>
    <t>Bashiran Begum</t>
  </si>
  <si>
    <t>40300</t>
  </si>
  <si>
    <t>GGPS BASTI HASAM</t>
  </si>
  <si>
    <t>Basti Hassam</t>
  </si>
  <si>
    <t>Hassam</t>
  </si>
  <si>
    <t>Mehta jheddu</t>
  </si>
  <si>
    <t>Sumaira Iram</t>
  </si>
  <si>
    <t>22122</t>
  </si>
  <si>
    <t>GGPS BASTI GURAIA</t>
  </si>
  <si>
    <t>Qabool Fatani</t>
  </si>
  <si>
    <t>GGPS basti Guraya</t>
  </si>
  <si>
    <t>Guraya</t>
  </si>
  <si>
    <t>Zafaran Farid</t>
  </si>
  <si>
    <t>5658</t>
  </si>
  <si>
    <t>GGPS MC QADEEM CHISHTIAN</t>
  </si>
  <si>
    <t>CTN -VIII-FEMALE</t>
  </si>
  <si>
    <t>Old Chishtian</t>
  </si>
  <si>
    <t>GGPS MC Qadeem chishtian</t>
  </si>
  <si>
    <t>Syeda Ghulam Sughra</t>
  </si>
  <si>
    <t>GMPS MEHMOOD ABAD</t>
  </si>
  <si>
    <t>Mari Shok Shah</t>
  </si>
  <si>
    <t>GMPS Mehmoodabad p/o chak Abdullah</t>
  </si>
  <si>
    <t>Chak Abdullah</t>
  </si>
  <si>
    <t>Sadia Nayyar</t>
  </si>
  <si>
    <t>GMMS ALLA ABAD</t>
  </si>
  <si>
    <t>CTN-XII-MALE</t>
  </si>
  <si>
    <t>awan pura nearsugur mill</t>
  </si>
  <si>
    <t>4 fordwah awan pura</t>
  </si>
  <si>
    <t>Urban CTN</t>
  </si>
  <si>
    <t>45830</t>
  </si>
  <si>
    <t>GMPS DERA UMAR HAYAT</t>
  </si>
  <si>
    <t>Dera Umer Hayat Nari Janubi</t>
  </si>
  <si>
    <t>Dera Umer Hayat</t>
  </si>
  <si>
    <t>Nari Janubi</t>
  </si>
  <si>
    <t>Ismat Perveen</t>
  </si>
  <si>
    <t>45899</t>
  </si>
  <si>
    <t>44868</t>
  </si>
  <si>
    <t>GES NOORA</t>
  </si>
  <si>
    <t>Noora Sharif</t>
  </si>
  <si>
    <t>Qaisar Naveed</t>
  </si>
  <si>
    <t>34164</t>
  </si>
  <si>
    <t>35585</t>
  </si>
  <si>
    <t>GGHS CHAK NO.110/WB</t>
  </si>
  <si>
    <t>110 wb mailsi</t>
  </si>
  <si>
    <t>110 Wb Mailsi</t>
  </si>
  <si>
    <t>Zaheer Abad Shaheed</t>
  </si>
  <si>
    <t>Raffia Rubab Jafari</t>
  </si>
  <si>
    <t>2306</t>
  </si>
  <si>
    <t>GHS CHENAY WALA</t>
  </si>
  <si>
    <t>Lohanch Thal Kalan</t>
  </si>
  <si>
    <t>P.O Chowk Azam Chak. No. 397/TDA Cheenay Wala Tehsil &amp; District Layyah</t>
  </si>
  <si>
    <t>Cheenay Wala</t>
  </si>
  <si>
    <t>Chak No 393/TDA</t>
  </si>
  <si>
    <t>karam hussain</t>
  </si>
  <si>
    <t>GGHS NOKHAR</t>
  </si>
  <si>
    <t>V.P.O.nokhar</t>
  </si>
  <si>
    <t>Dr. Nosheena Tahseeen</t>
  </si>
  <si>
    <t>37485</t>
  </si>
  <si>
    <t>GGES 100/15-L, MIAN CHANNU</t>
  </si>
  <si>
    <t>100/15L Mian Channu (Khanewal )</t>
  </si>
  <si>
    <t>Ammara Iffat</t>
  </si>
  <si>
    <t>6126</t>
  </si>
  <si>
    <t>26577</t>
  </si>
  <si>
    <t>GES BEHLOL PUR</t>
  </si>
  <si>
    <t>GES Behlolpur P/O Ahmadabad</t>
  </si>
  <si>
    <t>Muhammad Rasheed</t>
  </si>
  <si>
    <t>44472</t>
  </si>
  <si>
    <t>41525</t>
  </si>
  <si>
    <t>GHS TENCH BHATTA</t>
  </si>
  <si>
    <t>Trench Bhatta</t>
  </si>
  <si>
    <t>Mohallah Hajian Tench Bhatta Rawalpindi</t>
  </si>
  <si>
    <t>Muhammad Sajid Rafiq</t>
  </si>
  <si>
    <t>44658</t>
  </si>
  <si>
    <t>GGPS CHAK NO.78/ML</t>
  </si>
  <si>
    <t>Chak No 78 Ml</t>
  </si>
  <si>
    <t>GGPS CHAK NO 78 ML</t>
  </si>
  <si>
    <t>GGPS CHAK 56 GB JARANWALA</t>
  </si>
  <si>
    <t>56gb</t>
  </si>
  <si>
    <t>chak56g</t>
  </si>
  <si>
    <t>GGPS CHANJORA</t>
  </si>
  <si>
    <t>Chanjora</t>
  </si>
  <si>
    <t>ggps  chanjora school</t>
  </si>
  <si>
    <t>Ghorsail</t>
  </si>
  <si>
    <t>Bushra Shahin</t>
  </si>
  <si>
    <t>13697</t>
  </si>
  <si>
    <t>6380</t>
  </si>
  <si>
    <t>44869</t>
  </si>
  <si>
    <t>GES SHAHIAN WALA</t>
  </si>
  <si>
    <t>Jandan  Wala</t>
  </si>
  <si>
    <t>Shahian Wala</t>
  </si>
  <si>
    <t>MUHAMMAD HAYAT</t>
  </si>
  <si>
    <t>54472</t>
  </si>
  <si>
    <t>GPS 90 GB</t>
  </si>
  <si>
    <t>90 GB</t>
  </si>
  <si>
    <t>chak No 90 gb aliabad p/o same, tehsil &amp; distt. Faisalabad</t>
  </si>
  <si>
    <t>90 GB Aliabad</t>
  </si>
  <si>
    <t>Chak No 91 GB Jagatpur</t>
  </si>
  <si>
    <t>Fasih Ud Din</t>
  </si>
  <si>
    <t>36058</t>
  </si>
  <si>
    <t>15606</t>
  </si>
  <si>
    <t>GGCMES 484/GB MAMUNKANJAN</t>
  </si>
  <si>
    <t>chak no 484 gb</t>
  </si>
  <si>
    <t>484 Gb</t>
  </si>
  <si>
    <t>Rehana Shehnaz</t>
  </si>
  <si>
    <t>electric cooler,h and pump,water pump</t>
  </si>
  <si>
    <t>50384</t>
  </si>
  <si>
    <t>54312</t>
  </si>
  <si>
    <t>GPS AHSAN ABAD</t>
  </si>
  <si>
    <t>AYAZABAD MARAL - MALE</t>
  </si>
  <si>
    <t>Feroze Pur</t>
  </si>
  <si>
    <t>Chah Darki wala mouza feroze pur</t>
  </si>
  <si>
    <t>Darki Wala</t>
  </si>
  <si>
    <t>Muhammad Arif Shaheen</t>
  </si>
  <si>
    <t>24529</t>
  </si>
  <si>
    <t>GES RAVI KHOKHAR</t>
  </si>
  <si>
    <t>Ravi Khokhar</t>
  </si>
  <si>
    <t>MOUZA RAVI KHOKHAR</t>
  </si>
  <si>
    <t>mUHAMMAD sHAH</t>
  </si>
  <si>
    <t>25609</t>
  </si>
  <si>
    <t>20756</t>
  </si>
  <si>
    <t>GGPS THAKKAR KEY WARRAICH</t>
  </si>
  <si>
    <t>Thakkarkey</t>
  </si>
  <si>
    <t>Ggps Thakkarkey waraich, Gujranwala</t>
  </si>
  <si>
    <t>Kot Amar Sing</t>
  </si>
  <si>
    <t>Iqra Younas</t>
  </si>
  <si>
    <t>18577</t>
  </si>
  <si>
    <t>GGHS CHAK 425 JB</t>
  </si>
  <si>
    <t>CHAK 425JB TEHSIL GOJRA</t>
  </si>
  <si>
    <t>CHAK425JB</t>
  </si>
  <si>
    <t>CHAK 316JB</t>
  </si>
  <si>
    <t>SAEEDA BIBI</t>
  </si>
  <si>
    <t>25864</t>
  </si>
  <si>
    <t>27572</t>
  </si>
  <si>
    <t>50243</t>
  </si>
  <si>
    <t>GGES 57/12-L</t>
  </si>
  <si>
    <t>5712/L</t>
  </si>
  <si>
    <t>42458</t>
  </si>
  <si>
    <t>GGHS BHATTA</t>
  </si>
  <si>
    <t>Bhata</t>
  </si>
  <si>
    <t>vill Bhata p.o  Bhata tehsil gujar khan,dist rwp</t>
  </si>
  <si>
    <t>BHATA</t>
  </si>
  <si>
    <t>Noor Dolal</t>
  </si>
  <si>
    <t>URWA-TUL-WUSQA</t>
  </si>
  <si>
    <t>GHS BLOCK NO. 6 KHANPUR</t>
  </si>
  <si>
    <t>Neel Garh</t>
  </si>
  <si>
    <t>Ghareeb Abad Khanpur</t>
  </si>
  <si>
    <t>Gharib Abad</t>
  </si>
  <si>
    <t>MUHAMMAD ARSHAD HASHMI</t>
  </si>
  <si>
    <t>GGPS AFZAL KHAN SHIKRANI NO.1</t>
  </si>
  <si>
    <t>CHANAB RASOOL PUR (A) - FEMALE</t>
  </si>
  <si>
    <t>Katchi Shikrani</t>
  </si>
  <si>
    <t>Basti siyal mouza katchi shikrani</t>
  </si>
  <si>
    <t>Basti Siyal</t>
  </si>
  <si>
    <t>Bann Wala</t>
  </si>
  <si>
    <t>Musarat Jabeen</t>
  </si>
  <si>
    <t>34845</t>
  </si>
  <si>
    <t>33578</t>
  </si>
  <si>
    <t>GHS MC RASHEED ABAD MULTAN</t>
  </si>
  <si>
    <t>Rasheedabad</t>
  </si>
  <si>
    <t>Govt. MC High School Rasheedabad Multan</t>
  </si>
  <si>
    <t>Akhtar Abab</t>
  </si>
  <si>
    <t>Sh. Liaqat Ali</t>
  </si>
  <si>
    <t>GGHS KAROR</t>
  </si>
  <si>
    <t>NEAR ANAR KALI BAZAR</t>
  </si>
  <si>
    <t>KAROR LAL ESAN</t>
  </si>
  <si>
    <t>CITY KAROR</t>
  </si>
  <si>
    <t>Salma Shakir</t>
  </si>
  <si>
    <t>GGHS ADHA</t>
  </si>
  <si>
    <t>GGHS TEHSIL DASKA</t>
  </si>
  <si>
    <t>Govt. Girls High School Adha Village  Tehsil Daska Distt. Sialkot</t>
  </si>
  <si>
    <t>shafaq ijaz</t>
  </si>
  <si>
    <t>12640</t>
  </si>
  <si>
    <t>Neighbour</t>
  </si>
  <si>
    <t>GGHS BELAY WALA</t>
  </si>
  <si>
    <t>Belay wala</t>
  </si>
  <si>
    <t>p/o belay wala teh.jatoi district m.garh</t>
  </si>
  <si>
    <t>Ammara Naseem</t>
  </si>
  <si>
    <t>42115</t>
  </si>
  <si>
    <t>43148</t>
  </si>
  <si>
    <t>37951</t>
  </si>
  <si>
    <t>GHS KONDI</t>
  </si>
  <si>
    <t>Koondi</t>
  </si>
  <si>
    <t>BASTI Koondi Kutana MOZA koondi tehsil &amp; district  LODHRAN</t>
  </si>
  <si>
    <t>Koondi Kutana</t>
  </si>
  <si>
    <t>Rana Iftikhar Ali</t>
  </si>
  <si>
    <t>15682</t>
  </si>
  <si>
    <t>GGHS 475/GB</t>
  </si>
  <si>
    <t>CHAK NO 475 G.B</t>
  </si>
  <si>
    <t>RASHIDA MAQBOOL</t>
  </si>
  <si>
    <t>4043</t>
  </si>
  <si>
    <t>24635</t>
  </si>
  <si>
    <t>30833</t>
  </si>
  <si>
    <t>25635</t>
  </si>
  <si>
    <t>GES KOTLI MUHAMMAD SIDDIQUE</t>
  </si>
  <si>
    <t>Kotli Muhammad Siddique</t>
  </si>
  <si>
    <t>kotli muhammad siddique narowal</t>
  </si>
  <si>
    <t>Kotli Muhamad Siddique</t>
  </si>
  <si>
    <t>Muhammad Yousaf Khan</t>
  </si>
  <si>
    <t>50472</t>
  </si>
  <si>
    <t>GES 90/12-L</t>
  </si>
  <si>
    <t>90/12-L</t>
  </si>
  <si>
    <t>chak No.90/12-L</t>
  </si>
  <si>
    <t>88/12-L</t>
  </si>
  <si>
    <t>44339</t>
  </si>
  <si>
    <t>GGHSS CHHINA</t>
  </si>
  <si>
    <t>Chhina</t>
  </si>
  <si>
    <t>gghs/s chhina P/O CHHINA TEH &amp; DISTT BHAKAKR</t>
  </si>
  <si>
    <t>chhina</t>
  </si>
  <si>
    <t>PEER ASHAB</t>
  </si>
  <si>
    <t>23855</t>
  </si>
  <si>
    <t>GMES CHELAYKAY</t>
  </si>
  <si>
    <t>Chalakey</t>
  </si>
  <si>
    <t>Chalakey tehsil Daska District Sialkot.</t>
  </si>
  <si>
    <t>Chalakey Goraya</t>
  </si>
  <si>
    <t>Budah Goraya</t>
  </si>
  <si>
    <t>Rehana Ijaz</t>
  </si>
  <si>
    <t>43503</t>
  </si>
  <si>
    <t>15205</t>
  </si>
  <si>
    <t>GGCMPS CHAK 200 RB LATHIANWALA KHURRIANWALA</t>
  </si>
  <si>
    <t>200 RB Lathianwala</t>
  </si>
  <si>
    <t>200RB</t>
  </si>
  <si>
    <t>200 RB</t>
  </si>
  <si>
    <t>Sayyda rukhsana kousar</t>
  </si>
  <si>
    <t>GGHS MULLA QUAID SHAH</t>
  </si>
  <si>
    <t>dG.KHAN CITY</t>
  </si>
  <si>
    <t>GGHS MULLA QUAID SHAH, BLOCK-Z , D.G.KHAN CITY</t>
  </si>
  <si>
    <t>BLOCK-Z D.G.KHAN CITY</t>
  </si>
  <si>
    <t>URBAN UC</t>
  </si>
  <si>
    <t>MAIMONA NAWAZ</t>
  </si>
  <si>
    <t>1163</t>
  </si>
  <si>
    <t>15086</t>
  </si>
  <si>
    <t>GGPS CHAK 23 GB JARANWALA</t>
  </si>
  <si>
    <t>23 Gb</t>
  </si>
  <si>
    <t>CHAK NO 23 GB</t>
  </si>
  <si>
    <t>23 GB</t>
  </si>
  <si>
    <t>22 GB</t>
  </si>
  <si>
    <t>Shahnaz Bano</t>
  </si>
  <si>
    <t>22454</t>
  </si>
  <si>
    <t>26580</t>
  </si>
  <si>
    <t>GES BADOCHIDA</t>
  </si>
  <si>
    <t>Chida</t>
  </si>
  <si>
    <t>v.p.o chida. tehsil and district. narowal.</t>
  </si>
  <si>
    <t>Laala</t>
  </si>
  <si>
    <t>Azhar Hussain Shah</t>
  </si>
  <si>
    <t>GGHS NO. 1 D.G.KHAN</t>
  </si>
  <si>
    <t>Block 1</t>
  </si>
  <si>
    <t>near Irshad noohi park,railway road. dgkhan</t>
  </si>
  <si>
    <t>Dgkhan</t>
  </si>
  <si>
    <t>Urban 14</t>
  </si>
  <si>
    <t>tahira kalsoom</t>
  </si>
  <si>
    <t>3941</t>
  </si>
  <si>
    <t>31454</t>
  </si>
  <si>
    <t>GGPS ABU AL KHAIR</t>
  </si>
  <si>
    <t>abu al khair kot abdul malik</t>
  </si>
  <si>
    <t>Abu Al Khair</t>
  </si>
  <si>
    <t>Municipal Comety Kot Abdul Malik</t>
  </si>
  <si>
    <t>Shakila Hussain</t>
  </si>
  <si>
    <t>35121</t>
  </si>
  <si>
    <t>GGHS CHAK NO.247 EB</t>
  </si>
  <si>
    <t>chak no 247</t>
  </si>
  <si>
    <t>FARAH HABIB</t>
  </si>
  <si>
    <t>25747</t>
  </si>
  <si>
    <t>34186</t>
  </si>
  <si>
    <t>GGCMES SHAH PUR UBBHA SHUJA ABAD</t>
  </si>
  <si>
    <t>Shahpur Ubha</t>
  </si>
  <si>
    <t>Shahpur ubha</t>
  </si>
  <si>
    <t>Sakina Rafiq</t>
  </si>
  <si>
    <t>6457</t>
  </si>
  <si>
    <t>GMPS CHAK 56/PB</t>
  </si>
  <si>
    <t>Palace</t>
  </si>
  <si>
    <t>GMPS 56pb</t>
  </si>
  <si>
    <t>56pb</t>
  </si>
  <si>
    <t>51p</t>
  </si>
  <si>
    <t>Sajida Shabbir</t>
  </si>
  <si>
    <t>21435</t>
  </si>
  <si>
    <t>30819</t>
  </si>
  <si>
    <t>GHS CDG WALTON AIRPORT GOPAL NAGAR</t>
  </si>
  <si>
    <t>Gopal Naghar</t>
  </si>
  <si>
    <t>Gopal Naghar Walton Airport gulberg 3 Lahore</t>
  </si>
  <si>
    <t>Naseer abad</t>
  </si>
  <si>
    <t>Muhammad</t>
  </si>
  <si>
    <t>6998</t>
  </si>
  <si>
    <t>basti walana sadiqabad</t>
  </si>
  <si>
    <t>Mishal Khan</t>
  </si>
  <si>
    <t>8678</t>
  </si>
  <si>
    <t>45049</t>
  </si>
  <si>
    <t>GGPS KHASOR</t>
  </si>
  <si>
    <t>Khasore</t>
  </si>
  <si>
    <t>ggps khasor kallur kot bhakkar</t>
  </si>
  <si>
    <t>Dailinaamdar</t>
  </si>
  <si>
    <t>Shagufta Ejaz</t>
  </si>
  <si>
    <t>5174</t>
  </si>
  <si>
    <t>GES DUFLI KABIR KHAN</t>
  </si>
  <si>
    <t>DUFLI KABIR KHAN - MALE</t>
  </si>
  <si>
    <t>Dufli Kabir Khan</t>
  </si>
  <si>
    <t>Dufli Kabir Khan Basti Darkhawst</t>
  </si>
  <si>
    <t>Basti Darkhawast</t>
  </si>
  <si>
    <t>31481</t>
  </si>
  <si>
    <t>GGPS IMAMIA COLONY</t>
  </si>
  <si>
    <t>Imamia Colony</t>
  </si>
  <si>
    <t>imamia colony ferozwala district sheikhupura</t>
  </si>
  <si>
    <t>Sumera Gulnaz</t>
  </si>
  <si>
    <t>11192</t>
  </si>
  <si>
    <t>GGHS CANAL COLONY LAYYAH</t>
  </si>
  <si>
    <t>canalcolonylayyah</t>
  </si>
  <si>
    <t>MC Layyah</t>
  </si>
  <si>
    <t>PARVEEN AKHTER</t>
  </si>
  <si>
    <t>37109</t>
  </si>
  <si>
    <t>37108</t>
  </si>
  <si>
    <t>45013</t>
  </si>
  <si>
    <t>GGES JANDOO</t>
  </si>
  <si>
    <t>Haitoo</t>
  </si>
  <si>
    <t>p/o Saeed wala, jandoo</t>
  </si>
  <si>
    <t>Jandoo</t>
  </si>
  <si>
    <t>Sabin Haider</t>
  </si>
  <si>
    <t>20095</t>
  </si>
  <si>
    <t>GMPS CHAK NO 140 JB</t>
  </si>
  <si>
    <t>Chak#140/Jb</t>
  </si>
  <si>
    <t>gmps  chak#140/jb khokhar</t>
  </si>
  <si>
    <t>Chak#140/Jb Khokhar</t>
  </si>
  <si>
    <t>Chak#140</t>
  </si>
  <si>
    <t>bilal ahmad</t>
  </si>
  <si>
    <t>GGHS CHAK NO. 237 TDA</t>
  </si>
  <si>
    <t>Chak No 237/T DA</t>
  </si>
  <si>
    <t>Chak No 237/TDA</t>
  </si>
  <si>
    <t>Asma Hamed</t>
  </si>
  <si>
    <t>31472</t>
  </si>
  <si>
    <t>GGPS KALA SHAH KAKU STATION</t>
  </si>
  <si>
    <t>KSK Station</t>
  </si>
  <si>
    <t>KSK station</t>
  </si>
  <si>
    <t>Shamkey</t>
  </si>
  <si>
    <t>Zubaida Khanum</t>
  </si>
  <si>
    <t>2786</t>
  </si>
  <si>
    <t>31452</t>
  </si>
  <si>
    <t>GGES RACHNA TOWN</t>
  </si>
  <si>
    <t>G.grls elementary school rachna towm ferozewala</t>
  </si>
  <si>
    <t>13232</t>
  </si>
  <si>
    <t>5344</t>
  </si>
  <si>
    <t>27433</t>
  </si>
  <si>
    <t>GGCMS NAWAN SHAHIR</t>
  </si>
  <si>
    <t>SOLANGI KHARAL - FEMALE</t>
  </si>
  <si>
    <t>Nawan Shehar</t>
  </si>
  <si>
    <t>post office rasoolpur tarar Nawan shehar</t>
  </si>
  <si>
    <t>Rasoolpur Tarar</t>
  </si>
  <si>
    <t>Ishrat Iqbal</t>
  </si>
  <si>
    <t>27108</t>
  </si>
  <si>
    <t>32048</t>
  </si>
  <si>
    <t>GPS BALL</t>
  </si>
  <si>
    <t>Ball</t>
  </si>
  <si>
    <t>GPS Ball city sheikhupura</t>
  </si>
  <si>
    <t>Mohammad Naeem</t>
  </si>
  <si>
    <t>12900</t>
  </si>
  <si>
    <t>GPS KOT SHAHAN</t>
  </si>
  <si>
    <t>Kotshahan</t>
  </si>
  <si>
    <t>Moza kotshahan tehsil khanpur</t>
  </si>
  <si>
    <t>Jhoran</t>
  </si>
  <si>
    <t>Muhammad Aslam Tabsum</t>
  </si>
  <si>
    <t>24367</t>
  </si>
  <si>
    <t>GGCMS JOSHAN JATTAN</t>
  </si>
  <si>
    <t>GADGORE - FEMALE</t>
  </si>
  <si>
    <t>Joshan  Jattan</t>
  </si>
  <si>
    <t>Joshan Jattan Tehsil Pasrur District Sialkot</t>
  </si>
  <si>
    <t>Joshan Jattan</t>
  </si>
  <si>
    <t>Gadgore</t>
  </si>
  <si>
    <t>Naureen Manzoor</t>
  </si>
  <si>
    <t>43100</t>
  </si>
  <si>
    <t>39860</t>
  </si>
  <si>
    <t>5166</t>
  </si>
  <si>
    <t>GES RAFIQ JAGIR CHANNELI</t>
  </si>
  <si>
    <t>Chak 127/NP</t>
  </si>
  <si>
    <t>BASTI JAGEER CHANNELI . CHACK NO 127/NP Tehsil Liaquat Pur District Rahim yar khan</t>
  </si>
  <si>
    <t>BASTI JAGEER CHANELY</t>
  </si>
  <si>
    <t>TALBANI</t>
  </si>
  <si>
    <t>MUHAMMAD TARIQ FAREED</t>
  </si>
  <si>
    <t>35433</t>
  </si>
  <si>
    <t>50260</t>
  </si>
  <si>
    <t>12379</t>
  </si>
  <si>
    <t>GGHS KHAN GARH</t>
  </si>
  <si>
    <t>Khangarh</t>
  </si>
  <si>
    <t>khangarh</t>
  </si>
  <si>
    <t>surraya akhtar</t>
  </si>
  <si>
    <t>31446</t>
  </si>
  <si>
    <t>GPS GALLO</t>
  </si>
  <si>
    <t>Gallo</t>
  </si>
  <si>
    <t>gallo</t>
  </si>
  <si>
    <t>Mominpura</t>
  </si>
  <si>
    <t>Hafiz Faryad Hussain</t>
  </si>
  <si>
    <t>35484</t>
  </si>
  <si>
    <t>11947</t>
  </si>
  <si>
    <t>GGHS BANGLA MACHI</t>
  </si>
  <si>
    <t>BAIT ANGRA</t>
  </si>
  <si>
    <t>MOUZA BAIT ANGRA BANGLA MACHI KOT ADU</t>
  </si>
  <si>
    <t>BANGLA MACHI</t>
  </si>
  <si>
    <t>SHEIKH UMER</t>
  </si>
  <si>
    <t>TALAT NAWEEN</t>
  </si>
  <si>
    <t>19911</t>
  </si>
  <si>
    <t>GHS RAJOA</t>
  </si>
  <si>
    <t>RAJOYA SADAT</t>
  </si>
  <si>
    <t>GOVT HIGH SCHOOL RAJOYA SADAT TEHSIL AND DISTRICT CHINIOT</t>
  </si>
  <si>
    <t>RAJOYA</t>
  </si>
  <si>
    <t>7518</t>
  </si>
  <si>
    <t>GGES SHEHBAZ PUR</t>
  </si>
  <si>
    <t>Basti shahbazpur</t>
  </si>
  <si>
    <t>Basti Shahbazpur</t>
  </si>
  <si>
    <t>22389</t>
  </si>
  <si>
    <t>31444</t>
  </si>
  <si>
    <t>33754</t>
  </si>
  <si>
    <t>GGPS NAQSH BAND COLONY</t>
  </si>
  <si>
    <t>Taraf Jama Khalsa</t>
  </si>
  <si>
    <t>Ggpd naqsh band colony</t>
  </si>
  <si>
    <t>Naqshband Colony</t>
  </si>
  <si>
    <t>49896</t>
  </si>
  <si>
    <t>44411</t>
  </si>
  <si>
    <t>GPS SOHLA SHUMALI</t>
  </si>
  <si>
    <t>Sohla Shumali</t>
  </si>
  <si>
    <t>Basti Sohla Shumali</t>
  </si>
  <si>
    <t>Kachi Shahani</t>
  </si>
  <si>
    <t>Sheikh Muhammad Ishaq Nawaz</t>
  </si>
  <si>
    <t>10595</t>
  </si>
  <si>
    <t>GGHS CHAK NO.162/TDA</t>
  </si>
  <si>
    <t>chak no 162/tda post office kotsultan district layyah</t>
  </si>
  <si>
    <t>Chak No 162/Tda</t>
  </si>
  <si>
    <t>164A/Tda</t>
  </si>
  <si>
    <t>12413</t>
  </si>
  <si>
    <t>GHS WASANDAY WALI</t>
  </si>
  <si>
    <t>GhazanfarGarh</t>
  </si>
  <si>
    <t>wasabday wali</t>
  </si>
  <si>
    <t>5105</t>
  </si>
  <si>
    <t>12414</t>
  </si>
  <si>
    <t>GHS NACHING</t>
  </si>
  <si>
    <t>Esan Wali</t>
  </si>
  <si>
    <t>Basti Naching</t>
  </si>
  <si>
    <t>Naching</t>
  </si>
  <si>
    <t>Bahraim Wali</t>
  </si>
  <si>
    <t>40284</t>
  </si>
  <si>
    <t>GHSS JALAL PUR SHARIF</t>
  </si>
  <si>
    <t>Jalal Pur Sharif</t>
  </si>
  <si>
    <t>VPO JALAL PUR SHARIF TEHSIL PIND DADAN KHAN DISTRICT JAHLIM.</t>
  </si>
  <si>
    <t>Jalal pur Sharif</t>
  </si>
  <si>
    <t>SAEED UR RAHMAN</t>
  </si>
  <si>
    <t>33767</t>
  </si>
  <si>
    <t>GGPS NEEL KOT MULTAN</t>
  </si>
  <si>
    <t>neel Kot bosan road multan</t>
  </si>
  <si>
    <t>Bosan Town</t>
  </si>
  <si>
    <t>SAJIDA BATOOL</t>
  </si>
  <si>
    <t>24989</t>
  </si>
  <si>
    <t>33330</t>
  </si>
  <si>
    <t>GGES ASWAN BHATTIAN</t>
  </si>
  <si>
    <t>Aswan Bhattian</t>
  </si>
  <si>
    <t>Govt Girls Elementry School Aswan Bhattian</t>
  </si>
  <si>
    <t>Razia Tabassum</t>
  </si>
  <si>
    <t>6757</t>
  </si>
  <si>
    <t>23145</t>
  </si>
  <si>
    <t>44982</t>
  </si>
  <si>
    <t>GMPS MODEL CHAK NO 42-44 ML</t>
  </si>
  <si>
    <t>GGPS 42-44M/L</t>
  </si>
  <si>
    <t>42-44M/L</t>
  </si>
  <si>
    <t>Noon Dagar</t>
  </si>
  <si>
    <t>Raqeeba Khanum</t>
  </si>
  <si>
    <t>3490</t>
  </si>
  <si>
    <t>29861</t>
  </si>
  <si>
    <t>41097</t>
  </si>
  <si>
    <t>33775</t>
  </si>
  <si>
    <t>GGES KOREY WALA MULTAN</t>
  </si>
  <si>
    <t>taraf mubarik 2</t>
  </si>
  <si>
    <t>korey wala</t>
  </si>
  <si>
    <t>Korey Wala</t>
  </si>
  <si>
    <t>Usmana Bad</t>
  </si>
  <si>
    <t>5425</t>
  </si>
  <si>
    <t>15108</t>
  </si>
  <si>
    <t>GGPS MC NO.1 JARANWALA</t>
  </si>
  <si>
    <t>ggps mc no 1 waterworks road jaranwala</t>
  </si>
  <si>
    <t>Farah Arif</t>
  </si>
  <si>
    <t>39846</t>
  </si>
  <si>
    <t>15107</t>
  </si>
  <si>
    <t>GGPS MC NO.3 JARANWALA</t>
  </si>
  <si>
    <t>Munciple Colony</t>
  </si>
  <si>
    <t>GGPS MC no. 03 Jaranwala</t>
  </si>
  <si>
    <t>Yasmin Kousar</t>
  </si>
  <si>
    <t>42440</t>
  </si>
  <si>
    <t>52211</t>
  </si>
  <si>
    <t>GHS NO 2 HAVELI</t>
  </si>
  <si>
    <t>Haveli Lakha</t>
  </si>
  <si>
    <t>Railway road Haveli Lakha Okara</t>
  </si>
  <si>
    <t>rathoranwala</t>
  </si>
  <si>
    <t>MC Haveli</t>
  </si>
  <si>
    <t>Muhammad ali shahid</t>
  </si>
  <si>
    <t>32582</t>
  </si>
  <si>
    <t>GGPS MOZANG NOU ABAD</t>
  </si>
  <si>
    <t>MOUZANG NOU ABAD</t>
  </si>
  <si>
    <t>Dhamkay</t>
  </si>
  <si>
    <t>Tehzeeb Sharif</t>
  </si>
  <si>
    <t>7302</t>
  </si>
  <si>
    <t>GGPS JAFAR PUR</t>
  </si>
  <si>
    <t>GOTH JANGOO - FEMALE</t>
  </si>
  <si>
    <t>Jafar Pur</t>
  </si>
  <si>
    <t>basti Jafar pur</t>
  </si>
  <si>
    <t>Goth Jangu</t>
  </si>
  <si>
    <t>Yasmeen Kanwal</t>
  </si>
  <si>
    <t>9730</t>
  </si>
  <si>
    <t>12008</t>
  </si>
  <si>
    <t>GGPS MC MOHALLAH CHURIGRAN</t>
  </si>
  <si>
    <t>churri gurran sheikhupura</t>
  </si>
  <si>
    <t>Muslim Gunj</t>
  </si>
  <si>
    <t>Fazeelat Bano</t>
  </si>
  <si>
    <t>17951</t>
  </si>
  <si>
    <t>GGHSS KAKI NOU</t>
  </si>
  <si>
    <t>Kakki Nau Doaim</t>
  </si>
  <si>
    <t>kakki nau doaim</t>
  </si>
  <si>
    <t>RASHIDA MUNIR</t>
  </si>
  <si>
    <t>23703</t>
  </si>
  <si>
    <t>GGPS 7 TANDLIANWALA</t>
  </si>
  <si>
    <t>GGPS No.7 Tandlianwala</t>
  </si>
  <si>
    <t>MCTandlianwala</t>
  </si>
  <si>
    <t>Saira Rafiq</t>
  </si>
  <si>
    <t>33760</t>
  </si>
  <si>
    <t>GGPS BASTI KALRO MULTAN</t>
  </si>
  <si>
    <t>Tarf Daira</t>
  </si>
  <si>
    <t>Basti kalroo near nishat college of science</t>
  </si>
  <si>
    <t>Basti Kalroo</t>
  </si>
  <si>
    <t>New Shadab Colony</t>
  </si>
  <si>
    <t>Sumaira Malik</t>
  </si>
  <si>
    <t>32354</t>
  </si>
  <si>
    <t>GGPS MEHRAJ PURA</t>
  </si>
  <si>
    <t>Meraj Pura</t>
  </si>
  <si>
    <t>ggps meraj pura</t>
  </si>
  <si>
    <t>Rakh Minara</t>
  </si>
  <si>
    <t>Amna Yasmin</t>
  </si>
  <si>
    <t>16752</t>
  </si>
  <si>
    <t>GGES 420 GB</t>
  </si>
  <si>
    <t>Burhan di jhook</t>
  </si>
  <si>
    <t>Chak No 420 GB</t>
  </si>
  <si>
    <t>Burhan ki jhook</t>
  </si>
  <si>
    <t>SAIMA AMEER</t>
  </si>
  <si>
    <t>GGPS MANGAT</t>
  </si>
  <si>
    <t>village mangat dak khana khas teh safdarabad distt.skp</t>
  </si>
  <si>
    <t>20640</t>
  </si>
  <si>
    <t>10220</t>
  </si>
  <si>
    <t>28090</t>
  </si>
  <si>
    <t>GGHS DHOK MURAD</t>
  </si>
  <si>
    <t>Dhokmurad</t>
  </si>
  <si>
    <t>vpo dhokmurad tehsil and district Mandibahauddin</t>
  </si>
  <si>
    <t>Maryam Sharif</t>
  </si>
  <si>
    <t>45222</t>
  </si>
  <si>
    <t>GPS BUMB</t>
  </si>
  <si>
    <t>GOHAR WALA - MALE</t>
  </si>
  <si>
    <t>Goharwala</t>
  </si>
  <si>
    <t>Bumb p/o koroo bumb teh mankera Dist Bhakkar</t>
  </si>
  <si>
    <t>Bumb</t>
  </si>
  <si>
    <t>31415</t>
  </si>
  <si>
    <t>GPS MARAL PAR</t>
  </si>
  <si>
    <t>Marlpar</t>
  </si>
  <si>
    <t>PO Padhana cantt Lahore</t>
  </si>
  <si>
    <t>4565</t>
  </si>
  <si>
    <t>GPS CHAK 102/NP</t>
  </si>
  <si>
    <t>Qazi Tahir Shaheed</t>
  </si>
  <si>
    <t>Chak#102/NP nawankot Teh.khanpur</t>
  </si>
  <si>
    <t>Chak#102/NP</t>
  </si>
  <si>
    <t>Mahmood Ul Hassan</t>
  </si>
  <si>
    <t>22955</t>
  </si>
  <si>
    <t>GGHS RARIALA</t>
  </si>
  <si>
    <t>Rariala</t>
  </si>
  <si>
    <t>gghs rariala</t>
  </si>
  <si>
    <t>Hadia Rehman</t>
  </si>
  <si>
    <t>GHS NO. 2 CHAKWAL</t>
  </si>
  <si>
    <t>GHS NO 2 PINWAL ROAD CHAKWAL</t>
  </si>
  <si>
    <t>PINWAL ROAD</t>
  </si>
  <si>
    <t>CHAKWAL CITY</t>
  </si>
  <si>
    <t>ZULFIQAR HAIDER</t>
  </si>
  <si>
    <t>10308</t>
  </si>
  <si>
    <t>24178</t>
  </si>
  <si>
    <t>GGHS CHAK SHUMALI</t>
  </si>
  <si>
    <t>gghs chak shumali sargoda road jhang</t>
  </si>
  <si>
    <t>Hader Colony</t>
  </si>
  <si>
    <t>farrukh shafi</t>
  </si>
  <si>
    <t>16290</t>
  </si>
  <si>
    <t>16886</t>
  </si>
  <si>
    <t>GGHS CHAK NO 175 JB</t>
  </si>
  <si>
    <t>Chak No 175</t>
  </si>
  <si>
    <t>chak No 175/jb jhang</t>
  </si>
  <si>
    <t>Chak No 175/jb Jhang</t>
  </si>
  <si>
    <t>GGPS JHANDAY KHAN</t>
  </si>
  <si>
    <t>GGps Jhanday Khan markz rajanpur</t>
  </si>
  <si>
    <t>Basti KASRA</t>
  </si>
  <si>
    <t>48388</t>
  </si>
  <si>
    <t>32498</t>
  </si>
  <si>
    <t>GGES MARH BHANGWAN</t>
  </si>
  <si>
    <t>Rohra</t>
  </si>
  <si>
    <t>marh bhangowan tehsil sharaqpur district sheikhupura</t>
  </si>
  <si>
    <t>Marh Bhangowan</t>
  </si>
  <si>
    <t>10633</t>
  </si>
  <si>
    <t>33222</t>
  </si>
  <si>
    <t>GPS GILL WALA</t>
  </si>
  <si>
    <t>gill wala chak # 170 tehsil safdr abd &amp; dstrct sheikhupura</t>
  </si>
  <si>
    <t>jhandian wali</t>
  </si>
  <si>
    <t>Muhammad Zohaib Amir</t>
  </si>
  <si>
    <t>42396</t>
  </si>
  <si>
    <t>44990</t>
  </si>
  <si>
    <t>GPS RAOWAN WALA</t>
  </si>
  <si>
    <t>7fw</t>
  </si>
  <si>
    <t>Chak No 7fw R.w</t>
  </si>
  <si>
    <t>7fw Rw</t>
  </si>
  <si>
    <t>5/fw</t>
  </si>
  <si>
    <t>18612</t>
  </si>
  <si>
    <t>24682</t>
  </si>
  <si>
    <t>GHS CHAK 331/HR</t>
  </si>
  <si>
    <t>GHs 331/HR maroot Tehsile Fortabbas</t>
  </si>
  <si>
    <t>331/HR</t>
  </si>
  <si>
    <t>Chak no 330/HR</t>
  </si>
  <si>
    <t>MUHAMMAD Umar Farooq</t>
  </si>
  <si>
    <t>GHS CHAK 319/HR</t>
  </si>
  <si>
    <t>Marot</t>
  </si>
  <si>
    <t>HIGHWAY ROAD MAROT</t>
  </si>
  <si>
    <t>CHAK 319/H.R</t>
  </si>
  <si>
    <t>Rana Muhammad Amjid</t>
  </si>
  <si>
    <t>14197</t>
  </si>
  <si>
    <t>28779</t>
  </si>
  <si>
    <t>GHS CHAK 185/7R</t>
  </si>
  <si>
    <t>ChakNo.185/7R</t>
  </si>
  <si>
    <t>Chak No185/7R</t>
  </si>
  <si>
    <t>Chan No185/7R</t>
  </si>
  <si>
    <t>MAQBOOL HUSSAIN SHAH</t>
  </si>
  <si>
    <t>36503</t>
  </si>
  <si>
    <t>50585</t>
  </si>
  <si>
    <t>GGHS FORT ABBAS</t>
  </si>
  <si>
    <t>Ayoub Road Diggi Muhallah FORT ABBAS</t>
  </si>
  <si>
    <t>ayoub road diggi muhallah FTS</t>
  </si>
  <si>
    <t>GPS 330/HR</t>
  </si>
  <si>
    <t>chak 330/HR</t>
  </si>
  <si>
    <t>Muhammad Rashid Nawaz</t>
  </si>
  <si>
    <t>GPS CHAK 202/8-R WEST</t>
  </si>
  <si>
    <t>Chak 202/8 R</t>
  </si>
  <si>
    <t>Chak 202/8.R (W)</t>
  </si>
  <si>
    <t>Chak 199</t>
  </si>
  <si>
    <t>GGPS WARD NO. 9 FORT ABBAS</t>
  </si>
  <si>
    <t>G.G P/SO WARD NO.9  FORT ABBAS</t>
  </si>
  <si>
    <t>Surriya Kousar</t>
  </si>
  <si>
    <t>GGPS CHAK NO. 263 HR</t>
  </si>
  <si>
    <t>FTS-X-FEMALE</t>
  </si>
  <si>
    <t>263/HR</t>
  </si>
  <si>
    <t>chak#263/HR Tehsil Fort Abbas Distic Bahawalnagar</t>
  </si>
  <si>
    <t>Chak#260/HR</t>
  </si>
  <si>
    <t>Perveen Akhtar</t>
  </si>
  <si>
    <t>GGPS CHAK NO 202/8-R WEST</t>
  </si>
  <si>
    <t>202/8rw</t>
  </si>
  <si>
    <t>202/8r w tehsil fortabbas district bwn</t>
  </si>
  <si>
    <t>202/8r W</t>
  </si>
  <si>
    <t>GGCMS CHAK NO. 208/9-R AZAFI BASTI</t>
  </si>
  <si>
    <t>208 9r</t>
  </si>
  <si>
    <t>208 9 r azafi basti tehsil fortabbas district bahawalnagar</t>
  </si>
  <si>
    <t>208 9 R</t>
  </si>
  <si>
    <t>209 9r</t>
  </si>
  <si>
    <t>SHAHEEN SHOUKAT</t>
  </si>
  <si>
    <t>GGPS CHAK NO 286 HR</t>
  </si>
  <si>
    <t>FTS-XI-FEMALE</t>
  </si>
  <si>
    <t>286hr</t>
  </si>
  <si>
    <t>286/hr colony teh:for abbas Dict: BWN</t>
  </si>
  <si>
    <t>286/hr</t>
  </si>
  <si>
    <t>296/hr</t>
  </si>
  <si>
    <t>GPS LALAY KA HITTAR</t>
  </si>
  <si>
    <t>MND-XIII-MALE</t>
  </si>
  <si>
    <t>Laleka Hittar</t>
  </si>
  <si>
    <t>laleka hittar p/o laleka tehsil minchinsbad district bwn</t>
  </si>
  <si>
    <t>Laleka</t>
  </si>
  <si>
    <t>Muhammad Yaseen Bhatti</t>
  </si>
  <si>
    <t>GGPS JORRI SIKKHON</t>
  </si>
  <si>
    <t>Jorki Sikhon</t>
  </si>
  <si>
    <t>GGPS Jorki Sikhon</t>
  </si>
  <si>
    <t>Giryaabd</t>
  </si>
  <si>
    <t>Alia Hina</t>
  </si>
  <si>
    <t>GGPS BHOLAY WALA</t>
  </si>
  <si>
    <t>bholay wala</t>
  </si>
  <si>
    <t>Fozia Kosar</t>
  </si>
  <si>
    <t>GGPS JALAL KHATOON</t>
  </si>
  <si>
    <t>Jkhtoon</t>
  </si>
  <si>
    <t>jalal khtoon</t>
  </si>
  <si>
    <t>J Khtoon</t>
  </si>
  <si>
    <t>Bholy Vala</t>
  </si>
  <si>
    <t>Raise Bano</t>
  </si>
  <si>
    <t>GGPS DUB GUMA</t>
  </si>
  <si>
    <t>MCD 12-FEMALE</t>
  </si>
  <si>
    <t>Dub Goman</t>
  </si>
  <si>
    <t>Dub Goman p/o orrang</t>
  </si>
  <si>
    <t>Dub GOMAN</t>
  </si>
  <si>
    <t>Mutt Wala</t>
  </si>
  <si>
    <t>Summera nawaz</t>
  </si>
  <si>
    <t>GGPS AHMED REHMOKA</t>
  </si>
  <si>
    <t>Rahmoka</t>
  </si>
  <si>
    <t>Ahmad rahmoka</t>
  </si>
  <si>
    <t>Ahmad Rahmoka</t>
  </si>
  <si>
    <t>Ashrafia Noor</t>
  </si>
  <si>
    <t>GGPS BADRI NARAIN PURA</t>
  </si>
  <si>
    <t>Badri Narain Pura</t>
  </si>
  <si>
    <t>moza badri narain pura</t>
  </si>
  <si>
    <t>Bhramka Otaad</t>
  </si>
  <si>
    <t>Minchin Abad</t>
  </si>
  <si>
    <t>Lubna   Shaheen</t>
  </si>
  <si>
    <t>GGPS KHERA MUHAMMAD ALI</t>
  </si>
  <si>
    <t>Khera Muhammad Ali</t>
  </si>
  <si>
    <t>govt Girls Primary school khera Muhammad Ali</t>
  </si>
  <si>
    <t>Mirzaka</t>
  </si>
  <si>
    <t>Tanveer Anjum</t>
  </si>
  <si>
    <t>5772</t>
  </si>
  <si>
    <t>GMPS HUSSAIN SHAH</t>
  </si>
  <si>
    <t>MCD 11-FEMALE</t>
  </si>
  <si>
    <t>Husanshah</t>
  </si>
  <si>
    <t>husanshah</t>
  </si>
  <si>
    <t>Lalaamarsinngh</t>
  </si>
  <si>
    <t>Moutia Begum</t>
  </si>
  <si>
    <t>GGPS NOHRA MUHAMMAD SARWAR</t>
  </si>
  <si>
    <t>Nehal Wazirka</t>
  </si>
  <si>
    <t>Nohra Muhammad Sarwar Moza Nehal Wazirka Tehsil Minchinabad</t>
  </si>
  <si>
    <t>Nohra Muhammad Sarwar</t>
  </si>
  <si>
    <t>Muttwala</t>
  </si>
  <si>
    <t>Nusrat Yasmeen</t>
  </si>
  <si>
    <t>GGPS KALU KA HITTAR NO. 2</t>
  </si>
  <si>
    <t>Kaluka Hitter</t>
  </si>
  <si>
    <t>kalu ka hither</t>
  </si>
  <si>
    <t>Kailua Hither</t>
  </si>
  <si>
    <t>Mirzekaa</t>
  </si>
  <si>
    <t>Shahnaz Ahktar</t>
  </si>
  <si>
    <t>33062</t>
  </si>
  <si>
    <t>GGPS KALU KA HITTAR NO. 1</t>
  </si>
  <si>
    <t>KALUKA HITTAR</t>
  </si>
  <si>
    <t>kaluka hittar p/o mandi sadiq gunj tehsil minchinabad</t>
  </si>
  <si>
    <t>MIRZEKA</t>
  </si>
  <si>
    <t>Sajida Sadaat</t>
  </si>
  <si>
    <t>GGPS KHUSHAL SINGH</t>
  </si>
  <si>
    <t>MCD 08-FEMALE</t>
  </si>
  <si>
    <t>Khushalsingh</t>
  </si>
  <si>
    <t>moza Khushal Singh</t>
  </si>
  <si>
    <t>Muhammad Pur Sansaran</t>
  </si>
  <si>
    <t>Shehnaz ashraf</t>
  </si>
  <si>
    <t>22346</t>
  </si>
  <si>
    <t>GGPS BONGA ALAM SHAH</t>
  </si>
  <si>
    <t>Khair Shah Utad</t>
  </si>
  <si>
    <t>Govt.girls primary school Boonga Alam shah</t>
  </si>
  <si>
    <t>Bachianwali</t>
  </si>
  <si>
    <t>Shahida Aziz</t>
  </si>
  <si>
    <t>9664</t>
  </si>
  <si>
    <t>GPS MARI PHOOL WALI</t>
  </si>
  <si>
    <t>Marhi Phole Wali</t>
  </si>
  <si>
    <t>marhi phole wali p/o mandi sadiq ganj tehsil minchinabad district bahawalnagar</t>
  </si>
  <si>
    <t>Bhole Wala</t>
  </si>
  <si>
    <t>Muhammad Qasim</t>
  </si>
  <si>
    <t>46122</t>
  </si>
  <si>
    <t>GPS JAJJAL SARU</t>
  </si>
  <si>
    <t>Jajjal saru</t>
  </si>
  <si>
    <t>Jajjal Saru</t>
  </si>
  <si>
    <t>Muhammad Ahmad</t>
  </si>
  <si>
    <t>GPS KHOLA SANAM</t>
  </si>
  <si>
    <t>MND-VI-MALE</t>
  </si>
  <si>
    <t>Khola Sunam</t>
  </si>
  <si>
    <t>Khola Sunam (Gurgani Road) P/O Mcleod Gunj, Tehsil Minchanabad, Dist. Bahawalnagar</t>
  </si>
  <si>
    <t>Lala Amar Sing</t>
  </si>
  <si>
    <t>54948</t>
  </si>
  <si>
    <t>GPS JAJJAL MOSA</t>
  </si>
  <si>
    <t>Jajal Musa</t>
  </si>
  <si>
    <t>Jajal musa</t>
  </si>
  <si>
    <t>Mat Wala</t>
  </si>
  <si>
    <t>Naveeda Amanat</t>
  </si>
  <si>
    <t>5792</t>
  </si>
  <si>
    <t>GMMS ADLANA FARID KA</t>
  </si>
  <si>
    <t>MND-XII-MALE</t>
  </si>
  <si>
    <t>Adlana Dhudi</t>
  </si>
  <si>
    <t>edlana fridk</t>
  </si>
  <si>
    <t>Freed Ka</t>
  </si>
  <si>
    <t>Lalika</t>
  </si>
  <si>
    <t>Muhammad Ramzan Zahid</t>
  </si>
  <si>
    <t>GPS BHULUKA</t>
  </si>
  <si>
    <t>Pehlwanka</t>
  </si>
  <si>
    <t>chak bhalloka moza pehlwanka teh minchinabad district bahawalnagar</t>
  </si>
  <si>
    <t>Bhalloka</t>
  </si>
  <si>
    <t>Muhammad Ahmad Shakir</t>
  </si>
  <si>
    <t>GMMS BASTI QADIR BUX</t>
  </si>
  <si>
    <t>Bunga Machi</t>
  </si>
  <si>
    <t>CHAK QADIR BUKHSH MUSLAH MOZA BUNGA MACHI</t>
  </si>
  <si>
    <t>Chak Qadir Bakhsh Muslah</t>
  </si>
  <si>
    <t>GPS PAHLWANKA</t>
  </si>
  <si>
    <t>Haider Dhudhi</t>
  </si>
  <si>
    <t>Village Pehlwanka P/o Laleka Tehsil minchin Abad</t>
  </si>
  <si>
    <t>Muhammad Shafqat</t>
  </si>
  <si>
    <t>5164</t>
  </si>
  <si>
    <t>41645</t>
  </si>
  <si>
    <t>5796</t>
  </si>
  <si>
    <t>GMMS PEHALWANKA</t>
  </si>
  <si>
    <t>MND-XVI-MALE</t>
  </si>
  <si>
    <t>Bachian Wali</t>
  </si>
  <si>
    <t>basti pehwalnka</t>
  </si>
  <si>
    <t>Basti Pehwalnka</t>
  </si>
  <si>
    <t>2498</t>
  </si>
  <si>
    <t>GMMS SAGIR KOT</t>
  </si>
  <si>
    <t>MND-20-MALE</t>
  </si>
  <si>
    <t>Tobba Balochan</t>
  </si>
  <si>
    <t>Basti Sagir kot Minchanabd</t>
  </si>
  <si>
    <t>Sagirkot</t>
  </si>
  <si>
    <t>Tobba Baloochan</t>
  </si>
  <si>
    <t>Muhammad Raheel Aslam</t>
  </si>
  <si>
    <t>5780</t>
  </si>
  <si>
    <t>GPS MC AZAM PURA SHARQI</t>
  </si>
  <si>
    <t>MND-III-MALE</t>
  </si>
  <si>
    <t>Abadi railway station Minchinabad</t>
  </si>
  <si>
    <t>Abadi Railway Station</t>
  </si>
  <si>
    <t>Municipal committee</t>
  </si>
  <si>
    <t>2506</t>
  </si>
  <si>
    <t>GPS JHAMERA</t>
  </si>
  <si>
    <t>Jhamera</t>
  </si>
  <si>
    <t>Jhamera mandi sadiq gunj</t>
  </si>
  <si>
    <t>Bholewala</t>
  </si>
  <si>
    <t>Muhammad Hussain Raza</t>
  </si>
  <si>
    <t>18076</t>
  </si>
  <si>
    <t>54411</t>
  </si>
  <si>
    <t>GPS MEHMAND BALOCH</t>
  </si>
  <si>
    <t>Bilarra Mehmand Blouch</t>
  </si>
  <si>
    <t>Bilarra mehmand blouch</t>
  </si>
  <si>
    <t>Bilarra Mehmand</t>
  </si>
  <si>
    <t>Muhammad Khan Shahid</t>
  </si>
  <si>
    <t>54412</t>
  </si>
  <si>
    <t>GPS CHATTEKA</t>
  </si>
  <si>
    <t>Chhateka</t>
  </si>
  <si>
    <t>Chak Chhateka</t>
  </si>
  <si>
    <t>Asif Mahmood</t>
  </si>
  <si>
    <t>GHS JHELAN WALI</t>
  </si>
  <si>
    <t>Mouza Jheelan Wali</t>
  </si>
  <si>
    <t>Abdul ghaffar</t>
  </si>
  <si>
    <t>20933</t>
  </si>
  <si>
    <t>GGES MAHAND SHAREE</t>
  </si>
  <si>
    <t>CHANNI GOTH - FEMALE</t>
  </si>
  <si>
    <t>mahand sharif</t>
  </si>
  <si>
    <t>GGh/s mahand sharif</t>
  </si>
  <si>
    <t>23892</t>
  </si>
  <si>
    <t>36732</t>
  </si>
  <si>
    <t>GPS BASTI KALRIAN</t>
  </si>
  <si>
    <t>Basti Kalrian</t>
  </si>
  <si>
    <t>Tibi Izzat</t>
  </si>
  <si>
    <t>Haji Ahmad</t>
  </si>
  <si>
    <t>GPS GHULAMOON CHANNAR</t>
  </si>
  <si>
    <t>Ghulam Ali Channer</t>
  </si>
  <si>
    <t>basti jamal channer p/o mubarak pur ahmed pur east</t>
  </si>
  <si>
    <t>Basti Jamal Channer</t>
  </si>
  <si>
    <t>Ali Kharik</t>
  </si>
  <si>
    <t>GPS BASTI INAYAT PUR</t>
  </si>
  <si>
    <t>Basti Munshi Muhammad Nawaz, Mouza Inayat Pur</t>
  </si>
  <si>
    <t>Khalid Mahmood Khan</t>
  </si>
  <si>
    <t>GPS MANZOOR ABAD</t>
  </si>
  <si>
    <t>Ghanno Wali</t>
  </si>
  <si>
    <t>basti multani langah mouza ghanno wali tehsil ahmedpur</t>
  </si>
  <si>
    <t>Multani Langah</t>
  </si>
  <si>
    <t>Kot Khalifa</t>
  </si>
  <si>
    <t>M Faisal Khan</t>
  </si>
  <si>
    <t>GPS ARABIC WAHI MOCHIAN</t>
  </si>
  <si>
    <t>Wahi Mochian</t>
  </si>
  <si>
    <t>basti jaam wahi mochian</t>
  </si>
  <si>
    <t>Jaam</t>
  </si>
  <si>
    <t>Janowala</t>
  </si>
  <si>
    <t>MUHAMMAD ZAKRIA</t>
  </si>
  <si>
    <t>GPS CHAK DAWANJ</t>
  </si>
  <si>
    <t>Januwala</t>
  </si>
  <si>
    <t>Basti Chak Dawanj Moza Januwala</t>
  </si>
  <si>
    <t>Chak Dawanj</t>
  </si>
  <si>
    <t>3610</t>
  </si>
  <si>
    <t>2734</t>
  </si>
  <si>
    <t>GPS BASTI ABDUR REHMAN</t>
  </si>
  <si>
    <t>KHURRAM PUR - MALE</t>
  </si>
  <si>
    <t>Chak Manok</t>
  </si>
  <si>
    <t>Basti Mad Makhdom</t>
  </si>
  <si>
    <t>Mad Makhdom</t>
  </si>
  <si>
    <t>Muhammad akbar Qamar</t>
  </si>
  <si>
    <t>GPS ARABIC THATH WARN</t>
  </si>
  <si>
    <t>Dhoor Kot</t>
  </si>
  <si>
    <t>basti tath warun dhoor kot</t>
  </si>
  <si>
    <t>Tath Waran</t>
  </si>
  <si>
    <t>UmarFarooq</t>
  </si>
  <si>
    <t>2755</t>
  </si>
  <si>
    <t>GPS NABI PUR</t>
  </si>
  <si>
    <t>Moza Jahanpur p/o Nabipur Tehsil Ahmad Pur East District Bahawalpur</t>
  </si>
  <si>
    <t>Khuram Pur</t>
  </si>
  <si>
    <t>Rana Bashir Ahmed</t>
  </si>
  <si>
    <t>GPS BASTI MUHAMMAD KHAN</t>
  </si>
  <si>
    <t>Bakhtiari</t>
  </si>
  <si>
    <t>GPS Basti Muhammad khan</t>
  </si>
  <si>
    <t>Basti Baggar</t>
  </si>
  <si>
    <t>Hamid Iqbal</t>
  </si>
  <si>
    <t>2758</t>
  </si>
  <si>
    <t>GPS JAM FAZIL</t>
  </si>
  <si>
    <t>Bun Wala</t>
  </si>
  <si>
    <t>basti matila post office uch Sharif Tehsil Ahmad pur east district Bahawalpur</t>
  </si>
  <si>
    <t>Maitla</t>
  </si>
  <si>
    <t>3618</t>
  </si>
  <si>
    <t>2761</t>
  </si>
  <si>
    <t>GPS BASTI BALOCHAN</t>
  </si>
  <si>
    <t>KOT KHALIFA - MALE</t>
  </si>
  <si>
    <t>punnun jholan</t>
  </si>
  <si>
    <t>basti balochan pannu jhullan</t>
  </si>
  <si>
    <t>Mohammad Imran Munir</t>
  </si>
  <si>
    <t>2765</t>
  </si>
  <si>
    <t>GPS QASMANI</t>
  </si>
  <si>
    <t>GAMANI</t>
  </si>
  <si>
    <t>BASTI ABDULLAH BIDANI MOZA GAMANI POST OFFICE UCHSHARIF, TEHSIL AHMADPUR DISTRICT BAHAWALPUR</t>
  </si>
  <si>
    <t>ABDULLAH BIDANI</t>
  </si>
  <si>
    <t>SAMEE ULLAH kHAN</t>
  </si>
  <si>
    <t>2783</t>
  </si>
  <si>
    <t>GPS PATI KHIARA</t>
  </si>
  <si>
    <t>DHOOR KOT - MALE</t>
  </si>
  <si>
    <t>Pati Khiara</t>
  </si>
  <si>
    <t>Basti Khiara moza Pati Khiara p/o Uch Sharif Teh. Ahmed pur east Distt. Bahawal pur</t>
  </si>
  <si>
    <t>Khiara</t>
  </si>
  <si>
    <t>Chanab Rasool pur</t>
  </si>
  <si>
    <t>GGPS MUHAMMAD ABAD COLONY</t>
  </si>
  <si>
    <t>CHACHA BASTI</t>
  </si>
  <si>
    <t>MOUZA CHACHA BASTI NEAR GULSHAN NABI TOWN TEHSIL APE</t>
  </si>
  <si>
    <t>MC AHMADPUR EAST</t>
  </si>
  <si>
    <t>Shehnaz Ashraf</t>
  </si>
  <si>
    <t>2848</t>
  </si>
  <si>
    <t>GGPS CHAK WAHNI</t>
  </si>
  <si>
    <t>KOTLA MUSA KHAN - FEMALE</t>
  </si>
  <si>
    <t>Chakwahni</t>
  </si>
  <si>
    <t>chakwahni</t>
  </si>
  <si>
    <t>Kullab</t>
  </si>
  <si>
    <t>7790</t>
  </si>
  <si>
    <t>GGES NO.2 ABU ZAHBI COLONY</t>
  </si>
  <si>
    <t>83/P</t>
  </si>
  <si>
    <t>GGES Abu Dehbi Colony#2</t>
  </si>
  <si>
    <t>Abu Dehbi Colony #2</t>
  </si>
  <si>
    <t>84p</t>
  </si>
  <si>
    <t>26735</t>
  </si>
  <si>
    <t>GGMPS DHOWALA</t>
  </si>
  <si>
    <t>Dhowala</t>
  </si>
  <si>
    <t>village daowala post office sankhatra tehsil zafarwal district</t>
  </si>
  <si>
    <t>25481</t>
  </si>
  <si>
    <t>GES TEERAN WALI</t>
  </si>
  <si>
    <t>Chbiana</t>
  </si>
  <si>
    <t>Basti chbiana</t>
  </si>
  <si>
    <t>GGES AMONKY</t>
  </si>
  <si>
    <t>Ammonky</t>
  </si>
  <si>
    <t>Sobia Noreen</t>
  </si>
  <si>
    <t>6344</t>
  </si>
  <si>
    <t>3422</t>
  </si>
  <si>
    <t>GGPS CHAK NO.36/BC (W)</t>
  </si>
  <si>
    <t>DERA BAKHA (EAST) - FEMALE</t>
  </si>
  <si>
    <t>36 bc west</t>
  </si>
  <si>
    <t>Chak 36bc West</t>
  </si>
  <si>
    <t>Sadia Khan</t>
  </si>
  <si>
    <t>GGES CHAK NO.202/GB</t>
  </si>
  <si>
    <t>GOBIND GARH</t>
  </si>
  <si>
    <t>CHAK nO 202 gb</t>
  </si>
  <si>
    <t>202 gb</t>
  </si>
  <si>
    <t>203 GB</t>
  </si>
  <si>
    <t>SADIA NAVEED</t>
  </si>
  <si>
    <t>14335</t>
  </si>
  <si>
    <t>19469</t>
  </si>
  <si>
    <t>26732</t>
  </si>
  <si>
    <t>GGPS BHATI KALWAN</t>
  </si>
  <si>
    <t>Bhatti Kahlwan</t>
  </si>
  <si>
    <t>village bhatti kahlwan tehsil zafarwal distt narowal</t>
  </si>
  <si>
    <t>Sadia Shafi</t>
  </si>
  <si>
    <t>9807</t>
  </si>
  <si>
    <t>GGPS 64/GD</t>
  </si>
  <si>
    <t>Muhammmad Pur</t>
  </si>
  <si>
    <t>64/gd</t>
  </si>
  <si>
    <t>Bahadar Shah</t>
  </si>
  <si>
    <t>Maqsuda Qadir</t>
  </si>
  <si>
    <t>35816</t>
  </si>
  <si>
    <t>GGPS CHAK NO. 265 WB</t>
  </si>
  <si>
    <t>265Wb</t>
  </si>
  <si>
    <t>265 wb</t>
  </si>
  <si>
    <t>265 Wb</t>
  </si>
  <si>
    <t>335 Wb</t>
  </si>
  <si>
    <t>Rafia kosar</t>
  </si>
  <si>
    <t>45118</t>
  </si>
  <si>
    <t>GGES CHAK NO.8 RH</t>
  </si>
  <si>
    <t>post office fazil chak no 8rh</t>
  </si>
  <si>
    <t>8RH</t>
  </si>
  <si>
    <t>Sidra Rehman</t>
  </si>
  <si>
    <t>9185</t>
  </si>
  <si>
    <t>8278</t>
  </si>
  <si>
    <t>38949</t>
  </si>
  <si>
    <t>GGHS BAHTAR</t>
  </si>
  <si>
    <t>Bahtar</t>
  </si>
  <si>
    <t>gghs bahtar tehsil fatahjang district attock</t>
  </si>
  <si>
    <t>SAIRA HAYAT</t>
  </si>
  <si>
    <t>31324</t>
  </si>
  <si>
    <t>GGPS CDGL KOT KAMBOH</t>
  </si>
  <si>
    <t>Kot Kamboh</t>
  </si>
  <si>
    <t>kot kombho band road Lahore</t>
  </si>
  <si>
    <t>Sobia Ijaz</t>
  </si>
  <si>
    <t>20823</t>
  </si>
  <si>
    <t>GGPS MC NO.6 GUJRANWALA</t>
  </si>
  <si>
    <t>gali gulam Hussain wali kacha darwaza gujranwala</t>
  </si>
  <si>
    <t>Bakhte Waal</t>
  </si>
  <si>
    <t>kashifa siddique</t>
  </si>
  <si>
    <t>GGHS 355/WB</t>
  </si>
  <si>
    <t>355/wb</t>
  </si>
  <si>
    <t>chawk no 355/wb Dunyapur</t>
  </si>
  <si>
    <t>Shamas Un Nasa</t>
  </si>
  <si>
    <t>16940</t>
  </si>
  <si>
    <t>44620</t>
  </si>
  <si>
    <t>20165</t>
  </si>
  <si>
    <t>GGPS CHAK 242 P</t>
  </si>
  <si>
    <t>242/p</t>
  </si>
  <si>
    <t>street #13 Sakhi Sarwer Colony RYK</t>
  </si>
  <si>
    <t>Chak 93/P</t>
  </si>
  <si>
    <t>Zubaira Mansha</t>
  </si>
  <si>
    <t>11187</t>
  </si>
  <si>
    <t>32227</t>
  </si>
  <si>
    <t>GGCMES MALLIAN KALAN</t>
  </si>
  <si>
    <t>G.G.C.M.E/School Mallian Kalan Dak khana khas Mallian Kalan Trail and District Sheikhupura.</t>
  </si>
  <si>
    <t>GGHS FORMULI</t>
  </si>
  <si>
    <t>Formali</t>
  </si>
  <si>
    <t>village and post office formali.Tehsil Hazro District Attock</t>
  </si>
  <si>
    <t>5906</t>
  </si>
  <si>
    <t>GGES BASTI TUFQI</t>
  </si>
  <si>
    <t>GGES BASTI TUFKI</t>
  </si>
  <si>
    <t>Basti Tufki</t>
  </si>
  <si>
    <t>Gulnaz Naseem</t>
  </si>
  <si>
    <t>21686</t>
  </si>
  <si>
    <t>GGPS TAJ COLONY FSD KOT AMIN DIN</t>
  </si>
  <si>
    <t>Kot Amin Din</t>
  </si>
  <si>
    <t>st#5 kot Amin din 207RB.</t>
  </si>
  <si>
    <t>206RB</t>
  </si>
  <si>
    <t>Qamar Perveen</t>
  </si>
  <si>
    <t>36155</t>
  </si>
  <si>
    <t>GPS CHAK NO.445/EB</t>
  </si>
  <si>
    <t>Chak No 445EB</t>
  </si>
  <si>
    <t>445eb burewala</t>
  </si>
  <si>
    <t>445eb</t>
  </si>
  <si>
    <t>Ward 26</t>
  </si>
  <si>
    <t>Mohammad Jamil</t>
  </si>
  <si>
    <t>6053</t>
  </si>
  <si>
    <t>54580</t>
  </si>
  <si>
    <t>18838</t>
  </si>
  <si>
    <t>GHS CHAK 715 GB</t>
  </si>
  <si>
    <t>715 Gb</t>
  </si>
  <si>
    <t>chak no 715 gb kamalia distt. toba tek singh</t>
  </si>
  <si>
    <t>Chak No 715 Gb</t>
  </si>
  <si>
    <t>47013</t>
  </si>
  <si>
    <t>16148</t>
  </si>
  <si>
    <t>GGES CHAK 55 JB</t>
  </si>
  <si>
    <t>55 Jb</t>
  </si>
  <si>
    <t>chak no 55 jb</t>
  </si>
  <si>
    <t>27 Jb North</t>
  </si>
  <si>
    <t>Asima Naseem</t>
  </si>
  <si>
    <t>43164</t>
  </si>
  <si>
    <t>GGHS MINWAL</t>
  </si>
  <si>
    <t>Minwal</t>
  </si>
  <si>
    <t>village and post office Minwal</t>
  </si>
  <si>
    <t>Ballokasar</t>
  </si>
  <si>
    <t>FAKHRA YASMIN</t>
  </si>
  <si>
    <t>45406</t>
  </si>
  <si>
    <t>GGES JHOKE QALANDAR BUKHSH</t>
  </si>
  <si>
    <t>R/o p/ o jhoke qalandar Bakhsh</t>
  </si>
  <si>
    <t>Jhoke Qalandar Bakhsh</t>
  </si>
  <si>
    <t>Rashida Bibi</t>
  </si>
  <si>
    <t>29508</t>
  </si>
  <si>
    <t>GGHS RATTA BAJWA</t>
  </si>
  <si>
    <t>GGHS Ratta Bajwa Gujranwala</t>
  </si>
  <si>
    <t>Saleem Colony</t>
  </si>
  <si>
    <t>KAZMA BASHIR</t>
  </si>
  <si>
    <t>1843</t>
  </si>
  <si>
    <t>44366</t>
  </si>
  <si>
    <t>GGHS BHAKKAR NEAR RAILWAY CROSSING</t>
  </si>
  <si>
    <t>GGHS RAILWAY CROSSING BHAKKAR</t>
  </si>
  <si>
    <t>RAILWAY CROSSING</t>
  </si>
  <si>
    <t>Mamoona Akhtar</t>
  </si>
  <si>
    <t>29356</t>
  </si>
  <si>
    <t>20958</t>
  </si>
  <si>
    <t>41009</t>
  </si>
  <si>
    <t>GMPS KURLA</t>
  </si>
  <si>
    <t>kurla</t>
  </si>
  <si>
    <t>villge kurla post ofce dina teh Dina distrct jhelum</t>
  </si>
  <si>
    <t>madukalas</t>
  </si>
  <si>
    <t>Malkiya Begum</t>
  </si>
  <si>
    <t>27671</t>
  </si>
  <si>
    <t>37090</t>
  </si>
  <si>
    <t>34606</t>
  </si>
  <si>
    <t>28618</t>
  </si>
  <si>
    <t>GHS KOTHA</t>
  </si>
  <si>
    <t>kotha kalan p/o same tehsil chunian district kasur</t>
  </si>
  <si>
    <t>Kotha</t>
  </si>
  <si>
    <t>41640</t>
  </si>
  <si>
    <t>32376</t>
  </si>
  <si>
    <t>GGPS TARAY WALA</t>
  </si>
  <si>
    <t>Taray Wala</t>
  </si>
  <si>
    <t>Government Girls Primary school taray wala tehsel sheikhupura District sheikhupura post office herdav.</t>
  </si>
  <si>
    <t>Hardav</t>
  </si>
  <si>
    <t>Uzma  Siddique</t>
  </si>
  <si>
    <t>40003</t>
  </si>
  <si>
    <t>11815</t>
  </si>
  <si>
    <t>GGPS ZAHID WALA</t>
  </si>
  <si>
    <t>G  g ps zahid wala markaz budh basti paka hans wala</t>
  </si>
  <si>
    <t>Chah Paka</t>
  </si>
  <si>
    <t>32281</t>
  </si>
  <si>
    <t>31672</t>
  </si>
  <si>
    <t>8332</t>
  </si>
  <si>
    <t>GGMPS BEGAY WALA</t>
  </si>
  <si>
    <t>Beggay wala nazd gadai</t>
  </si>
  <si>
    <t>Beggay Wala</t>
  </si>
  <si>
    <t>Lubna Kareem</t>
  </si>
  <si>
    <t>35193</t>
  </si>
  <si>
    <t>GPS CHAK NO.443 EB</t>
  </si>
  <si>
    <t>443/EB</t>
  </si>
  <si>
    <t>chack no 443/EB</t>
  </si>
  <si>
    <t>Khaleel Ahmad</t>
  </si>
  <si>
    <t>3442</t>
  </si>
  <si>
    <t>35619</t>
  </si>
  <si>
    <t>GPS 156 WB</t>
  </si>
  <si>
    <t>Chak no 156/wb p/o 335/wb tehsil mailsi</t>
  </si>
  <si>
    <t>Chak no 156/wb</t>
  </si>
  <si>
    <t>Hafiz Munir Haider</t>
  </si>
  <si>
    <t>3465</t>
  </si>
  <si>
    <t>GGHS TOBA QALNDAR SHAH</t>
  </si>
  <si>
    <t>Toba Qalandar Toba Qalander  Shah</t>
  </si>
  <si>
    <t>Govt. Girls High School Toba Qalander Shah Bahawalnagar</t>
  </si>
  <si>
    <t>Toba Qalandar Shah</t>
  </si>
  <si>
    <t>Kouser Ghulam Muhammad</t>
  </si>
  <si>
    <t>13592</t>
  </si>
  <si>
    <t>GMPS BASTI DAHA</t>
  </si>
  <si>
    <t>Dhandhla</t>
  </si>
  <si>
    <t>Basti daha tehsile jampur zila rajan pur</t>
  </si>
  <si>
    <t>Gmps basti daha</t>
  </si>
  <si>
    <t>Noshera garbi</t>
  </si>
  <si>
    <t>43171</t>
  </si>
  <si>
    <t>GGES JANDALA RAIKA</t>
  </si>
  <si>
    <t>Jandala Raika</t>
  </si>
  <si>
    <t>Mulhal Muglan</t>
  </si>
  <si>
    <t>27231</t>
  </si>
  <si>
    <t>28960</t>
  </si>
  <si>
    <t>GGPS MALIK SHER WALA</t>
  </si>
  <si>
    <t>G G p/s Dera Malik Sherwala chak no.181</t>
  </si>
  <si>
    <t>Dera Malik Sherwala</t>
  </si>
  <si>
    <t>Ghizala Anjum</t>
  </si>
  <si>
    <t>9152</t>
  </si>
  <si>
    <t>25116</t>
  </si>
  <si>
    <t>14616</t>
  </si>
  <si>
    <t>GGPS NASEER ABAD FSD</t>
  </si>
  <si>
    <t>Naseerabadd 207</t>
  </si>
  <si>
    <t>Mughal pura#2 Street #4 naseerabadd</t>
  </si>
  <si>
    <t>Naseerabadd</t>
  </si>
  <si>
    <t>Sadia Maqbool</t>
  </si>
  <si>
    <t>14477</t>
  </si>
  <si>
    <t>48340</t>
  </si>
  <si>
    <t>35003</t>
  </si>
  <si>
    <t>31985</t>
  </si>
  <si>
    <t>GGES MANDIALA VIRKAN</t>
  </si>
  <si>
    <t>13717</t>
  </si>
  <si>
    <t>GGPS BASTI DHANDLA</t>
  </si>
  <si>
    <t>basti dhandla</t>
  </si>
  <si>
    <t>Talshumali</t>
  </si>
  <si>
    <t>Musarat Gul</t>
  </si>
  <si>
    <t>12244</t>
  </si>
  <si>
    <t>GPS SAIDAY WALA</t>
  </si>
  <si>
    <t>Chak No 571/TDA</t>
  </si>
  <si>
    <t>Govt Primary School Saidaywala Chowk Sarwar Shaheed</t>
  </si>
  <si>
    <t>MC Chowk Sawar Shaheed</t>
  </si>
  <si>
    <t>7752</t>
  </si>
  <si>
    <t>GGES QAZI WALA</t>
  </si>
  <si>
    <t>qazi wala, markaz sadar janobi</t>
  </si>
  <si>
    <t>Asea Bibi</t>
  </si>
  <si>
    <t>37609</t>
  </si>
  <si>
    <t>GGPS 112/15-L, MIAN CHANNU</t>
  </si>
  <si>
    <t>112/15-L</t>
  </si>
  <si>
    <t>GGPS 112/15-L</t>
  </si>
  <si>
    <t>Chak # 112/15-L</t>
  </si>
  <si>
    <t>Iqra Majeed</t>
  </si>
  <si>
    <t>2383</t>
  </si>
  <si>
    <t>50130</t>
  </si>
  <si>
    <t>GHSS IQBAL NAGAR</t>
  </si>
  <si>
    <t>GHSS Iqba lNagar ,G.T Road Iqbal Nagar, Tehsil Chichawatni District Sahiwal</t>
  </si>
  <si>
    <t>Chak 7/14L</t>
  </si>
  <si>
    <t>HAFIZ SALEEM AKHTAT/ S/O MIAN SIRAJ DIN</t>
  </si>
  <si>
    <t>44908</t>
  </si>
  <si>
    <t>GPS DERA NOOR MOHAMMAD WALA</t>
  </si>
  <si>
    <t>GPS DERA NOOR MUHAMMAD WALA</t>
  </si>
  <si>
    <t>Dera Noora Muhammad Wala</t>
  </si>
  <si>
    <t>NOORA</t>
  </si>
  <si>
    <t>Inayat Ullah</t>
  </si>
  <si>
    <t>3340</t>
  </si>
  <si>
    <t>31258</t>
  </si>
  <si>
    <t>GGES CDG JUNIOR MODEL WEAVING FACTORY SHAHDARA</t>
  </si>
  <si>
    <t>cdggjmmschool weaving factory shahdara lhr</t>
  </si>
  <si>
    <t>Nazda Firdous</t>
  </si>
  <si>
    <t>8548</t>
  </si>
  <si>
    <t>15055</t>
  </si>
  <si>
    <t>GGPS CHAK 120 GB JARANWALA</t>
  </si>
  <si>
    <t>120 GB</t>
  </si>
  <si>
    <t>chak no 120gb</t>
  </si>
  <si>
    <t>Chak No 122 Gb</t>
  </si>
  <si>
    <t>mohammad Afzal</t>
  </si>
  <si>
    <t>3966</t>
  </si>
  <si>
    <t>24916</t>
  </si>
  <si>
    <t>54167</t>
  </si>
  <si>
    <t>GGPS DURI WALA MANOPUR</t>
  </si>
  <si>
    <t>DURI WALA</t>
  </si>
  <si>
    <t>Mannoopur village duriwala</t>
  </si>
  <si>
    <t>Duri Wala</t>
  </si>
  <si>
    <t>Mandiyala Virkan</t>
  </si>
  <si>
    <t>Abida Qadir</t>
  </si>
  <si>
    <t>27011</t>
  </si>
  <si>
    <t>GGHS CITY BAHAWALNAGAR</t>
  </si>
  <si>
    <t>Rojhanwali</t>
  </si>
  <si>
    <t>Police Line Road, BWN.</t>
  </si>
  <si>
    <t>Muslim Colony</t>
  </si>
  <si>
    <t>Mrs Khadijaha</t>
  </si>
  <si>
    <t>23056</t>
  </si>
  <si>
    <t>35559</t>
  </si>
  <si>
    <t>GGHS MAILSI</t>
  </si>
  <si>
    <t>EAST</t>
  </si>
  <si>
    <t>NADERA</t>
  </si>
  <si>
    <t>59895</t>
  </si>
  <si>
    <t>53999</t>
  </si>
  <si>
    <t>GGPS KHOKHAR KI MALLIAN</t>
  </si>
  <si>
    <t>Khokharki mallian</t>
  </si>
  <si>
    <t>khokharki mallian sheikhupura</t>
  </si>
  <si>
    <t>Khokharki Mallian</t>
  </si>
  <si>
    <t>IRSHAD AKBAR</t>
  </si>
  <si>
    <t>14506</t>
  </si>
  <si>
    <t>GPS 223 RB SANDU TOWN FSD</t>
  </si>
  <si>
    <t>Khoshab</t>
  </si>
  <si>
    <t>Street number 10, Sandhu Town, 223 RB, Faisalabad</t>
  </si>
  <si>
    <t>Sandhu Town</t>
  </si>
  <si>
    <t>Sohailabad</t>
  </si>
  <si>
    <t>Raza Hussain</t>
  </si>
  <si>
    <t>Purchasing</t>
  </si>
  <si>
    <t>14098</t>
  </si>
  <si>
    <t>15234</t>
  </si>
  <si>
    <t>GGPS CHAK 266 RB I GHOSIA COLONY KHURRIANWALA</t>
  </si>
  <si>
    <t>266 RB</t>
  </si>
  <si>
    <t>Ghousia colony, khurrianwala</t>
  </si>
  <si>
    <t>MC Khurrianwala</t>
  </si>
  <si>
    <t>shamim Akhtar</t>
  </si>
  <si>
    <t>clean drinking water supplied</t>
  </si>
  <si>
    <t>19087</t>
  </si>
  <si>
    <t>GGPS BASTI MANZOOR SANPAL</t>
  </si>
  <si>
    <t>Basti Manzor</t>
  </si>
  <si>
    <t>basti manzoor sanpal</t>
  </si>
  <si>
    <t>Basti Manzor Sanpl</t>
  </si>
  <si>
    <t>GHS WAAD GARAN (SADAR PURA)</t>
  </si>
  <si>
    <t>WAD GRAN</t>
  </si>
  <si>
    <t>WILLAGE WAD GRAN P.O  PHUKLIAN TEH&amp;DISTT SIALKOT</t>
  </si>
  <si>
    <t>MUHAMMAD   IQBAL</t>
  </si>
  <si>
    <t>6508</t>
  </si>
  <si>
    <t>13389</t>
  </si>
  <si>
    <t>GHS KOT WARIS</t>
  </si>
  <si>
    <t>Kot Waris</t>
  </si>
  <si>
    <t>kot waris</t>
  </si>
  <si>
    <t>Mubashar Iqbal</t>
  </si>
  <si>
    <t>57172</t>
  </si>
  <si>
    <t>GES GIDRIAM</t>
  </si>
  <si>
    <t>Gidriam</t>
  </si>
  <si>
    <t>Ges Gidriam Teh Sohawa Distt Jhelum</t>
  </si>
  <si>
    <t>Pail Banay Khan</t>
  </si>
  <si>
    <t>Faisal Ashraf</t>
  </si>
  <si>
    <t>8830</t>
  </si>
  <si>
    <t>30007</t>
  </si>
  <si>
    <t>GGPS PARAGWAL</t>
  </si>
  <si>
    <t>MARARA - FEMALE</t>
  </si>
  <si>
    <t>Paragwal</t>
  </si>
  <si>
    <t>Village Paragwal p/o  Barapind  Teh.zafarwal Distt.Narowal</t>
  </si>
  <si>
    <t>Barapind</t>
  </si>
  <si>
    <t>26822</t>
  </si>
  <si>
    <t>GGPS JARPAAL</t>
  </si>
  <si>
    <t>Jarpal</t>
  </si>
  <si>
    <t>ggps.jarpal</t>
  </si>
  <si>
    <t>40631</t>
  </si>
  <si>
    <t>GPS CHAK MIANA</t>
  </si>
  <si>
    <t>Chak Miana</t>
  </si>
  <si>
    <t>CHAK Miana</t>
  </si>
  <si>
    <t>yasir Azeem</t>
  </si>
  <si>
    <t>35626</t>
  </si>
  <si>
    <t>25251</t>
  </si>
  <si>
    <t>GMPS BAHU BHATTI</t>
  </si>
  <si>
    <t>Bahoo Bhatti</t>
  </si>
  <si>
    <t>village bahoo bhatti post office bhagwal awan Sialkot</t>
  </si>
  <si>
    <t>7142</t>
  </si>
  <si>
    <t>45975</t>
  </si>
  <si>
    <t>44094</t>
  </si>
  <si>
    <t>26637</t>
  </si>
  <si>
    <t>GGPS NAI ABADI NONAR</t>
  </si>
  <si>
    <t>Nai Abadi Nonar</t>
  </si>
  <si>
    <t>GGPSNAIABADI Nai Abadi Nonar</t>
  </si>
  <si>
    <t>Nai Ababi</t>
  </si>
  <si>
    <t>33596</t>
  </si>
  <si>
    <t>19325</t>
  </si>
  <si>
    <t>GGHS CHAK 339 GB II KHURD</t>
  </si>
  <si>
    <t>chak 339 GBII kgurd</t>
  </si>
  <si>
    <t>339 GB</t>
  </si>
  <si>
    <t>290GB</t>
  </si>
  <si>
    <t>Bukhtawar Shabbir</t>
  </si>
  <si>
    <t>19236</t>
  </si>
  <si>
    <t>6413</t>
  </si>
  <si>
    <t>GGPS CHAK NO. 229/P</t>
  </si>
  <si>
    <t>229/p</t>
  </si>
  <si>
    <t>GGPS 229/p post box 140/P tehsil Rahim Yar Khan</t>
  </si>
  <si>
    <t>Chak No 229/p</t>
  </si>
  <si>
    <t>Chak No 93/P</t>
  </si>
  <si>
    <t>Samina munir</t>
  </si>
  <si>
    <t>25063</t>
  </si>
  <si>
    <t>GGES RATOWAL</t>
  </si>
  <si>
    <t>Rattowal</t>
  </si>
  <si>
    <t>Rattowal, P.O. Punnowal, Tehsil and District Sialkot</t>
  </si>
  <si>
    <t>Syeda Fatima</t>
  </si>
  <si>
    <t>17575</t>
  </si>
  <si>
    <t>22190</t>
  </si>
  <si>
    <t>GGES DHERO WALI</t>
  </si>
  <si>
    <t>Dhero Wali</t>
  </si>
  <si>
    <t>GGES dhero wali grw</t>
  </si>
  <si>
    <t>Nadala Sanduwan</t>
  </si>
  <si>
    <t>Habiba</t>
  </si>
  <si>
    <t>26672</t>
  </si>
  <si>
    <t>GGPS TEPIALA</t>
  </si>
  <si>
    <t>Tapyala p/o Bolar Tehsil zafarwal District Narowal</t>
  </si>
  <si>
    <t>Rahat afza</t>
  </si>
  <si>
    <t>32428</t>
  </si>
  <si>
    <t>GGPS MC REHMAT COLONY</t>
  </si>
  <si>
    <t>Rehmat Colony</t>
  </si>
  <si>
    <t>GG MCP SCHOOL REHMAT COLONY#1 st#6 gujrwala road skp</t>
  </si>
  <si>
    <t>Urban Roshenpura</t>
  </si>
  <si>
    <t>Zakia Ghazanfar</t>
  </si>
  <si>
    <t>41078</t>
  </si>
  <si>
    <t>5294</t>
  </si>
  <si>
    <t>25017</t>
  </si>
  <si>
    <t>GGPS BADIAN</t>
  </si>
  <si>
    <t>HARNAH - FEMALE</t>
  </si>
  <si>
    <t>Badian</t>
  </si>
  <si>
    <t>GGPS Badian</t>
  </si>
  <si>
    <t>Amina  Muneer</t>
  </si>
  <si>
    <t>54780</t>
  </si>
  <si>
    <t>23626</t>
  </si>
  <si>
    <t>29162</t>
  </si>
  <si>
    <t>32332</t>
  </si>
  <si>
    <t>GGES KOTWAR</t>
  </si>
  <si>
    <t>Kotwar</t>
  </si>
  <si>
    <t>kotwar</t>
  </si>
  <si>
    <t>Mangal Singh Wala</t>
  </si>
  <si>
    <t>Amna Khadam</t>
  </si>
  <si>
    <t>34862</t>
  </si>
  <si>
    <t>17458</t>
  </si>
  <si>
    <t>22517</t>
  </si>
  <si>
    <t>33306</t>
  </si>
  <si>
    <t>GGPS WARIS ABAD CHAK 20 RB</t>
  </si>
  <si>
    <t>Ghondlawa</t>
  </si>
  <si>
    <t>Ghondlawala</t>
  </si>
  <si>
    <t>6984</t>
  </si>
  <si>
    <t>23777</t>
  </si>
  <si>
    <t>12247</t>
  </si>
  <si>
    <t>GPS JAMIA-UL-ULOOM CHAK NO.569/TDA</t>
  </si>
  <si>
    <t>Chak No 569/TDA</t>
  </si>
  <si>
    <t>Chak 569/TDA</t>
  </si>
  <si>
    <t>MC Chowk Sarwar Shaheed</t>
  </si>
  <si>
    <t>45220</t>
  </si>
  <si>
    <t>GPS SHAHI</t>
  </si>
  <si>
    <t>Gohar Wala</t>
  </si>
  <si>
    <t>chah shahi p/o gohar wala teh mankera bhakkar</t>
  </si>
  <si>
    <t>Chah Shahi</t>
  </si>
  <si>
    <t>MUHAMMAD HASNAIN</t>
  </si>
  <si>
    <t>37468</t>
  </si>
  <si>
    <t>GGES 134/16-L, MIAN CHANNU</t>
  </si>
  <si>
    <t>134/16L</t>
  </si>
  <si>
    <t>Govt.Girls Middle Shool 134/16L Mian Channu</t>
  </si>
  <si>
    <t>19654</t>
  </si>
  <si>
    <t>GGHS CHAK 294 GB I</t>
  </si>
  <si>
    <t>sial Pur</t>
  </si>
  <si>
    <t>Chak No 294 GB</t>
  </si>
  <si>
    <t>294 gB</t>
  </si>
  <si>
    <t>Chak no 296 GB</t>
  </si>
  <si>
    <t>Asma Shaheen</t>
  </si>
  <si>
    <t>GGES DEER DAY DOGRAN</t>
  </si>
  <si>
    <t>Dheer Da Dogran</t>
  </si>
  <si>
    <t>g g e s dheer da dogran p/o Thabal</t>
  </si>
  <si>
    <t>Rehana Zareen</t>
  </si>
  <si>
    <t>GGPS CHAK 146 WB</t>
  </si>
  <si>
    <t>146 w B</t>
  </si>
  <si>
    <t>Chak no 146 w. B tehsil mailsi vehari</t>
  </si>
  <si>
    <t>Chak no 146 w B</t>
  </si>
  <si>
    <t>Basti sehar</t>
  </si>
  <si>
    <t>Sundas Fatima</t>
  </si>
  <si>
    <t>12885</t>
  </si>
  <si>
    <t>45283</t>
  </si>
  <si>
    <t>GGPS DORAY WALA</t>
  </si>
  <si>
    <t>darbula</t>
  </si>
  <si>
    <t>doray wala</t>
  </si>
  <si>
    <t>rubina ramzan</t>
  </si>
  <si>
    <t>24092</t>
  </si>
  <si>
    <t>GHS VIRK</t>
  </si>
  <si>
    <t>Village Virk, P/O Bhagowal, tehsil Pasrur.</t>
  </si>
  <si>
    <t>virk</t>
  </si>
  <si>
    <t>Chahar Bajwa</t>
  </si>
  <si>
    <t>7028</t>
  </si>
  <si>
    <t>41890</t>
  </si>
  <si>
    <t>GGPS JHAWRA</t>
  </si>
  <si>
    <t>Jhawra</t>
  </si>
  <si>
    <t>Riaz Qureshi Road Jhawra</t>
  </si>
  <si>
    <t>38832</t>
  </si>
  <si>
    <t>44802</t>
  </si>
  <si>
    <t>31602</t>
  </si>
  <si>
    <t>GGES ITTEHAD COLONY</t>
  </si>
  <si>
    <t>government girls elementary school ittehad colony multan near baba qamar din mazar</t>
  </si>
  <si>
    <t>Sarwat Majeed</t>
  </si>
  <si>
    <t>GGPS NABI SHAH</t>
  </si>
  <si>
    <t>BANGLA ICHHA - FEMALE</t>
  </si>
  <si>
    <t>sonmiani</t>
  </si>
  <si>
    <t>Nabi Shah</t>
  </si>
  <si>
    <t>umay kalsoom Akhter</t>
  </si>
  <si>
    <t>47724</t>
  </si>
  <si>
    <t>GHS NO. 1 PIPLAN</t>
  </si>
  <si>
    <t>PIPLAN PAKKA</t>
  </si>
  <si>
    <t>G.H/S NO 1 PIPLAN MIANWALI</t>
  </si>
  <si>
    <t>MUHAMMAD IJAZ ASLAM</t>
  </si>
  <si>
    <t>33219</t>
  </si>
  <si>
    <t>GGHS MALIAN WALI CHAK 537</t>
  </si>
  <si>
    <t>Malianwali</t>
  </si>
  <si>
    <t>malianwali chak 537 GB</t>
  </si>
  <si>
    <t>Shamshad Beghum</t>
  </si>
  <si>
    <t>47064</t>
  </si>
  <si>
    <t>GHS WAN BHACHRAN</t>
  </si>
  <si>
    <t>MUZAFAR PUR SOUTH</t>
  </si>
  <si>
    <t>GHS WAN BHACHRAN  TEHSIL &amp; DISTRICT MIANWALI</t>
  </si>
  <si>
    <t>WAN BHACHRAN</t>
  </si>
  <si>
    <t>16704</t>
  </si>
  <si>
    <t>ggps 450 gb</t>
  </si>
  <si>
    <t>Nadir Ki Jhok</t>
  </si>
  <si>
    <t>396/3 Gb</t>
  </si>
  <si>
    <t>Sidra Abdul Sattar</t>
  </si>
  <si>
    <t>2557</t>
  </si>
  <si>
    <t>41306</t>
  </si>
  <si>
    <t>GGHS SANGSERI</t>
  </si>
  <si>
    <t>Sangseri</t>
  </si>
  <si>
    <t>village sangseri p/o bunn Teh murree dist rwp</t>
  </si>
  <si>
    <t>Ban Charhan</t>
  </si>
  <si>
    <t>raheela rafique</t>
  </si>
  <si>
    <t>bucket</t>
  </si>
  <si>
    <t>5236</t>
  </si>
  <si>
    <t>9081</t>
  </si>
  <si>
    <t>GPS THULANG BUN</t>
  </si>
  <si>
    <t>BARTHI MALE</t>
  </si>
  <si>
    <t>Thalang Bun</t>
  </si>
  <si>
    <t>Thalang bun zain post office barthi</t>
  </si>
  <si>
    <t>HABIB UR REHMAN</t>
  </si>
  <si>
    <t>self</t>
  </si>
  <si>
    <t>22251</t>
  </si>
  <si>
    <t>9082</t>
  </si>
  <si>
    <t>GPS SUFAID KOH</t>
  </si>
  <si>
    <t>Jaro</t>
  </si>
  <si>
    <t>jaro sufaid koh Zeen trible area distt dgkhan</t>
  </si>
  <si>
    <t>Musarat Hussain</t>
  </si>
  <si>
    <t>9102</t>
  </si>
  <si>
    <t>GES GATTA RAIKH</t>
  </si>
  <si>
    <t>THEKAR MALE</t>
  </si>
  <si>
    <t>Gata Raikh</t>
  </si>
  <si>
    <t>baste gata raikh post office barthi uc mubarki</t>
  </si>
  <si>
    <t>Mubarki</t>
  </si>
  <si>
    <t>Jan Muhammad</t>
  </si>
  <si>
    <t>42142</t>
  </si>
  <si>
    <t>9107</t>
  </si>
  <si>
    <t>GPS RAKH MUMDANI</t>
  </si>
  <si>
    <t>Mutt</t>
  </si>
  <si>
    <t>Basti milke mouza mutt teh trible area distt dgkhan</t>
  </si>
  <si>
    <t>Basti Milkee</t>
  </si>
  <si>
    <t>Habib Ullah</t>
  </si>
  <si>
    <t>4572</t>
  </si>
  <si>
    <t>8306</t>
  </si>
  <si>
    <t>GGMPS KOT JANOON</t>
  </si>
  <si>
    <t>MANA AHMEDANI-FEMALE</t>
  </si>
  <si>
    <t>kot janu</t>
  </si>
  <si>
    <t>kot janu p/o kot tahir</t>
  </si>
  <si>
    <t>jkot janu</t>
  </si>
  <si>
    <t>basti Foja</t>
  </si>
  <si>
    <t>28415</t>
  </si>
  <si>
    <t>GGPS HUSSAIN WALA</t>
  </si>
  <si>
    <t>KOT ADU CITY- FEMALE</t>
  </si>
  <si>
    <t>Phirar Sharki</t>
  </si>
  <si>
    <t>GGp/s hussain wala mavishe mandi kot adu</t>
  </si>
  <si>
    <t>Kot Adu</t>
  </si>
  <si>
    <t>City Kot Adu</t>
  </si>
  <si>
    <t>50702</t>
  </si>
  <si>
    <t>GHS MISSION 148/9-L</t>
  </si>
  <si>
    <t>chak no 148/9.L sahiwal</t>
  </si>
  <si>
    <t>150/9.L</t>
  </si>
  <si>
    <t>5627</t>
  </si>
  <si>
    <t>7136</t>
  </si>
  <si>
    <t>7653</t>
  </si>
  <si>
    <t>GGHS CHOTI ZAREEN</t>
  </si>
  <si>
    <t>Chak Bakhar</t>
  </si>
  <si>
    <t>Choti Zareen</t>
  </si>
  <si>
    <t>44964</t>
  </si>
  <si>
    <t>50772</t>
  </si>
  <si>
    <t>GGES BHUTO NAGAR BILAL COLONY SAHIWAL</t>
  </si>
  <si>
    <t>g g es bhutto nagar bilalcolony sahiwal</t>
  </si>
  <si>
    <t>Bhutto Nagar Swl</t>
  </si>
  <si>
    <t>Tbz bilal Colony Swl</t>
  </si>
  <si>
    <t>Shahida Anwar</t>
  </si>
  <si>
    <t>39614</t>
  </si>
  <si>
    <t>50525</t>
  </si>
  <si>
    <t>GGPS 29/11-L</t>
  </si>
  <si>
    <t>29/11L</t>
  </si>
  <si>
    <t>Chak no.29 
/11.L tehsil cci dist sahiwal</t>
  </si>
  <si>
    <t>21226</t>
  </si>
  <si>
    <t>50283</t>
  </si>
  <si>
    <t>GGHS 93-A/12-L</t>
  </si>
  <si>
    <t>93A/12-L</t>
  </si>
  <si>
    <t>GGHS 93A/12-LCHICHAWATNI, DISTT. SAHIWAL</t>
  </si>
  <si>
    <t>Nazia Tabssum</t>
  </si>
  <si>
    <t>50645</t>
  </si>
  <si>
    <t>GGPS 68 MORR GHAZI ABAD (NEW CODE)</t>
  </si>
  <si>
    <t>Ada68 Mor</t>
  </si>
  <si>
    <t>68mor gaziabad</t>
  </si>
  <si>
    <t>68 Mor</t>
  </si>
  <si>
    <t>Asma Saleem</t>
  </si>
  <si>
    <t>12581</t>
  </si>
  <si>
    <t>50634</t>
  </si>
  <si>
    <t>GGPS ADDA GHAZI ABAD</t>
  </si>
  <si>
    <t>GGps Adda GhaziAbad</t>
  </si>
  <si>
    <t>22-Nov</t>
  </si>
  <si>
    <t>23-Nov</t>
  </si>
  <si>
    <t>SABEELA RANI</t>
  </si>
  <si>
    <t>GGHS HOKRA KERI</t>
  </si>
  <si>
    <t>Hokra</t>
  </si>
  <si>
    <t>village Hokra Keri p.o. lower topa Tehsil Murree District Rwp</t>
  </si>
  <si>
    <t>Hokra Keri</t>
  </si>
  <si>
    <t>Sehrbagla</t>
  </si>
  <si>
    <t>Humaira Fayyaz</t>
  </si>
  <si>
    <t>50095</t>
  </si>
  <si>
    <t>GGHSS 114/7-R</t>
  </si>
  <si>
    <t>114/7r</t>
  </si>
  <si>
    <t>chak no.114/7r,tehsil. chichawatni  district    sahiwal</t>
  </si>
  <si>
    <t>12602</t>
  </si>
  <si>
    <t>50255</t>
  </si>
  <si>
    <t>GGHS 102/12-L</t>
  </si>
  <si>
    <t>102/12-L</t>
  </si>
  <si>
    <t>chak # 102/12-L</t>
  </si>
  <si>
    <t>Hafiza Sayyeda Farah Batool</t>
  </si>
  <si>
    <t>17765</t>
  </si>
  <si>
    <t>13380</t>
  </si>
  <si>
    <t>25161</t>
  </si>
  <si>
    <t>GGES PACCA GARHA</t>
  </si>
  <si>
    <t>Pacca Garha</t>
  </si>
  <si>
    <t>Govt.Girls E/S pacca garha near laal masjid kashmir road Sialkot</t>
  </si>
  <si>
    <t>Kousar jahan</t>
  </si>
  <si>
    <t>47429</t>
  </si>
  <si>
    <t>30257</t>
  </si>
  <si>
    <t>GGHS KEER KHURD BAIDIAN ROAD</t>
  </si>
  <si>
    <t>Keer Khurd</t>
  </si>
  <si>
    <t>Robina yousaf</t>
  </si>
  <si>
    <t>31270</t>
  </si>
  <si>
    <t>GGHS CDG PAISA AKHBAR NEW ANARKALI</t>
  </si>
  <si>
    <t>CDG GHS Paisa Akhbar, Anarkali, Lahore</t>
  </si>
  <si>
    <t>Ruqia Naseem</t>
  </si>
  <si>
    <t>19878</t>
  </si>
  <si>
    <t>22986</t>
  </si>
  <si>
    <t>34230</t>
  </si>
  <si>
    <t>GHS MAKHDOOM RASHEED</t>
  </si>
  <si>
    <t>Makhdoom Rasheed</t>
  </si>
  <si>
    <t>Main Vehari Road Makhdoom Rasheed</t>
  </si>
  <si>
    <t>16448</t>
  </si>
  <si>
    <t>42174</t>
  </si>
  <si>
    <t>GGHS DARNOIAN</t>
  </si>
  <si>
    <t>Darnoian</t>
  </si>
  <si>
    <t>village darnoian tehsil KOTLI SATTIAN rwp</t>
  </si>
  <si>
    <t>Tmc Kotli Sattian</t>
  </si>
  <si>
    <t>water sply2</t>
  </si>
  <si>
    <t>9214</t>
  </si>
  <si>
    <t>25851</t>
  </si>
  <si>
    <t>16637</t>
  </si>
  <si>
    <t>20325</t>
  </si>
  <si>
    <t>GHSS DUNGA BUNGA</t>
  </si>
  <si>
    <t>GHSS dunga bunga</t>
  </si>
  <si>
    <t>Dunga Bunga</t>
  </si>
  <si>
    <t>M C Dunga Bunga</t>
  </si>
  <si>
    <t>MUHAMMAD HUSSAIN JAVED</t>
  </si>
  <si>
    <t>GHS KHATTAN</t>
  </si>
  <si>
    <t>KHATTAN</t>
  </si>
  <si>
    <t>GHS KHATTAN CHAK KHATTAN BWN</t>
  </si>
  <si>
    <t>49346</t>
  </si>
  <si>
    <t>GHS SONDHA</t>
  </si>
  <si>
    <t>Soondha</t>
  </si>
  <si>
    <t>Chak Soondha Bahawalnagar</t>
  </si>
  <si>
    <t>GHS NATHAY WALA</t>
  </si>
  <si>
    <t>Natheywala</t>
  </si>
  <si>
    <t>chak natheywala po noorsar tehsil and distt. bahawalnagar</t>
  </si>
  <si>
    <t>7924</t>
  </si>
  <si>
    <t>24770</t>
  </si>
  <si>
    <t>GHS JODHEKA</t>
  </si>
  <si>
    <t>gurnaj</t>
  </si>
  <si>
    <t>basti jodheka tehsil and district bahawalnagar</t>
  </si>
  <si>
    <t>jodheka</t>
  </si>
  <si>
    <t>kalia shah</t>
  </si>
  <si>
    <t>M Asif Saleem</t>
  </si>
  <si>
    <t>16322</t>
  </si>
  <si>
    <t>GHS QASIMKA</t>
  </si>
  <si>
    <t>Chack Qasimka P/O same tehsil &amp; Distt. BahawalNagar</t>
  </si>
  <si>
    <t>Qadir Bakhsh</t>
  </si>
  <si>
    <t>6983</t>
  </si>
  <si>
    <t>GHS TOBA QALANDAR SHAH BWN</t>
  </si>
  <si>
    <t>TOBA QALANADAR SHAH</t>
  </si>
  <si>
    <t>toba qalandar shah bwn</t>
  </si>
  <si>
    <t>TOBA QALNADAR SHAH</t>
  </si>
  <si>
    <t>Jan Mohammad</t>
  </si>
  <si>
    <t>18854</t>
  </si>
  <si>
    <t>GGHSS DUNGA BUNGA</t>
  </si>
  <si>
    <t>Dunga Akoka</t>
  </si>
  <si>
    <t>GGHSS Dunga Bunga BWN</t>
  </si>
  <si>
    <t>24547</t>
  </si>
  <si>
    <t>GGHS MOHAR WALI</t>
  </si>
  <si>
    <t>GGHS MOHARWALI</t>
  </si>
  <si>
    <t>Sumera Shaheen</t>
  </si>
  <si>
    <t>GHS RODA SINGH</t>
  </si>
  <si>
    <t>roda singh</t>
  </si>
  <si>
    <t>Rao Faisal Hayat</t>
  </si>
  <si>
    <t>35950</t>
  </si>
  <si>
    <t>GPS PARAN WALA</t>
  </si>
  <si>
    <t>Paran Wala</t>
  </si>
  <si>
    <t>Basti paran wala p/o Madrassa Bahawalnagr</t>
  </si>
  <si>
    <t>Noor Sir</t>
  </si>
  <si>
    <t>Muhammad Akram Anjum</t>
  </si>
  <si>
    <t>32345</t>
  </si>
  <si>
    <t>6328</t>
  </si>
  <si>
    <t>GPS MC HALQA - B BAHAWALNAGAR</t>
  </si>
  <si>
    <t>MALE-18</t>
  </si>
  <si>
    <t>khan baba road bwn</t>
  </si>
  <si>
    <t>Farkhanda Saleem Qureshi</t>
  </si>
  <si>
    <t>5613</t>
  </si>
  <si>
    <t>GPS SHERA CHITRA</t>
  </si>
  <si>
    <t>BWN-VII-MALE</t>
  </si>
  <si>
    <t>Shera chitra</t>
  </si>
  <si>
    <t>shera chitra Tehsil and district bahawalnagar</t>
  </si>
  <si>
    <t>Shera Chitra</t>
  </si>
  <si>
    <t>muhammad safdar</t>
  </si>
  <si>
    <t>GPS KOT HAMMERAJ</t>
  </si>
  <si>
    <t>BWN-X-MALE</t>
  </si>
  <si>
    <t>Kot Hammeraj</t>
  </si>
  <si>
    <t>Basti Kot Hammeraj mouza kot hammeraj adda gajyani bahawalnagar</t>
  </si>
  <si>
    <t>Sawi wala</t>
  </si>
  <si>
    <t>Moeen Hassan</t>
  </si>
  <si>
    <t>5634</t>
  </si>
  <si>
    <t>GGPS SUNDAR WALI</t>
  </si>
  <si>
    <t>BWN.13-FEMALE</t>
  </si>
  <si>
    <t>Kaisar Singh</t>
  </si>
  <si>
    <t>Sundarwali p / o Donga bonga</t>
  </si>
  <si>
    <t>Sundarwali</t>
  </si>
  <si>
    <t>Nashima Akram</t>
  </si>
  <si>
    <t>41484</t>
  </si>
  <si>
    <t>43920</t>
  </si>
  <si>
    <t>GGES MITHA AKOKA</t>
  </si>
  <si>
    <t>BWN.9-FEMALE</t>
  </si>
  <si>
    <t>Mitha Akoka</t>
  </si>
  <si>
    <t>chak Balochan</t>
  </si>
  <si>
    <t>sana Aslam</t>
  </si>
  <si>
    <t>15030</t>
  </si>
  <si>
    <t>5626</t>
  </si>
  <si>
    <t>GGPS LIAQAT RATHOR</t>
  </si>
  <si>
    <t>BWN.5-FEMALE</t>
  </si>
  <si>
    <t>Rubnawaz Pura</t>
  </si>
  <si>
    <t>basti muneer abad</t>
  </si>
  <si>
    <t>Basti Muneer Abad</t>
  </si>
  <si>
    <t>GULSHAN ARA</t>
  </si>
  <si>
    <t>43975</t>
  </si>
  <si>
    <t>12318</t>
  </si>
  <si>
    <t>5633</t>
  </si>
  <si>
    <t>GGPS BAKHRANA</t>
  </si>
  <si>
    <t>BWN.12-FEMALE</t>
  </si>
  <si>
    <t>Bakhrana</t>
  </si>
  <si>
    <t>chak bakhrana</t>
  </si>
  <si>
    <t>Bara Sajwar Khan</t>
  </si>
  <si>
    <t>Azra Yasin</t>
  </si>
  <si>
    <t>35267</t>
  </si>
  <si>
    <t>GGHSS CHAK NO. 202 M (WEST</t>
  </si>
  <si>
    <t>202/m</t>
  </si>
  <si>
    <t>GGHSS 202/m dahranwala teh. chishtian dist. bwn</t>
  </si>
  <si>
    <t>201/m</t>
  </si>
  <si>
    <t>9490</t>
  </si>
  <si>
    <t>GHS MODEL NO. 1 CHISHTIAN</t>
  </si>
  <si>
    <t>Govt. Model High School Chishtian</t>
  </si>
  <si>
    <t>Zahid Ali</t>
  </si>
  <si>
    <t>58886</t>
  </si>
  <si>
    <t>6894</t>
  </si>
  <si>
    <t>GHS MOHAR SHARIF G H</t>
  </si>
  <si>
    <t>Mahar Sharif</t>
  </si>
  <si>
    <t>Mahar Sharif Tehsil Chishtian Distt. Bahawalnagar</t>
  </si>
  <si>
    <t>Bashir Ahmad Shad</t>
  </si>
  <si>
    <t>GHS CHAK NO. 99/F</t>
  </si>
  <si>
    <t>99/f</t>
  </si>
  <si>
    <t>Chak. no. 99/F Trail Chishtian district Bahawalnagar</t>
  </si>
  <si>
    <t>99/F</t>
  </si>
  <si>
    <t>98/F</t>
  </si>
  <si>
    <t>Ajmal Nisar Shahzad</t>
  </si>
  <si>
    <t>GGHS CHISHTIAN</t>
  </si>
  <si>
    <t>City Area</t>
  </si>
  <si>
    <t>gghs chishtian</t>
  </si>
  <si>
    <t>nazli anjum</t>
  </si>
  <si>
    <t>GGHS CHAK NO. 124/M</t>
  </si>
  <si>
    <t>124 / M</t>
  </si>
  <si>
    <t>chak no 124m</t>
  </si>
  <si>
    <t>124m</t>
  </si>
  <si>
    <t>118murad</t>
  </si>
  <si>
    <t>Yasmin Naz</t>
  </si>
  <si>
    <t>53452</t>
  </si>
  <si>
    <t>GHS CHAK ABDULLAH</t>
  </si>
  <si>
    <t>Mari Shok Elahi</t>
  </si>
  <si>
    <t>Govt High schoolChak Abdullah</t>
  </si>
  <si>
    <t>Chak Abdullh</t>
  </si>
  <si>
    <t>Mari Shoq Shah</t>
  </si>
  <si>
    <t>43212</t>
  </si>
  <si>
    <t>GGES CHAK NO. 28/G</t>
  </si>
  <si>
    <t>28G</t>
  </si>
  <si>
    <t>GGES28g</t>
  </si>
  <si>
    <t>28g</t>
  </si>
  <si>
    <t>Misbah Ghafoor</t>
  </si>
  <si>
    <t>7638</t>
  </si>
  <si>
    <t>GGES CHAK 129/M</t>
  </si>
  <si>
    <t>CTN -III-FEMALE</t>
  </si>
  <si>
    <t>chak no 129/M distric bahawalngar tehsil chishtian</t>
  </si>
  <si>
    <t>Chak No 129/M</t>
  </si>
  <si>
    <t>Chak No 128/M</t>
  </si>
  <si>
    <t>Shakila Yousaf</t>
  </si>
  <si>
    <t>GGHS CHAK NO. 43/F</t>
  </si>
  <si>
    <t>43/F</t>
  </si>
  <si>
    <t>chak no. 43/f</t>
  </si>
  <si>
    <t>42/F</t>
  </si>
  <si>
    <t>Shahnaz Nazir</t>
  </si>
  <si>
    <t>GHSS LABORATORY 4/FW (ATTACH WITH QAED) CHISHTIAN</t>
  </si>
  <si>
    <t>Chak No. 4/FW</t>
  </si>
  <si>
    <t>Chak No. 4/FW Chishtian</t>
  </si>
  <si>
    <t>Ward Chak No. 4/FW</t>
  </si>
  <si>
    <t>24118</t>
  </si>
  <si>
    <t>34627</t>
  </si>
  <si>
    <t>GES CHAK 15 GAJIANI</t>
  </si>
  <si>
    <t>chak 15 gajiyani p.o chishtian tehsil chishtian disst. bahawalnagar</t>
  </si>
  <si>
    <t>15 Gajiyani</t>
  </si>
  <si>
    <t>Rana Sultan Mahmood</t>
  </si>
  <si>
    <t>32786</t>
  </si>
  <si>
    <t>13567</t>
  </si>
  <si>
    <t>5639</t>
  </si>
  <si>
    <t>GES OLD CHISHTIAN NO 1</t>
  </si>
  <si>
    <t>CTN-III-MALE</t>
  </si>
  <si>
    <t>Near Darbar Khawaja Noor Muhammad Moharvi</t>
  </si>
  <si>
    <t>Old Ctn</t>
  </si>
  <si>
    <t>MC-CHISHTIAN</t>
  </si>
  <si>
    <t>21709</t>
  </si>
  <si>
    <t>6322</t>
  </si>
  <si>
    <t>GPS MEERAN KHAN PO DULLAH BHADERA</t>
  </si>
  <si>
    <t>MALE-15</t>
  </si>
  <si>
    <t>Meeru Bloach</t>
  </si>
  <si>
    <t>basti meeran khan p/o bakhshan khan</t>
  </si>
  <si>
    <t>Meeran Khan</t>
  </si>
  <si>
    <t>Dullah Bhadera</t>
  </si>
  <si>
    <t>Muhammad Mumtaz</t>
  </si>
  <si>
    <t>46884</t>
  </si>
  <si>
    <t>GMMS MANZOOR CHOONIA</t>
  </si>
  <si>
    <t>Jhok Gulab Shah</t>
  </si>
  <si>
    <t>Gmms manzoor chonia</t>
  </si>
  <si>
    <t>Manzoor Chonia</t>
  </si>
  <si>
    <t>GES RIAZ HUSSAIN SHAH</t>
  </si>
  <si>
    <t>GULANI-MALE</t>
  </si>
  <si>
    <t>Mouza Lal Shah</t>
  </si>
  <si>
    <t>mouza lal shah p/o shedani sharif</t>
  </si>
  <si>
    <t>Azeem Pur</t>
  </si>
  <si>
    <t>Gullani</t>
  </si>
  <si>
    <t>Abdul Razaq Abid</t>
  </si>
  <si>
    <t>22710</t>
  </si>
  <si>
    <t>GHS KACHI MUHAMMAD KHAN</t>
  </si>
  <si>
    <t>Kachi M Khan</t>
  </si>
  <si>
    <t>p/o TMP</t>
  </si>
  <si>
    <t>Kachi Muhammed Khan</t>
  </si>
  <si>
    <t>Ashiq  Mohammad Khalid</t>
  </si>
  <si>
    <t>1751</t>
  </si>
  <si>
    <t>5937</t>
  </si>
  <si>
    <t>P/O Nawan Kot tehsil Liaqat Pur Rahim Yar Khan</t>
  </si>
  <si>
    <t>Bahaar Khaki</t>
  </si>
  <si>
    <t>52125</t>
  </si>
  <si>
    <t>GMPS KHACHI QADEEM</t>
  </si>
  <si>
    <t>AMIN ABAD - FEMALE</t>
  </si>
  <si>
    <t>Goth Hayat</t>
  </si>
  <si>
    <t>Bastti khichi Moza Goth hayat uc kotla nawab tehsil liaquat pur district Ryk</t>
  </si>
  <si>
    <t>Bastti Khachi</t>
  </si>
  <si>
    <t>Kotla Nawab</t>
  </si>
  <si>
    <t>Syed Liaquat Ali Shah</t>
  </si>
  <si>
    <t>MURAD PUR SIAL-FEMALE</t>
  </si>
  <si>
    <t>Goth Ameen</t>
  </si>
  <si>
    <t>ggps basti gopang</t>
  </si>
  <si>
    <t>Basti Gopang</t>
  </si>
  <si>
    <t>Saba Khan</t>
  </si>
  <si>
    <t>GHSS KOT SAMABA</t>
  </si>
  <si>
    <t>Kot Samaba</t>
  </si>
  <si>
    <t>MC Kot Samaba</t>
  </si>
  <si>
    <t>44064</t>
  </si>
  <si>
    <t>42827</t>
  </si>
  <si>
    <t>5952</t>
  </si>
  <si>
    <t>GHS PILOT SECONDARY</t>
  </si>
  <si>
    <t>r y khan</t>
  </si>
  <si>
    <t>satellite town rahim yar khan</t>
  </si>
  <si>
    <t>satellite town r y khan</t>
  </si>
  <si>
    <t>city r y khan</t>
  </si>
  <si>
    <t>Mian Muhammad Sajid IKRAM</t>
  </si>
  <si>
    <t>38352</t>
  </si>
  <si>
    <t>8073</t>
  </si>
  <si>
    <t>GHS COLONY RAHIM YAR KHAN</t>
  </si>
  <si>
    <t>GOVT COLONY HIGH SCHOOL RAHIM YAR KHAN</t>
  </si>
  <si>
    <t>bhutto nagar</t>
  </si>
  <si>
    <t>34-E</t>
  </si>
  <si>
    <t>qamar ud din khan</t>
  </si>
  <si>
    <t>73235</t>
  </si>
  <si>
    <t>5955</t>
  </si>
  <si>
    <t>GHS COMPREHENSIVE OFFICERS COLONY R.Y.KHAN</t>
  </si>
  <si>
    <t>Ryk</t>
  </si>
  <si>
    <t>officers colony Rahim Yar khan</t>
  </si>
  <si>
    <t>Rahim Yar Khan</t>
  </si>
  <si>
    <t>MCRYK</t>
  </si>
  <si>
    <t>163472</t>
  </si>
  <si>
    <t>GHS CHAK NO. 56/P</t>
  </si>
  <si>
    <t>Chak No.56/P</t>
  </si>
  <si>
    <t>Govt.High School Chak No.56/P,(T.A) Rahim Yar Khan</t>
  </si>
  <si>
    <t>Chak No.51/P</t>
  </si>
  <si>
    <t>feching</t>
  </si>
  <si>
    <t>13420</t>
  </si>
  <si>
    <t>41209</t>
  </si>
  <si>
    <t>5965</t>
  </si>
  <si>
    <t>GHS CHAK NO. 88/P</t>
  </si>
  <si>
    <t>WAH ATHATTAH</t>
  </si>
  <si>
    <t>GOVT. HIGHER SECONDARY SCHOOL 88/P RAHIM YAR KHAN</t>
  </si>
  <si>
    <t>ZAFAR IQBAL ANJUM</t>
  </si>
  <si>
    <t>GHS CHAK NO. 99/P</t>
  </si>
  <si>
    <t>CHANNA</t>
  </si>
  <si>
    <t>CHAK NO 99/P, RYK</t>
  </si>
  <si>
    <t>CHAK NO 99/P</t>
  </si>
  <si>
    <t>CHAK 100/P</t>
  </si>
  <si>
    <t>muhammad tahir siddique</t>
  </si>
  <si>
    <t>GHS PULLO SHAH</t>
  </si>
  <si>
    <t>PULLO SHAH</t>
  </si>
  <si>
    <t>PALLU SHAH</t>
  </si>
  <si>
    <t>BAHUDI PUR QURESHIYAN</t>
  </si>
  <si>
    <t>GHULAM MEERAN SHAH</t>
  </si>
  <si>
    <t>24203</t>
  </si>
  <si>
    <t>5987</t>
  </si>
  <si>
    <t>GHSS TAJ GARH</t>
  </si>
  <si>
    <t>Ghss Taj Garh, Rahim Yar Khan</t>
  </si>
  <si>
    <t>muhammad munir nadeem</t>
  </si>
  <si>
    <t>5988</t>
  </si>
  <si>
    <t>GGHS TAMIR-E-MILLAT</t>
  </si>
  <si>
    <t>Basti Amanat Ali</t>
  </si>
  <si>
    <t>millat road rahim yar khan</t>
  </si>
  <si>
    <t>MC-RYK</t>
  </si>
  <si>
    <t>Tanveer Fatima</t>
  </si>
  <si>
    <t>112880</t>
  </si>
  <si>
    <t>12727</t>
  </si>
  <si>
    <t>GGHS NOORAY WALI</t>
  </si>
  <si>
    <t>Nooray Wali</t>
  </si>
  <si>
    <t>GOVT GIRLS HIGH SCHOOL NOOR-E-WALI</t>
  </si>
  <si>
    <t>LUBNA HUMA NAZ</t>
  </si>
  <si>
    <t>42299</t>
  </si>
  <si>
    <t>7595</t>
  </si>
  <si>
    <t>GGHS CHAK NO. 140/P</t>
  </si>
  <si>
    <t>140p</t>
  </si>
  <si>
    <t>chak no 140 p east ryk</t>
  </si>
  <si>
    <t>Chak No 140p</t>
  </si>
  <si>
    <t>139-P</t>
  </si>
  <si>
    <t>Kehkashan Maqbool</t>
  </si>
  <si>
    <t>46010</t>
  </si>
  <si>
    <t>6004</t>
  </si>
  <si>
    <t>GGHS RAJAN PUR KALAN</t>
  </si>
  <si>
    <t>rajan pur kalan</t>
  </si>
  <si>
    <t>p/o rajan pur kalan tehsil and distt. rahim yar khan</t>
  </si>
  <si>
    <t>rajan pur</t>
  </si>
  <si>
    <t>naila tahseen</t>
  </si>
  <si>
    <t>18506</t>
  </si>
  <si>
    <t>6023</t>
  </si>
  <si>
    <t>GES SHAH GARH</t>
  </si>
  <si>
    <t>TIBBI GUL MUHAMMAD-MALE</t>
  </si>
  <si>
    <t>SHAH GARH</t>
  </si>
  <si>
    <t>BAHISHTI</t>
  </si>
  <si>
    <t>Sallah-u-din</t>
  </si>
  <si>
    <t>8765</t>
  </si>
  <si>
    <t>11033</t>
  </si>
  <si>
    <t>GES JEND WALI</t>
  </si>
  <si>
    <t>GALOOR MASU KHAN-MALE</t>
  </si>
  <si>
    <t>Jiand Wali</t>
  </si>
  <si>
    <t>Village Jiand Wali P/O Mian Wali Qureshian Tehsil and District Rahim Yar Khan</t>
  </si>
  <si>
    <t>Sardar Gargh</t>
  </si>
  <si>
    <t>6042</t>
  </si>
  <si>
    <t>GES CHAK 75/P</t>
  </si>
  <si>
    <t>DARI AZIM KHAN - MALE</t>
  </si>
  <si>
    <t>Chak 75/p</t>
  </si>
  <si>
    <t>GES CHAK NO 75/P RAHIM YAR KHAN</t>
  </si>
  <si>
    <t>Dari Azim Khan</t>
  </si>
  <si>
    <t>Mohammad Akram Tahir</t>
  </si>
  <si>
    <t>4924</t>
  </si>
  <si>
    <t>3459</t>
  </si>
  <si>
    <t>51492</t>
  </si>
  <si>
    <t>6045</t>
  </si>
  <si>
    <t>GES PIR ABDUL MALIK</t>
  </si>
  <si>
    <t>Basti Pir Abdul Malik Rahim Yar Khan</t>
  </si>
  <si>
    <t>Ghulam Hassan Shahzad</t>
  </si>
  <si>
    <t>6046</t>
  </si>
  <si>
    <t>GGHS JUNIOR MODEL R.Y.KHAN</t>
  </si>
  <si>
    <t>Ryk Citu</t>
  </si>
  <si>
    <t>pull school Bazar ryk</t>
  </si>
  <si>
    <t>McRyk</t>
  </si>
  <si>
    <t>aasma fatima</t>
  </si>
  <si>
    <t>48196</t>
  </si>
  <si>
    <t>GGES CHAK NO. 55/P</t>
  </si>
  <si>
    <t>55/P</t>
  </si>
  <si>
    <t>Chak 55/P RYK</t>
  </si>
  <si>
    <t>Chak 55/P</t>
  </si>
  <si>
    <t>51/P</t>
  </si>
  <si>
    <t>Abida Manzoor</t>
  </si>
  <si>
    <t>6067</t>
  </si>
  <si>
    <t>GGES FAISAL COLONY</t>
  </si>
  <si>
    <t>Noory Wali</t>
  </si>
  <si>
    <t>GGES Faisal Colony Latif abad colony Rahim yar khan</t>
  </si>
  <si>
    <t>N A</t>
  </si>
  <si>
    <t>Bushra Khanam</t>
  </si>
  <si>
    <t>3395</t>
  </si>
  <si>
    <t>GGHS CHAK NO. 72/NP</t>
  </si>
  <si>
    <t>Gghs chak no 72/np Rahim yar khan</t>
  </si>
  <si>
    <t>Chak No 72 /np</t>
  </si>
  <si>
    <t>Rahim Yar Khan Dah</t>
  </si>
  <si>
    <t>own</t>
  </si>
  <si>
    <t>GGES CHAK NO. 78/P</t>
  </si>
  <si>
    <t>78 P</t>
  </si>
  <si>
    <t>chak no 78 p</t>
  </si>
  <si>
    <t>17893</t>
  </si>
  <si>
    <t>GGHS CHAK NO. 102/P</t>
  </si>
  <si>
    <t>serbhori</t>
  </si>
  <si>
    <t>Moza serbhori chak no.102/p Rahim yar Khan</t>
  </si>
  <si>
    <t>chak no102/p</t>
  </si>
  <si>
    <t>100p</t>
  </si>
  <si>
    <t>Tasnim Ashraf</t>
  </si>
  <si>
    <t>15447</t>
  </si>
  <si>
    <t>6136</t>
  </si>
  <si>
    <t>6119</t>
  </si>
  <si>
    <t>GPS CHAK NO. 137/P</t>
  </si>
  <si>
    <t>CHAMAN-MALE</t>
  </si>
  <si>
    <t>chak #137/p</t>
  </si>
  <si>
    <t>137/p RYK</t>
  </si>
  <si>
    <t>Chak #139/p</t>
  </si>
  <si>
    <t>Jafar Ali</t>
  </si>
  <si>
    <t>3957</t>
  </si>
  <si>
    <t>47819</t>
  </si>
  <si>
    <t>6155</t>
  </si>
  <si>
    <t>6131</t>
  </si>
  <si>
    <t>GPS KOT LAIKH RAJ</t>
  </si>
  <si>
    <t>MANZOOR ABAD-MALE</t>
  </si>
  <si>
    <t>basti rasool pur manthar road post office rasheedabad tehsil and district rahim yar khan</t>
  </si>
  <si>
    <t>Ryk Deh</t>
  </si>
  <si>
    <t>9975</t>
  </si>
  <si>
    <t>6132</t>
  </si>
  <si>
    <t>GPS SULTAN ABAD</t>
  </si>
  <si>
    <t>WAH KOHNA - MALE</t>
  </si>
  <si>
    <t>Bindor</t>
  </si>
  <si>
    <t>Basti Babran GPS sultanabad</t>
  </si>
  <si>
    <t>Basti Babran</t>
  </si>
  <si>
    <t>RYK Deh</t>
  </si>
  <si>
    <t>Tahir Saleem</t>
  </si>
  <si>
    <t>13711</t>
  </si>
  <si>
    <t>GGPS BASTI MUHAMMAD TUFAIL</t>
  </si>
  <si>
    <t>Burrah</t>
  </si>
  <si>
    <t>ggps basti muhammad tufail rahim yar khan</t>
  </si>
  <si>
    <t>Basti Tufail</t>
  </si>
  <si>
    <t>Rehana Hussain</t>
  </si>
  <si>
    <t>12346</t>
  </si>
  <si>
    <t>41249</t>
  </si>
  <si>
    <t>6188</t>
  </si>
  <si>
    <t>GPS CHAK 91/P</t>
  </si>
  <si>
    <t>Wah Attheta</t>
  </si>
  <si>
    <t>91/p</t>
  </si>
  <si>
    <t>4215</t>
  </si>
  <si>
    <t>GPS PORAN</t>
  </si>
  <si>
    <t>SHAH PUR - MALE</t>
  </si>
  <si>
    <t>Poran</t>
  </si>
  <si>
    <t>basti darweesh Khan po sardar garh rahim yar khan</t>
  </si>
  <si>
    <t>Basti Darweesh Khan</t>
  </si>
  <si>
    <t>Galoor Masoo Khan</t>
  </si>
  <si>
    <t>ZAKIR HUSSAIN</t>
  </si>
  <si>
    <t>45904</t>
  </si>
  <si>
    <t>6211</t>
  </si>
  <si>
    <t>GPS CHAK 87/P</t>
  </si>
  <si>
    <t>Chak #87 /p</t>
  </si>
  <si>
    <t>Chak #87 /P</t>
  </si>
  <si>
    <t>Chak #87/P</t>
  </si>
  <si>
    <t>Chak #84/P</t>
  </si>
  <si>
    <t>Hakim Ali</t>
  </si>
  <si>
    <t>18016</t>
  </si>
  <si>
    <t>GPS GHULAM QADAR</t>
  </si>
  <si>
    <t>Adam Arain</t>
  </si>
  <si>
    <t>P/O Rukan pur  Teh and distt Rahim Yar khan</t>
  </si>
  <si>
    <t>Abdul Qadri Jatoi</t>
  </si>
  <si>
    <t>Gloor Massu  Khan</t>
  </si>
  <si>
    <t>2753</t>
  </si>
  <si>
    <t>6325</t>
  </si>
  <si>
    <t>GPS MALIK KHAN MOHAMMAD</t>
  </si>
  <si>
    <t>Kot Karam Khan</t>
  </si>
  <si>
    <t>basti malik khan muhammad mouza kot karam khan uc kot kot karam khan tehsil and distt. Rahim Yar Khan</t>
  </si>
  <si>
    <t>Basti Malik Khan Muhammad</t>
  </si>
  <si>
    <t>Gohar Dastgeer</t>
  </si>
  <si>
    <t>GES TIBBI LARAN</t>
  </si>
  <si>
    <t>TIBBI LARAN</t>
  </si>
  <si>
    <t>Kacha Sadiq abad road near Wild life park Ryk</t>
  </si>
  <si>
    <t>Kot kamuh Shah</t>
  </si>
  <si>
    <t>SHAHZAD MEHMOOD HASSAN</t>
  </si>
  <si>
    <t>6349</t>
  </si>
  <si>
    <t>GPS CHAK NO. 79/P</t>
  </si>
  <si>
    <t>Chak 79/p</t>
  </si>
  <si>
    <t>Chak#79p Tehsil &amp; Dist.Rahim Yar Khan</t>
  </si>
  <si>
    <t>Chak # 79/p</t>
  </si>
  <si>
    <t>MC Tarinda Saway</t>
  </si>
  <si>
    <t>Ghulam Yasin Zafar</t>
  </si>
  <si>
    <t>6436</t>
  </si>
  <si>
    <t>GGPS GHOSIA COLONY</t>
  </si>
  <si>
    <t>Bandoor</t>
  </si>
  <si>
    <t>G.G Primary School, Ghousia Colony, Rahimyar Khan</t>
  </si>
  <si>
    <t>Ghousia Colony</t>
  </si>
  <si>
    <t>MC Ryk F</t>
  </si>
  <si>
    <t>zahida Iqbal</t>
  </si>
  <si>
    <t>GGPS BANDOOR NIAZI</t>
  </si>
  <si>
    <t>GGPS Bandoor Niazi, Rahimyar khan</t>
  </si>
  <si>
    <t>Bandoor Niazi</t>
  </si>
  <si>
    <t>Fareeda Khanum</t>
  </si>
  <si>
    <t>12021</t>
  </si>
  <si>
    <t>6439</t>
  </si>
  <si>
    <t>GGPS BASTI NOOR DIN</t>
  </si>
  <si>
    <t>Bandhor</t>
  </si>
  <si>
    <t>ggpsbastnoordin nearpolice stationaiport manthar road ryk</t>
  </si>
  <si>
    <t>Latifabad</t>
  </si>
  <si>
    <t>Saba Un Nisa</t>
  </si>
  <si>
    <t>6441</t>
  </si>
  <si>
    <t>GGES 133/P</t>
  </si>
  <si>
    <t>WAH KOHNA</t>
  </si>
  <si>
    <t>GGES 133 P CHAK 133 P P /O 114/P RYK</t>
  </si>
  <si>
    <t>CHAK NO 133 P</t>
  </si>
  <si>
    <t>memona quyyum</t>
  </si>
  <si>
    <t>11188</t>
  </si>
  <si>
    <t>18949</t>
  </si>
  <si>
    <t>GGPS 138/P</t>
  </si>
  <si>
    <t>138 PBP/O 136p</t>
  </si>
  <si>
    <t>GGPS138PB (P/O) 136P Rahim  yar khan</t>
  </si>
  <si>
    <t>138 PB</t>
  </si>
  <si>
    <t>92p</t>
  </si>
  <si>
    <t>3309</t>
  </si>
  <si>
    <t>6458</t>
  </si>
  <si>
    <t>GGPS BASTI NOON SHAHEED</t>
  </si>
  <si>
    <t>ABE HAYAT-FEMALE</t>
  </si>
  <si>
    <t>Basti Noon Shaheed</t>
  </si>
  <si>
    <t>Shameem Ahmad</t>
  </si>
  <si>
    <t>6466</t>
  </si>
  <si>
    <t>GMPS CHAK 53/P</t>
  </si>
  <si>
    <t>53/p</t>
  </si>
  <si>
    <t>GMPS chak 53/p</t>
  </si>
  <si>
    <t>Chak 52/p</t>
  </si>
  <si>
    <t>Rubina Bashir</t>
  </si>
  <si>
    <t>4662</t>
  </si>
  <si>
    <t>GGPS BASTI HYDER SHAH</t>
  </si>
  <si>
    <t>TAJ GARH-FEMALE</t>
  </si>
  <si>
    <t>kot habib shah</t>
  </si>
  <si>
    <t>bsti hyder shah moza kot habib shah</t>
  </si>
  <si>
    <t>basti hyder shah</t>
  </si>
  <si>
    <t>Sana Shan</t>
  </si>
  <si>
    <t>49026</t>
  </si>
  <si>
    <t>48802</t>
  </si>
  <si>
    <t>6536</t>
  </si>
  <si>
    <t>GGPS BASTI MALKAN MOZA BAHODI PUR</t>
  </si>
  <si>
    <t>Bhodi pur Machiyan</t>
  </si>
  <si>
    <t>p/s basti Malkan Moza bhodi pur machiyan</t>
  </si>
  <si>
    <t>Basti Malkan</t>
  </si>
  <si>
    <t>Akram ABAD</t>
  </si>
  <si>
    <t>Bushra Perveen</t>
  </si>
  <si>
    <t>50800</t>
  </si>
  <si>
    <t>6541</t>
  </si>
  <si>
    <t>111\p  RYK</t>
  </si>
  <si>
    <t>Basti  Jattan</t>
  </si>
  <si>
    <t>Aman  Garh</t>
  </si>
  <si>
    <t>46273</t>
  </si>
  <si>
    <t>GGHS TRINDA ALI MURAD</t>
  </si>
  <si>
    <t>Taranda Ali Murad</t>
  </si>
  <si>
    <t>PO TARANDA ALI MURAD, GPO kot samaba, Sonak Road</t>
  </si>
  <si>
    <t>TARANDA ALI MURAD</t>
  </si>
  <si>
    <t>Hina Afzal</t>
  </si>
  <si>
    <t>29021</t>
  </si>
  <si>
    <t>GGPS CHAK NO. 55/NP</t>
  </si>
  <si>
    <t>rangpur</t>
  </si>
  <si>
    <t>chak55np</t>
  </si>
  <si>
    <t>doulatpur</t>
  </si>
  <si>
    <t>Anam Ali</t>
  </si>
  <si>
    <t>6606</t>
  </si>
  <si>
    <t>GGPS NAWAB DASHTI</t>
  </si>
  <si>
    <t>Galloor Masoo</t>
  </si>
  <si>
    <t>GGPS Nawab Dashti mauza Ghaloor Masoo Markz Rukan pur</t>
  </si>
  <si>
    <t>Nawab Dashti</t>
  </si>
  <si>
    <t>Galoor Masoo</t>
  </si>
  <si>
    <t>6631</t>
  </si>
  <si>
    <t>GMPS CHAK 77/P</t>
  </si>
  <si>
    <t>TARANDA SAWAY KHAN - FEMALE</t>
  </si>
  <si>
    <t>Taranda sway khan</t>
  </si>
  <si>
    <t>GMPS chak 77/p</t>
  </si>
  <si>
    <t>Chak 77/p</t>
  </si>
  <si>
    <t>Tranda sway khan</t>
  </si>
  <si>
    <t>Anwar Naheed</t>
  </si>
  <si>
    <t>11473</t>
  </si>
  <si>
    <t>10049</t>
  </si>
  <si>
    <t>GMPS CHAK NO. 40/P</t>
  </si>
  <si>
    <t>chack #40/p dakkhana 47/p RYK</t>
  </si>
  <si>
    <t>Chack 40/p</t>
  </si>
  <si>
    <t>51376</t>
  </si>
  <si>
    <t>6691</t>
  </si>
  <si>
    <t>GGPS BASTI SHAH DIN</t>
  </si>
  <si>
    <t>KOT SAMABA-FEMALE</t>
  </si>
  <si>
    <t>Aslam Abad</t>
  </si>
  <si>
    <t>basti shah din kot samaba</t>
  </si>
  <si>
    <t>Basti Shah Din</t>
  </si>
  <si>
    <t>6697</t>
  </si>
  <si>
    <t>GGPS QAZI ABADUR REHMAN</t>
  </si>
  <si>
    <t>DARI AZEEM KHAN-FEMALE</t>
  </si>
  <si>
    <t>Qazi Abdul Rehman</t>
  </si>
  <si>
    <t>Ggps basti Qazi Abdul Rehman</t>
  </si>
  <si>
    <t>Dari Azeem Khan</t>
  </si>
  <si>
    <t>Samina Khanum</t>
  </si>
  <si>
    <t>46648</t>
  </si>
  <si>
    <t>6702</t>
  </si>
  <si>
    <t>GGPS CHAK 76/P</t>
  </si>
  <si>
    <t>Chana</t>
  </si>
  <si>
    <t>Chak76 /p</t>
  </si>
  <si>
    <t>Taranda Saway Khan</t>
  </si>
  <si>
    <t>Munira Rani</t>
  </si>
  <si>
    <t>8025</t>
  </si>
  <si>
    <t>6164</t>
  </si>
  <si>
    <t>54271</t>
  </si>
  <si>
    <t>GGPS SIKANDAR ABAD</t>
  </si>
  <si>
    <t>MURTAZA ABAD-FEMALE</t>
  </si>
  <si>
    <t>Ggps sikandar abad basti Allah wasaya</t>
  </si>
  <si>
    <t>Allah Wasaya</t>
  </si>
  <si>
    <t>Farwa Mumtaz</t>
  </si>
  <si>
    <t>54104</t>
  </si>
  <si>
    <t>GGPS QAZI GOTH</t>
  </si>
  <si>
    <t>ggps qazi goth</t>
  </si>
  <si>
    <t>Qazi Goth</t>
  </si>
  <si>
    <t>Yamna Rind</t>
  </si>
  <si>
    <t>5042</t>
  </si>
  <si>
    <t>GPS ABDULLAH THARI</t>
  </si>
  <si>
    <t>NOOR WAH-MALE</t>
  </si>
  <si>
    <t>Ha soo Wala</t>
  </si>
  <si>
    <t>basti thri</t>
  </si>
  <si>
    <t>Abdullah Theri</t>
  </si>
  <si>
    <t>Bago Bhar</t>
  </si>
  <si>
    <t>5067</t>
  </si>
  <si>
    <t>GGES 27/P</t>
  </si>
  <si>
    <t>MARI ALLAH BACHAYA - FEMALE</t>
  </si>
  <si>
    <t>Hasowala</t>
  </si>
  <si>
    <t>chak 27/p dakh kjana bagjo bahar..teh..kpr..distt..ryk</t>
  </si>
  <si>
    <t>27/p</t>
  </si>
  <si>
    <t>Mari Allah Bachaya</t>
  </si>
  <si>
    <t>Fouzia Maqbool</t>
  </si>
  <si>
    <t>5084</t>
  </si>
  <si>
    <t>GGPS MUD KALOO</t>
  </si>
  <si>
    <t>LATKI - FEMALE</t>
  </si>
  <si>
    <t>GGPS mud kaloo</t>
  </si>
  <si>
    <t>Mud Kaloo</t>
  </si>
  <si>
    <t>GPS CHAK NO 131/1-L</t>
  </si>
  <si>
    <t>MARI ALLAH BACHAYA - MALE</t>
  </si>
  <si>
    <t>chak 131/1L</t>
  </si>
  <si>
    <t>chak 131/1L khanpur</t>
  </si>
  <si>
    <t>bhatta shekhan</t>
  </si>
  <si>
    <t>Hashim Ali</t>
  </si>
  <si>
    <t>43190</t>
  </si>
  <si>
    <t>GGES MC BASTI ZOHRI KHANPUR</t>
  </si>
  <si>
    <t>CITY KPR-FEMALE</t>
  </si>
  <si>
    <t>GGE\S ZAHRI near bhutto park</t>
  </si>
  <si>
    <t>Zakia Manzoor</t>
  </si>
  <si>
    <t>40110</t>
  </si>
  <si>
    <t>53410</t>
  </si>
  <si>
    <t>5114</t>
  </si>
  <si>
    <t>GGPS 66/P JALAL PUR</t>
  </si>
  <si>
    <t>66p</t>
  </si>
  <si>
    <t>GGP/S jalalpur 66p</t>
  </si>
  <si>
    <t>Jalalpur 66p</t>
  </si>
  <si>
    <t>Humaira Tahir</t>
  </si>
  <si>
    <t>GGHSS MODEL</t>
  </si>
  <si>
    <t>kachi jamal</t>
  </si>
  <si>
    <t>govt girls model higher secondary school khanpur</t>
  </si>
  <si>
    <t>city khanpur</t>
  </si>
  <si>
    <t>70 a</t>
  </si>
  <si>
    <t>REHANA BADAR</t>
  </si>
  <si>
    <t>GHS CHACHRAN SHARIF</t>
  </si>
  <si>
    <t>chachran sharif</t>
  </si>
  <si>
    <t>lari adda chachran sharif</t>
  </si>
  <si>
    <t>5119</t>
  </si>
  <si>
    <t>GGPS GHULAM RASOOL NAICH</t>
  </si>
  <si>
    <t>FATEH PUR KAMAL-FEMALE</t>
  </si>
  <si>
    <t>Kot Shahan</t>
  </si>
  <si>
    <t>bati ghulam rasool naich</t>
  </si>
  <si>
    <t>Basti Naich</t>
  </si>
  <si>
    <t>Mehnaz Bibi</t>
  </si>
  <si>
    <t>GGPS CHAK NO 12/P-II</t>
  </si>
  <si>
    <t>DIN PUR SHARIF - FEMALE</t>
  </si>
  <si>
    <t>Gullan Galkala</t>
  </si>
  <si>
    <t>ggps 12/p-II dera 12P khanpur</t>
  </si>
  <si>
    <t>Chak 12P</t>
  </si>
  <si>
    <t>Afifa Hashmi</t>
  </si>
  <si>
    <t>5128</t>
  </si>
  <si>
    <t>GHS ALLAH ABAD</t>
  </si>
  <si>
    <t>allah abad</t>
  </si>
  <si>
    <t>allahabad</t>
  </si>
  <si>
    <t>saeed ahmad malik</t>
  </si>
  <si>
    <t>5132</t>
  </si>
  <si>
    <t>GHS CHAK NO.37/A</t>
  </si>
  <si>
    <t>chak 37/a</t>
  </si>
  <si>
    <t>chak n0 37/a liaquat pur</t>
  </si>
  <si>
    <t>chak 68/a</t>
  </si>
  <si>
    <t>khursheed Ahmad Abbasi</t>
  </si>
  <si>
    <t>6862</t>
  </si>
  <si>
    <t>19897</t>
  </si>
  <si>
    <t>5133</t>
  </si>
  <si>
    <t>GHS CHAK NO 50/A</t>
  </si>
  <si>
    <t>Chak 50A</t>
  </si>
  <si>
    <t>Chak No. 50/A Liaquat Pur</t>
  </si>
  <si>
    <t>Chak No.25/A Liaquat Pur</t>
  </si>
  <si>
    <t>32427</t>
  </si>
  <si>
    <t>34090</t>
  </si>
  <si>
    <t>GHS KANDANI</t>
  </si>
  <si>
    <t>KANDANI</t>
  </si>
  <si>
    <t>MOZA KANDANI TEHSIL LIAQUAT PUR</t>
  </si>
  <si>
    <t>MOHALLA rAJPOOT</t>
  </si>
  <si>
    <t>SHAKEEL AHMAD</t>
  </si>
  <si>
    <t>35684</t>
  </si>
  <si>
    <t>27825</t>
  </si>
  <si>
    <t>5141</t>
  </si>
  <si>
    <t>GHS TRANDA MUHAMMAD PANAH</t>
  </si>
  <si>
    <t>Tranda Muhammad Panah</t>
  </si>
  <si>
    <t>Rafiq Ahmad Qureshi</t>
  </si>
  <si>
    <t>GHS JHOK GHULAB SHAH</t>
  </si>
  <si>
    <t>jhok gulab shah teh lqp disst ryk</t>
  </si>
  <si>
    <t>Do</t>
  </si>
  <si>
    <t>5147</t>
  </si>
  <si>
    <t>GHS ZAFAR ABAD</t>
  </si>
  <si>
    <t>P/O ZAFAR ABAD TEHSIL LIAQUAT PUR DISTRICT RAHIM YAR KHAN</t>
  </si>
  <si>
    <t>ZAFAR ABAD</t>
  </si>
  <si>
    <t>Bashir Ahmad Khan</t>
  </si>
  <si>
    <t>2882</t>
  </si>
  <si>
    <t>5155</t>
  </si>
  <si>
    <t>GGHS CHAK 87/A LIAQAT PUR</t>
  </si>
  <si>
    <t>sharki</t>
  </si>
  <si>
    <t>Govt Girls Secondary School Chak 87/a Liaquat Pur District Rahim Yar Khan</t>
  </si>
  <si>
    <t>chak 87/a liaquat pur</t>
  </si>
  <si>
    <t>head 42/a</t>
  </si>
  <si>
    <t>21634</t>
  </si>
  <si>
    <t>5157</t>
  </si>
  <si>
    <t>GGHSS KHAN BELA</t>
  </si>
  <si>
    <t>khan bela</t>
  </si>
  <si>
    <t>GGH.SS khan bela</t>
  </si>
  <si>
    <t>Sumaira Ghaffar</t>
  </si>
  <si>
    <t>5159</t>
  </si>
  <si>
    <t>GGHSS TIRINDA MUHAMMAD PANAH</t>
  </si>
  <si>
    <t>TMP</t>
  </si>
  <si>
    <t>GGHSS Tranda Muhammad Panah</t>
  </si>
  <si>
    <t>ZAHIDA SULTANA</t>
  </si>
  <si>
    <t>5169</t>
  </si>
  <si>
    <t>GHS KOTLA NIAZI</t>
  </si>
  <si>
    <t>gbhs kotla niazi liaquat pur</t>
  </si>
  <si>
    <t>9513</t>
  </si>
  <si>
    <t>52627</t>
  </si>
  <si>
    <t>GHS TARANDA GORGAGE</t>
  </si>
  <si>
    <t>TRANDA GURGAJE</t>
  </si>
  <si>
    <t>GES TIBI JHULAN</t>
  </si>
  <si>
    <t>GUL MUHAMMAD LANGAH - MALE</t>
  </si>
  <si>
    <t>Tibi Jhulan</t>
  </si>
  <si>
    <t>Tibi jhulan p/o Dera faridi, Tehsil: Liaqat pur, District: RYK</t>
  </si>
  <si>
    <t>Gull Muhammad Langah</t>
  </si>
  <si>
    <t>Riaz Nasir Mahmood</t>
  </si>
  <si>
    <t>GES THUL HAMZA</t>
  </si>
  <si>
    <t>THUL HAMZA - MALE</t>
  </si>
  <si>
    <t>Thul Hamza</t>
  </si>
  <si>
    <t>p/o thul hamza</t>
  </si>
  <si>
    <t>Rafiq Ahmad Chishti</t>
  </si>
  <si>
    <t>32147</t>
  </si>
  <si>
    <t>GGHS CHAK 31/A</t>
  </si>
  <si>
    <t>Chak 32a</t>
  </si>
  <si>
    <t>GGHS chak  no 31/A liaqat pur</t>
  </si>
  <si>
    <t>Chak No 31/A</t>
  </si>
  <si>
    <t>28002</t>
  </si>
  <si>
    <t>GGHS CHAK NO. 83/A</t>
  </si>
  <si>
    <t>Chak 83/a</t>
  </si>
  <si>
    <t>GGH/S CHAK 83/A</t>
  </si>
  <si>
    <t>83/A</t>
  </si>
  <si>
    <t>CHAK 68</t>
  </si>
  <si>
    <t>Naeema Nighat</t>
  </si>
  <si>
    <t>GGES AHMAD ALI LAAR</t>
  </si>
  <si>
    <t>AHMAD ALI LAR-FEMALE</t>
  </si>
  <si>
    <t>Ahmad Ali Laar</t>
  </si>
  <si>
    <t>Govt girls elementary school Ahmed Ali laar</t>
  </si>
  <si>
    <t>15460</t>
  </si>
  <si>
    <t>GPS CHAK 31 A</t>
  </si>
  <si>
    <t>CHAK 25/A-MALE</t>
  </si>
  <si>
    <t>GPS/31A LIAQUAT PUR</t>
  </si>
  <si>
    <t>31/A</t>
  </si>
  <si>
    <t>32/A</t>
  </si>
  <si>
    <t>MUHAMMAD TARIQ</t>
  </si>
  <si>
    <t>8719</t>
  </si>
  <si>
    <t>GHS CHAK 181-A/1-L</t>
  </si>
  <si>
    <t>Chak 181/1-L</t>
  </si>
  <si>
    <t>Chak 181/1-L Tehsil Liaquat Pur</t>
  </si>
  <si>
    <t>Chak 178/7-R</t>
  </si>
  <si>
    <t>34617</t>
  </si>
  <si>
    <t>GPS BLOCK NO. 1 ALLAH ABAD</t>
  </si>
  <si>
    <t>ALLAH ABAD - MALE</t>
  </si>
  <si>
    <t>opposite jamiya mosque Allah Abad tehsil liaquatpur distt Rahim Yar Khan.</t>
  </si>
  <si>
    <t>GPS GHIMMI</t>
  </si>
  <si>
    <t>Ghimmi</t>
  </si>
  <si>
    <t>moza ghimmi p/o Allah abad teh liaqat pur dist rahim yar khan</t>
  </si>
  <si>
    <t>Najeeb Ullah</t>
  </si>
  <si>
    <t>GPS 225/1-L</t>
  </si>
  <si>
    <t>CHAK 225/1-L-MALE</t>
  </si>
  <si>
    <t>Chak 225/1-L</t>
  </si>
  <si>
    <t>chak 225/1-L these elements lqp ryk</t>
  </si>
  <si>
    <t>225/1-L</t>
  </si>
  <si>
    <t>Mohammad Munir</t>
  </si>
  <si>
    <t>GPS BASTI NONARI</t>
  </si>
  <si>
    <t>GOATH MAHI</t>
  </si>
  <si>
    <t>GPS Basti Nonari Goath Mahi Allah Abad Liaquat Pur</t>
  </si>
  <si>
    <t>BASTI NONARI</t>
  </si>
  <si>
    <t>ALLAH ABAD</t>
  </si>
  <si>
    <t>Muhammad  Zafar Iqbal</t>
  </si>
  <si>
    <t>6116</t>
  </si>
  <si>
    <t>GPS BAHAN WALA</t>
  </si>
  <si>
    <t>TALBANI-MALE</t>
  </si>
  <si>
    <t>BAHAN WALA</t>
  </si>
  <si>
    <t>MOUZA BAHAN WALA P/O METLA</t>
  </si>
  <si>
    <t>Hushri</t>
  </si>
  <si>
    <t>35678</t>
  </si>
  <si>
    <t>GPS SHAMEER KULIAR</t>
  </si>
  <si>
    <t>BAHAR KHAKHI-MALE</t>
  </si>
  <si>
    <t>Bahar Khakhi</t>
  </si>
  <si>
    <t>BPS shameerkulyar markaz bahar khakhi tehsil liaqat pur district rahim yar khan</t>
  </si>
  <si>
    <t>Shameerkulyar</t>
  </si>
  <si>
    <t>Mohammad Riaz Azad</t>
  </si>
  <si>
    <t>50003</t>
  </si>
  <si>
    <t>GPS NO.2 NAWAZ ABAD</t>
  </si>
  <si>
    <t>ShedaniSharif</t>
  </si>
  <si>
    <t>Shedani Sharif Tehsil LiaquatPur</t>
  </si>
  <si>
    <t>Nawazabad</t>
  </si>
  <si>
    <t>Lal Akhtar</t>
  </si>
  <si>
    <t>46435</t>
  </si>
  <si>
    <t>GPS HAJI KHAN QADEEM</t>
  </si>
  <si>
    <t>ZAFFAR ABAD -MALE</t>
  </si>
  <si>
    <t>zafar abad</t>
  </si>
  <si>
    <t>basti shaikhaan maoza zafar abad</t>
  </si>
  <si>
    <t>syed imdad hussain bukhari</t>
  </si>
  <si>
    <t>31051</t>
  </si>
  <si>
    <t>28138</t>
  </si>
  <si>
    <t>GPS BAAGH ARAIN</t>
  </si>
  <si>
    <t>basti baugh arain moza ghosa abad shedani shareef teh liakat pur distt Raheem yar khan</t>
  </si>
  <si>
    <t>Baugh Arain</t>
  </si>
  <si>
    <t>Shedani Shareef</t>
  </si>
  <si>
    <t>Nazeer Ahmad Khan</t>
  </si>
  <si>
    <t>1628</t>
  </si>
  <si>
    <t>7727</t>
  </si>
  <si>
    <t>5431</t>
  </si>
  <si>
    <t>GPS JIND WADDA</t>
  </si>
  <si>
    <t>Tarinda Meer Khan</t>
  </si>
  <si>
    <t>Basti Usman Aaraein Tarinda Meer Khan LQP</t>
  </si>
  <si>
    <t>Basti Usman Aaraein</t>
  </si>
  <si>
    <t>35034</t>
  </si>
  <si>
    <t>54562</t>
  </si>
  <si>
    <t>6097</t>
  </si>
  <si>
    <t>5432</t>
  </si>
  <si>
    <t>GPS BASTI METLA P.O KHAN BELLA</t>
  </si>
  <si>
    <t>KHAN BELA-MALE</t>
  </si>
  <si>
    <t>Khan Bela</t>
  </si>
  <si>
    <t>Basti Metla p/o Khan Bela thsil Liaquat Pur</t>
  </si>
  <si>
    <t>Basti Metla</t>
  </si>
  <si>
    <t>Muhammad Asif Manzoor</t>
  </si>
  <si>
    <t>6095</t>
  </si>
  <si>
    <t>GPS NOOR MUHAMMAD</t>
  </si>
  <si>
    <t>KACHI MUHAMMAD KHAN-MALE</t>
  </si>
  <si>
    <t>Miani Icha</t>
  </si>
  <si>
    <t>basti noor muhammad</t>
  </si>
  <si>
    <t>Basti Allah  Diwaya</t>
  </si>
  <si>
    <t>Gull Muhammed  Langah</t>
  </si>
  <si>
    <t>MOHAMMAD AKHTAR NADEEM</t>
  </si>
  <si>
    <t>5499</t>
  </si>
  <si>
    <t>Allah Abad road, Ghazi pur, Tech. Liaquat pur, Distt. Rahim Yar Khan.</t>
  </si>
  <si>
    <t>Tranda Gorgage</t>
  </si>
  <si>
    <t>Hafiz Farooq Ahmed</t>
  </si>
  <si>
    <t>GGPS SAEED ABAD</t>
  </si>
  <si>
    <t>FEROZA - FEMALE</t>
  </si>
  <si>
    <t>Meer Muhammad  Iar</t>
  </si>
  <si>
    <t>basti saeed abad</t>
  </si>
  <si>
    <t>Hayat Lar</t>
  </si>
  <si>
    <t>Saima Rafiq</t>
  </si>
  <si>
    <t>5735</t>
  </si>
  <si>
    <t>5552</t>
  </si>
  <si>
    <t>GGPS AHMED BUX SAEED ABAD</t>
  </si>
  <si>
    <t>basti mehmoodabad teh lqp</t>
  </si>
  <si>
    <t>Mehmooda Abad</t>
  </si>
  <si>
    <t>Nasim Riaz</t>
  </si>
  <si>
    <t>5569</t>
  </si>
  <si>
    <t>GMPS CHAK NO.47/A</t>
  </si>
  <si>
    <t>45/A-FEMALE</t>
  </si>
  <si>
    <t>Chak 47/A</t>
  </si>
  <si>
    <t>chak 47/A,p/ochak 49/A liaquatpur rahim yar khan</t>
  </si>
  <si>
    <t>46/A</t>
  </si>
  <si>
    <t>Sajida Hafeez</t>
  </si>
  <si>
    <t>elec</t>
  </si>
  <si>
    <t>9475</t>
  </si>
  <si>
    <t>5632</t>
  </si>
  <si>
    <t>GGPS CHAK NO 23/A</t>
  </si>
  <si>
    <t>42/A -FEMALE</t>
  </si>
  <si>
    <t>Ch#23/A</t>
  </si>
  <si>
    <t>ch#23/A.liaquatpur</t>
  </si>
  <si>
    <t>32A</t>
  </si>
  <si>
    <t>Rafia Nazli</t>
  </si>
  <si>
    <t>10680</t>
  </si>
  <si>
    <t>6225</t>
  </si>
  <si>
    <t>5642</t>
  </si>
  <si>
    <t>GGHS CHAK 42/A</t>
  </si>
  <si>
    <t>Govt. Girls high  School Chak 42/A Liaquatpur</t>
  </si>
  <si>
    <t>Chak 42/A</t>
  </si>
  <si>
    <t>42/a</t>
  </si>
  <si>
    <t>Komal Tahir</t>
  </si>
  <si>
    <t>34035</t>
  </si>
  <si>
    <t>18784</t>
  </si>
  <si>
    <t>GGPS CHAK 43/A</t>
  </si>
  <si>
    <t>Chak 43/A</t>
  </si>
  <si>
    <t>GGPS 43/A</t>
  </si>
  <si>
    <t>Chak   43/A</t>
  </si>
  <si>
    <t>Chak 46</t>
  </si>
  <si>
    <t>Sajjida parven</t>
  </si>
  <si>
    <t>GGES 141/A</t>
  </si>
  <si>
    <t>141/a</t>
  </si>
  <si>
    <t>government girls elementary school chak 141/a lqp</t>
  </si>
  <si>
    <t>chak 46/a</t>
  </si>
  <si>
    <t>Anam Gul</t>
  </si>
  <si>
    <t>nearby well( out of school)</t>
  </si>
  <si>
    <t>4930</t>
  </si>
  <si>
    <t>5679</t>
  </si>
  <si>
    <t>GGPS CHAK FATEH MUHAMMAD ARAIN</t>
  </si>
  <si>
    <t>Haroonbad</t>
  </si>
  <si>
    <t>moza haroonbad teh lqp distrct ryk</t>
  </si>
  <si>
    <t>Chak Fateh M Arain</t>
  </si>
  <si>
    <t>Nlla Musani</t>
  </si>
  <si>
    <t>Mubeen Fatima</t>
  </si>
  <si>
    <t>GGPS KHARA BABAY WALA</t>
  </si>
  <si>
    <t>GHOOKA-FEMALE</t>
  </si>
  <si>
    <t>Moza shamsabad school khara Babay wala p/o talbani</t>
  </si>
  <si>
    <t>Khara Babay Wala</t>
  </si>
  <si>
    <t>sobia munir</t>
  </si>
  <si>
    <t>37220</t>
  </si>
  <si>
    <t>GGPS JAM AZIZ BUKHASH</t>
  </si>
  <si>
    <t>Chouhar Wala</t>
  </si>
  <si>
    <t>Basti Aziz bukhsh</t>
  </si>
  <si>
    <t>Basti Mahr</t>
  </si>
  <si>
    <t>Hayat  Laar</t>
  </si>
  <si>
    <t>Shamim Abkhter</t>
  </si>
  <si>
    <t>38504</t>
  </si>
  <si>
    <t>GGPS KOTLA GURAM</t>
  </si>
  <si>
    <t>Kotla Daolat</t>
  </si>
  <si>
    <t>GGPS kotla guram</t>
  </si>
  <si>
    <t>Basti Kotla Guram</t>
  </si>
  <si>
    <t>Sehrish Irum</t>
  </si>
  <si>
    <t>GGPS JAMAL DIN</t>
  </si>
  <si>
    <t>Gabran</t>
  </si>
  <si>
    <t>GGPS JAMAL DIN MOUZA GABRAN BASTI JAMAL DIN TEHSIL LIAQUATPUR</t>
  </si>
  <si>
    <t>Jamil Din</t>
  </si>
  <si>
    <t>Chanjni</t>
  </si>
  <si>
    <t>Shazia Asad</t>
  </si>
  <si>
    <t>GGPS GUL MUHAMMAD LANGHA</t>
  </si>
  <si>
    <t>Gul Muhammad Langah</t>
  </si>
  <si>
    <t>GGP/S Gul Muhamad Langah sidhowali</t>
  </si>
  <si>
    <t>10111</t>
  </si>
  <si>
    <t>1724</t>
  </si>
  <si>
    <t>GGPS QASIM NAICH</t>
  </si>
  <si>
    <t>TARANDA MUHAMMAD PANAH - FEMALE</t>
  </si>
  <si>
    <t>Dhary Owt</t>
  </si>
  <si>
    <t>basti Qasim naich</t>
  </si>
  <si>
    <t>Qasim Naich</t>
  </si>
  <si>
    <t>Katiche M Khan</t>
  </si>
  <si>
    <t>Salma Naaz</t>
  </si>
  <si>
    <t>53898</t>
  </si>
  <si>
    <t>GGPS AFZAL LANGA JHADY</t>
  </si>
  <si>
    <t>Bait Murad</t>
  </si>
  <si>
    <t>basti jhande khan</t>
  </si>
  <si>
    <t>Jhande Khan</t>
  </si>
  <si>
    <t>Gul M Langah</t>
  </si>
  <si>
    <t>Riffat Mukhtar</t>
  </si>
  <si>
    <t>GGCMS FAZAL NAGAR</t>
  </si>
  <si>
    <t>rum</t>
  </si>
  <si>
    <t>basti diwala jan pur</t>
  </si>
  <si>
    <t>diwala</t>
  </si>
  <si>
    <t>khan bella</t>
  </si>
  <si>
    <t>Tabinda hina</t>
  </si>
  <si>
    <t>GMPS BISMILLAH PUR</t>
  </si>
  <si>
    <t>GABRAN</t>
  </si>
  <si>
    <t>BISMILLAH PUR</t>
  </si>
  <si>
    <t>KOTLA DAULAT</t>
  </si>
  <si>
    <t>Shazia Ali</t>
  </si>
  <si>
    <t>GMPS SHAHBAZ PUR GHARRBI</t>
  </si>
  <si>
    <t>Shahbaz Pur Ghrbi</t>
  </si>
  <si>
    <t>ggmp/s shahbaz pur gharbi</t>
  </si>
  <si>
    <t>Shahbaz Pur Gharbi</t>
  </si>
  <si>
    <t>Zaffar Abad</t>
  </si>
  <si>
    <t>GGPS AMIR KHAN GULLANI</t>
  </si>
  <si>
    <t>abbas nagar  sufian town k.bela</t>
  </si>
  <si>
    <t>Gulani</t>
  </si>
  <si>
    <t>Rukhsana</t>
  </si>
  <si>
    <t>GGPS MAJEED ABAD</t>
  </si>
  <si>
    <t>Rum</t>
  </si>
  <si>
    <t>derajattan  sardar abad khan bela</t>
  </si>
  <si>
    <t>Derajattan</t>
  </si>
  <si>
    <t>Tahira Manzoor</t>
  </si>
  <si>
    <t>5822</t>
  </si>
  <si>
    <t>GPS CHAH MALHAR SHAH</t>
  </si>
  <si>
    <t>JAN PUR - MALE</t>
  </si>
  <si>
    <t>Chandrwali</t>
  </si>
  <si>
    <t>Basti Chah Malhar Shah Mouza Chandrwali p/o Janpur Teh. Liaquatpur</t>
  </si>
  <si>
    <t>Basti Chah Malhar Shah</t>
  </si>
  <si>
    <t>Najeebullah</t>
  </si>
  <si>
    <t>7688</t>
  </si>
  <si>
    <t>5828</t>
  </si>
  <si>
    <t>GPS CHAK 32/A</t>
  </si>
  <si>
    <t>CHAK 32/A-MALE</t>
  </si>
  <si>
    <t>chak no32/a</t>
  </si>
  <si>
    <t>Chak No32/A</t>
  </si>
  <si>
    <t>saif ullah</t>
  </si>
  <si>
    <t>53642</t>
  </si>
  <si>
    <t>16162</t>
  </si>
  <si>
    <t>GGHS CHAK 253 RB 1 JAHANGIR KALAN</t>
  </si>
  <si>
    <t>253 RB</t>
  </si>
  <si>
    <t>GGHS 253 RB JAHANGIR KALAN FAISALABAD</t>
  </si>
  <si>
    <t>253 RB Jahangir Kalan</t>
  </si>
  <si>
    <t>Shahida Adeeb</t>
  </si>
  <si>
    <t>26041</t>
  </si>
  <si>
    <t>GES PINDI KALAN</t>
  </si>
  <si>
    <t>NOOR KOT - MALE</t>
  </si>
  <si>
    <t>pindi kalan</t>
  </si>
  <si>
    <t>pindi kalan p/o khas teh shakar garh district narowal</t>
  </si>
  <si>
    <t>killah</t>
  </si>
  <si>
    <t>40813</t>
  </si>
  <si>
    <t>GGPS KHALSA</t>
  </si>
  <si>
    <t>khalsa andan</t>
  </si>
  <si>
    <t>ggps khalsa andan</t>
  </si>
  <si>
    <t>pind matty khan</t>
  </si>
  <si>
    <t>Nabila begum</t>
  </si>
  <si>
    <t>12043</t>
  </si>
  <si>
    <t>39241</t>
  </si>
  <si>
    <t>GHS JAANGLA</t>
  </si>
  <si>
    <t>Jangla</t>
  </si>
  <si>
    <t>Govt Boys High School Jangla Tehsil Pindigheb Attock</t>
  </si>
  <si>
    <t>Ghreebwal</t>
  </si>
  <si>
    <t>waqas ahmed</t>
  </si>
  <si>
    <t>9832</t>
  </si>
  <si>
    <t>18716</t>
  </si>
  <si>
    <t>18503</t>
  </si>
  <si>
    <t>GHS CHAK 303 JB GOJRA</t>
  </si>
  <si>
    <t>KATHOR KALAN</t>
  </si>
  <si>
    <t>CHAK NO 303 JB KATHOR KALAN TEHSIL GOJRA</t>
  </si>
  <si>
    <t>CHAK NO 303 JB KATHOR KALAN</t>
  </si>
  <si>
    <t>Chak no 354 jb qadar Abad</t>
  </si>
  <si>
    <t>Ejaz Ahmed Javed</t>
  </si>
  <si>
    <t>6297</t>
  </si>
  <si>
    <t>GPS BASTI BALUCH KHAN</t>
  </si>
  <si>
    <t>RONGHAN-I-MALE</t>
  </si>
  <si>
    <t>Guandan Sand</t>
  </si>
  <si>
    <t>tamun leghari</t>
  </si>
  <si>
    <t>Taman Leghari</t>
  </si>
  <si>
    <t>17037</t>
  </si>
  <si>
    <t>GGHS JATOI</t>
  </si>
  <si>
    <t>jatoi shumali</t>
  </si>
  <si>
    <t>circular road jatoi</t>
  </si>
  <si>
    <t>cercular road jatoi city</t>
  </si>
  <si>
    <t>Shaheen Akhter</t>
  </si>
  <si>
    <t>50494</t>
  </si>
  <si>
    <t>GGPS 25/11-L</t>
  </si>
  <si>
    <t>25/11.L</t>
  </si>
  <si>
    <t>25/11L</t>
  </si>
  <si>
    <t>Sumaira Kausor</t>
  </si>
  <si>
    <t>7485</t>
  </si>
  <si>
    <t>GGPS KHOKHAR</t>
  </si>
  <si>
    <t>33851</t>
  </si>
  <si>
    <t>30610</t>
  </si>
  <si>
    <t>26742</t>
  </si>
  <si>
    <t>GGHS PINDI PURBAIAN</t>
  </si>
  <si>
    <t>GGHS pindi purbian Tehsil Zafarwal District Narowal</t>
  </si>
  <si>
    <t>PINDI PURBIAN</t>
  </si>
  <si>
    <t>fAROGH-E-NAVEED</t>
  </si>
  <si>
    <t>82576</t>
  </si>
  <si>
    <t>26035</t>
  </si>
  <si>
    <t>GES BHATTIAN GUJJRAN</t>
  </si>
  <si>
    <t>Bhattian Gujjran</t>
  </si>
  <si>
    <t>Muhammad Yasin Abid</t>
  </si>
  <si>
    <t>8093</t>
  </si>
  <si>
    <t>GGHS QILA MIAN SINGH</t>
  </si>
  <si>
    <t>Qila Main Singh</t>
  </si>
  <si>
    <t>qila main singh</t>
  </si>
  <si>
    <t>Zeenat Firdous</t>
  </si>
  <si>
    <t>34917</t>
  </si>
  <si>
    <t>GGPS SHEIKHO WALA MOUZA SHEIKHO WALA</t>
  </si>
  <si>
    <t>HOOT WALA - FEMALE</t>
  </si>
  <si>
    <t>sheikhu wala</t>
  </si>
  <si>
    <t>Sheikhu Wala</t>
  </si>
  <si>
    <t>33953</t>
  </si>
  <si>
    <t>GPS MC NO.2 SHUJA ABAD</t>
  </si>
  <si>
    <t>circular road govt mc shujabad</t>
  </si>
  <si>
    <t>City Shujabad</t>
  </si>
  <si>
    <t>ABDUL SAMAD</t>
  </si>
  <si>
    <t>25745</t>
  </si>
  <si>
    <t>GGPS SADIQABAD</t>
  </si>
  <si>
    <t>Sadiqabad District Narowal</t>
  </si>
  <si>
    <t>Sadiqaabad</t>
  </si>
  <si>
    <t>Sadhowala</t>
  </si>
  <si>
    <t>Naila Iram</t>
  </si>
  <si>
    <t>53406</t>
  </si>
  <si>
    <t>GMPS 46/2.L</t>
  </si>
  <si>
    <t>46/2L</t>
  </si>
  <si>
    <t>Samina Farhat</t>
  </si>
  <si>
    <t>1689</t>
  </si>
  <si>
    <t>44533</t>
  </si>
  <si>
    <t>33673</t>
  </si>
  <si>
    <t>GGES MC TIBBI SHAIR KHAN MOHALLA GANJ SULTAN</t>
  </si>
  <si>
    <t>TARAF MUBARAK AWAL</t>
  </si>
  <si>
    <t>NEAR GHATA GHAR OPPOSITE RELAX HOTEL, TIBBI SHER KHAN</t>
  </si>
  <si>
    <t>AMEER ABAD</t>
  </si>
  <si>
    <t>filteration plant, electric cooler</t>
  </si>
  <si>
    <t>21553</t>
  </si>
  <si>
    <t>GGPS KOTLI MANU SHADU</t>
  </si>
  <si>
    <t>Kotli Mano Sidhu</t>
  </si>
  <si>
    <t>Kotli mano Sidhu</t>
  </si>
  <si>
    <t>Ladhewala Goria No</t>
  </si>
  <si>
    <t>Saira Ashiq</t>
  </si>
  <si>
    <t>23319</t>
  </si>
  <si>
    <t>22467</t>
  </si>
  <si>
    <t>GMPS SOHAL KALAN</t>
  </si>
  <si>
    <t>Sohal Kalan</t>
  </si>
  <si>
    <t>sohal kalan</t>
  </si>
  <si>
    <t>Akhlasghar</t>
  </si>
  <si>
    <t>Naseem Tahira</t>
  </si>
  <si>
    <t>31674</t>
  </si>
  <si>
    <t>GES RATAR NAHRAN WALI</t>
  </si>
  <si>
    <t>Rattur Nahran Wali</t>
  </si>
  <si>
    <t>basti chakar khan rattur nahran wali p/o uchsharif APE BWP</t>
  </si>
  <si>
    <t>Chakar Khan</t>
  </si>
  <si>
    <t>Chanab Rasoolpur</t>
  </si>
  <si>
    <t>Ihsan Alahi</t>
  </si>
  <si>
    <t>9253</t>
  </si>
  <si>
    <t>GPS HAJI RAKH WALA</t>
  </si>
  <si>
    <t>MAMOORI MALE</t>
  </si>
  <si>
    <t>Piagah</t>
  </si>
  <si>
    <t>Gps Haji Rakh wala</t>
  </si>
  <si>
    <t>Khoje wala</t>
  </si>
  <si>
    <t>GMPS CHANDANIAN</t>
  </si>
  <si>
    <t>Chandanian</t>
  </si>
  <si>
    <t>chandanian</t>
  </si>
  <si>
    <t>Nandpur</t>
  </si>
  <si>
    <t>Sumaira Nazeer</t>
  </si>
  <si>
    <t>48187</t>
  </si>
  <si>
    <t>33590</t>
  </si>
  <si>
    <t>GHSS SAMEEJABAD MULTAN</t>
  </si>
  <si>
    <t>Mohalla Sharif Pura Sameejabad No.1 Multan.</t>
  </si>
  <si>
    <t>Mehr Khalid Mehmood</t>
  </si>
  <si>
    <t>480000</t>
  </si>
  <si>
    <t>26843</t>
  </si>
  <si>
    <t>GGPS JINDHAR</t>
  </si>
  <si>
    <t>Jindhar</t>
  </si>
  <si>
    <t>village jindhar p/o lessar kalan tehsil zafarwal district narowal</t>
  </si>
  <si>
    <t>Hussan Muhammad</t>
  </si>
  <si>
    <t>16785</t>
  </si>
  <si>
    <t>34595</t>
  </si>
  <si>
    <t>GGPS JHOK WALA</t>
  </si>
  <si>
    <t>Jhok wala</t>
  </si>
  <si>
    <t>GGPS jhok wala</t>
  </si>
  <si>
    <t>Asia Kousar</t>
  </si>
  <si>
    <t>26182</t>
  </si>
  <si>
    <t>GPS SARYIA GUJRAN</t>
  </si>
  <si>
    <t>Sariya Gujran</t>
  </si>
  <si>
    <t>Muhammad Sain</t>
  </si>
  <si>
    <t>GGHS SAHUKA BUREWALA VEHARI</t>
  </si>
  <si>
    <t>Sahuka</t>
  </si>
  <si>
    <t>Moza sahuka</t>
  </si>
  <si>
    <t>Rakhshanda Aslam</t>
  </si>
  <si>
    <t>12846</t>
  </si>
  <si>
    <t>GGHS JAJJAH ABBASIAN</t>
  </si>
  <si>
    <t>jajja abbasian</t>
  </si>
  <si>
    <t>govt girls high school jajja abbasian tehsil khan pur</t>
  </si>
  <si>
    <t>Shahnaz Hafeez</t>
  </si>
  <si>
    <t>14458</t>
  </si>
  <si>
    <t>43116</t>
  </si>
  <si>
    <t>GMPS BASTI BHOORA</t>
  </si>
  <si>
    <t>Umarkott</t>
  </si>
  <si>
    <t>umarkott</t>
  </si>
  <si>
    <t>Qurat ul ain</t>
  </si>
  <si>
    <t>20669</t>
  </si>
  <si>
    <t>GMPS BILAL PUR</t>
  </si>
  <si>
    <t>Bilal pur Dis/Teh Gujranwala Thana Ferozwala</t>
  </si>
  <si>
    <t>Bilal Pur</t>
  </si>
  <si>
    <t>Hafiza Kehkashan Hassan</t>
  </si>
  <si>
    <t>45302</t>
  </si>
  <si>
    <t>GGPS CHAK NO 74 ML</t>
  </si>
  <si>
    <t>74ml</t>
  </si>
  <si>
    <t>chak No 74ml Tehsil Mankera District Bhakkar</t>
  </si>
  <si>
    <t>Chak No 67ml</t>
  </si>
  <si>
    <t>Riffat Zahoor Bibi</t>
  </si>
  <si>
    <t>7282</t>
  </si>
  <si>
    <t>13686</t>
  </si>
  <si>
    <t>GGPS MUHAMMAD PUR NO. 2</t>
  </si>
  <si>
    <t>Moza Muhammad Pur No 1</t>
  </si>
  <si>
    <t>Goverment girls primary school no 2 muammadpur diwan</t>
  </si>
  <si>
    <t>Muhammad Pur No 1</t>
  </si>
  <si>
    <t>Musarat Nazir</t>
  </si>
  <si>
    <t>7361</t>
  </si>
  <si>
    <t>GES AHMADPUR TAPPA</t>
  </si>
  <si>
    <t>MANDHAL- MALE</t>
  </si>
  <si>
    <t>Ahmed pur Tappa</t>
  </si>
  <si>
    <t>Post office Hatheji Tehsil Ahmad pur east Distt.Bahawal pur</t>
  </si>
  <si>
    <t>Khambra</t>
  </si>
  <si>
    <t>Mandhal</t>
  </si>
  <si>
    <t>38487</t>
  </si>
  <si>
    <t>43160</t>
  </si>
  <si>
    <t>GGHS KHOKHAR ZER</t>
  </si>
  <si>
    <t>khokhar zer</t>
  </si>
  <si>
    <t>vPO khokhar zer</t>
  </si>
  <si>
    <t>khai</t>
  </si>
  <si>
    <t>shaheen akhtar</t>
  </si>
  <si>
    <t>34046</t>
  </si>
  <si>
    <t>45306</t>
  </si>
  <si>
    <t>GMPS CHAK NO.3/RMG</t>
  </si>
  <si>
    <t>chak no 3RMG</t>
  </si>
  <si>
    <t>3RMG</t>
  </si>
  <si>
    <t>67 ML</t>
  </si>
  <si>
    <t>Tahira Qammar</t>
  </si>
  <si>
    <t>7119</t>
  </si>
  <si>
    <t>43385</t>
  </si>
  <si>
    <t>GGPS DHOK BODLEY SHAH</t>
  </si>
  <si>
    <t>Bodley Shah</t>
  </si>
  <si>
    <t>G.G.P.S DHOK BODLEY SHAH</t>
  </si>
  <si>
    <t>DHOK BODLEY SHAH</t>
  </si>
  <si>
    <t>dabb</t>
  </si>
  <si>
    <t>ISHRAT PARVEEN</t>
  </si>
  <si>
    <t>bor</t>
  </si>
  <si>
    <t>25830</t>
  </si>
  <si>
    <t>20140</t>
  </si>
  <si>
    <t>45299</t>
  </si>
  <si>
    <t>GGPS CHAK NO.70/ML</t>
  </si>
  <si>
    <t>70 Ml</t>
  </si>
  <si>
    <t>chak no 70 ml</t>
  </si>
  <si>
    <t>67 Ml</t>
  </si>
  <si>
    <t>7640</t>
  </si>
  <si>
    <t>14448</t>
  </si>
  <si>
    <t>GGPS HAFEEZ ABAD</t>
  </si>
  <si>
    <t>basti punjab umer kot</t>
  </si>
  <si>
    <t>Basti Punjab</t>
  </si>
  <si>
    <t>GGPS 4/RMG</t>
  </si>
  <si>
    <t>Rakhmoj Garh</t>
  </si>
  <si>
    <t>chak no.4 rakh moj Garh</t>
  </si>
  <si>
    <t>Chak no 4rmg</t>
  </si>
  <si>
    <t>Pattiblanda</t>
  </si>
  <si>
    <t>Nazia akhtar</t>
  </si>
  <si>
    <t>51143</t>
  </si>
  <si>
    <t>45300</t>
  </si>
  <si>
    <t>GMPS CHAK NO.73/ML</t>
  </si>
  <si>
    <t>73ml</t>
  </si>
  <si>
    <t>chak no 73ml p / o 72 ml</t>
  </si>
  <si>
    <t>Tasleem Bibi</t>
  </si>
  <si>
    <t>18792</t>
  </si>
  <si>
    <t>45301</t>
  </si>
  <si>
    <t>GGPS CHAK NO.72/ML</t>
  </si>
  <si>
    <t>67/ml</t>
  </si>
  <si>
    <t>chak no 72/ml tehsil mankera District bhakkar</t>
  </si>
  <si>
    <t>Chak No 72/ml</t>
  </si>
  <si>
    <t>samina shaheen</t>
  </si>
  <si>
    <t>48861</t>
  </si>
  <si>
    <t>GPS WAHI RAHIM</t>
  </si>
  <si>
    <t>Basti Wahi Rahim Moza Ameen Gary Mo Mubarak Road Rahim Yar Khan</t>
  </si>
  <si>
    <t>Wahi Rahim</t>
  </si>
  <si>
    <t>Farhat Hanif</t>
  </si>
  <si>
    <t>RO Plant &amp; Rooter Pump &amp; Hand Pump</t>
  </si>
  <si>
    <t>54077</t>
  </si>
  <si>
    <t>GPS TIBBI MAHARAN</t>
  </si>
  <si>
    <t>Bastti Tibbi mehran mouza Khair pur mou mubarak road RYK</t>
  </si>
  <si>
    <t>Bastti Tibbi Mehran</t>
  </si>
  <si>
    <t>Ghulam Asghar Shah</t>
  </si>
  <si>
    <t>49542</t>
  </si>
  <si>
    <t>11595</t>
  </si>
  <si>
    <t>GES GHARI BHGER</t>
  </si>
  <si>
    <t>SADAR SDK - MALE</t>
  </si>
  <si>
    <t>Garhi Begarh</t>
  </si>
  <si>
    <t>GBES Garhi Begarh</t>
  </si>
  <si>
    <t>Asghar Ali Shah</t>
  </si>
  <si>
    <t>45163</t>
  </si>
  <si>
    <t>GGES CHAK NO. 214 TDA</t>
  </si>
  <si>
    <t>214tda</t>
  </si>
  <si>
    <t>GG E/S 214/tda Teh MANKERA District BHAKKAR</t>
  </si>
  <si>
    <t>Naheed Ibrahim</t>
  </si>
  <si>
    <t>8502</t>
  </si>
  <si>
    <t>40243</t>
  </si>
  <si>
    <t>GGES DHOK BIDDER</t>
  </si>
  <si>
    <t>Dhok Bidder</t>
  </si>
  <si>
    <t>village post office Dhok bidder tehsil district jhelum</t>
  </si>
  <si>
    <t>Saba Mushtaq</t>
  </si>
  <si>
    <t>9629</t>
  </si>
  <si>
    <t>46456</t>
  </si>
  <si>
    <t>4493</t>
  </si>
  <si>
    <t>GGES TIBBI ESRAN</t>
  </si>
  <si>
    <t>PIR ADIL-FEMALE</t>
  </si>
  <si>
    <t>GGESTIBBIESRAN</t>
  </si>
  <si>
    <t>Marriam Jamila</t>
  </si>
  <si>
    <t>17659</t>
  </si>
  <si>
    <t>11626</t>
  </si>
  <si>
    <t>7096</t>
  </si>
  <si>
    <t>30237</t>
  </si>
  <si>
    <t>GGHS BEHARI COLONY</t>
  </si>
  <si>
    <t>GGHS Behari Colony Near Bilal Masjid Kramat Chowk Green Town Lahore</t>
  </si>
  <si>
    <t>Maryam Colony</t>
  </si>
  <si>
    <t>rashida Bibi</t>
  </si>
  <si>
    <t>GES BILHER</t>
  </si>
  <si>
    <t>Rakh Kotla Sikhani</t>
  </si>
  <si>
    <t>Ges Bilhar</t>
  </si>
  <si>
    <t>Bilhar</t>
  </si>
  <si>
    <t>Tibbi Kharak</t>
  </si>
  <si>
    <t>Muhammad Anwar Khan</t>
  </si>
  <si>
    <t>33048</t>
  </si>
  <si>
    <t>40266</t>
  </si>
  <si>
    <t>GGCMES CHOTALA</t>
  </si>
  <si>
    <t>MARIAM TAHIR</t>
  </si>
  <si>
    <t>3474</t>
  </si>
  <si>
    <t>43202</t>
  </si>
  <si>
    <t>GGHS SANG KALLAN</t>
  </si>
  <si>
    <t>Sang Kalan</t>
  </si>
  <si>
    <t>VPO Sang kalan</t>
  </si>
  <si>
    <t>AASIA PARVEEN</t>
  </si>
  <si>
    <t>30879</t>
  </si>
  <si>
    <t>GHS NIAZ BEG, MULTAN ROAD</t>
  </si>
  <si>
    <t>NIAZ BAIG</t>
  </si>
  <si>
    <t>GOVT. H/S NIAZ BAIG, MULTAN ROAD LAHORE</t>
  </si>
  <si>
    <t>5161</t>
  </si>
  <si>
    <t>43717</t>
  </si>
  <si>
    <t>GGHS PIRAH FATHIAL</t>
  </si>
  <si>
    <t>Pirah Fatehal</t>
  </si>
  <si>
    <t>sargotha road Talagang</t>
  </si>
  <si>
    <t>Tanzila Noreen</t>
  </si>
  <si>
    <t>40069</t>
  </si>
  <si>
    <t>GGHSS NO.2 JHELUM</t>
  </si>
  <si>
    <t>Machine Mohallah No.3, Jhelum</t>
  </si>
  <si>
    <t>Muhammadi Chowk</t>
  </si>
  <si>
    <t>4448</t>
  </si>
  <si>
    <t>6025</t>
  </si>
  <si>
    <t>14444</t>
  </si>
  <si>
    <t>GMPS KOT BEHRAM</t>
  </si>
  <si>
    <t>basti dhandla umer kot tehsil rojhan distt.Rajanpur</t>
  </si>
  <si>
    <t>Tanveer zohira</t>
  </si>
  <si>
    <t>GHSS SHAH SADAR DIN</t>
  </si>
  <si>
    <t>SHAH SADAR DIN</t>
  </si>
  <si>
    <t>GOVT BOYS HIGHER SECONDARY SCHOOL  SHAH SADAR DIN DGKHAN</t>
  </si>
  <si>
    <t>28139</t>
  </si>
  <si>
    <t>GGPS KALLAN SHAH</t>
  </si>
  <si>
    <t>DARIN- FEMALE</t>
  </si>
  <si>
    <t>Kalan Shah</t>
  </si>
  <si>
    <t>GGps Kalan shah</t>
  </si>
  <si>
    <t>Usman Koriya</t>
  </si>
  <si>
    <t>Iqra Aziz</t>
  </si>
  <si>
    <t>30883</t>
  </si>
  <si>
    <t>GHS CITY MUSLIM LEAGUE SAID MITHA BAZAR</t>
  </si>
  <si>
    <t>Said Mitha</t>
  </si>
  <si>
    <t>said mitha bazar</t>
  </si>
  <si>
    <t>Texali Gate</t>
  </si>
  <si>
    <t>Shahi Qila</t>
  </si>
  <si>
    <t>31829</t>
  </si>
  <si>
    <t>32612</t>
  </si>
  <si>
    <t>GGPS CHAK NO. 20 SHARQPUR</t>
  </si>
  <si>
    <t>chak no 20 ucc</t>
  </si>
  <si>
    <t>Chak # 20 Ucc</t>
  </si>
  <si>
    <t>Nazar Labana</t>
  </si>
  <si>
    <t>MR Muhammad Younas</t>
  </si>
  <si>
    <t>31530</t>
  </si>
  <si>
    <t>GHS KALA KHATAI</t>
  </si>
  <si>
    <t>KALAKHATAI</t>
  </si>
  <si>
    <t>rs KALAKHATAI tehsil Muridke distt. skp</t>
  </si>
  <si>
    <t>Rs KALAKHATAI</t>
  </si>
  <si>
    <t>rana mahmood ahmad</t>
  </si>
  <si>
    <t>35593</t>
  </si>
  <si>
    <t>32624</t>
  </si>
  <si>
    <t>50229</t>
  </si>
  <si>
    <t>GMES CHHOUNI SULAHERIAN</t>
  </si>
  <si>
    <t>Sulehrian</t>
  </si>
  <si>
    <t>chouni sulehrian</t>
  </si>
  <si>
    <t>Chouni Sulehrian</t>
  </si>
  <si>
    <t>Dhera Sandha</t>
  </si>
  <si>
    <t>Nasreen Ali Muhammad</t>
  </si>
  <si>
    <t>34038</t>
  </si>
  <si>
    <t>52501</t>
  </si>
  <si>
    <t>18463</t>
  </si>
  <si>
    <t>3437</t>
  </si>
  <si>
    <t>53135</t>
  </si>
  <si>
    <t>GGES JOYIA</t>
  </si>
  <si>
    <t>G.G.E/S Joyia markaz joyia</t>
  </si>
  <si>
    <t>Mangan</t>
  </si>
  <si>
    <t>39365</t>
  </si>
  <si>
    <t>24808</t>
  </si>
  <si>
    <t>GGHS CHITTI SHAIKHAN</t>
  </si>
  <si>
    <t>village chittisheikhan P O Gohdpur</t>
  </si>
  <si>
    <t>Chitti sheikhan</t>
  </si>
  <si>
    <t>Kourpur</t>
  </si>
  <si>
    <t>Nusrat iqbal</t>
  </si>
  <si>
    <t>53201</t>
  </si>
  <si>
    <t>7883</t>
  </si>
  <si>
    <t>GPS KORAY WALA</t>
  </si>
  <si>
    <t>Kotla Sikhani</t>
  </si>
  <si>
    <t>Basti kotla sikhani</t>
  </si>
  <si>
    <t>Tibbi Khark</t>
  </si>
  <si>
    <t>10165</t>
  </si>
  <si>
    <t>GES JALLO WALI</t>
  </si>
  <si>
    <t>MITHE WALI MALE</t>
  </si>
  <si>
    <t>Jallu Wali</t>
  </si>
  <si>
    <t>P/O kohar teh. taunsa distt. D.G.khan</t>
  </si>
  <si>
    <t>Saeed Ahmad Qaisrani</t>
  </si>
  <si>
    <t>16364</t>
  </si>
  <si>
    <t>26548</t>
  </si>
  <si>
    <t>GGHS SARJAL</t>
  </si>
  <si>
    <t>village nd p.o sarjal ,skg</t>
  </si>
  <si>
    <t>sarjal</t>
  </si>
  <si>
    <t>Rukhsana Hussain</t>
  </si>
  <si>
    <t>31428</t>
  </si>
  <si>
    <t>GPS AMAN PURA</t>
  </si>
  <si>
    <t>Aman Pura</t>
  </si>
  <si>
    <t>Aman pura</t>
  </si>
  <si>
    <t>Shugufta Shaheen</t>
  </si>
  <si>
    <t>28880</t>
  </si>
  <si>
    <t>28501</t>
  </si>
  <si>
    <t>GPS BASTI BOOHI WAR</t>
  </si>
  <si>
    <t>WALHAR-MALE</t>
  </si>
  <si>
    <t>Bohiwar</t>
  </si>
  <si>
    <t>basti bohiwar</t>
  </si>
  <si>
    <t>Fouzia Ahmed</t>
  </si>
  <si>
    <t>54386</t>
  </si>
  <si>
    <t>GPS MUNDHI WALA</t>
  </si>
  <si>
    <t>Kacha Kenjher</t>
  </si>
  <si>
    <t>mouza kacha kenjher p/o shah jamal</t>
  </si>
  <si>
    <t>Shah Jamal</t>
  </si>
  <si>
    <t>Ghulam Sajjad</t>
  </si>
  <si>
    <t>51061</t>
  </si>
  <si>
    <t>GGPS EIDAL</t>
  </si>
  <si>
    <t>Eidal</t>
  </si>
  <si>
    <t>Chak Eidal, District Sahiwal</t>
  </si>
  <si>
    <t>EIDAL</t>
  </si>
  <si>
    <t>mUHAMMAD PUR</t>
  </si>
  <si>
    <t>Rozina Iffat</t>
  </si>
  <si>
    <t>27792</t>
  </si>
  <si>
    <t>24405</t>
  </si>
  <si>
    <t>45608</t>
  </si>
  <si>
    <t>GHS CDG ISLAM NAGAR SHAHDARA</t>
  </si>
  <si>
    <t>Sir Shahab Park</t>
  </si>
  <si>
    <t>islam nagar Shahdara</t>
  </si>
  <si>
    <t>Sir shahab park</t>
  </si>
  <si>
    <t>Abdul Shakoor Akhtar</t>
  </si>
  <si>
    <t>43703</t>
  </si>
  <si>
    <t>GGHS LAITI</t>
  </si>
  <si>
    <t>leti</t>
  </si>
  <si>
    <t>vpo leti teh lawa distt chakwal</t>
  </si>
  <si>
    <t>Anjum Naz</t>
  </si>
  <si>
    <t>GHS 142/9-L</t>
  </si>
  <si>
    <t>142/9-L</t>
  </si>
  <si>
    <t>Chak No. 142/9-L, Tehsil &amp; District Sahiwal</t>
  </si>
  <si>
    <t>SHAHBAZ MUSTAFA</t>
  </si>
  <si>
    <t>50547</t>
  </si>
  <si>
    <t>GGES  28/11-L</t>
  </si>
  <si>
    <t>28/11L</t>
  </si>
  <si>
    <t>18608</t>
  </si>
  <si>
    <t>39563</t>
  </si>
  <si>
    <t>8384</t>
  </si>
  <si>
    <t>GGCMS FEROZ WALA</t>
  </si>
  <si>
    <t>Rakh Chabri</t>
  </si>
  <si>
    <t>feroz wala.p.o rakh chabri dera ghazi khan</t>
  </si>
  <si>
    <t>Feroz Wala</t>
  </si>
  <si>
    <t>Hidayat Bibi</t>
  </si>
  <si>
    <t>GPS KARAM BUZDAR</t>
  </si>
  <si>
    <t>DODARA MALE</t>
  </si>
  <si>
    <t>Chak kama</t>
  </si>
  <si>
    <t>Basti karam buzdar chak kama uc bakharwah</t>
  </si>
  <si>
    <t>Basti karam buzdar</t>
  </si>
  <si>
    <t>Bakharwha</t>
  </si>
  <si>
    <t>Allah Dad</t>
  </si>
  <si>
    <t>GPS GOPANG WALA</t>
  </si>
  <si>
    <t>DRAHMAH - MALE</t>
  </si>
  <si>
    <t>Rakh Chhaouni</t>
  </si>
  <si>
    <t>GOPANG WALA , RAKH CHHAOUNI P/O DRAHAMA, DERA GHAZI KHAN.</t>
  </si>
  <si>
    <t>GOPANG WALA</t>
  </si>
  <si>
    <t>Sabra Nachaan</t>
  </si>
  <si>
    <t>Elahi Bakhsh</t>
  </si>
  <si>
    <t>48229</t>
  </si>
  <si>
    <t>8497</t>
  </si>
  <si>
    <t>GPS SINAWAN WALI</t>
  </si>
  <si>
    <t>Chak Daleel</t>
  </si>
  <si>
    <t>Near Shoria Pull, Samina Sadat Road, D.G Khan</t>
  </si>
  <si>
    <t>Sinawan Wali</t>
  </si>
  <si>
    <t>HAJI GHAZI</t>
  </si>
  <si>
    <t>Sabila Hina</t>
  </si>
  <si>
    <t>8509</t>
  </si>
  <si>
    <t>GPS HAMID WALA</t>
  </si>
  <si>
    <t>Chakramin</t>
  </si>
  <si>
    <t>Chah said Khan Wala mouza chakramin  p/o Kala teh&amp;distt dgkhan</t>
  </si>
  <si>
    <t>Said Khan Wala</t>
  </si>
  <si>
    <t>Hafiz Ghulam Sarwar</t>
  </si>
  <si>
    <t>5099</t>
  </si>
  <si>
    <t>8513</t>
  </si>
  <si>
    <t>GPS SUBZANI</t>
  </si>
  <si>
    <t>KALA  MALE</t>
  </si>
  <si>
    <t>Subzani</t>
  </si>
  <si>
    <t>basti subzani p.o shadaan Lound</t>
  </si>
  <si>
    <t>Basti subzani</t>
  </si>
  <si>
    <t>Mujahid Haider</t>
  </si>
  <si>
    <t>GPS BAIT CHUNRAH</t>
  </si>
  <si>
    <t>Bait Soai</t>
  </si>
  <si>
    <t>bait chunra</t>
  </si>
  <si>
    <t>Bait Chunra</t>
  </si>
  <si>
    <t>Mohammad Bakhsh</t>
  </si>
  <si>
    <t>GPS NOMANIA</t>
  </si>
  <si>
    <t>Dera Ghazi Khan</t>
  </si>
  <si>
    <t>Block U Dera Ghazi Khan</t>
  </si>
  <si>
    <t>Block H</t>
  </si>
  <si>
    <t>Saad Ullah Khan Qaisrani</t>
  </si>
  <si>
    <t>54462</t>
  </si>
  <si>
    <t>GPS Kot Haibat</t>
  </si>
  <si>
    <t>Urban No 2</t>
  </si>
  <si>
    <t>chirhta urban no.2 D.G.khan</t>
  </si>
  <si>
    <t>Churhta</t>
  </si>
  <si>
    <t>Chorhtta</t>
  </si>
  <si>
    <t>Qamar Qasim</t>
  </si>
  <si>
    <t>GPS MUNEER ABAD</t>
  </si>
  <si>
    <t>BHELI - MALE</t>
  </si>
  <si>
    <t>Umer Fatani</t>
  </si>
  <si>
    <t>Gps muneer abad khairpur</t>
  </si>
  <si>
    <t>Muneerabad</t>
  </si>
  <si>
    <t>Ahmad Sardar</t>
  </si>
  <si>
    <t>GPS TANZEEM KARAM PUR DOLTANA</t>
  </si>
  <si>
    <t>ANAITI (A) - MALE</t>
  </si>
  <si>
    <t>chak islam abad</t>
  </si>
  <si>
    <t>Chak Islam Abad</t>
  </si>
  <si>
    <t>Mohammad Habib Ullah</t>
  </si>
  <si>
    <t>3561</t>
  </si>
  <si>
    <t>GPS JINDOO SHAH HITHAR</t>
  </si>
  <si>
    <t>ISRANI - MALE</t>
  </si>
  <si>
    <t>Jindu  Shah Hithar</t>
  </si>
  <si>
    <t>chakri  sayal  jindu shah hithar</t>
  </si>
  <si>
    <t>Jindu  Shah  Hithar</t>
  </si>
  <si>
    <t>Mudasser Ali</t>
  </si>
  <si>
    <t>6348</t>
  </si>
  <si>
    <t>GPS AHMAD PUR</t>
  </si>
  <si>
    <t>MUCHRAN - MALE</t>
  </si>
  <si>
    <t>basti ahmad pur</t>
  </si>
  <si>
    <t>Basti Ahmad Pur</t>
  </si>
  <si>
    <t>Rao Muhammad Kamran Jamil</t>
  </si>
  <si>
    <t>4411</t>
  </si>
  <si>
    <t>GPS BHINDA CHADHRAR</t>
  </si>
  <si>
    <t>Bhinda Chadhrar</t>
  </si>
  <si>
    <t>gps bhinda chadhrar</t>
  </si>
  <si>
    <t>Basti Bhinda Chadhrar</t>
  </si>
  <si>
    <t>GGPS SARDAR PUR</t>
  </si>
  <si>
    <t>sardarpur</t>
  </si>
  <si>
    <t>Aniyti</t>
  </si>
  <si>
    <t>balqees parveen</t>
  </si>
  <si>
    <t>4452</t>
  </si>
  <si>
    <t>GPS AMIR SHAH</t>
  </si>
  <si>
    <t>basti AMEER SHAH mouza Khan wala Kpt</t>
  </si>
  <si>
    <t>Basti AMEER SHAH</t>
  </si>
  <si>
    <t>Shiekh Wahen</t>
  </si>
  <si>
    <t>AZEEM YAR ABBASI</t>
  </si>
  <si>
    <t>4457</t>
  </si>
  <si>
    <t>GPS TANZEEM ATTA MUHAMMAD</t>
  </si>
  <si>
    <t>KPT CITY - MALE</t>
  </si>
  <si>
    <t>Goth Noor Mohammad</t>
  </si>
  <si>
    <t>Goth noor muhammad</t>
  </si>
  <si>
    <t>Goth NOOR Muhammad</t>
  </si>
  <si>
    <t>Gadan</t>
  </si>
  <si>
    <t>TAYYABA BASHIR</t>
  </si>
  <si>
    <t>3071</t>
  </si>
  <si>
    <t>GHS NOORPUR NAURANGA</t>
  </si>
  <si>
    <t>p.o noorpurnauranga tehsil Bahawalpur saddar</t>
  </si>
  <si>
    <t>riaz ahmad</t>
  </si>
  <si>
    <t>GPS CHAK NO.8/BC-A</t>
  </si>
  <si>
    <t>DERA BAKHA - MALE</t>
  </si>
  <si>
    <t>Chak 8/BCA</t>
  </si>
  <si>
    <t>chak No. 8/BCA</t>
  </si>
  <si>
    <t>Chak 8BC/A</t>
  </si>
  <si>
    <t>Chak 12/BC</t>
  </si>
  <si>
    <t>49113</t>
  </si>
  <si>
    <t>47333</t>
  </si>
  <si>
    <t>GHS HAKRA</t>
  </si>
  <si>
    <t>Hakra</t>
  </si>
  <si>
    <t>Basti Hakra Kalan Mouza Hakra P/O Khawajgan via Khanqah Sharif Bahawalpur Sadar Bahawalpur</t>
  </si>
  <si>
    <t>Rukrani</t>
  </si>
  <si>
    <t>64736</t>
  </si>
  <si>
    <t>43060</t>
  </si>
  <si>
    <t>3074</t>
  </si>
  <si>
    <t>GHS SAMMA SATTA</t>
  </si>
  <si>
    <t>Tiba Miani</t>
  </si>
  <si>
    <t>civil hospital road sama sata</t>
  </si>
  <si>
    <t>Bilal Ahmad</t>
  </si>
  <si>
    <t>3075</t>
  </si>
  <si>
    <t>GHS KHANKAH SHAREEF</t>
  </si>
  <si>
    <t>KHANQAH SHARIF</t>
  </si>
  <si>
    <t>GOHAR SHAH ROAD KHANQAH SHARIF</t>
  </si>
  <si>
    <t>MALIK SAID ALI</t>
  </si>
  <si>
    <t>GGHS CHAK NO.38/BC</t>
  </si>
  <si>
    <t>Chak 38 Bc</t>
  </si>
  <si>
    <t>govt. girls high school chak 38 bc bahawalpur</t>
  </si>
  <si>
    <t>KOUSAR    IRFAN</t>
  </si>
  <si>
    <t>25584</t>
  </si>
  <si>
    <t>47330</t>
  </si>
  <si>
    <t>GGHS CHAK NO.37/BC (E)</t>
  </si>
  <si>
    <t>GGHS 37/bc Abbas Nagar (E)</t>
  </si>
  <si>
    <t>37/Bc</t>
  </si>
  <si>
    <t>Ms. Fouzia Nawaz</t>
  </si>
  <si>
    <t>GPS CHAK NO.29/BC</t>
  </si>
  <si>
    <t>Chak 29/BC</t>
  </si>
  <si>
    <t>Nasir Yaqoob</t>
  </si>
  <si>
    <t>GPS CHAK NO.24/BC</t>
  </si>
  <si>
    <t>Chak No 24/BC</t>
  </si>
  <si>
    <t>23bc</t>
  </si>
  <si>
    <t>Abdul Basit</t>
  </si>
  <si>
    <t>42949</t>
  </si>
  <si>
    <t>GPS CHAK NO.31/BC</t>
  </si>
  <si>
    <t>chak no 31bc dera bakha bahawalpur</t>
  </si>
  <si>
    <t>31 Bc</t>
  </si>
  <si>
    <t>Chak 04</t>
  </si>
  <si>
    <t>Sajawal Nawaz</t>
  </si>
  <si>
    <t>GMPS CHAK NO.13/BC BAHAWALPUR</t>
  </si>
  <si>
    <t>AIRPORT - FEMALE</t>
  </si>
  <si>
    <t>13 BC Halqa 25 Bc</t>
  </si>
  <si>
    <t>13 Bc halqs 25 Bc</t>
  </si>
  <si>
    <t>Chak 24 Bc</t>
  </si>
  <si>
    <t>Asia Siddiqa</t>
  </si>
  <si>
    <t>12573</t>
  </si>
  <si>
    <t>45278</t>
  </si>
  <si>
    <t>3376</t>
  </si>
  <si>
    <t>GPS MODEL CHAK NO.28/BC BAHAWALPUR</t>
  </si>
  <si>
    <t>28bc</t>
  </si>
  <si>
    <t>12bc</t>
  </si>
  <si>
    <t>Samina Jamil</t>
  </si>
  <si>
    <t>GGPS BASTI KHAMEESA NOORPUR</t>
  </si>
  <si>
    <t>NOORPUR NAURANGA - FEMALE</t>
  </si>
  <si>
    <t>GHULAM MUHAMMAD CHANNAR</t>
  </si>
  <si>
    <t>MUZA GHULAM MUHAMMAD CHANNAR POBOX NOOR PUR NAURANGA GGPS BASTI KHAMEESA NOOR PUR</t>
  </si>
  <si>
    <t>BASTI KHAMEESA</t>
  </si>
  <si>
    <t>JAMAL CHANNAR</t>
  </si>
  <si>
    <t>SHAHIDA MANZOOR</t>
  </si>
  <si>
    <t>GPS MODEL MANDHAL</t>
  </si>
  <si>
    <t>Gulam Muhammad Channer</t>
  </si>
  <si>
    <t>basti. mandhal</t>
  </si>
  <si>
    <t>Jamal Chaner</t>
  </si>
  <si>
    <t>3508</t>
  </si>
  <si>
    <t>GPS HAQQANIA</t>
  </si>
  <si>
    <t>Basti tibi haqqania mouza Gul dera,tehsil and district bahawalpur</t>
  </si>
  <si>
    <t>Tibi Haqqania</t>
  </si>
  <si>
    <t>GHS MODEL</t>
  </si>
  <si>
    <t>CITY KHANPUR</t>
  </si>
  <si>
    <t>GBHS MODEL KHANPUR SHAHI ROAD</t>
  </si>
  <si>
    <t>MC khanpur</t>
  </si>
  <si>
    <t>AQEEL AHMAD SAJID</t>
  </si>
  <si>
    <t>GHS BASTI AZIM SHAH</t>
  </si>
  <si>
    <t>azim shah</t>
  </si>
  <si>
    <t>Nawan KOt Road Near Bukhari Filling Station Basti Azim Shah KPR</t>
  </si>
  <si>
    <t>azim Shah</t>
  </si>
  <si>
    <t>14405</t>
  </si>
  <si>
    <t>901</t>
  </si>
  <si>
    <t>4474</t>
  </si>
  <si>
    <t>GHS FATEH PUR KAMAL</t>
  </si>
  <si>
    <t>klp road fateh Pur Kamal tehsil Khan pur</t>
  </si>
  <si>
    <t>Hassan Mahmood  Shaheen</t>
  </si>
  <si>
    <t>GHSS MARI ALLAH BACHAYA</t>
  </si>
  <si>
    <t>MARI ALLAH BACHAYA</t>
  </si>
  <si>
    <t>SHAHID MAJEED</t>
  </si>
  <si>
    <t>34414</t>
  </si>
  <si>
    <t>17959</t>
  </si>
  <si>
    <t>GGHS CHAK NO. 7/P</t>
  </si>
  <si>
    <t>7/P</t>
  </si>
  <si>
    <t>GGHS CHAK 7P</t>
  </si>
  <si>
    <t>Sheikha bhatta</t>
  </si>
  <si>
    <t>GGHS CHAK NO. 45/P</t>
  </si>
  <si>
    <t>45p</t>
  </si>
  <si>
    <t>chak 45p</t>
  </si>
  <si>
    <t>GES PEERA BALUCH</t>
  </si>
  <si>
    <t>GARHI IKTHIAR KHAN - MALE</t>
  </si>
  <si>
    <t>Mitha Mirani</t>
  </si>
  <si>
    <t>Garhi ikhtyar khan road near 3L canal khanpur</t>
  </si>
  <si>
    <t>3 L Canal</t>
  </si>
  <si>
    <t>Gehnana Lar</t>
  </si>
  <si>
    <t>M Jamil Ahmed</t>
  </si>
  <si>
    <t>51588</t>
  </si>
  <si>
    <t>GES JAMPUR</t>
  </si>
  <si>
    <t>GHAZI PUR-MALE</t>
  </si>
  <si>
    <t>near qabirstan basti jampur khas, tehsil khanpur</t>
  </si>
  <si>
    <t>Muhammad Anees</t>
  </si>
  <si>
    <t>48860</t>
  </si>
  <si>
    <t>GES LATKI</t>
  </si>
  <si>
    <t>LATKI - MALE</t>
  </si>
  <si>
    <t>basti latki moza latki.tehsil khanpur .disst rahim yar khan</t>
  </si>
  <si>
    <t>LATKI</t>
  </si>
  <si>
    <t>M Zubair jahangir Bukhari</t>
  </si>
  <si>
    <t>29979</t>
  </si>
  <si>
    <t>25927</t>
  </si>
  <si>
    <t>29882</t>
  </si>
  <si>
    <t>GES BASTI KHAN MUHAMMAD</t>
  </si>
  <si>
    <t>Noor Wah</t>
  </si>
  <si>
    <t>E/S Khan Muhammad</t>
  </si>
  <si>
    <t>Shafique Ahmed Siddique</t>
  </si>
  <si>
    <t>33160</t>
  </si>
  <si>
    <t>4525</t>
  </si>
  <si>
    <t>GES CHAK NO 131-32/1-L</t>
  </si>
  <si>
    <t>131/1-L</t>
  </si>
  <si>
    <t>CHAK NO 131 /1-L KPR</t>
  </si>
  <si>
    <t>CHAK NO 131/1-L</t>
  </si>
  <si>
    <t>Bhatta Shekhain</t>
  </si>
  <si>
    <t>MUHAMMAD AQEEL MEHMOOD</t>
  </si>
  <si>
    <t>6011</t>
  </si>
  <si>
    <t>29321</t>
  </si>
  <si>
    <t>1652</t>
  </si>
  <si>
    <t>GGES CHAK NO. 12/P JETHA BHUTTA</t>
  </si>
  <si>
    <t>JETHA BHUTTA - FEMALE</t>
  </si>
  <si>
    <t>Taly Wala</t>
  </si>
  <si>
    <t>chak no 12p jatha bhutta</t>
  </si>
  <si>
    <t>Chak No 12p</t>
  </si>
  <si>
    <t>Samina Tabassum</t>
  </si>
  <si>
    <t>23430</t>
  </si>
  <si>
    <t>4539</t>
  </si>
  <si>
    <t>GGES GHOUS PUR</t>
  </si>
  <si>
    <t>GHOUS PUR-FEMALE</t>
  </si>
  <si>
    <t>ghouspur</t>
  </si>
  <si>
    <t>Ghouspur</t>
  </si>
  <si>
    <t>Tahira  Naseem Akhter</t>
  </si>
  <si>
    <t>4544</t>
  </si>
  <si>
    <t>GGES CHAK NO. 103/1-L</t>
  </si>
  <si>
    <t>CHAK NO 45/P-FEMALE</t>
  </si>
  <si>
    <t>chak no 103 1L P/O 45/p</t>
  </si>
  <si>
    <t>103 1L</t>
  </si>
  <si>
    <t>Bagho Bahar</t>
  </si>
  <si>
    <t>Kiran Mukhtar</t>
  </si>
  <si>
    <t>13574</t>
  </si>
  <si>
    <t>24210</t>
  </si>
  <si>
    <t>GPS MC ARBIA MODDIB MOHALLA ISLAM NAGAR</t>
  </si>
  <si>
    <t>SADAR KPR - MALE</t>
  </si>
  <si>
    <t>Neel Gerh</t>
  </si>
  <si>
    <t>GPS MC Arabia modib p\s Islam nagar</t>
  </si>
  <si>
    <t>MC KHAN PUR</t>
  </si>
  <si>
    <t>asifa malik</t>
  </si>
  <si>
    <t>4564</t>
  </si>
  <si>
    <t>GPS GHOURIAN</t>
  </si>
  <si>
    <t>MOEEN ABAD - MALE</t>
  </si>
  <si>
    <t>Nawain Arain</t>
  </si>
  <si>
    <t>Basti laran mauza nawain arain tehsil khan pur</t>
  </si>
  <si>
    <t>Ashhad Bashir</t>
  </si>
  <si>
    <t>GPS BASTI DIN MUHAMMAD</t>
  </si>
  <si>
    <t>112/NP</t>
  </si>
  <si>
    <t>Basti Din Muhammed</t>
  </si>
  <si>
    <t>Muhammad Saeed Anwar</t>
  </si>
  <si>
    <t>GPS QABOOL WALA</t>
  </si>
  <si>
    <t>MUD BHOORA - MALE</t>
  </si>
  <si>
    <t>Ghunia</t>
  </si>
  <si>
    <t>Basti Qabool wala Mouza Ghunia P/o Mud mangla</t>
  </si>
  <si>
    <t>Bhatta Sheikhan</t>
  </si>
  <si>
    <t>39326</t>
  </si>
  <si>
    <t>4604</t>
  </si>
  <si>
    <t>GPS SHAH ABAD SHARIF</t>
  </si>
  <si>
    <t>MOZA GHULAM NABI LAR</t>
  </si>
  <si>
    <t>SHAH ABBAD SHARIF MOZA GHULAM NABI LAR GARHI IKHTIAR KHAN</t>
  </si>
  <si>
    <t>SHAH ABBAD SHARIF</t>
  </si>
  <si>
    <t>DAND GHAGREE</t>
  </si>
  <si>
    <t>4607</t>
  </si>
  <si>
    <t>GPS BASTI PIRHARAN</t>
  </si>
  <si>
    <t>Shah Muhammad Marral</t>
  </si>
  <si>
    <t>basti pirharan khan pur</t>
  </si>
  <si>
    <t>Basti Pirharan</t>
  </si>
  <si>
    <t>19121</t>
  </si>
  <si>
    <t>18445</t>
  </si>
  <si>
    <t>GPS GULOOWALI</t>
  </si>
  <si>
    <t>Gullu Wali</t>
  </si>
  <si>
    <t>moza gullu wali tehsil Khanpur</t>
  </si>
  <si>
    <t>Gullu wali</t>
  </si>
  <si>
    <t>Dhand Gagri</t>
  </si>
  <si>
    <t>4618</t>
  </si>
  <si>
    <t>GPS YARANI BASTI YARANI</t>
  </si>
  <si>
    <t>ZAHIR PIR - MALE</t>
  </si>
  <si>
    <t>Hasil  Pur</t>
  </si>
  <si>
    <t>basti yarani moza hasil pur tehsil khan pur</t>
  </si>
  <si>
    <t>Yarani</t>
  </si>
  <si>
    <t>Chandia</t>
  </si>
  <si>
    <t>Abdul Sammi</t>
  </si>
  <si>
    <t>4648</t>
  </si>
  <si>
    <t>GPS PROCHRAN</t>
  </si>
  <si>
    <t>Kotla Mudhu</t>
  </si>
  <si>
    <t>prochran</t>
  </si>
  <si>
    <t>Prochran</t>
  </si>
  <si>
    <t>Jajjah Abasian</t>
  </si>
  <si>
    <t>4677</t>
  </si>
  <si>
    <t>GPS KOT DAYA</t>
  </si>
  <si>
    <t>GEHMAL PIR-MALE</t>
  </si>
  <si>
    <t>Kot Daya</t>
  </si>
  <si>
    <t>kot daya p/o 94/ n.p kpr R.Y.K</t>
  </si>
  <si>
    <t>94/NP</t>
  </si>
  <si>
    <t>Tanzeel Iqbal</t>
  </si>
  <si>
    <t>GPS JALAL-UD-DIN</t>
  </si>
  <si>
    <t>Mosa Kanjo</t>
  </si>
  <si>
    <t>basti Jalal din</t>
  </si>
  <si>
    <t>Jalal Din</t>
  </si>
  <si>
    <t>4682</t>
  </si>
  <si>
    <t>GPS CHAK NO 62 P</t>
  </si>
  <si>
    <t>Chack 62/P</t>
  </si>
  <si>
    <t>GBPS chack 62 / P</t>
  </si>
  <si>
    <t>Sehjah</t>
  </si>
  <si>
    <t>Muzzafar Iqbal</t>
  </si>
  <si>
    <t>13937</t>
  </si>
  <si>
    <t>4694</t>
  </si>
  <si>
    <t>GPS CHAK NO. 96/1-L</t>
  </si>
  <si>
    <t>BAGH O BAHAR - MALE</t>
  </si>
  <si>
    <t>School Chak 96/1.L p/o Bagh-o-Bahar</t>
  </si>
  <si>
    <t>961L</t>
  </si>
  <si>
    <t>Bagh-o-Bahar</t>
  </si>
  <si>
    <t>51203</t>
  </si>
  <si>
    <t>31203</t>
  </si>
  <si>
    <t>4695</t>
  </si>
  <si>
    <t>GPS DARA GHULAM DIN CHAK NO. 95/I-L</t>
  </si>
  <si>
    <t>Chek 95/1-l</t>
  </si>
  <si>
    <t>bago bhar</t>
  </si>
  <si>
    <t>95/1-l</t>
  </si>
  <si>
    <t>M Aslam</t>
  </si>
  <si>
    <t>4701</t>
  </si>
  <si>
    <t>GPS GHULAM ALI MARIL</t>
  </si>
  <si>
    <t>SHAH MUHAMMAD MARIL</t>
  </si>
  <si>
    <t>GPS GHULAM ALI MARIL MOUZA SHAH MUHAMMAD MARIL UC MUD BHOORA TEHSIL KHAN PUR DIST RAHIM YAR KHAN</t>
  </si>
  <si>
    <t>Basti Ghulam Ali Maril</t>
  </si>
  <si>
    <t>GPS OKHAR WAND</t>
  </si>
  <si>
    <t>Mondi Lar</t>
  </si>
  <si>
    <t>Basti Mazari Khan Mouzs khokhran</t>
  </si>
  <si>
    <t>Okhar Wand</t>
  </si>
  <si>
    <t>4725</t>
  </si>
  <si>
    <t>GPS CHAK NO. 107/1-L</t>
  </si>
  <si>
    <t>CHAK45/P-MALE</t>
  </si>
  <si>
    <t>Chak 107/1L</t>
  </si>
  <si>
    <t>chak no.107/1L</t>
  </si>
  <si>
    <t>45/P</t>
  </si>
  <si>
    <t>Manzoor Ahmad Mohsin</t>
  </si>
  <si>
    <t>4727</t>
  </si>
  <si>
    <t>GPS CHAK NO. 114/1-L</t>
  </si>
  <si>
    <t>Chak No 114/1 L, Tehsil: Khan Pur</t>
  </si>
  <si>
    <t>Chak No 114/1 L</t>
  </si>
  <si>
    <t>AZHAR UL HAQ</t>
  </si>
  <si>
    <t>GPS BASTI MOSANI</t>
  </si>
  <si>
    <t>moza kotla mahi tehsil khanpur</t>
  </si>
  <si>
    <t>Basti Mosani</t>
  </si>
  <si>
    <t>Muhammad Akhtar Tahir</t>
  </si>
  <si>
    <t>GPS CHAK NO. 100/1-L</t>
  </si>
  <si>
    <t>Same</t>
  </si>
  <si>
    <t>Gps 100/1-L .chak 100/1-L Markaz 45/p Tehsil khan pur District Rahim yar khan</t>
  </si>
  <si>
    <t>Chak 100/1-L</t>
  </si>
  <si>
    <t>Chak No 045/p</t>
  </si>
  <si>
    <t>42217</t>
  </si>
  <si>
    <t>4751</t>
  </si>
  <si>
    <t>GGPS MOHALLA FAREED ABAD</t>
  </si>
  <si>
    <t>Neelgarh</t>
  </si>
  <si>
    <t>mohalla fareedabad khanpur</t>
  </si>
  <si>
    <t>72c</t>
  </si>
  <si>
    <t>Rasheeda Mumtaz</t>
  </si>
  <si>
    <t>GGPS MUD LAL</t>
  </si>
  <si>
    <t>Kachi Jamal</t>
  </si>
  <si>
    <t>basti qazi ghulam rasool</t>
  </si>
  <si>
    <t>Qazi Ghulam Rsool</t>
  </si>
  <si>
    <t>MC Khanpur E</t>
  </si>
  <si>
    <t>Farhat Siddique</t>
  </si>
  <si>
    <t>31066</t>
  </si>
  <si>
    <t>4766</t>
  </si>
  <si>
    <t>GGPS LALOO MATHA ARRAIN</t>
  </si>
  <si>
    <t>SADAR KPR - FEMALE</t>
  </si>
  <si>
    <t>Kachi Kamal</t>
  </si>
  <si>
    <t>ggps Laloo Mitha arain basti Qasim khan khanpur</t>
  </si>
  <si>
    <t>Basti Qasim Khan</t>
  </si>
  <si>
    <t>Haleema Abdul Wadood</t>
  </si>
  <si>
    <t>44541</t>
  </si>
  <si>
    <t>4782</t>
  </si>
  <si>
    <t>GGPS MURRI THUL</t>
  </si>
  <si>
    <t>NAWAN KOT - FEMALE</t>
  </si>
  <si>
    <t>ggps marhi thul</t>
  </si>
  <si>
    <t>Marhi</t>
  </si>
  <si>
    <t>Nawakot</t>
  </si>
  <si>
    <t>Farhat Bano</t>
  </si>
  <si>
    <t>GGPS KHOKHARAN</t>
  </si>
  <si>
    <t>Feroza</t>
  </si>
  <si>
    <t>basti khokhran</t>
  </si>
  <si>
    <t>Basti Khokhran</t>
  </si>
  <si>
    <t>Amer Pur</t>
  </si>
  <si>
    <t>GGPS CHAK NO.100/1.L</t>
  </si>
  <si>
    <t>chak 100/1l khanpur</t>
  </si>
  <si>
    <t>Chak 100/1l</t>
  </si>
  <si>
    <t>45/p</t>
  </si>
  <si>
    <t>Rabia Shoukat</t>
  </si>
  <si>
    <t>4839</t>
  </si>
  <si>
    <t>GGPS BASTI GUNYUAN</t>
  </si>
  <si>
    <t>NEEL GARH-FEMALE</t>
  </si>
  <si>
    <t>GGPS BASTI GHUNIA Moza Ghunia p/o Mud mangla</t>
  </si>
  <si>
    <t>Shamim Zahid</t>
  </si>
  <si>
    <t>10706</t>
  </si>
  <si>
    <t>GGPS NEEL GARH</t>
  </si>
  <si>
    <t>GGPS neell garh</t>
  </si>
  <si>
    <t>Neelngarh</t>
  </si>
  <si>
    <t>kotla Mahi</t>
  </si>
  <si>
    <t>Najma Kausar</t>
  </si>
  <si>
    <t>32358</t>
  </si>
  <si>
    <t>GGPS MOZA JAHANGI</t>
  </si>
  <si>
    <t>GARHI IKTHIAR KHAN - FEMALE</t>
  </si>
  <si>
    <t>Jungi</t>
  </si>
  <si>
    <t>p/s mouza jungi</t>
  </si>
  <si>
    <t>Basti Noor Muhammad Basti NoorMuhammad</t>
  </si>
  <si>
    <t>hand pomp.moter pomp</t>
  </si>
  <si>
    <t>GGPS GEHNA LARD BASTI KUMHARAN</t>
  </si>
  <si>
    <t>Ghena Lar</t>
  </si>
  <si>
    <t>basti kottla meran</t>
  </si>
  <si>
    <t>Basti Kumhran</t>
  </si>
  <si>
    <t>Ghana lar</t>
  </si>
  <si>
    <t>GGPS MAKHDOOM</t>
  </si>
  <si>
    <t>Makhdoom abad khanpur ryk</t>
  </si>
  <si>
    <t>Tahira Firdoos</t>
  </si>
  <si>
    <t>54409</t>
  </si>
  <si>
    <t>GGPS MAJEED KHAN</t>
  </si>
  <si>
    <t>Govt.Girls P/S Majeed Khan</t>
  </si>
  <si>
    <t>Basti Majeed Khan</t>
  </si>
  <si>
    <t>Samina Bibi</t>
  </si>
  <si>
    <t>GGPS GHAZI PUR</t>
  </si>
  <si>
    <t>ZAHIR PIR - FEMALE</t>
  </si>
  <si>
    <t>uc Ghazi pur village ghazi pur</t>
  </si>
  <si>
    <t>Farzana Tabbussam</t>
  </si>
  <si>
    <t>GGPS GOLABIAN</t>
  </si>
  <si>
    <t>KOTLA PATHAN -FEMALE</t>
  </si>
  <si>
    <t>Murad Wah</t>
  </si>
  <si>
    <t>Basti gullbian moza murad wah post ofice  kotla pathan</t>
  </si>
  <si>
    <t>Basti Gullabian</t>
  </si>
  <si>
    <t>Garhi Ikhtiar Khan</t>
  </si>
  <si>
    <t>Nida Jamil</t>
  </si>
  <si>
    <t>GGPS KALHOORA</t>
  </si>
  <si>
    <t>Jajja Abbasia</t>
  </si>
  <si>
    <t>Ggps kalhora  po jajja Abbasia</t>
  </si>
  <si>
    <t>Kalhora</t>
  </si>
  <si>
    <t>Shehreen Maqaddas</t>
  </si>
  <si>
    <t>GGPS BASTI KAMALAH</t>
  </si>
  <si>
    <t>Malikpur</t>
  </si>
  <si>
    <t>basti kamala jajja abbasia</t>
  </si>
  <si>
    <t>Basti Kamala</t>
  </si>
  <si>
    <t>Dilshad Bibi</t>
  </si>
  <si>
    <t>4910</t>
  </si>
  <si>
    <t>GGPS FIAZ ABAD</t>
  </si>
  <si>
    <t>Pai Ahna</t>
  </si>
  <si>
    <t>basti faizabad jhoran</t>
  </si>
  <si>
    <t>Saira Khursheed</t>
  </si>
  <si>
    <t>38851</t>
  </si>
  <si>
    <t>4922</t>
  </si>
  <si>
    <t>GGPS DUNIYA PUR (OLD SEHJA)</t>
  </si>
  <si>
    <t>SEHJA - FEMALE</t>
  </si>
  <si>
    <t>old sehja duniya pur khanpur</t>
  </si>
  <si>
    <t>Old Sehja</t>
  </si>
  <si>
    <t>Parveen Sadiq</t>
  </si>
  <si>
    <t>43372</t>
  </si>
  <si>
    <t>50823</t>
  </si>
  <si>
    <t>4927</t>
  </si>
  <si>
    <t>GGPS CHAK NO 38/P</t>
  </si>
  <si>
    <t>DERA MUHAMMAD ISMAIL-FEMALE</t>
  </si>
  <si>
    <t>Chak 38/</t>
  </si>
  <si>
    <t>ggps 38/p</t>
  </si>
  <si>
    <t>38/p</t>
  </si>
  <si>
    <t>Musarat Naseem</t>
  </si>
  <si>
    <t>10333</t>
  </si>
  <si>
    <t>48334</t>
  </si>
  <si>
    <t>GGPS JAM AHMAD DIN</t>
  </si>
  <si>
    <t>basti maken p/o sehja</t>
  </si>
  <si>
    <t>Basti Maken</t>
  </si>
  <si>
    <t>ASIA IQBAL</t>
  </si>
  <si>
    <t>GGPS CHAK NO.116/1-L</t>
  </si>
  <si>
    <t>chak no116/1Lkhan pur</t>
  </si>
  <si>
    <t>116/1Lkhan Pur</t>
  </si>
  <si>
    <t>Imelda Thomas</t>
  </si>
  <si>
    <t>9542</t>
  </si>
  <si>
    <t>42937</t>
  </si>
  <si>
    <t>50603</t>
  </si>
  <si>
    <t>4962</t>
  </si>
  <si>
    <t>GGCMS 119/1-L</t>
  </si>
  <si>
    <t>chak 45/p</t>
  </si>
  <si>
    <t>Alia Noreen</t>
  </si>
  <si>
    <t>20428</t>
  </si>
  <si>
    <t>15810</t>
  </si>
  <si>
    <t>GGPS CHAK NO.130/1-L</t>
  </si>
  <si>
    <t>BAGH O BAHAR - FEMALE</t>
  </si>
  <si>
    <t>130/1L</t>
  </si>
  <si>
    <t>Dist Ryk tahseel khan pur chak 130/1L</t>
  </si>
  <si>
    <t>Chak 130/1L</t>
  </si>
  <si>
    <t>Naila Anjam</t>
  </si>
  <si>
    <t>4976</t>
  </si>
  <si>
    <t>GGPS MIAN ALLAH DIWAYA</t>
  </si>
  <si>
    <t>Mud Alyas</t>
  </si>
  <si>
    <t>GGP/S Mian Allah Diwaya</t>
  </si>
  <si>
    <t>MianAllahDiwaya</t>
  </si>
  <si>
    <t>MarriAllahBachaya</t>
  </si>
  <si>
    <t>shamshad akhtatr</t>
  </si>
  <si>
    <t>54267</t>
  </si>
  <si>
    <t>GGPS BASTI SHAH NAWAZ</t>
  </si>
  <si>
    <t>MUD BHOORA - FEMALE</t>
  </si>
  <si>
    <t>Nail Garh</t>
  </si>
  <si>
    <t>GGPS BASTI SHAHNAWAZ MUD BHORA KHANPUR</t>
  </si>
  <si>
    <t>Tibbi Fazal Wala</t>
  </si>
  <si>
    <t>Maqsooda Rasheed</t>
  </si>
  <si>
    <t>GGPS SHAH MUHAMMAD MARAL</t>
  </si>
  <si>
    <t>Shah Muhammad Maral</t>
  </si>
  <si>
    <t>ggps shah Muhammad maral basti Jam Allah Wasaya</t>
  </si>
  <si>
    <t>Basti Jam Allah Wasaya</t>
  </si>
  <si>
    <t>Hafza Kiran Ali</t>
  </si>
  <si>
    <t>4986</t>
  </si>
  <si>
    <t>GGPS MARI ALLAH BACHAYA</t>
  </si>
  <si>
    <t>MAB</t>
  </si>
  <si>
    <t>kot mian noor muhammad mari Allah bchaya</t>
  </si>
  <si>
    <t>Kotnoor Muhammad</t>
  </si>
  <si>
    <t>Mari Allah Bchaya</t>
  </si>
  <si>
    <t>GMPS KOTLA MAHI</t>
  </si>
  <si>
    <t>kotla mahi</t>
  </si>
  <si>
    <t>Saqia  Koser</t>
  </si>
  <si>
    <t>49495</t>
  </si>
  <si>
    <t>8612</t>
  </si>
  <si>
    <t>GPS BAJHI WALA</t>
  </si>
  <si>
    <t>RONGHAN-II-MALE</t>
  </si>
  <si>
    <t>Khaand</t>
  </si>
  <si>
    <t>bajhi wala rakhi munh</t>
  </si>
  <si>
    <t>Bajhi Wala</t>
  </si>
  <si>
    <t>Tamun Leghari</t>
  </si>
  <si>
    <t>Khurram Husnain</t>
  </si>
  <si>
    <t>8652</t>
  </si>
  <si>
    <t>GGMPS ANARI</t>
  </si>
  <si>
    <t>KHAR (FORT MUNRO) - FEMALE</t>
  </si>
  <si>
    <t>Anari</t>
  </si>
  <si>
    <t>moza anari</t>
  </si>
  <si>
    <t>Tumun Leghari Bala</t>
  </si>
  <si>
    <t>Maria Murad</t>
  </si>
  <si>
    <t>GGPS ISLAMABAD SADDAR SHAMALI</t>
  </si>
  <si>
    <t>Norang Shah</t>
  </si>
  <si>
    <t>Hadriya chowk Block D, Dgk</t>
  </si>
  <si>
    <t>Dgk</t>
  </si>
  <si>
    <t>Uma-Salma</t>
  </si>
  <si>
    <t>GGMPS GHOUS WALA</t>
  </si>
  <si>
    <t>GADDAI-FEMALE</t>
  </si>
  <si>
    <t>GGMP School Ghous wala</t>
  </si>
  <si>
    <t>GPS Nazar Abad</t>
  </si>
  <si>
    <t>THATHA GABOLAN MALE</t>
  </si>
  <si>
    <t>chack pai</t>
  </si>
  <si>
    <t>basti nazar abad moza chack pai tehsil kot chutta district d g khan</t>
  </si>
  <si>
    <t>nazar abad</t>
  </si>
  <si>
    <t>choti zarin</t>
  </si>
  <si>
    <t>Muhammad Aamir</t>
  </si>
  <si>
    <t>11445</t>
  </si>
  <si>
    <t>8728</t>
  </si>
  <si>
    <t>GHSS PRACTISING</t>
  </si>
  <si>
    <t>Churhatta Pachaad North</t>
  </si>
  <si>
    <t>govt. boys higher secondary school (QAED) male Dg khan</t>
  </si>
  <si>
    <t>DG Khan City</t>
  </si>
  <si>
    <t>Urban 17 Siddique Abad</t>
  </si>
  <si>
    <t>Syeda Farzana Sajjad Bukhari</t>
  </si>
  <si>
    <t>130680</t>
  </si>
  <si>
    <t>25668</t>
  </si>
  <si>
    <t>8764</t>
  </si>
  <si>
    <t>GGHSS VEHOVA</t>
  </si>
  <si>
    <t>Vehova</t>
  </si>
  <si>
    <t>GOVT Girls Higher Secondary School college road vehova</t>
  </si>
  <si>
    <t>Shumali Vehova</t>
  </si>
  <si>
    <t>MRS SADAT FATIMA</t>
  </si>
  <si>
    <t>GHS VEHOVA</t>
  </si>
  <si>
    <t>Vehoa South</t>
  </si>
  <si>
    <t>Vehoa</t>
  </si>
  <si>
    <t>SAKAYA USER COMMITTY</t>
  </si>
  <si>
    <t>GHS NUTKANI</t>
  </si>
  <si>
    <t>81750</t>
  </si>
  <si>
    <t>8785</t>
  </si>
  <si>
    <t>GHS KOHAR</t>
  </si>
  <si>
    <t>kohar, p/o vehova tehsile taunsa shareef</t>
  </si>
  <si>
    <t>34724</t>
  </si>
  <si>
    <t>8796</t>
  </si>
  <si>
    <t>GGHS BASTI BUZDAR</t>
  </si>
  <si>
    <t>vill bsasti buzdar po kot qaisrani</t>
  </si>
  <si>
    <t>BASTI BUZDAR</t>
  </si>
  <si>
    <t>ARFA HABIB</t>
  </si>
  <si>
    <t>30930</t>
  </si>
  <si>
    <t>8799</t>
  </si>
  <si>
    <t>GGMODEL HS HAIRO EAST</t>
  </si>
  <si>
    <t>Hairo east</t>
  </si>
  <si>
    <t>hairo east,Tehsil taunsa</t>
  </si>
  <si>
    <t>hairo east</t>
  </si>
  <si>
    <t>Mamoona Marghoob</t>
  </si>
  <si>
    <t>8413</t>
  </si>
  <si>
    <t>48150</t>
  </si>
  <si>
    <t>8822</t>
  </si>
  <si>
    <t>GHS NARI</t>
  </si>
  <si>
    <t>Nari Janoobi P/O Nari Janoobi Teh: Taunsa Distt. D.G.Khan</t>
  </si>
  <si>
    <t>Malik Saif Ullah</t>
  </si>
  <si>
    <t>7051</t>
  </si>
  <si>
    <t>GES DURKANI</t>
  </si>
  <si>
    <t>Chatri</t>
  </si>
  <si>
    <t>Basti durkani</t>
  </si>
  <si>
    <t>Durkani</t>
  </si>
  <si>
    <t>BILAL AZIZ</t>
  </si>
  <si>
    <t>11079</t>
  </si>
  <si>
    <t>8838</t>
  </si>
  <si>
    <t>GES CHOAIL</t>
  </si>
  <si>
    <t>SERATTI MALE</t>
  </si>
  <si>
    <t>Choail</t>
  </si>
  <si>
    <t>Basti choail p/o barthi</t>
  </si>
  <si>
    <t>Basti Choail</t>
  </si>
  <si>
    <t>rain water pond</t>
  </si>
  <si>
    <t>8847</t>
  </si>
  <si>
    <t>GGES BHUTTY WALI</t>
  </si>
  <si>
    <t>Bhuttay Wali</t>
  </si>
  <si>
    <t>G.G.M/S Bhuttay wali Tahsil Taunsa</t>
  </si>
  <si>
    <t>Anwar Bibi</t>
  </si>
  <si>
    <t>8849</t>
  </si>
  <si>
    <t>GGES MANGORTHA GHARBI</t>
  </si>
  <si>
    <t>GGES Mangrotha gharbi</t>
  </si>
  <si>
    <t>54185</t>
  </si>
  <si>
    <t>45025</t>
  </si>
  <si>
    <t>4588</t>
  </si>
  <si>
    <t>GGES KORA KHAN</t>
  </si>
  <si>
    <t>TIBBI QISRANI-FEMALE</t>
  </si>
  <si>
    <t>SHEIKH GURDAH</t>
  </si>
  <si>
    <t>BABI</t>
  </si>
  <si>
    <t>34566</t>
  </si>
  <si>
    <t>9206</t>
  </si>
  <si>
    <t>GGPS PEHAR NO. 1</t>
  </si>
  <si>
    <t>Mor Jhangi</t>
  </si>
  <si>
    <t>Basti peehar</t>
  </si>
  <si>
    <t>Pehar</t>
  </si>
  <si>
    <t>Safia Iqbal</t>
  </si>
  <si>
    <t>hamd</t>
  </si>
  <si>
    <t>99645</t>
  </si>
  <si>
    <t>GGMPS AHMED PUR LISHARI</t>
  </si>
  <si>
    <t>Basti Ahmed pur lashari</t>
  </si>
  <si>
    <t>Ahmed Pur Lashari</t>
  </si>
  <si>
    <t>Tibbi Qasrani</t>
  </si>
  <si>
    <t>Zakia</t>
  </si>
  <si>
    <t>electric + hand</t>
  </si>
  <si>
    <t>GGPS CHATRI</t>
  </si>
  <si>
    <t>Lohaara</t>
  </si>
  <si>
    <t>basti chatri</t>
  </si>
  <si>
    <t>Fozia Manzoor</t>
  </si>
  <si>
    <t>4598</t>
  </si>
  <si>
    <t>GGPS MARRAH</t>
  </si>
  <si>
    <t>LAKHANI-FEMALE</t>
  </si>
  <si>
    <t>Iikhani</t>
  </si>
  <si>
    <t>basti marah</t>
  </si>
  <si>
    <t>Marrah</t>
  </si>
  <si>
    <t>Likhani</t>
  </si>
  <si>
    <t>Anila latif</t>
  </si>
  <si>
    <t>GGMPS JHOKE HADER KHAN</t>
  </si>
  <si>
    <t>jhangra</t>
  </si>
  <si>
    <t>jhoke Haider khan</t>
  </si>
  <si>
    <t>lakhani</t>
  </si>
  <si>
    <t>Rabia Akbar</t>
  </si>
  <si>
    <t>9235</t>
  </si>
  <si>
    <t>GGPS MITHEY WALI NO.2</t>
  </si>
  <si>
    <t>Mithay Wali</t>
  </si>
  <si>
    <t>mithay wali</t>
  </si>
  <si>
    <t>Amna bibi</t>
  </si>
  <si>
    <t>53919</t>
  </si>
  <si>
    <t>GGMPS MAPAL</t>
  </si>
  <si>
    <t>Jhangrah South</t>
  </si>
  <si>
    <t>Basti Mapal,Tehsil Taunsa Sharif</t>
  </si>
  <si>
    <t>Bastion Mapal</t>
  </si>
  <si>
    <t>Aneela Faiz</t>
  </si>
  <si>
    <t>4969</t>
  </si>
  <si>
    <t>GGMPS JHANGI DARMIANI</t>
  </si>
  <si>
    <t>Jhangra</t>
  </si>
  <si>
    <t>jhangi darmiani tehsil taunsa district DG khan</t>
  </si>
  <si>
    <t>Jhangi Darmiani</t>
  </si>
  <si>
    <t>Asma  Zafar</t>
  </si>
  <si>
    <t>9242</t>
  </si>
  <si>
    <t>GGMPS BUZDAR SHUMALI</t>
  </si>
  <si>
    <t>JALU WALI-FEMALE</t>
  </si>
  <si>
    <t>buzdar shumali</t>
  </si>
  <si>
    <t>jalu wali</t>
  </si>
  <si>
    <t>Qudsia Bano</t>
  </si>
  <si>
    <t>GGPS TAUNSA SHARIF NO. 6</t>
  </si>
  <si>
    <t>mohallah nizam abad taunsa</t>
  </si>
  <si>
    <t>FAKHRA ANJUM</t>
  </si>
  <si>
    <t>GGPS NO. 1 GADDI JANUBI</t>
  </si>
  <si>
    <t>gaddi</t>
  </si>
  <si>
    <t>ggps gadi no 1</t>
  </si>
  <si>
    <t>basti gadi</t>
  </si>
  <si>
    <t>bhoar</t>
  </si>
  <si>
    <t>Aziz Begum</t>
  </si>
  <si>
    <t>GGPS KHOFLI</t>
  </si>
  <si>
    <t>Chitpanri</t>
  </si>
  <si>
    <t>basti khofli</t>
  </si>
  <si>
    <t>Khofli</t>
  </si>
  <si>
    <t>Huma Abbas</t>
  </si>
  <si>
    <t>GGMPS IQBAL NAGAR</t>
  </si>
  <si>
    <t>MAKWAL-FEMALE</t>
  </si>
  <si>
    <t>Pardan Gharbi</t>
  </si>
  <si>
    <t>basti nehalani,mauza pardan gharbi</t>
  </si>
  <si>
    <t>Basti Nehalani</t>
  </si>
  <si>
    <t>Pardan Sharqi</t>
  </si>
  <si>
    <t>GhulamFatima</t>
  </si>
  <si>
    <t>40262</t>
  </si>
  <si>
    <t>GGPS BASTI MUTTI</t>
  </si>
  <si>
    <t>Cholani</t>
  </si>
  <si>
    <t>govt.girls primary school basti mutti naz ada kareem wala</t>
  </si>
  <si>
    <t>Kareem Wala</t>
  </si>
  <si>
    <t>perveen akhtar</t>
  </si>
  <si>
    <t>GGMPS JHOK ROHAIL</t>
  </si>
  <si>
    <t>Jhok Rohail</t>
  </si>
  <si>
    <t>busti Jhok ROHAIL post office soker tahsile taunsa D G khan</t>
  </si>
  <si>
    <t>Busti Jhok ROHAIL</t>
  </si>
  <si>
    <t>Khansa Asghar</t>
  </si>
  <si>
    <t>53923</t>
  </si>
  <si>
    <t>GGMPS THUL PANDHI</t>
  </si>
  <si>
    <t>Thull Pandhi</t>
  </si>
  <si>
    <t>GGMPS THULL PANDHI TUNSA DISTRICT DG KHAN</t>
  </si>
  <si>
    <t>Sony Wali</t>
  </si>
  <si>
    <t>Alia Suleman</t>
  </si>
  <si>
    <t>GGMPS JHOKE MASSU</t>
  </si>
  <si>
    <t>Massu</t>
  </si>
  <si>
    <t>Jhok Massu</t>
  </si>
  <si>
    <t>Pirdan Sharqi</t>
  </si>
  <si>
    <t>Maqsooda Abbas</t>
  </si>
  <si>
    <t>9284</t>
  </si>
  <si>
    <t>GGPS TAUNSA SHARIF NO. 3</t>
  </si>
  <si>
    <t>Mohalla Chah Ghallo Walla Taunsa</t>
  </si>
  <si>
    <t>Hajira Saedd</t>
  </si>
  <si>
    <t>GGPS KALOO USMAN</t>
  </si>
  <si>
    <t>mohala kalu usman</t>
  </si>
  <si>
    <t>Urba Taunsa</t>
  </si>
  <si>
    <t>Amina Akbar</t>
  </si>
  <si>
    <t>GGPS BASTI GAMOON</t>
  </si>
  <si>
    <t>Mohala eid gah shumale taunsa Sharif</t>
  </si>
  <si>
    <t>Taunsa Sharif</t>
  </si>
  <si>
    <t>Azra Yasmin</t>
  </si>
  <si>
    <t>9294</t>
  </si>
  <si>
    <t>GGPS GULZAR WALI</t>
  </si>
  <si>
    <t>almurtza town taunsa</t>
  </si>
  <si>
    <t>Almurtza Town</t>
  </si>
  <si>
    <t>Urban1</t>
  </si>
  <si>
    <t>Irfana Qamar</t>
  </si>
  <si>
    <t>24185</t>
  </si>
  <si>
    <t>9307</t>
  </si>
  <si>
    <t>GGPS BAIT ASHRAF</t>
  </si>
  <si>
    <t>Bait Ashraf</t>
  </si>
  <si>
    <t>ggps bait ashraf taunsa</t>
  </si>
  <si>
    <t>Zahra Khalid</t>
  </si>
  <si>
    <t>GGPS JHOKE BAKHWANI</t>
  </si>
  <si>
    <t>tehsil taunsa mangrotha east</t>
  </si>
  <si>
    <t>Sabra Begum</t>
  </si>
  <si>
    <t>9311</t>
  </si>
  <si>
    <t>GGMPS QAZI WALI</t>
  </si>
  <si>
    <t>Qazi Wali</t>
  </si>
  <si>
    <t>jhok qazi wali uc mangrotha tehsil taunsa district dg khan</t>
  </si>
  <si>
    <t>Shehnaz Begum</t>
  </si>
  <si>
    <t>GGMPS KANJOO WALI</t>
  </si>
  <si>
    <t>Koko Wah</t>
  </si>
  <si>
    <t>kanjoowali</t>
  </si>
  <si>
    <t>Kanjo Wali</t>
  </si>
  <si>
    <t>9330</t>
  </si>
  <si>
    <t>GGPS VEHOVA NO.5</t>
  </si>
  <si>
    <t>mahla Dafadar vehova</t>
  </si>
  <si>
    <t>alia perveen</t>
  </si>
  <si>
    <t>9331</t>
  </si>
  <si>
    <t>GGPS VEHOVA NO.6</t>
  </si>
  <si>
    <t>Vehova South</t>
  </si>
  <si>
    <t>GGP/S no 6</t>
  </si>
  <si>
    <t>razia begum</t>
  </si>
  <si>
    <t>45260</t>
  </si>
  <si>
    <t>9333</t>
  </si>
  <si>
    <t>GGPS DRABHI</t>
  </si>
  <si>
    <t>Vehowa North</t>
  </si>
  <si>
    <t>ggps drabhi vehoa</t>
  </si>
  <si>
    <t>Uc Vehoa</t>
  </si>
  <si>
    <t>5051</t>
  </si>
  <si>
    <t>GGPS ESSANI</t>
  </si>
  <si>
    <t>Rolahre</t>
  </si>
  <si>
    <t>essani p/o bodo tahsil tunsa</t>
  </si>
  <si>
    <t>Essani</t>
  </si>
  <si>
    <t>Salma Mamtaz</t>
  </si>
  <si>
    <t>user Committee essani</t>
  </si>
  <si>
    <t>GGPS MURRAL</t>
  </si>
  <si>
    <t>Churkin</t>
  </si>
  <si>
    <t>basti murral</t>
  </si>
  <si>
    <t>Murral</t>
  </si>
  <si>
    <t>Ghulam Zeenat</t>
  </si>
  <si>
    <t>GGPS KATH GARH</t>
  </si>
  <si>
    <t>Kath Garh</t>
  </si>
  <si>
    <t>gpps kathgarh,Teh.Taunsa sharif,Disstt.Dera ghazi khan</t>
  </si>
  <si>
    <t>Kaneez  Sughra</t>
  </si>
  <si>
    <t>9351</t>
  </si>
  <si>
    <t>GGPS BILWANI</t>
  </si>
  <si>
    <t>KOHAR</t>
  </si>
  <si>
    <t>GGPS Bilwani</t>
  </si>
  <si>
    <t>Bilwani</t>
  </si>
  <si>
    <t>Jalu Wali</t>
  </si>
  <si>
    <t>KANEEZ KUBRA</t>
  </si>
  <si>
    <t>GGPS BAIT KULACHI</t>
  </si>
  <si>
    <t>Bait Fateh Khan</t>
  </si>
  <si>
    <t>ggps bait kulachi</t>
  </si>
  <si>
    <t>Basti Kulachi</t>
  </si>
  <si>
    <t>9378</t>
  </si>
  <si>
    <t>GGES FAZILA KACH 2</t>
  </si>
  <si>
    <t>FAZALA-FEMALE</t>
  </si>
  <si>
    <t>Fazla</t>
  </si>
  <si>
    <t>Basti Fazla Marki</t>
  </si>
  <si>
    <t>54250</t>
  </si>
  <si>
    <t>GMPS BAKHSHEESH PURA</t>
  </si>
  <si>
    <t>BAKHSHEESH PURA</t>
  </si>
  <si>
    <t>BAKHSHEESH PURA, POST OFFICE BOTALA JHNADA SINGH, NOSHERAVIRKAN DISTRICT GUJRANWALA</t>
  </si>
  <si>
    <t>ASMA RANI</t>
  </si>
  <si>
    <t>32380</t>
  </si>
  <si>
    <t>30248</t>
  </si>
  <si>
    <t>7674</t>
  </si>
  <si>
    <t>GHS COMPREHENSIVE</t>
  </si>
  <si>
    <t>dera gharbi</t>
  </si>
  <si>
    <t>block # z dera ghazi khan</t>
  </si>
  <si>
    <t>dera ghazi khan</t>
  </si>
  <si>
    <t>churhatta</t>
  </si>
  <si>
    <t>46192</t>
  </si>
  <si>
    <t>7684</t>
  </si>
  <si>
    <t>GHS SHEIKHANI</t>
  </si>
  <si>
    <t>Sheikhani</t>
  </si>
  <si>
    <t>govt. high school sheikhani teh, disst. dgkhan</t>
  </si>
  <si>
    <t>Dhao</t>
  </si>
  <si>
    <t>16184</t>
  </si>
  <si>
    <t>18682</t>
  </si>
  <si>
    <t>GHS KHARAR BUZDAR</t>
  </si>
  <si>
    <t>Kharrar Buzdar</t>
  </si>
  <si>
    <t>kharar buzdar</t>
  </si>
  <si>
    <t>Kharar Buzdar</t>
  </si>
  <si>
    <t>7689</t>
  </si>
  <si>
    <t>GHS KHAR(FORT MUNRO)</t>
  </si>
  <si>
    <t>khar</t>
  </si>
  <si>
    <t>khar Forte Munro</t>
  </si>
  <si>
    <t>tuman Laghari</t>
  </si>
  <si>
    <t>Muhammad Wasim Chishti</t>
  </si>
  <si>
    <t>GGHS PAIGAH</t>
  </si>
  <si>
    <t>paigah</t>
  </si>
  <si>
    <t>gghs paigah</t>
  </si>
  <si>
    <t>rubina rehman</t>
  </si>
  <si>
    <t>GHS LOHAR WALA</t>
  </si>
  <si>
    <t>basti loharwala, DG Khan</t>
  </si>
  <si>
    <t>Loharwala</t>
  </si>
  <si>
    <t>Memori</t>
  </si>
  <si>
    <t>14432</t>
  </si>
  <si>
    <t>8080</t>
  </si>
  <si>
    <t>3363</t>
  </si>
  <si>
    <t>GES RAKHI MUNH</t>
  </si>
  <si>
    <t>RAKHI MUNH-M</t>
  </si>
  <si>
    <t>Rakhi Munh</t>
  </si>
  <si>
    <t>rakhi munh</t>
  </si>
  <si>
    <t>Tuman Leghari Zaireen</t>
  </si>
  <si>
    <t>Muhammad Tariq Shahzad Buzdar Baloch</t>
  </si>
  <si>
    <t>7769</t>
  </si>
  <si>
    <t>GGES CHABRI BALA</t>
  </si>
  <si>
    <t>post office chabri Bala</t>
  </si>
  <si>
    <t>Yaroo</t>
  </si>
  <si>
    <t>Naheed saeed</t>
  </si>
  <si>
    <t>5191</t>
  </si>
  <si>
    <t>WADOOR MALE</t>
  </si>
  <si>
    <t>Dagar Chit</t>
  </si>
  <si>
    <t>basti hy danish near dgkhan airport</t>
  </si>
  <si>
    <t>Basti Hadyani</t>
  </si>
  <si>
    <t>7798</t>
  </si>
  <si>
    <t>GPS PATI DARKHAN WALA</t>
  </si>
  <si>
    <t>Dalana</t>
  </si>
  <si>
    <t>govt primary school pati darkhan wala pati zai moza dalana</t>
  </si>
  <si>
    <t>Basti Taloor</t>
  </si>
  <si>
    <t>Fazal ilahi</t>
  </si>
  <si>
    <t>Cooler</t>
  </si>
  <si>
    <t>7803</t>
  </si>
  <si>
    <t>GPS JAMOANI</t>
  </si>
  <si>
    <t>Basti Khosa</t>
  </si>
  <si>
    <t>basti khosa p/o basti khosa teh&amp; dist. dgk</t>
  </si>
  <si>
    <t>jamoani</t>
  </si>
  <si>
    <t>Basti khosa</t>
  </si>
  <si>
    <t>19346</t>
  </si>
  <si>
    <t>GPS KOTLA SHAFI</t>
  </si>
  <si>
    <t>Dahard Opla</t>
  </si>
  <si>
    <t>chah daney wala</t>
  </si>
  <si>
    <t>Daney Wala</t>
  </si>
  <si>
    <t>Daharma</t>
  </si>
  <si>
    <t>MUHAMMAD NADEEM</t>
  </si>
  <si>
    <t>GPS KALA</t>
  </si>
  <si>
    <t>SHADAN LUND MALE</t>
  </si>
  <si>
    <t>Kala</t>
  </si>
  <si>
    <t>Post office kala</t>
  </si>
  <si>
    <t>kala</t>
  </si>
  <si>
    <t>Allah Bakhsh</t>
  </si>
  <si>
    <t>12116</t>
  </si>
  <si>
    <t>GPS CHURRATTA PACHADH</t>
  </si>
  <si>
    <t>Ranjha</t>
  </si>
  <si>
    <t>Basti Azeem</t>
  </si>
  <si>
    <t>7910</t>
  </si>
  <si>
    <t>GPS NOOR PUR</t>
  </si>
  <si>
    <t>Pasu Perhar</t>
  </si>
  <si>
    <t>Basti noorpur</t>
  </si>
  <si>
    <t>Hamid khan</t>
  </si>
  <si>
    <t>GPS SHADAN LUND NO 2</t>
  </si>
  <si>
    <t>Chak Dando Shadan Lound</t>
  </si>
  <si>
    <t>shadan lund</t>
  </si>
  <si>
    <t>Mohammad Ibrahim Sial</t>
  </si>
  <si>
    <t>GGPS CHAH YOUSUF WALA</t>
  </si>
  <si>
    <t>cha yousaf wala moza khuda baskhs meh er  Ahmad pur</t>
  </si>
  <si>
    <t>Cha Yousaf Wala</t>
  </si>
  <si>
    <t>Khuda Baskhs Mahar</t>
  </si>
  <si>
    <t>Zoonera Khan</t>
  </si>
  <si>
    <t>GGPS NAJAM PUR BASTI MACHIAN</t>
  </si>
  <si>
    <t>Ahmed Pur Kohna</t>
  </si>
  <si>
    <t>GGPS Najam pur Ahmed pur kohna</t>
  </si>
  <si>
    <t>Basti Machian</t>
  </si>
  <si>
    <t>Farhat Tanveer</t>
  </si>
  <si>
    <t>GGPS MUD RASHEED NO.2</t>
  </si>
  <si>
    <t>MUD RASHID</t>
  </si>
  <si>
    <t>BASTI ALLAH BUKHSH CHACHAR</t>
  </si>
  <si>
    <t>BASTI ALLAH BUX BUKHSH CHACHR</t>
  </si>
  <si>
    <t>KHUDA BUX MAHR</t>
  </si>
  <si>
    <t>Madhia Altaf</t>
  </si>
  <si>
    <t>2873</t>
  </si>
  <si>
    <t>GGPS CHAK NO.156/NP</t>
  </si>
  <si>
    <t>BUKHTIARI - FEMALE</t>
  </si>
  <si>
    <t>chak 156 N/P</t>
  </si>
  <si>
    <t>156 N/P</t>
  </si>
  <si>
    <t>Rajarhoo</t>
  </si>
  <si>
    <t>ZAHIDA PERVEEN AKHTAR</t>
  </si>
  <si>
    <t>3603</t>
  </si>
  <si>
    <t>2896</t>
  </si>
  <si>
    <t>KOT KHALIFA - FEMALE</t>
  </si>
  <si>
    <t>KOTKHALIFA</t>
  </si>
  <si>
    <t>Basti Awan Moza and UC Kotkhalifa</t>
  </si>
  <si>
    <t>BASTI AWAN</t>
  </si>
  <si>
    <t>Zainab Batool</t>
  </si>
  <si>
    <t>GGPS ALLAH BUKHSH DAWANJ</t>
  </si>
  <si>
    <t>NAUSHERA JADEED (A) - FEMALE</t>
  </si>
  <si>
    <t>Govt Girls primary school Naushera jadeed</t>
  </si>
  <si>
    <t>Naushera Jadeed</t>
  </si>
  <si>
    <t>salma bibi</t>
  </si>
  <si>
    <t>29019</t>
  </si>
  <si>
    <t>54840</t>
  </si>
  <si>
    <t>GGPS BAQIR PUR</t>
  </si>
  <si>
    <t>Baqa pur hatiji</t>
  </si>
  <si>
    <t>Basti Anwar Hassan Chughtai</t>
  </si>
  <si>
    <t>Bahawal Pur Ghalwana</t>
  </si>
  <si>
    <t>Afshan Parveen</t>
  </si>
  <si>
    <t>GGPS GHULAM MUHAMMAD KHAKHI</t>
  </si>
  <si>
    <t>Bhudhoo Wali</t>
  </si>
  <si>
    <t>ggpsgmk basti ghulam muhammad khakhi moza budhoo wali</t>
  </si>
  <si>
    <t>Ghulam Muhammad Khaki</t>
  </si>
  <si>
    <t>3608</t>
  </si>
  <si>
    <t>GGPS KOTLA SHEIKHAN NO.2</t>
  </si>
  <si>
    <t>DHOOR KOT - FEMALE</t>
  </si>
  <si>
    <t>Kotla Shekhan</t>
  </si>
  <si>
    <t>G.G.P/S kotla shekhan</t>
  </si>
  <si>
    <t>Goherabad</t>
  </si>
  <si>
    <t>Nonrai</t>
  </si>
  <si>
    <t>Rafia bibi</t>
  </si>
  <si>
    <t>3592</t>
  </si>
  <si>
    <t>2982</t>
  </si>
  <si>
    <t>UCH SHAREEF - FEMALE</t>
  </si>
  <si>
    <t>Basti Arain</t>
  </si>
  <si>
    <t>Nasreen Haq Nawaz</t>
  </si>
  <si>
    <t>GGPS HALEEM PUR</t>
  </si>
  <si>
    <t>basti haleempur p/o uch Sharif tehsil ahmadpur east district bahawalpur</t>
  </si>
  <si>
    <t>41277</t>
  </si>
  <si>
    <t>GGHSS COMPREHENSIVE BAHAWALPUR</t>
  </si>
  <si>
    <t>karna</t>
  </si>
  <si>
    <t>G.G.H.S.S Comprehensive Bwp</t>
  </si>
  <si>
    <t>riaz colony</t>
  </si>
  <si>
    <t>city Bwp</t>
  </si>
  <si>
    <t>Shahnaz kousar</t>
  </si>
  <si>
    <t>54847</t>
  </si>
  <si>
    <t>GTPS SAMEEJA ABAD</t>
  </si>
  <si>
    <t>sameja bad p/o chak loharan tehsil ahmad pur east district Bahawal pur</t>
  </si>
  <si>
    <t>Sameja bad</t>
  </si>
  <si>
    <t>Syed Ahmad Ali Ibrahim</t>
  </si>
  <si>
    <t>3025</t>
  </si>
  <si>
    <t>GPS ARABIC BAIT AHMAD</t>
  </si>
  <si>
    <t>Bait Ahmad</t>
  </si>
  <si>
    <t>Moza bait Ahmed P/O Gamani Uch Sharif</t>
  </si>
  <si>
    <t>Muhammad Nadir Bakhtiari</t>
  </si>
  <si>
    <t>GGES HATHEJI</t>
  </si>
  <si>
    <t>p/o hatheji</t>
  </si>
  <si>
    <t>Sana Eram</t>
  </si>
  <si>
    <t>10780</t>
  </si>
  <si>
    <t>GGES AMIN NAGAR</t>
  </si>
  <si>
    <t>Khair Pur Dah</t>
  </si>
  <si>
    <t>Govt Girls High School Ameen Nagar</t>
  </si>
  <si>
    <t>Ameen Nagar</t>
  </si>
  <si>
    <t>Sadia Mudasir</t>
  </si>
  <si>
    <t>GGPS BASTI ZARGAR KOT KHALIFA</t>
  </si>
  <si>
    <t>BASTI ZARGAR</t>
  </si>
  <si>
    <t>Naureen Gull</t>
  </si>
  <si>
    <t>GMPS TARAND BISHARAT</t>
  </si>
  <si>
    <t>Ratrh Wali</t>
  </si>
  <si>
    <t>basti trand bishrat</t>
  </si>
  <si>
    <t>Trandbishrat</t>
  </si>
  <si>
    <t>Chanab Rasol Pur</t>
  </si>
  <si>
    <t>Iqra Mahmood</t>
  </si>
  <si>
    <t>54750</t>
  </si>
  <si>
    <t>GGPS SOJHLA TANWARI</t>
  </si>
  <si>
    <t>sojhla tanvri</t>
  </si>
  <si>
    <t>basti numbrdaar</t>
  </si>
  <si>
    <t>khurrum pur</t>
  </si>
  <si>
    <t>Asfa Akbar</t>
  </si>
  <si>
    <t>51873</t>
  </si>
  <si>
    <t>51501</t>
  </si>
  <si>
    <t>8372</t>
  </si>
  <si>
    <t>54617</t>
  </si>
  <si>
    <t>GOVT. GIRLS PRIMARY SCHOOL BASTI RANG ALI KHAN</t>
  </si>
  <si>
    <t>Rajjarhoo</t>
  </si>
  <si>
    <t>basti rang ali khan</t>
  </si>
  <si>
    <t>Basti Rang Ali Khan</t>
  </si>
  <si>
    <t>KOMAL IJAZ</t>
  </si>
  <si>
    <t>2062</t>
  </si>
  <si>
    <t>54742</t>
  </si>
  <si>
    <t>GGES MOUZA DHARI</t>
  </si>
  <si>
    <t>Tehri Bangla</t>
  </si>
  <si>
    <t>moza tehri bangla p/o khair pur daha tehsil ahmad pur east</t>
  </si>
  <si>
    <t>Tehri bangla</t>
  </si>
  <si>
    <t>Khair Pur Daha</t>
  </si>
  <si>
    <t>RANI AYOUB</t>
  </si>
  <si>
    <t>3605</t>
  </si>
  <si>
    <t>54743</t>
  </si>
  <si>
    <t>GGPS ASHIQ SHAH</t>
  </si>
  <si>
    <t>MANDHAL - FEMALE</t>
  </si>
  <si>
    <t>Nundpura</t>
  </si>
  <si>
    <t>p/o hatheji moza nund pura basti ashiq shah</t>
  </si>
  <si>
    <t>Ashiq Shah</t>
  </si>
  <si>
    <t>Naila Gillani</t>
  </si>
  <si>
    <t>25308</t>
  </si>
  <si>
    <t>GGHSS CHAH FATEH KHAN BAHAWALPUR</t>
  </si>
  <si>
    <t>Gghss chah fateh khan zanana hospital road bahawalpur</t>
  </si>
  <si>
    <t>mussarat akhtar</t>
  </si>
  <si>
    <t>47703</t>
  </si>
  <si>
    <t>3055</t>
  </si>
  <si>
    <t>GHS BAHAWALPUR CANTT.</t>
  </si>
  <si>
    <t>bahawalpur</t>
  </si>
  <si>
    <t>ghs bahawalpur cantt</t>
  </si>
  <si>
    <t>city bahawalpur</t>
  </si>
  <si>
    <t>Muhammad Ismail Durrani</t>
  </si>
  <si>
    <t>18335</t>
  </si>
  <si>
    <t>GHS SAHLAN</t>
  </si>
  <si>
    <t>Sahlan</t>
  </si>
  <si>
    <t>GHS SAHLAN Basti Sahlan tehsil &amp; District Bahawalpur</t>
  </si>
  <si>
    <t>SHAHID HUSSAIN</t>
  </si>
  <si>
    <t>GHS MC CHAH FATEH KHAN BAHAWALPUR</t>
  </si>
  <si>
    <t>Zanana Hospital Road Bahawalpur</t>
  </si>
  <si>
    <t>48138</t>
  </si>
  <si>
    <t>3081</t>
  </si>
  <si>
    <t>GGHS SADIQ MODEL BAHAWALPUR</t>
  </si>
  <si>
    <t>Darbar Mehal Road Near University Chowk Bahawalpur</t>
  </si>
  <si>
    <t>City-XII</t>
  </si>
  <si>
    <t>YASMIN RANA</t>
  </si>
  <si>
    <t>GGHSS MODEL TOWN-A BAHAWALPUR</t>
  </si>
  <si>
    <t>GOVT. GIRLS HIGH SCHOOL MODEL TOWN (A) BAHWALPUR</t>
  </si>
  <si>
    <t>MODEL TOWN (A)</t>
  </si>
  <si>
    <t>SAFIA SULTANA</t>
  </si>
  <si>
    <t>GHS CANAL COLONY BAHAWALPUR</t>
  </si>
  <si>
    <t>Banga</t>
  </si>
  <si>
    <t>Canal colony near kalli puli bwp</t>
  </si>
  <si>
    <t>BWP city</t>
  </si>
  <si>
    <t>Muhammad Attique</t>
  </si>
  <si>
    <t>GES BAQIR PUR</t>
  </si>
  <si>
    <t>MANGWANI - MALE</t>
  </si>
  <si>
    <t>Baqir Pur</t>
  </si>
  <si>
    <t>Baqir pur</t>
  </si>
  <si>
    <t>18178</t>
  </si>
  <si>
    <t>GGES SHAHDARA MOHAJIR COLONY BAHAWALPUR</t>
  </si>
  <si>
    <t>HOTE WALA - FEMALE</t>
  </si>
  <si>
    <t>City Bwp</t>
  </si>
  <si>
    <t>near one Minar mosque, mohajir colony, shahdra, bahawapur</t>
  </si>
  <si>
    <t>Muzammil Iqbal</t>
  </si>
  <si>
    <t>12225</t>
  </si>
  <si>
    <t>3498</t>
  </si>
  <si>
    <t>GGES MARI QASIM SHAH BAHAWALPUR</t>
  </si>
  <si>
    <t>MANGWANI - FEMALE</t>
  </si>
  <si>
    <t>Mari Qasim Shah</t>
  </si>
  <si>
    <t>mari qasum shah</t>
  </si>
  <si>
    <t>Jhqngi Wala 23</t>
  </si>
  <si>
    <t>Farzana Noor</t>
  </si>
  <si>
    <t>45221</t>
  </si>
  <si>
    <t>44519</t>
  </si>
  <si>
    <t>GGES JHOKE SHAIRA</t>
  </si>
  <si>
    <t>Gges Basti Jhoke shaira tehsil and distt Bahawalpur</t>
  </si>
  <si>
    <t>Basti Jhoke Shaira</t>
  </si>
  <si>
    <t>Khanoo Wali</t>
  </si>
  <si>
    <t>Shehnaz Anjum</t>
  </si>
  <si>
    <t>13644</t>
  </si>
  <si>
    <t>8897</t>
  </si>
  <si>
    <t>GPS BHATTA NO.1</t>
  </si>
  <si>
    <t>HOTE WALA - MALE</t>
  </si>
  <si>
    <t>Bhatta no 01 ahmad pur east road opposite sps bwp</t>
  </si>
  <si>
    <t>Dera Izzat Bwp</t>
  </si>
  <si>
    <t>Bhatta No 1 Bwp</t>
  </si>
  <si>
    <t>HAFIZ IRSHADD AHMAD RABBANI</t>
  </si>
  <si>
    <t>2910</t>
  </si>
  <si>
    <t>27170</t>
  </si>
  <si>
    <t>3178</t>
  </si>
  <si>
    <t>GPS TANZEEM QAUMI MADRISSA</t>
  </si>
  <si>
    <t>Model Town B</t>
  </si>
  <si>
    <t>ghalla mandi model Town  b b w p</t>
  </si>
  <si>
    <t>GPS CHAK NO.9/BC</t>
  </si>
  <si>
    <t>HAMAITIAN - MALE</t>
  </si>
  <si>
    <t>chak no 9/bc</t>
  </si>
  <si>
    <t>govt primary school chak no 9/bc bwp</t>
  </si>
  <si>
    <t>chak 9/bc bwp</t>
  </si>
  <si>
    <t>muhammad arshad</t>
  </si>
  <si>
    <t>3493</t>
  </si>
  <si>
    <t>3341</t>
  </si>
  <si>
    <t>GGPS BISMILLAH COLONY</t>
  </si>
  <si>
    <t>SATLUJ - FEMALE</t>
  </si>
  <si>
    <t>Bindra</t>
  </si>
  <si>
    <t>Bismillah Colony , Bahawalpur</t>
  </si>
  <si>
    <t>Muza Bindra</t>
  </si>
  <si>
    <t>Zareena Bibi</t>
  </si>
  <si>
    <t>GGPS MATMAN</t>
  </si>
  <si>
    <t>Matman</t>
  </si>
  <si>
    <t>darbar mehal road basti matman</t>
  </si>
  <si>
    <t>Basti</t>
  </si>
  <si>
    <t>Akhtar Abad</t>
  </si>
  <si>
    <t>Taskeen Fatima</t>
  </si>
  <si>
    <t>GMPS LAHSOORI WALA NO.2</t>
  </si>
  <si>
    <t>ggmps lasoori wala</t>
  </si>
  <si>
    <t>Lasoori Wala</t>
  </si>
  <si>
    <t>Sahar Saleem</t>
  </si>
  <si>
    <t>22939</t>
  </si>
  <si>
    <t>GGPS BASTI ABDUL GHAFOOR</t>
  </si>
  <si>
    <t>Badar Sheer</t>
  </si>
  <si>
    <t>G. G P S bastiabdulghafoor bahawalur</t>
  </si>
  <si>
    <t>Chak 9bc</t>
  </si>
  <si>
    <t>Nazia Khan</t>
  </si>
  <si>
    <t>3487</t>
  </si>
  <si>
    <t>3495</t>
  </si>
  <si>
    <t>GOTH BAJAN</t>
  </si>
  <si>
    <t>BASTI BALOCHAN NEAR RAILWAY STATION BAHAWALPUR</t>
  </si>
  <si>
    <t>BASTI BALOCHAN</t>
  </si>
  <si>
    <t>MASJID WATER USED</t>
  </si>
  <si>
    <t>3501</t>
  </si>
  <si>
    <t>GES CHAK NO.13/F.W</t>
  </si>
  <si>
    <t>MUHAMMAD PANAH - MALE</t>
  </si>
  <si>
    <t>Chak 13/Fw</t>
  </si>
  <si>
    <t>chak 13/fw hasilpur</t>
  </si>
  <si>
    <t>58/F</t>
  </si>
  <si>
    <t>30915</t>
  </si>
  <si>
    <t>3634</t>
  </si>
  <si>
    <t>GPS CHAK NO.162/M</t>
  </si>
  <si>
    <t>HASILPUR EAST - MALE</t>
  </si>
  <si>
    <t>chak 162/m Tehsil Hasilpur</t>
  </si>
  <si>
    <t>Chak 162/m</t>
  </si>
  <si>
    <t>Chak 188/m</t>
  </si>
  <si>
    <t>ZESHAN ALI</t>
  </si>
  <si>
    <t>GPS CHAK NO.142/M-B</t>
  </si>
  <si>
    <t>Chak No 142/M</t>
  </si>
  <si>
    <t>Chak no 142/M-B</t>
  </si>
  <si>
    <t>Chak No 142/M-B</t>
  </si>
  <si>
    <t>188/m</t>
  </si>
  <si>
    <t>GPS CHAK NO.143/M</t>
  </si>
  <si>
    <t>chak no 143/m</t>
  </si>
  <si>
    <t>chak no 163/m</t>
  </si>
  <si>
    <t>REHMAN SHAHZAD</t>
  </si>
  <si>
    <t>3651</t>
  </si>
  <si>
    <t>GPS CHAK NO.147/M</t>
  </si>
  <si>
    <t>chak 147/M</t>
  </si>
  <si>
    <t>147/m</t>
  </si>
  <si>
    <t>188/</t>
  </si>
  <si>
    <t>Muhammad Qayuum</t>
  </si>
  <si>
    <t>GPS CHAK NO.153/M</t>
  </si>
  <si>
    <t>Chak153/M</t>
  </si>
  <si>
    <t>chak no 153/M</t>
  </si>
  <si>
    <t>153/M</t>
  </si>
  <si>
    <t>Chak188/m</t>
  </si>
  <si>
    <t>QAISAR MAHMOOD</t>
  </si>
  <si>
    <t>3502</t>
  </si>
  <si>
    <t>3666</t>
  </si>
  <si>
    <t>GPS CHAK NO.193/M</t>
  </si>
  <si>
    <t>TAIL MURAD - MALE</t>
  </si>
  <si>
    <t>chak 193 /M</t>
  </si>
  <si>
    <t>chak 193/M</t>
  </si>
  <si>
    <t>chak 192/M</t>
  </si>
  <si>
    <t>3509</t>
  </si>
  <si>
    <t>GPS CHAK NO.90/F</t>
  </si>
  <si>
    <t>89/F -MALE</t>
  </si>
  <si>
    <t>Chak 90</t>
  </si>
  <si>
    <t>GPS chak 90f</t>
  </si>
  <si>
    <t>Chak90f</t>
  </si>
  <si>
    <t>89f</t>
  </si>
  <si>
    <t>Usman Hayder</t>
  </si>
  <si>
    <t>3685</t>
  </si>
  <si>
    <t>GPS CHAK NO.57/F BASTI SONAY WALI</t>
  </si>
  <si>
    <t>Chak #57/F sonay wali Hasilpur</t>
  </si>
  <si>
    <t>GPS KHAIROO DEYH</t>
  </si>
  <si>
    <t>KHERO DEH - MALE</t>
  </si>
  <si>
    <t>Khero Deh</t>
  </si>
  <si>
    <t>post office basti Khero Deh</t>
  </si>
  <si>
    <t>Khero Ghazi Khanana</t>
  </si>
  <si>
    <t>Muhammad Raheel</t>
  </si>
  <si>
    <t>GPS MEHMOOD KOT</t>
  </si>
  <si>
    <t>HEAD ISLAM - MALE</t>
  </si>
  <si>
    <t>Chhohan</t>
  </si>
  <si>
    <t>Basti Mahmood Kot mouza chhohan tehsil Hasil pur District Bhawal pur</t>
  </si>
  <si>
    <t>Pallah</t>
  </si>
  <si>
    <t>GPS BASTI QAYYUM ABAD</t>
  </si>
  <si>
    <t>Talhar</t>
  </si>
  <si>
    <t>basti qayyum abad ,moza talhar hasilpur</t>
  </si>
  <si>
    <t>Qayyum Abad</t>
  </si>
  <si>
    <t>Imran Mehmood</t>
  </si>
  <si>
    <t>GGES CHAK NO.156/M</t>
  </si>
  <si>
    <t>TAIL MURAD - FEMALE</t>
  </si>
  <si>
    <t>156/M</t>
  </si>
  <si>
    <t>Chak 156/M</t>
  </si>
  <si>
    <t>79/F</t>
  </si>
  <si>
    <t>humaira hanif</t>
  </si>
  <si>
    <t>3522</t>
  </si>
  <si>
    <t>GGPS CHAK NO.191/M</t>
  </si>
  <si>
    <t>CHHOONA WALA - FEMALE</t>
  </si>
  <si>
    <t>191m</t>
  </si>
  <si>
    <t>chak no 191/m chonawala hasilpur</t>
  </si>
  <si>
    <t>191/m</t>
  </si>
  <si>
    <t>192/m</t>
  </si>
  <si>
    <t>Ishrat Jahan</t>
  </si>
  <si>
    <t>3511</t>
  </si>
  <si>
    <t>3879</t>
  </si>
  <si>
    <t>JAMAL PUR - MALE</t>
  </si>
  <si>
    <t>basti noorpur</t>
  </si>
  <si>
    <t>Basti Noorpur</t>
  </si>
  <si>
    <t>Jamapur</t>
  </si>
  <si>
    <t>Abdul Razzaq Shah</t>
  </si>
  <si>
    <t>GPS AAQIL PUR</t>
  </si>
  <si>
    <t>GPS AQILPUR</t>
  </si>
  <si>
    <t>Hafiz Ghulam Murtaza</t>
  </si>
  <si>
    <t>8591</t>
  </si>
  <si>
    <t>3892</t>
  </si>
  <si>
    <t>GHS SHAHI WALA</t>
  </si>
  <si>
    <t>chack N0 98/DNB</t>
  </si>
  <si>
    <t>GOVT. HIGH SCHOOL SHAHIWAlA</t>
  </si>
  <si>
    <t>CHAK NO. 98/DNB</t>
  </si>
  <si>
    <t>23133</t>
  </si>
  <si>
    <t>49923</t>
  </si>
  <si>
    <t>GHS YAZMAN</t>
  </si>
  <si>
    <t>yazman city</t>
  </si>
  <si>
    <t>CITY YAZMAN</t>
  </si>
  <si>
    <t>GHS CHAK NO.106/DB</t>
  </si>
  <si>
    <t>Chao No 106 DB Yazman</t>
  </si>
  <si>
    <t>the.yazman district Bahawalpur</t>
  </si>
  <si>
    <t>106 DB Yazman</t>
  </si>
  <si>
    <t>106 DB</t>
  </si>
  <si>
    <t>GGHSS CHAK NO.107/DB</t>
  </si>
  <si>
    <t>chak no107/db</t>
  </si>
  <si>
    <t>Chak No 107/ Db</t>
  </si>
  <si>
    <t>Chak No 106/db</t>
  </si>
  <si>
    <t>Shafaqat un Nisa</t>
  </si>
  <si>
    <t>GHS CHAK NO.75/DB</t>
  </si>
  <si>
    <t>Chak No 75db Cholistan</t>
  </si>
  <si>
    <t>GHS chak no 75db Cholistan</t>
  </si>
  <si>
    <t>Chak No 75/db Choulistan</t>
  </si>
  <si>
    <t>Chak No 75db</t>
  </si>
  <si>
    <t>Aamir Rasheed</t>
  </si>
  <si>
    <t>13009</t>
  </si>
  <si>
    <t>29380</t>
  </si>
  <si>
    <t>26218</t>
  </si>
  <si>
    <t>4029</t>
  </si>
  <si>
    <t>Talbani</t>
  </si>
  <si>
    <t>basti talbani khanwala adda ahmed pur khairpur</t>
  </si>
  <si>
    <t>Talbani Khan Wala</t>
  </si>
  <si>
    <t>Chak 75 db</t>
  </si>
  <si>
    <t>Ejaz Hussain</t>
  </si>
  <si>
    <t>GPS CHAK NO.20/DNB (W)</t>
  </si>
  <si>
    <t>ADDA 32 MOOR - MALE</t>
  </si>
  <si>
    <t>20DNB West</t>
  </si>
  <si>
    <t>Chak No 20 DNB West Tehsil Yazman District Bahawalpur</t>
  </si>
  <si>
    <t>20 DNB West</t>
  </si>
  <si>
    <t>Chak No 35DNB</t>
  </si>
  <si>
    <t>GPS CHAK NO.42/DNB</t>
  </si>
  <si>
    <t>chak no 42/dnb</t>
  </si>
  <si>
    <t>Chak No 42/dnb</t>
  </si>
  <si>
    <t>Chak No 22/dnb</t>
  </si>
  <si>
    <t>GPS CHAK NO.69/DB</t>
  </si>
  <si>
    <t>ADDA SOKAR MINNAR - MALE</t>
  </si>
  <si>
    <t>Chak No 69/Db. Yazman</t>
  </si>
  <si>
    <t>Chak No 69/ DB</t>
  </si>
  <si>
    <t>Chak No 68/Db</t>
  </si>
  <si>
    <t>4142</t>
  </si>
  <si>
    <t>GPS CHAK NO.50/DB (E)</t>
  </si>
  <si>
    <t>Chak No 50/DB East yazman distt. Bahawalpur</t>
  </si>
  <si>
    <t>Chak No 50DB</t>
  </si>
  <si>
    <t>50 DB</t>
  </si>
  <si>
    <t>Tayyaba Nazir</t>
  </si>
  <si>
    <t>GMPS CHAK NO.123/DNB</t>
  </si>
  <si>
    <t>123 Dnb</t>
  </si>
  <si>
    <t>chak no 123 DNB teh: yazmzn BWP</t>
  </si>
  <si>
    <t>36 Dnb</t>
  </si>
  <si>
    <t>Shaheda Kausar</t>
  </si>
  <si>
    <t>GGES CHAK NO.17/DNB</t>
  </si>
  <si>
    <t>17 dnb</t>
  </si>
  <si>
    <t>govt girls high school chak no 17 dnb</t>
  </si>
  <si>
    <t>Fatima javaid</t>
  </si>
  <si>
    <t>4198</t>
  </si>
  <si>
    <t>GGPS CHAK NO.114/DNB</t>
  </si>
  <si>
    <t>Chak no. 114 DNB</t>
  </si>
  <si>
    <t>114 DNB</t>
  </si>
  <si>
    <t>Chak No 6 DNB</t>
  </si>
  <si>
    <t>Sahrish Munawar</t>
  </si>
  <si>
    <t>30513</t>
  </si>
  <si>
    <t>GGES CHAK NO.91/DB MOHTAMIM WALA</t>
  </si>
  <si>
    <t>CHANNAN PEER - FEMALE</t>
  </si>
  <si>
    <t>Chak 91/db</t>
  </si>
  <si>
    <t>chak number 91/db (m) yazman</t>
  </si>
  <si>
    <t>91/db</t>
  </si>
  <si>
    <t>88/db</t>
  </si>
  <si>
    <t>Raqiba Ayoub</t>
  </si>
  <si>
    <t>8130</t>
  </si>
  <si>
    <t>GGCMES CHAK NO.61/DB</t>
  </si>
  <si>
    <t>61db</t>
  </si>
  <si>
    <t>chak no 61db tehsil yazman district bahawalpur</t>
  </si>
  <si>
    <t>117db</t>
  </si>
  <si>
    <t>RUKHSANA HANIF</t>
  </si>
  <si>
    <t>44671</t>
  </si>
  <si>
    <t>18756</t>
  </si>
  <si>
    <t>17550</t>
  </si>
  <si>
    <t>54864</t>
  </si>
  <si>
    <t>GGES MOUJH GARH CHOLISTAN</t>
  </si>
  <si>
    <t>Moujgarh</t>
  </si>
  <si>
    <t>mouj garh cholistan tehsil yazman district bahawalpur</t>
  </si>
  <si>
    <t>Moujh Garh</t>
  </si>
  <si>
    <t>MUSARRAT ARSHAD</t>
  </si>
  <si>
    <t>54950</t>
  </si>
  <si>
    <t>GPS CHAK NO. 6/DNB JINNAH ABADI</t>
  </si>
  <si>
    <t>chak no 6 dnb jinah abadi</t>
  </si>
  <si>
    <t>Chak No 6 Dnb Jinah Abadi</t>
  </si>
  <si>
    <t>Chak No 6 Dnb</t>
  </si>
  <si>
    <t>Muhammad Waaeem</t>
  </si>
  <si>
    <t>GHS KHAIRPUR TAMEWALI</t>
  </si>
  <si>
    <t>Govt.High School Khairpur Tamewali Distric Bahawalpur</t>
  </si>
  <si>
    <t>MC Khairpur</t>
  </si>
  <si>
    <t>Hafiz Muhammad Saeed Akhtar</t>
  </si>
  <si>
    <t>81600</t>
  </si>
  <si>
    <t>4334</t>
  </si>
  <si>
    <t>GES KHANDAN</t>
  </si>
  <si>
    <t>Khand Lorian</t>
  </si>
  <si>
    <t>GES Khandan</t>
  </si>
  <si>
    <t>Khandan</t>
  </si>
  <si>
    <t>TARIQ MAHMOOD ABBASI</t>
  </si>
  <si>
    <t>43760</t>
  </si>
  <si>
    <t>GPS PATRAWAN</t>
  </si>
  <si>
    <t>Patrawan</t>
  </si>
  <si>
    <t>mouza patrawan tehsil khair pur tamewali</t>
  </si>
  <si>
    <t>Muhammad Ameer</t>
  </si>
  <si>
    <t>4370</t>
  </si>
  <si>
    <t>GPS ROSHAN KHAN RANDO</t>
  </si>
  <si>
    <t>Sardar Pur</t>
  </si>
  <si>
    <t>Basti lakhtan moza sardar pur Teh.kpt.</t>
  </si>
  <si>
    <t>Basti Lakhtan</t>
  </si>
  <si>
    <t>Anayti</t>
  </si>
  <si>
    <t>Maqbol Ahmad</t>
  </si>
  <si>
    <t>GPS GODRI</t>
  </si>
  <si>
    <t>Basti Godri moaza sardar pur teh.kpt</t>
  </si>
  <si>
    <t>Basti Godri</t>
  </si>
  <si>
    <t>Anaity</t>
  </si>
  <si>
    <t>Rabnawaz</t>
  </si>
  <si>
    <t>GPS TANZEEM ALLAH BUKHSH</t>
  </si>
  <si>
    <t>Gulpur Ichrani</t>
  </si>
  <si>
    <t>bsti majeed khan tehsil kpt disst bwp</t>
  </si>
  <si>
    <t>Majeed Khaan</t>
  </si>
  <si>
    <t>MUHAMMAD TARIQ SHAH</t>
  </si>
  <si>
    <t>5192</t>
  </si>
  <si>
    <t>8021</t>
  </si>
  <si>
    <t>GPS NAURANG WALA</t>
  </si>
  <si>
    <t>SADAR MALE</t>
  </si>
  <si>
    <t>paigah 2</t>
  </si>
  <si>
    <t>norang wala</t>
  </si>
  <si>
    <t>8038</t>
  </si>
  <si>
    <t>GPS SHAH WALA BASTI DARKHAN</t>
  </si>
  <si>
    <t>Ghadi Sharqi</t>
  </si>
  <si>
    <t>Basti Darkhan</t>
  </si>
  <si>
    <t>Darkhan Wala</t>
  </si>
  <si>
    <t>Muhammad Abu Bakar</t>
  </si>
  <si>
    <t>7081</t>
  </si>
  <si>
    <t>8063</t>
  </si>
  <si>
    <t>GPS TAGIANI NO. 1</t>
  </si>
  <si>
    <t>SHAH SADAR DIN EAST MALE</t>
  </si>
  <si>
    <t>Kot Mubarak Shumali</t>
  </si>
  <si>
    <t>chah Lundi wala mouza kot Mubarak shumali d g khan.</t>
  </si>
  <si>
    <t>Chah Lundi Wala</t>
  </si>
  <si>
    <t>Mohammad Azeem</t>
  </si>
  <si>
    <t>5204</t>
  </si>
  <si>
    <t>GPS MUBARAK KHAN WALA</t>
  </si>
  <si>
    <t>YAROO KHOSA MALE</t>
  </si>
  <si>
    <t>Bahadur Gharh</t>
  </si>
  <si>
    <t>Inam Abbad, bahadur Gharh</t>
  </si>
  <si>
    <t>Inam Abbad</t>
  </si>
  <si>
    <t>Wahid Bukhsh</t>
  </si>
  <si>
    <t>8071</t>
  </si>
  <si>
    <t>GPS BASTI NASEER</t>
  </si>
  <si>
    <t>Bari Dalail</t>
  </si>
  <si>
    <t>chah bangul wala mouza bari dalail</t>
  </si>
  <si>
    <t>Bangul Wala</t>
  </si>
  <si>
    <t>Mirhatta</t>
  </si>
  <si>
    <t>KHALID HUSSAIN</t>
  </si>
  <si>
    <t>8072</t>
  </si>
  <si>
    <t>GPS BAKHT BULAND</t>
  </si>
  <si>
    <t>Chak Jarwar</t>
  </si>
  <si>
    <t>Chah Kas wala, maoza Chak jarwar, teh and disst dera ghazi Khan</t>
  </si>
  <si>
    <t>Chah Kas wala</t>
  </si>
  <si>
    <t>Azmat Rasheed</t>
  </si>
  <si>
    <t>Both Hand Pump &amp; water pump</t>
  </si>
  <si>
    <t>5203</t>
  </si>
  <si>
    <t>8077</t>
  </si>
  <si>
    <t>GPS PHULL WALA</t>
  </si>
  <si>
    <t>KOT MUBARAK MALE</t>
  </si>
  <si>
    <t>Primary school phull Wala</t>
  </si>
  <si>
    <t>1637</t>
  </si>
  <si>
    <t>8090</t>
  </si>
  <si>
    <t>GPS GORAN THAL</t>
  </si>
  <si>
    <t>KHAR (FORT MUNRO) - MALE</t>
  </si>
  <si>
    <t>basti Goran thal fort Munroo</t>
  </si>
  <si>
    <t>Goran Thal</t>
  </si>
  <si>
    <t>Tuman Leghari</t>
  </si>
  <si>
    <t>Sultan Ali</t>
  </si>
  <si>
    <t>coller</t>
  </si>
  <si>
    <t>GPS RAIKHO LOPE</t>
  </si>
  <si>
    <t>Teer maar</t>
  </si>
  <si>
    <t>Raikholope mouza teer mar, trible area, DGKHAN</t>
  </si>
  <si>
    <t>Raikholope</t>
  </si>
  <si>
    <t>Tamun leghari</t>
  </si>
  <si>
    <t>Pounds</t>
  </si>
  <si>
    <t>8184</t>
  </si>
  <si>
    <t>GGPS CHAH KAREEMAY WALA</t>
  </si>
  <si>
    <t>CHABRI ZAREEN-FEMALE</t>
  </si>
  <si>
    <t>Noria Koria</t>
  </si>
  <si>
    <t>chah kareemay wala bastiiii laden</t>
  </si>
  <si>
    <t>Bastiiii Dhandla Chah Karemy Wala</t>
  </si>
  <si>
    <t>Laden</t>
  </si>
  <si>
    <t>KanizFatima</t>
  </si>
  <si>
    <t>8188</t>
  </si>
  <si>
    <t>GGMPS GIDAR WALA</t>
  </si>
  <si>
    <t>DRAHMA-FEMALE</t>
  </si>
  <si>
    <t>Darh Opla</t>
  </si>
  <si>
    <t>giddar wala near Baye pass multan road dera Ghazi khan</t>
  </si>
  <si>
    <t>Giddar Wala</t>
  </si>
  <si>
    <t>8202</t>
  </si>
  <si>
    <t>GGPS SAMINA NO. 2</t>
  </si>
  <si>
    <t>GGPS samina No.2 samina sharqi</t>
  </si>
  <si>
    <t>Sajida  Parveen</t>
  </si>
  <si>
    <t>GGPS PACCA SHAH NAWAZ</t>
  </si>
  <si>
    <t>RAMIN-FEMALE</t>
  </si>
  <si>
    <t>maqsoda ghejhar</t>
  </si>
  <si>
    <t>ggps paccashahnawaz dera ghazi khan</t>
  </si>
  <si>
    <t>pacca shahnawaz</t>
  </si>
  <si>
    <t>dhao</t>
  </si>
  <si>
    <t>suryia parveen</t>
  </si>
  <si>
    <t>10908</t>
  </si>
  <si>
    <t>8324</t>
  </si>
  <si>
    <t>GGPS Kunday Wala No.2</t>
  </si>
  <si>
    <t>chok churhatta, Taunsa chungi No.1</t>
  </si>
  <si>
    <t>Chah Pumban Wala</t>
  </si>
  <si>
    <t>Jameela Batool</t>
  </si>
  <si>
    <t>8348</t>
  </si>
  <si>
    <t>GGPS MUJHAD ABAD</t>
  </si>
  <si>
    <t>SADAR EAST-FEMALE</t>
  </si>
  <si>
    <t>Shakoor Abad</t>
  </si>
  <si>
    <t>P/S girls Mujahid Abad school,Shakoor abad colony</t>
  </si>
  <si>
    <t>NILL</t>
  </si>
  <si>
    <t>Municipal Corporation</t>
  </si>
  <si>
    <t>Khadija Mubarka</t>
  </si>
  <si>
    <t>GGPS Siddique Abad</t>
  </si>
  <si>
    <t>Vilge</t>
  </si>
  <si>
    <t>Siddiqueabad</t>
  </si>
  <si>
    <t>Raufa Khatoon</t>
  </si>
  <si>
    <t>53904</t>
  </si>
  <si>
    <t>GGPS Jattay Wala</t>
  </si>
  <si>
    <t>govt girls primary jetthay wala school paigah chak 58</t>
  </si>
  <si>
    <t>Jetthay</t>
  </si>
  <si>
    <t>Rabia  Tasneem</t>
  </si>
  <si>
    <t>p/o lohar wala tah/ district d g khan</t>
  </si>
  <si>
    <t>lohar wala</t>
  </si>
  <si>
    <t>mamoori</t>
  </si>
  <si>
    <t>Safia begam</t>
  </si>
  <si>
    <t>24419</t>
  </si>
  <si>
    <t>GGMPS MANSOOR WALA</t>
  </si>
  <si>
    <t>Paigha</t>
  </si>
  <si>
    <t>Ggmps Mansoor Wala</t>
  </si>
  <si>
    <t>Mansoor Wala</t>
  </si>
  <si>
    <t>2570</t>
  </si>
  <si>
    <t>GGMPS KHARAY WALA</t>
  </si>
  <si>
    <t>GGMPS Kharay Wala.P/ O Paigah DGKhan</t>
  </si>
  <si>
    <t>Kharay Wala</t>
  </si>
  <si>
    <t>Sidra Farooqi</t>
  </si>
  <si>
    <t>GGMPS GUL WALA</t>
  </si>
  <si>
    <t>chah Gul Wala  paigah</t>
  </si>
  <si>
    <t>14984</t>
  </si>
  <si>
    <t>116144</t>
  </si>
  <si>
    <t>13824</t>
  </si>
  <si>
    <t>51286</t>
  </si>
  <si>
    <t>GGPS ABADI MURADA DULLOO</t>
  </si>
  <si>
    <t>Murada dullo</t>
  </si>
  <si>
    <t>abadi Murada dullo</t>
  </si>
  <si>
    <t>Abadi Murada dullo</t>
  </si>
  <si>
    <t>Mir Dad Muafi</t>
  </si>
  <si>
    <t>Zarina Qadir</t>
  </si>
  <si>
    <t>GHS CHAK NO. 96/D</t>
  </si>
  <si>
    <t>96/d</t>
  </si>
  <si>
    <t>Chak No 96/D</t>
  </si>
  <si>
    <t>Chak No 96/d</t>
  </si>
  <si>
    <t>muhammad mazhar iqbal</t>
  </si>
  <si>
    <t>20379</t>
  </si>
  <si>
    <t>11009</t>
  </si>
  <si>
    <t>51318</t>
  </si>
  <si>
    <t>GGHS PAKPATTAN</t>
  </si>
  <si>
    <t>BASHRAT</t>
  </si>
  <si>
    <t>Govt. girls high school city pakpattan</t>
  </si>
  <si>
    <t>urban pakpattan</t>
  </si>
  <si>
    <t>Nahid akhtar</t>
  </si>
  <si>
    <t>6506</t>
  </si>
  <si>
    <t>GPS 28/SP</t>
  </si>
  <si>
    <t>28SP</t>
  </si>
  <si>
    <t>Village 28SP district Pakpattan</t>
  </si>
  <si>
    <t>Muhammad Puno</t>
  </si>
  <si>
    <t>16214</t>
  </si>
  <si>
    <t>11494</t>
  </si>
  <si>
    <t>51683</t>
  </si>
  <si>
    <t>GMPS CHAK SALAMAT</t>
  </si>
  <si>
    <t>PAKPATTAN 2 - FEMALE</t>
  </si>
  <si>
    <t>Salamat</t>
  </si>
  <si>
    <t>GMPS Chak Salamat Pakpattan</t>
  </si>
  <si>
    <t>Ferozpur  Chishtian</t>
  </si>
  <si>
    <t>Fareeda Jbeen</t>
  </si>
  <si>
    <t>51832</t>
  </si>
  <si>
    <t>GGHS 19 EB</t>
  </si>
  <si>
    <t>19eb</t>
  </si>
  <si>
    <t>chak no. 19eb  arifwala</t>
  </si>
  <si>
    <t>75/EB</t>
  </si>
  <si>
    <t>Jamila Begum</t>
  </si>
  <si>
    <t>16441</t>
  </si>
  <si>
    <t>52100</t>
  </si>
  <si>
    <t>GGPS BALARA LAKHO KA</t>
  </si>
  <si>
    <t>Bhait Bhatiyan</t>
  </si>
  <si>
    <t>chak bhait bhatiyan p.o.Arifwala</t>
  </si>
  <si>
    <t>Rafia Kiran</t>
  </si>
  <si>
    <t>52164</t>
  </si>
  <si>
    <t>GMMS KALAY PATHAN NO 1</t>
  </si>
  <si>
    <t>Kalay pathan</t>
  </si>
  <si>
    <t>kalay pathan P/O 19/KB Tehsil Arifwala District Pakpattan</t>
  </si>
  <si>
    <t>Basti Zaman Khan</t>
  </si>
  <si>
    <t>Machi Singh</t>
  </si>
  <si>
    <t>from nearest house or mosque</t>
  </si>
  <si>
    <t>52166</t>
  </si>
  <si>
    <t>GMMS MUZA TORAIZ RATH</t>
  </si>
  <si>
    <t>Toraiz Rath</t>
  </si>
  <si>
    <t>toraiz rath p/o mari hazara tehsil arifwala district pakpattan</t>
  </si>
  <si>
    <t>52173</t>
  </si>
  <si>
    <t>GPS CHAK NO. 63 SP</t>
  </si>
  <si>
    <t>63/SP</t>
  </si>
  <si>
    <t>CHAK NO. 63/SP, TEHSIL ARIFWALA, DISTRICT PAKPATTAN</t>
  </si>
  <si>
    <t>Shafi</t>
  </si>
  <si>
    <t>WARIS ALI</t>
  </si>
  <si>
    <t>5098</t>
  </si>
  <si>
    <t>20817</t>
  </si>
  <si>
    <t>39650</t>
  </si>
  <si>
    <t>52217</t>
  </si>
  <si>
    <t>GHS DEPALPUR TOWN</t>
  </si>
  <si>
    <t>STREET NO. 2, ABDULLAH TOWN DEPALPUR</t>
  </si>
  <si>
    <t>SYED RASHID ALI ZAIDI</t>
  </si>
  <si>
    <t>52221</t>
  </si>
  <si>
    <t>GHS DELMAN GUNJ OKARA</t>
  </si>
  <si>
    <t>DELMAN GUNJ</t>
  </si>
  <si>
    <t>SHAH NAWAZ KHAN WALA</t>
  </si>
  <si>
    <t>Muhammad Shafique Safdar</t>
  </si>
  <si>
    <t>GHS BHUMAN SHAH</t>
  </si>
  <si>
    <t>bhuman shah</t>
  </si>
  <si>
    <t>GGHS CHAK NO. 1/SP WASAWAY WALA</t>
  </si>
  <si>
    <t>Wasawewala</t>
  </si>
  <si>
    <t>GGHS 1S/P,Wasawewala, Depalpur, Okara</t>
  </si>
  <si>
    <t>GHS NAI ABADI HUJRA SHAH MUQEEM</t>
  </si>
  <si>
    <t>Ghs.naiabadihujra.</t>
  </si>
  <si>
    <t>12812</t>
  </si>
  <si>
    <t>52184</t>
  </si>
  <si>
    <t>2443</t>
  </si>
  <si>
    <t>52341</t>
  </si>
  <si>
    <t>GGES FARID PUR SUHAG</t>
  </si>
  <si>
    <t>HEAD SULMAN KEY - FEMALE</t>
  </si>
  <si>
    <t>Farid Pur Sohag</t>
  </si>
  <si>
    <t>GGES farid pur sohag</t>
  </si>
  <si>
    <t>Fareedpur Suhag</t>
  </si>
  <si>
    <t>Kousar Maqbool</t>
  </si>
  <si>
    <t>3992</t>
  </si>
  <si>
    <t>53191</t>
  </si>
  <si>
    <t>52373</t>
  </si>
  <si>
    <t>GPS TAHIR BANGLA NAHAR</t>
  </si>
  <si>
    <t>FAIZ ABAD - MALE</t>
  </si>
  <si>
    <t>Tahir Bangla Nehar</t>
  </si>
  <si>
    <t>Phullan Toli</t>
  </si>
  <si>
    <t>Mahmood Ahmad Gill</t>
  </si>
  <si>
    <t>36668</t>
  </si>
  <si>
    <t>GPS DHOLA DHAPPI</t>
  </si>
  <si>
    <t>moza dholla dhappai uc 125 Qilla diwan sing</t>
  </si>
  <si>
    <t>Dholla Dhappai</t>
  </si>
  <si>
    <t>52451</t>
  </si>
  <si>
    <t>GPS PIR HAYAT</t>
  </si>
  <si>
    <t>Pir Hayat</t>
  </si>
  <si>
    <t>pir hayat</t>
  </si>
  <si>
    <t>MUHAMMAD Rafique</t>
  </si>
  <si>
    <t>49523</t>
  </si>
  <si>
    <t>52542</t>
  </si>
  <si>
    <t>GPS BAHAWAL DASS</t>
  </si>
  <si>
    <t>Bahawal Das</t>
  </si>
  <si>
    <t>G P S Bahawal Das p/o Daula Pukhta Depal pur Okara</t>
  </si>
  <si>
    <t>Manzoor Ahmad Asi</t>
  </si>
  <si>
    <t>20079</t>
  </si>
  <si>
    <t>24012</t>
  </si>
  <si>
    <t>52688</t>
  </si>
  <si>
    <t>GGPS AHMAD NAGAR  (UNDER NGO)</t>
  </si>
  <si>
    <t>MANDI AHMAD ABAD - FEMALE</t>
  </si>
  <si>
    <t>Ahmad Nagar,depalpur,okara</t>
  </si>
  <si>
    <t>Muzammil Hoshiyar</t>
  </si>
  <si>
    <t>52740</t>
  </si>
  <si>
    <t>GGPS BAKKA JHUJH</t>
  </si>
  <si>
    <t>SAHBAY WALA - FEMALE</t>
  </si>
  <si>
    <t>BakkaJhujh</t>
  </si>
  <si>
    <t>Zubaida Shaheen</t>
  </si>
  <si>
    <t>11364</t>
  </si>
  <si>
    <t>11234</t>
  </si>
  <si>
    <t>52760</t>
  </si>
  <si>
    <t>GGPS KUAYKI JAGEER</t>
  </si>
  <si>
    <t>Koe Ki Jagir</t>
  </si>
  <si>
    <t>koe ki jagir , Basirpur  (Teh) Depalpur ,Okara</t>
  </si>
  <si>
    <t>Azra Sharif</t>
  </si>
  <si>
    <t>3413</t>
  </si>
  <si>
    <t>47566</t>
  </si>
  <si>
    <t>52767</t>
  </si>
  <si>
    <t>GGPS QASIM KEY MOHAR</t>
  </si>
  <si>
    <t>Qasim Kay Mohar</t>
  </si>
  <si>
    <t>GGPS QASIM KAY MAHAR</t>
  </si>
  <si>
    <t>Qasim Kay Mahar</t>
  </si>
  <si>
    <t>Arooj Aslam</t>
  </si>
  <si>
    <t>52778</t>
  </si>
  <si>
    <t>GMPS DHOOL FAQIR BUKHSH</t>
  </si>
  <si>
    <t>Dhol Faqir Bukhush</t>
  </si>
  <si>
    <t>GMPS dhool faqir bukhush</t>
  </si>
  <si>
    <t>Dhool Faqir Bukhush</t>
  </si>
  <si>
    <t>20146</t>
  </si>
  <si>
    <t>kALRI</t>
  </si>
  <si>
    <t>gHS  KALRI TEHSIL LALIAN DISTT CHINIOT</t>
  </si>
  <si>
    <t>KALRI</t>
  </si>
  <si>
    <t>Mohammad akhtar</t>
  </si>
  <si>
    <t>4529</t>
  </si>
  <si>
    <t>20152</t>
  </si>
  <si>
    <t>GGHS KALRI</t>
  </si>
  <si>
    <t>GOT GIRLS HIGH SCHOOL KALRI POST OFFICE KALRI TENSILE KALIAN DISTRICT CHINIOT</t>
  </si>
  <si>
    <t>Fareeha Naz</t>
  </si>
  <si>
    <t>14368</t>
  </si>
  <si>
    <t>20157</t>
  </si>
  <si>
    <t>GES KOT AMEER SHAH</t>
  </si>
  <si>
    <t>AEO (M) LALIAN NO.33</t>
  </si>
  <si>
    <t>KOT AMEER SHAH</t>
  </si>
  <si>
    <t>KOT AMEER SHAH TEHSIL LALIAN DISTRICT CHINIOT</t>
  </si>
  <si>
    <t>HAST KHEWA</t>
  </si>
  <si>
    <t>Habibul Ghafoor</t>
  </si>
  <si>
    <t>20160</t>
  </si>
  <si>
    <t>GGES SARU WALA</t>
  </si>
  <si>
    <t>Saruwala</t>
  </si>
  <si>
    <t>saruwala</t>
  </si>
  <si>
    <t>Pirpanja</t>
  </si>
  <si>
    <t>Zarqa Azam</t>
  </si>
  <si>
    <t>12665</t>
  </si>
  <si>
    <t>54902</t>
  </si>
  <si>
    <t>GPS AHLAY WALA</t>
  </si>
  <si>
    <t>AEO (M) LALIAN NO.35</t>
  </si>
  <si>
    <t>Ahlay Wala</t>
  </si>
  <si>
    <t>GPS Ahlay Wala</t>
  </si>
  <si>
    <t>Kishwar Abbas</t>
  </si>
  <si>
    <t>20261</t>
  </si>
  <si>
    <t>GGPS SHADI PUR</t>
  </si>
  <si>
    <t>Shadi Pur</t>
  </si>
  <si>
    <t>Kaloni Shadi Pur Tehsil Lalian District Chiniot</t>
  </si>
  <si>
    <t>Kaloni Shadi Pur</t>
  </si>
  <si>
    <t>25855</t>
  </si>
  <si>
    <t>50589</t>
  </si>
  <si>
    <t>20285</t>
  </si>
  <si>
    <t>GGPS DAR-UL-REHMAT</t>
  </si>
  <si>
    <t>DARULREHMAT</t>
  </si>
  <si>
    <t>DARULREHMAT CHENAB NAGAR</t>
  </si>
  <si>
    <t>CHENAB NAGAR</t>
  </si>
  <si>
    <t>11232</t>
  </si>
  <si>
    <t>20297</t>
  </si>
  <si>
    <t>GMPS BERHAMAN WALA</t>
  </si>
  <si>
    <t>Abbas Naghar</t>
  </si>
  <si>
    <t>Barhaman Wala Tehsil Lalian District Chiniot</t>
  </si>
  <si>
    <t>Asia Kanwal</t>
  </si>
  <si>
    <t>20326</t>
  </si>
  <si>
    <t>GMPS GLOTRANWALA</t>
  </si>
  <si>
    <t>Galotranwala</t>
  </si>
  <si>
    <t>Galotranwala Tehsil Lalian District Chiniot</t>
  </si>
  <si>
    <t>Hust Khewa</t>
  </si>
  <si>
    <t>Muhammad hayat</t>
  </si>
  <si>
    <t>12306</t>
  </si>
  <si>
    <t>20348</t>
  </si>
  <si>
    <t>GGPS ZAMIN ABAD</t>
  </si>
  <si>
    <t>Wad Syaddan</t>
  </si>
  <si>
    <t>Zaminabad Teh Lalian Distt Chiniot</t>
  </si>
  <si>
    <t>Zaminabad</t>
  </si>
  <si>
    <t>Fozia Najaf</t>
  </si>
  <si>
    <t>20388</t>
  </si>
  <si>
    <t>GHSS G.T.ROAD GUJRANWALA</t>
  </si>
  <si>
    <t>Sheikhupura More G.T Road Gujranwala</t>
  </si>
  <si>
    <t>Rana Zafar Shahzad</t>
  </si>
  <si>
    <t>20389</t>
  </si>
  <si>
    <t>GGHSS NO.1 COLLEGE ROAD GUJRANWALA</t>
  </si>
  <si>
    <t>college road grw</t>
  </si>
  <si>
    <t>Farooq Ganj</t>
  </si>
  <si>
    <t>Azmat perveen</t>
  </si>
  <si>
    <t>20393</t>
  </si>
  <si>
    <t>GHS COMPREHENSIVE GUJRANWALA</t>
  </si>
  <si>
    <t>mODEL TOWN</t>
  </si>
  <si>
    <t>Model Town Gujranwala</t>
  </si>
  <si>
    <t>khalid hussain Goraya</t>
  </si>
  <si>
    <t>20396</t>
  </si>
  <si>
    <t>GHS MUSLIM JINNAH MEMORIAL</t>
  </si>
  <si>
    <t>City GRW</t>
  </si>
  <si>
    <t>CLOCK TOWER GUJRANWALA</t>
  </si>
  <si>
    <t>TIMBER MARKET</t>
  </si>
  <si>
    <t>20399</t>
  </si>
  <si>
    <t>GHS MUSLIM TAMEER-E-NAU GUJRANWALA</t>
  </si>
  <si>
    <t>popular nursery</t>
  </si>
  <si>
    <t>popular nursey ratta road green street grw</t>
  </si>
  <si>
    <t>qasim Town</t>
  </si>
  <si>
    <t>MUHAMMAD SHAFIQ SIRAJ</t>
  </si>
  <si>
    <t>20412</t>
  </si>
  <si>
    <t>GHS BOTALA SHRAM SINGH</t>
  </si>
  <si>
    <t>ghs botala sharam singh</t>
  </si>
  <si>
    <t>Sana Ullah Virk</t>
  </si>
  <si>
    <t>47056</t>
  </si>
  <si>
    <t>20413</t>
  </si>
  <si>
    <t>GHS QILA DIDAR SINGH NO.2</t>
  </si>
  <si>
    <t>ghs no 2 qila didar singh Grw</t>
  </si>
  <si>
    <t>Muhammad moqeem khan</t>
  </si>
  <si>
    <t>GHS JM ISLAMIA FEROZ WALA</t>
  </si>
  <si>
    <t>GOVT. J.M. ISLAMIA HIGH SCHOOL FEROZEWALA GUJRANWALA</t>
  </si>
  <si>
    <t>FEROZEWALA</t>
  </si>
  <si>
    <t>Naveed Ahmad Bajwa</t>
  </si>
  <si>
    <t>GGHS SYED</t>
  </si>
  <si>
    <t>tariqabad khokherki</t>
  </si>
  <si>
    <t>Samrana Atiqa</t>
  </si>
  <si>
    <t>GGHS KHIALI</t>
  </si>
  <si>
    <t>government Girls High school KHIALI Grw</t>
  </si>
  <si>
    <t>Shah Pur Khiali Grw</t>
  </si>
  <si>
    <t>Shah Pur Khiali</t>
  </si>
  <si>
    <t>Khaizran Zubair</t>
  </si>
  <si>
    <t>20851</t>
  </si>
  <si>
    <t>20430</t>
  </si>
  <si>
    <t>GGHS NAJEEB MEMORIAL GUJRANWALA</t>
  </si>
  <si>
    <t>GOVT. NAJEEB. MEMORIAL GIRLS HIGH SCHOOL GRW</t>
  </si>
  <si>
    <t>civil line grw</t>
  </si>
  <si>
    <t>CIVIL</t>
  </si>
  <si>
    <t>SHAZIA YASMEEN</t>
  </si>
  <si>
    <t>6192</t>
  </si>
  <si>
    <t>20435</t>
  </si>
  <si>
    <t>GGHS JAN BIBI</t>
  </si>
  <si>
    <t>Street No.  6 Mohallah Islamabad, gujranwala</t>
  </si>
  <si>
    <t>Moh Islamabad</t>
  </si>
  <si>
    <t>Moh Faisalabad</t>
  </si>
  <si>
    <t>NAZIA HABIB</t>
  </si>
  <si>
    <t>20439</t>
  </si>
  <si>
    <t>GGHS GULZAR-E-ISLAM</t>
  </si>
  <si>
    <t>Satellite town grw</t>
  </si>
  <si>
    <t>GUL-E-RAANA</t>
  </si>
  <si>
    <t>GGHS MODEL SATELLITE TOWN</t>
  </si>
  <si>
    <t>Satellite town</t>
  </si>
  <si>
    <t>Gghs model satellite town grw</t>
  </si>
  <si>
    <t>Rashida Jamil</t>
  </si>
  <si>
    <t>11462</t>
  </si>
  <si>
    <t>20445</t>
  </si>
  <si>
    <t>GGHS MADRASA-TUL-BINAT</t>
  </si>
  <si>
    <t>gulshan abad</t>
  </si>
  <si>
    <t>gulshan abad street # 7 gujranwala</t>
  </si>
  <si>
    <t>44-city timber market hafizabad road gujranwala</t>
  </si>
  <si>
    <t>4223</t>
  </si>
  <si>
    <t>GGHS MIAN REHMAT ALI (ALIGARH ENGLISH)</t>
  </si>
  <si>
    <t>gghs mian rehmat ali memorial grw</t>
  </si>
  <si>
    <t>sajida zia</t>
  </si>
  <si>
    <t>20467</t>
  </si>
  <si>
    <t>GES MUSLIM FEROZWALA ROAD</t>
  </si>
  <si>
    <t>GUJRANWALA CITY 3 - MALE</t>
  </si>
  <si>
    <t>Gujranwala City</t>
  </si>
  <si>
    <t>ST.NO 17 SHAHZADA SHAHEED COLONY FEROZWALA ROAD GUJRANWALA</t>
  </si>
  <si>
    <t>ST.NO 17 SHAHZADA SHAHEED COLONY FEROZWALA ROAD GU</t>
  </si>
  <si>
    <t>20468</t>
  </si>
  <si>
    <t>GHS JANDIALA BAGH WALA</t>
  </si>
  <si>
    <t>Jandiala BaghWala</t>
  </si>
  <si>
    <t>JANDIALA BAGH WALA GUJRANWALA</t>
  </si>
  <si>
    <t>69-JANDIALA BAGH WALA</t>
  </si>
  <si>
    <t>32985</t>
  </si>
  <si>
    <t>GES RAHWALI</t>
  </si>
  <si>
    <t>GUJRANWALA CITY 4 - MALE</t>
  </si>
  <si>
    <t>govt elementary school rahwali</t>
  </si>
  <si>
    <t>IHSAN ULLAH</t>
  </si>
  <si>
    <t>20503</t>
  </si>
  <si>
    <t>GGHS JANDIALA BAGH WALA</t>
  </si>
  <si>
    <t>JANDIALA BAGH WALA</t>
  </si>
  <si>
    <t>GOVT.GIRLS HIGH SCHOOL JANDIALA BAGH WALA GUJRANWALA</t>
  </si>
  <si>
    <t>SHAMSA NAHEED</t>
  </si>
  <si>
    <t>4732</t>
  </si>
  <si>
    <t>10443</t>
  </si>
  <si>
    <t>GPS CHAK NO. 254/TDA</t>
  </si>
  <si>
    <t>112/ML MALE</t>
  </si>
  <si>
    <t>254/tda</t>
  </si>
  <si>
    <t>chak no. 254/tda</t>
  </si>
  <si>
    <t>112/ml</t>
  </si>
  <si>
    <t>10459</t>
  </si>
  <si>
    <t>GPS CHAK NO. 100/TDA</t>
  </si>
  <si>
    <t>ALI RAJAN - MALE</t>
  </si>
  <si>
    <t>chack no 100/tda</t>
  </si>
  <si>
    <t>Chack No 100/tda</t>
  </si>
  <si>
    <t>Altaf Ahmad</t>
  </si>
  <si>
    <t>10468</t>
  </si>
  <si>
    <t>GGPS RANG SHAH</t>
  </si>
  <si>
    <t>SAMTIA-FEMALE</t>
  </si>
  <si>
    <t>Rang Shah</t>
  </si>
  <si>
    <t>rang shah kalan the. karor dist. layyah</t>
  </si>
  <si>
    <t>KOUSAR NASREEN</t>
  </si>
  <si>
    <t>10488</t>
  </si>
  <si>
    <t>GGPS BASTI TILHAR MASJID BILAL (NEW)</t>
  </si>
  <si>
    <t>Marhan Wali</t>
  </si>
  <si>
    <t>GGPS basti pilhar masjid bilal karor</t>
  </si>
  <si>
    <t>Basti Pilhar</t>
  </si>
  <si>
    <t>Musarat shaheen</t>
  </si>
  <si>
    <t>10494</t>
  </si>
  <si>
    <t>GHS MUSLIM CHOWK AZAM</t>
  </si>
  <si>
    <t>ward no 1 layyah road chowk azam</t>
  </si>
  <si>
    <t>layyah raod chowk azam</t>
  </si>
  <si>
    <t>mc chowk azam</t>
  </si>
  <si>
    <t>KHALIL AHMAD KHAN</t>
  </si>
  <si>
    <t>77830</t>
  </si>
  <si>
    <t>10496</t>
  </si>
  <si>
    <t>GHS MIAN WALA JADEED</t>
  </si>
  <si>
    <t>CHAK NO. 133 TDA</t>
  </si>
  <si>
    <t>CHAK NO. 133 TDA LALA ZAR TEHSIL &amp; DISTRICT LAYYAH</t>
  </si>
  <si>
    <t>LALA ZAR</t>
  </si>
  <si>
    <t>CHOWK AZAM RURAL</t>
  </si>
  <si>
    <t>10510</t>
  </si>
  <si>
    <t>GHS CHAK NO.124 TDA</t>
  </si>
  <si>
    <t>THIND KHURD</t>
  </si>
  <si>
    <t>CHAK NO. 124/TDA LAYYAH</t>
  </si>
  <si>
    <t>124/TDA</t>
  </si>
  <si>
    <t>MUHAMMAD AYUB JAM</t>
  </si>
  <si>
    <t>34890</t>
  </si>
  <si>
    <t>GHS BASTI SHADU KHAN</t>
  </si>
  <si>
    <t>Moza Basti shadu khan po shah pur teh distt. Layyah</t>
  </si>
  <si>
    <t>211780</t>
  </si>
  <si>
    <t>GGHS MODEL LAYYAH</t>
  </si>
  <si>
    <t>GG Model HS Layyah</t>
  </si>
  <si>
    <t>RASHDA ASHRAF</t>
  </si>
  <si>
    <t>6061</t>
  </si>
  <si>
    <t>10546</t>
  </si>
  <si>
    <t>GES SOHIA THAL</t>
  </si>
  <si>
    <t>PHAR PUR MALE</t>
  </si>
  <si>
    <t>Sohia Thal</t>
  </si>
  <si>
    <t>Chah mehry wala mouza sohia thal</t>
  </si>
  <si>
    <t>Mouza Sohia Thal</t>
  </si>
  <si>
    <t>Sunhara Wasava</t>
  </si>
  <si>
    <t>GHULAM YOUNIS</t>
  </si>
  <si>
    <t>10566</t>
  </si>
  <si>
    <t>GHS CHAK NO 128 A TDA</t>
  </si>
  <si>
    <t>Summra Thal</t>
  </si>
  <si>
    <t>GHS Chak No. 128-A/TDA Layyah</t>
  </si>
  <si>
    <t>128-A/TDA</t>
  </si>
  <si>
    <t>3627</t>
  </si>
  <si>
    <t>GGHS CHAK NO.432/TDA</t>
  </si>
  <si>
    <t>chak no 432tda layyah</t>
  </si>
  <si>
    <t>Chak No 432/TDA Layyah</t>
  </si>
  <si>
    <t>SHAKEELA MEHREEN</t>
  </si>
  <si>
    <t>24693</t>
  </si>
  <si>
    <t>32830</t>
  </si>
  <si>
    <t>2607</t>
  </si>
  <si>
    <t>10692</t>
  </si>
  <si>
    <t>GPS JATTHAY WALA</t>
  </si>
  <si>
    <t>PEER JAGGI - MALE</t>
  </si>
  <si>
    <t>Peer Jaggi Sharqi</t>
  </si>
  <si>
    <t>gps jathay wala</t>
  </si>
  <si>
    <t>3102</t>
  </si>
  <si>
    <t>GES MC NO.2 LAYYAH</t>
  </si>
  <si>
    <t>MANDI TOWN MALE</t>
  </si>
  <si>
    <t>Chah Chandia Wala</t>
  </si>
  <si>
    <t>Chah Chandia Ward No. 15 Near Chowk Kumharan Layyah</t>
  </si>
  <si>
    <t>Mohallah Chah Chandi Wala</t>
  </si>
  <si>
    <t>Muhammad Iqbal Virk</t>
  </si>
  <si>
    <t>38758</t>
  </si>
  <si>
    <t>53758</t>
  </si>
  <si>
    <t>GPS IQBAL NAGAR (CHAK NO. 148 TDA)</t>
  </si>
  <si>
    <t>Lohanch Thal Jhandi</t>
  </si>
  <si>
    <t>Chak No. 148-A TDA Tehsil &amp; District Layyah</t>
  </si>
  <si>
    <t>Chak No. 148-A / TDA</t>
  </si>
  <si>
    <t>Layyah Thal Jhandi</t>
  </si>
  <si>
    <t>Shafqat Hayyat</t>
  </si>
  <si>
    <t>44120</t>
  </si>
  <si>
    <t>40060</t>
  </si>
  <si>
    <t>GGHS WARD NO.4 CHOWK AZAM</t>
  </si>
  <si>
    <t>ward 4 chowk azam</t>
  </si>
  <si>
    <t>ward 4</t>
  </si>
  <si>
    <t>GGPS CHAK NO. 397/TDA</t>
  </si>
  <si>
    <t>DHORI ADDA - FEMALE</t>
  </si>
  <si>
    <t>Chak No 397</t>
  </si>
  <si>
    <t>CHAK NO 397/TDA</t>
  </si>
  <si>
    <t>Chak 397/ TDA</t>
  </si>
  <si>
    <t>Gola Adda</t>
  </si>
  <si>
    <t>Shazia mustafa</t>
  </si>
  <si>
    <t>39893</t>
  </si>
  <si>
    <t>47049</t>
  </si>
  <si>
    <t>10823</t>
  </si>
  <si>
    <t>GGHS CHAK NO.339/TDA</t>
  </si>
  <si>
    <t>Chak No 339</t>
  </si>
  <si>
    <t>gghs chak no 339 tda</t>
  </si>
  <si>
    <t>Layyah Thal Kalan</t>
  </si>
  <si>
    <t>Khuzama khan</t>
  </si>
  <si>
    <t>10831</t>
  </si>
  <si>
    <t>GGPS CHAK NO.357-B/TDA</t>
  </si>
  <si>
    <t>Lohanch Thal kalan</t>
  </si>
  <si>
    <t>chak no. 357B TDA</t>
  </si>
  <si>
    <t>chak no 357b TDA</t>
  </si>
  <si>
    <t>Chowk Azam Rural</t>
  </si>
  <si>
    <t>Asma Niazi</t>
  </si>
  <si>
    <t>7037</t>
  </si>
  <si>
    <t>27297</t>
  </si>
  <si>
    <t>10832</t>
  </si>
  <si>
    <t>GGPS CHAK NO.462/TDA</t>
  </si>
  <si>
    <t>MIRHAN FEMALE</t>
  </si>
  <si>
    <t>Chak462/tda</t>
  </si>
  <si>
    <t>chak no 462/t.d.a</t>
  </si>
  <si>
    <t>Chak 462/tda</t>
  </si>
  <si>
    <t>Fouzia Ghafoor</t>
  </si>
  <si>
    <t>20825</t>
  </si>
  <si>
    <t>4719</t>
  </si>
  <si>
    <t>10834</t>
  </si>
  <si>
    <t>GGPS CHAK NO.283/TDA</t>
  </si>
  <si>
    <t>THAL KALAN FEMALE</t>
  </si>
  <si>
    <t>chak 283 tda</t>
  </si>
  <si>
    <t>Thal Kalan</t>
  </si>
  <si>
    <t>10841</t>
  </si>
  <si>
    <t>GGPS CHAK NO.131/TDA</t>
  </si>
  <si>
    <t>Thal Jande</t>
  </si>
  <si>
    <t>CHAK NO 131TDALayyah</t>
  </si>
  <si>
    <t>131TDA</t>
  </si>
  <si>
    <t>CHOWKAzam</t>
  </si>
  <si>
    <t>SOBIA NOSHEEN</t>
  </si>
  <si>
    <t>10850</t>
  </si>
  <si>
    <t>GGPS AAMIR WALA</t>
  </si>
  <si>
    <t>KOT SULTAN-I - FEMALE</t>
  </si>
  <si>
    <t>Jam Rid</t>
  </si>
  <si>
    <t>GGPS Aamir wala</t>
  </si>
  <si>
    <t>Chah Paka Awan Abad</t>
  </si>
  <si>
    <t>Kot Sultan Urban</t>
  </si>
  <si>
    <t>Meryum Naseem</t>
  </si>
  <si>
    <t>7884</t>
  </si>
  <si>
    <t>1832</t>
  </si>
  <si>
    <t>10866</t>
  </si>
  <si>
    <t>GGPS CHAK NO.170/TDA</t>
  </si>
  <si>
    <t>PEER JAGGI - FEMALE</t>
  </si>
  <si>
    <t>chak no 170/tda</t>
  </si>
  <si>
    <t>172/tda</t>
  </si>
  <si>
    <t>RAHEELA NASIM</t>
  </si>
  <si>
    <t>10874</t>
  </si>
  <si>
    <t>GGPS PEER JAGGI BAIROON</t>
  </si>
  <si>
    <t>PEER JAGGI GHARBI</t>
  </si>
  <si>
    <t>MOUZA PEER JAGGI GHARBI DERA AZEEM UL DEEN</t>
  </si>
  <si>
    <t>DERA AZEEM UL DEEN</t>
  </si>
  <si>
    <t>PEER JAGGI</t>
  </si>
  <si>
    <t>AZRA BATOOL</t>
  </si>
  <si>
    <t>GGPS AWAN ABAD</t>
  </si>
  <si>
    <t>sadeeq rid</t>
  </si>
  <si>
    <t>GGPS AWAN ABAD shareef araein moza sadeeq rid kotsultan</t>
  </si>
  <si>
    <t>shareef araein awan abad</t>
  </si>
  <si>
    <t>peer Jaggi</t>
  </si>
  <si>
    <t>Syeda Afia Batool</t>
  </si>
  <si>
    <t>47341</t>
  </si>
  <si>
    <t>10887</t>
  </si>
  <si>
    <t>GGPS CHAK NO 161 A TDA PO JAMAN SHAH</t>
  </si>
  <si>
    <t>KOT SULTAN-II - FEMALE</t>
  </si>
  <si>
    <t>chk num 161.A  langr wala</t>
  </si>
  <si>
    <t>161 A</t>
  </si>
  <si>
    <t>Kot Sultan Rural</t>
  </si>
  <si>
    <t>33429</t>
  </si>
  <si>
    <t>GGPS DERA YOUSAF JATT</t>
  </si>
  <si>
    <t>G.G P/S Dera Yousaf Jatt chah peelay wala</t>
  </si>
  <si>
    <t>Chah Peelay Wala</t>
  </si>
  <si>
    <t>Kotsultan Rural</t>
  </si>
  <si>
    <t>Salma Bi Bi</t>
  </si>
  <si>
    <t>30270</t>
  </si>
  <si>
    <t>10446</t>
  </si>
  <si>
    <t>10897</t>
  </si>
  <si>
    <t>GGPS AMIR KLASRA PO CHAK NO 172 TDA</t>
  </si>
  <si>
    <t>Amir Klasra Sharqi</t>
  </si>
  <si>
    <t>moza ameer klasra sharqi po.172/tda tehsil &amp;district layyah</t>
  </si>
  <si>
    <t>GGPS HASNAIN ABAD</t>
  </si>
  <si>
    <t>PAHAR PUR FEMALE</t>
  </si>
  <si>
    <t>Vehniwal</t>
  </si>
  <si>
    <t>GGPS Hasnainabad darbar mian ranjha</t>
  </si>
  <si>
    <t>Mian Ranjha</t>
  </si>
  <si>
    <t>Shakeela Bano</t>
  </si>
  <si>
    <t>15542</t>
  </si>
  <si>
    <t>8589</t>
  </si>
  <si>
    <t>10926</t>
  </si>
  <si>
    <t>GGPS KAHRAK WALA</t>
  </si>
  <si>
    <t>Kalru</t>
  </si>
  <si>
    <t>GGPS KHARAK WALA MOZA KALRo  P/o pahar pur</t>
  </si>
  <si>
    <t>Bait Wasava Kalru</t>
  </si>
  <si>
    <t>Bait Wasava  Shumli</t>
  </si>
  <si>
    <t>Syeda Atia Bukhari</t>
  </si>
  <si>
    <t>20384</t>
  </si>
  <si>
    <t>53168</t>
  </si>
  <si>
    <t>GGPS CHAK NO.137/TDA NEW LAYYAH</t>
  </si>
  <si>
    <t>chak NO. 137</t>
  </si>
  <si>
    <t>govt girls primary school 137/ TDA new Layyah on layyah chok azam link road</t>
  </si>
  <si>
    <t>Chak NO. 137 layyah</t>
  </si>
  <si>
    <t>Rukhsana yasmeen</t>
  </si>
  <si>
    <t>24280</t>
  </si>
  <si>
    <t>10983</t>
  </si>
  <si>
    <t>GGPS RANGEELAY WALA</t>
  </si>
  <si>
    <t>JAKHARR FEMALE</t>
  </si>
  <si>
    <t>Kunal Nashiab</t>
  </si>
  <si>
    <t>GGPS Rangeelay wala</t>
  </si>
  <si>
    <t>Chah Rangeely Wala</t>
  </si>
  <si>
    <t>Fozia Shaeen</t>
  </si>
  <si>
    <t>13751</t>
  </si>
  <si>
    <t>GGPS CHAK NO.125 TDA GANJIAN WALA</t>
  </si>
  <si>
    <t>Chak No. 125/TDA Ganjian Wala Layyah</t>
  </si>
  <si>
    <t>125/tda</t>
  </si>
  <si>
    <t>Waseema Banu</t>
  </si>
  <si>
    <t>GGPS THIND KHURD NASHAIB</t>
  </si>
  <si>
    <t>Thind Khurd Nasheb</t>
  </si>
  <si>
    <t>Thind khurd nasheb</t>
  </si>
  <si>
    <t>Sumra Nasheb</t>
  </si>
  <si>
    <t>11026</t>
  </si>
  <si>
    <t>31091</t>
  </si>
  <si>
    <t>GGPS CHAK NO. 149-B/TDA AZIZ FARM</t>
  </si>
  <si>
    <t>Govt. girls primary school 149B Aziz form</t>
  </si>
  <si>
    <t>149B</t>
  </si>
  <si>
    <t>10762</t>
  </si>
  <si>
    <t>41345</t>
  </si>
  <si>
    <t>GPS WARD NO. 1 CHOWK AZAM</t>
  </si>
  <si>
    <t>CHOWK AZAM - MALE</t>
  </si>
  <si>
    <t>Ward No 01,chowk azam</t>
  </si>
  <si>
    <t>Abdur Raheem</t>
  </si>
  <si>
    <t>25701</t>
  </si>
  <si>
    <t>22507</t>
  </si>
  <si>
    <t>36144</t>
  </si>
  <si>
    <t>11055</t>
  </si>
  <si>
    <t>GPS HASNIA BARWIA SADIQ RUDD</t>
  </si>
  <si>
    <t>KOT SULTAN - MALE</t>
  </si>
  <si>
    <t>Sadeeq Rid kotsultan</t>
  </si>
  <si>
    <t>sadeeq Rid kotsultan</t>
  </si>
  <si>
    <t>Ghulam wala</t>
  </si>
  <si>
    <t>6251</t>
  </si>
  <si>
    <t>54238</t>
  </si>
  <si>
    <t>11064</t>
  </si>
  <si>
    <t>GPS CHAK NO. 426-A TDA YASEEN ABAD</t>
  </si>
  <si>
    <t>DHORI ADDA MALE</t>
  </si>
  <si>
    <t>Chak No.426A /TDA Basti Yaseen Abad Layyah</t>
  </si>
  <si>
    <t>Basti Yaseen Abad</t>
  </si>
  <si>
    <t>Peer Jugee</t>
  </si>
  <si>
    <t>10775</t>
  </si>
  <si>
    <t>11086</t>
  </si>
  <si>
    <t>GPS BASTI LOHARAN RADIAN</t>
  </si>
  <si>
    <t>Warer Thal</t>
  </si>
  <si>
    <t>mouza water that p/o lot sultan layyah</t>
  </si>
  <si>
    <t>Basti Radian</t>
  </si>
  <si>
    <t>RASHID ULLAH</t>
  </si>
  <si>
    <t>37050</t>
  </si>
  <si>
    <t>GPS BAHADAR KHAN WALA</t>
  </si>
  <si>
    <t>WASVA SHUMALI MALE</t>
  </si>
  <si>
    <t>Pahar Pur Thal</t>
  </si>
  <si>
    <t>Mauza Pahar Pur Thal.</t>
  </si>
  <si>
    <t>Paharpur</t>
  </si>
  <si>
    <t>Z awar Hussain</t>
  </si>
  <si>
    <t>20253</t>
  </si>
  <si>
    <t>11093</t>
  </si>
  <si>
    <t>GPS HABIB ZOUR WALA</t>
  </si>
  <si>
    <t>Bait Zour</t>
  </si>
  <si>
    <t>Moza bait zour p/o bakhri ahmed khan</t>
  </si>
  <si>
    <t>Bakhri Ahmed Khan</t>
  </si>
  <si>
    <t>mushtaq ahmad</t>
  </si>
  <si>
    <t>45162</t>
  </si>
  <si>
    <t>11102</t>
  </si>
  <si>
    <t>GPS HAMOON KARLOO</t>
  </si>
  <si>
    <t>Hamon Kalro</t>
  </si>
  <si>
    <t>Basti jatto mauza hamon kalru</t>
  </si>
  <si>
    <t>Basti Jatto</t>
  </si>
  <si>
    <t>Abdul Malik</t>
  </si>
  <si>
    <t>25410</t>
  </si>
  <si>
    <t>11124</t>
  </si>
  <si>
    <t>GPS LODHRA CHAH GHARDAY WALA</t>
  </si>
  <si>
    <t>Ward No. 18</t>
  </si>
  <si>
    <t>Mohallah qadir abad  tehsil &amp; district layyah</t>
  </si>
  <si>
    <t>Qadar Abad Layyah</t>
  </si>
  <si>
    <t>8181</t>
  </si>
  <si>
    <t>26036</t>
  </si>
  <si>
    <t>32169</t>
  </si>
  <si>
    <t>11148</t>
  </si>
  <si>
    <t>GPS YOUSAF ABAD</t>
  </si>
  <si>
    <t>Mohallah Yousafabad tehsil &amp; district layyah</t>
  </si>
  <si>
    <t>Yousfabad</t>
  </si>
  <si>
    <t>Muhammad Zulqernain</t>
  </si>
  <si>
    <t>9698</t>
  </si>
  <si>
    <t>39574</t>
  </si>
  <si>
    <t>GGCMS CHAK 122 TDA NOOR FAQIR WALA</t>
  </si>
  <si>
    <t>KOTLA HAJI SHAH FEMALE</t>
  </si>
  <si>
    <t>chak no.123/tda layyah</t>
  </si>
  <si>
    <t>CHAK NO.123 TDA KOTLAH HAJI SHAH</t>
  </si>
  <si>
    <t>kotla haji shah</t>
  </si>
  <si>
    <t>bilqees akhtar</t>
  </si>
  <si>
    <t>49445</t>
  </si>
  <si>
    <t>34170</t>
  </si>
  <si>
    <t>11194</t>
  </si>
  <si>
    <t>GGPS CHAK NO. 384 TDA</t>
  </si>
  <si>
    <t>Chak No 384</t>
  </si>
  <si>
    <t>ward no 9 Chowk azam district Layyah</t>
  </si>
  <si>
    <t>384 TDA</t>
  </si>
  <si>
    <t>sadaf saddique</t>
  </si>
  <si>
    <t>11217</t>
  </si>
  <si>
    <t>GPS CHAK NO. 164-A/TDA</t>
  </si>
  <si>
    <t>Sarashta Darmiani</t>
  </si>
  <si>
    <t>CHAK#164A/TDA</t>
  </si>
  <si>
    <t>CHAK # 164A/TDA</t>
  </si>
  <si>
    <t>164A/TDA</t>
  </si>
  <si>
    <t>3665</t>
  </si>
  <si>
    <t>11404</t>
  </si>
  <si>
    <t>11098</t>
  </si>
  <si>
    <t>GGPS BAIT WASAVA KALROO</t>
  </si>
  <si>
    <t>Bait Wasava Kalro</t>
  </si>
  <si>
    <t>Bait wasava kalro</t>
  </si>
  <si>
    <t>Bait Wasava Shumali</t>
  </si>
  <si>
    <t>Khizran Batool</t>
  </si>
  <si>
    <t>11233</t>
  </si>
  <si>
    <t>GPS BASTI DHOON MAUZA SOHIYA</t>
  </si>
  <si>
    <t>Sohya Thal</t>
  </si>
  <si>
    <t>chah noriwala sohya thal</t>
  </si>
  <si>
    <t>Nori Wala</t>
  </si>
  <si>
    <t>Sohanra Wasava</t>
  </si>
  <si>
    <t>40656</t>
  </si>
  <si>
    <t>GGPS BASTI JATTO</t>
  </si>
  <si>
    <t>Hamun Karlu</t>
  </si>
  <si>
    <t>GGPS basti jatto markaz pahar pur</t>
  </si>
  <si>
    <t>Asma Aziz</t>
  </si>
  <si>
    <t>54234</t>
  </si>
  <si>
    <t>GGPS SARWAR THORI WALA</t>
  </si>
  <si>
    <t>Thori Wala</t>
  </si>
  <si>
    <t>358 TDA Sarwar Thori Wala ( new)</t>
  </si>
  <si>
    <t>358 TDA</t>
  </si>
  <si>
    <t>Gola Adda 393 Tda</t>
  </si>
  <si>
    <t>Hafiza Quratulain Fatima</t>
  </si>
  <si>
    <t>11258</t>
  </si>
  <si>
    <t>GHS KHAIR PUR SADAT</t>
  </si>
  <si>
    <t>khair pur sadat teh ali pur district muzaffar garh</t>
  </si>
  <si>
    <t>khair pur sadat</t>
  </si>
  <si>
    <t>RANA MUNAWAR ABBAS</t>
  </si>
  <si>
    <t>27002</t>
  </si>
  <si>
    <t>11278</t>
  </si>
  <si>
    <t>GGES BANDAY SHAH</t>
  </si>
  <si>
    <t>Bunday Shah</t>
  </si>
  <si>
    <t>Busti Bunday shah tehsil Ali pur pakistan</t>
  </si>
  <si>
    <t>Busti Bunday shah</t>
  </si>
  <si>
    <t>Shaheena Saeed</t>
  </si>
  <si>
    <t>17660</t>
  </si>
  <si>
    <t>4237</t>
  </si>
  <si>
    <t>11311</t>
  </si>
  <si>
    <t>GPS LAAL SANDILA</t>
  </si>
  <si>
    <t>KHAIR PUR-I- MALE</t>
  </si>
  <si>
    <t>basti sandila maoza baz wala</t>
  </si>
  <si>
    <t>Muhammad Tahsin</t>
  </si>
  <si>
    <t>GGPS BASTI KULAB WALA</t>
  </si>
  <si>
    <t>Mithanwali</t>
  </si>
  <si>
    <t>basti kulabwala khairpur sadat</t>
  </si>
  <si>
    <t>Kulabwala</t>
  </si>
  <si>
    <t>Khairpur Sadat</t>
  </si>
  <si>
    <t>Mehreen Afzal</t>
  </si>
  <si>
    <t>11441</t>
  </si>
  <si>
    <t>GGPS KULL KANWAL</t>
  </si>
  <si>
    <t>GHALWAN- FEMALE</t>
  </si>
  <si>
    <t>Bazwala</t>
  </si>
  <si>
    <t>kulkanwal pka naich alipur</t>
  </si>
  <si>
    <t>Kulkanwal</t>
  </si>
  <si>
    <t>Afshan Khalil</t>
  </si>
  <si>
    <t>61530</t>
  </si>
  <si>
    <t>10723</t>
  </si>
  <si>
    <t>GGPS CHAK NO 309 TDA</t>
  </si>
  <si>
    <t>AOULAKH THALL NO II FEMALE</t>
  </si>
  <si>
    <t>309/TDA</t>
  </si>
  <si>
    <t>Chak # 309/TDA</t>
  </si>
  <si>
    <t>AULAKH THAL KLAN</t>
  </si>
  <si>
    <t>Shabnam  Gulzar</t>
  </si>
  <si>
    <t>9728</t>
  </si>
  <si>
    <t>GGES CHAK NO 325 TDA</t>
  </si>
  <si>
    <t>OLAKH THAL KALAN - FEMALE</t>
  </si>
  <si>
    <t>325 TDA</t>
  </si>
  <si>
    <t>chk no 325 TDA Choubara</t>
  </si>
  <si>
    <t>Jmal Chpri</t>
  </si>
  <si>
    <t>Sonya Kanwal</t>
  </si>
  <si>
    <t>5805</t>
  </si>
  <si>
    <t>23693</t>
  </si>
  <si>
    <t>28639</t>
  </si>
  <si>
    <t>GGPS CHAK NO 299 TDA</t>
  </si>
  <si>
    <t>Chak No 299 TDA</t>
  </si>
  <si>
    <t>GGPS chak no 299 TDA</t>
  </si>
  <si>
    <t>Olakh Thal Kalan</t>
  </si>
  <si>
    <t>Naghma Azeem</t>
  </si>
  <si>
    <t>9761</t>
  </si>
  <si>
    <t>GGPS CHAK NO 127 ML</t>
  </si>
  <si>
    <t>127/ML</t>
  </si>
  <si>
    <t>127ml</t>
  </si>
  <si>
    <t>Jameela Ibrahim</t>
  </si>
  <si>
    <t>20558</t>
  </si>
  <si>
    <t>10084</t>
  </si>
  <si>
    <t>9766</t>
  </si>
  <si>
    <t>GPS LASHARI WALA</t>
  </si>
  <si>
    <t>SAHARAN 452/TDA-MALE</t>
  </si>
  <si>
    <t>Lashari Wala</t>
  </si>
  <si>
    <t>GPS LASHARI WALA CH NO 377/TDA</t>
  </si>
  <si>
    <t>377/TDA</t>
  </si>
  <si>
    <t>Muhammad Zeshan</t>
  </si>
  <si>
    <t>39635</t>
  </si>
  <si>
    <t>GPS BAHADUR LASHARI WALA CHAK NO. 449 TDA</t>
  </si>
  <si>
    <t>TARKU ADA MALE</t>
  </si>
  <si>
    <t>Patti Bukhari</t>
  </si>
  <si>
    <t>basti lashari moza patti bukhari bukhari tehsil choubara district layyah</t>
  </si>
  <si>
    <t>Basti Lashari</t>
  </si>
  <si>
    <t>M C Choubara</t>
  </si>
  <si>
    <t>Asad Ullah</t>
  </si>
  <si>
    <t>7410</t>
  </si>
  <si>
    <t>17914</t>
  </si>
  <si>
    <t>9833</t>
  </si>
  <si>
    <t>GPS CHANNAN WALA</t>
  </si>
  <si>
    <t>KHERY WALA MALE</t>
  </si>
  <si>
    <t>Khery Wala</t>
  </si>
  <si>
    <t>Channar Wala, UC Khery Wala</t>
  </si>
  <si>
    <t>24416</t>
  </si>
  <si>
    <t>9854</t>
  </si>
  <si>
    <t>GPS KATAN WALA</t>
  </si>
  <si>
    <t>JAMAL CHAPRI II-MALE</t>
  </si>
  <si>
    <t>Sumra Thal Kalan Junibi</t>
  </si>
  <si>
    <t>chah katan wala</t>
  </si>
  <si>
    <t>Katan Wala</t>
  </si>
  <si>
    <t>Jamal Chpri</t>
  </si>
  <si>
    <t>4748</t>
  </si>
  <si>
    <t>GPS LAL KHAN MAGASSI WALA</t>
  </si>
  <si>
    <t>SARDAR LAL KHAN MALE</t>
  </si>
  <si>
    <t>Kheeray Walla</t>
  </si>
  <si>
    <t>chah Kaloo walla Monza Kheeray walla Tehsil chobara district Layyah</t>
  </si>
  <si>
    <t>Kalloo Walla</t>
  </si>
  <si>
    <t>36559</t>
  </si>
  <si>
    <t>9930</t>
  </si>
  <si>
    <t>GHS CHAK NO. 94/ TDA</t>
  </si>
  <si>
    <t>Chak  No 94tda</t>
  </si>
  <si>
    <t>govt.high school chak no.94t tda teshsil karor district layyah</t>
  </si>
  <si>
    <t>chak no.94tda</t>
  </si>
  <si>
    <t>thal jandi</t>
  </si>
  <si>
    <t>38010</t>
  </si>
  <si>
    <t>GHS BASTI QAZI</t>
  </si>
  <si>
    <t>sanjh isra</t>
  </si>
  <si>
    <t>p/o basti qazi tehsil karor district layyah</t>
  </si>
  <si>
    <t>basti qazi</t>
  </si>
  <si>
    <t>sahu wala</t>
  </si>
  <si>
    <t>21045</t>
  </si>
  <si>
    <t>9943</t>
  </si>
  <si>
    <t>GGHS CHAK NO.94/TDA</t>
  </si>
  <si>
    <t>chak no 94 tda karor</t>
  </si>
  <si>
    <t>94 Tda</t>
  </si>
  <si>
    <t>FARAH UZMA</t>
  </si>
  <si>
    <t>9957</t>
  </si>
  <si>
    <t>GES CHAK NO 82 ML</t>
  </si>
  <si>
    <t>90-ML - MALE</t>
  </si>
  <si>
    <t>82ML</t>
  </si>
  <si>
    <t>82ML Tehsil Karor District Layyah</t>
  </si>
  <si>
    <t>90ML</t>
  </si>
  <si>
    <t>BILAL HUSSAIN</t>
  </si>
  <si>
    <t>3749</t>
  </si>
  <si>
    <t>GGHS JHARKIL</t>
  </si>
  <si>
    <t>Jharkal</t>
  </si>
  <si>
    <t>Gghs Jharkal tehsil karor district layyah</t>
  </si>
  <si>
    <t>SHAHEEN KAUSAR</t>
  </si>
  <si>
    <t>GGHS CHAK NO 82 TDA</t>
  </si>
  <si>
    <t>Chak No 82 Tda</t>
  </si>
  <si>
    <t>chak no 82 tda</t>
  </si>
  <si>
    <t>Fouzia Begum</t>
  </si>
  <si>
    <t>GGHS CHAK NO. 100 ML</t>
  </si>
  <si>
    <t>Chak No100/ML</t>
  </si>
  <si>
    <t>govt girls high school chak no 100/mL karor lal eson dist. layyah</t>
  </si>
  <si>
    <t>Chak No 100/ML</t>
  </si>
  <si>
    <t>Chak No 98/ML</t>
  </si>
  <si>
    <t>Nazish Huma</t>
  </si>
  <si>
    <t>32270</t>
  </si>
  <si>
    <t>35270</t>
  </si>
  <si>
    <t>18271</t>
  </si>
  <si>
    <t>8271</t>
  </si>
  <si>
    <t>GGES CHAK NO. 75-B/ TDA</t>
  </si>
  <si>
    <t>gges 75 b tda</t>
  </si>
  <si>
    <t>75btda</t>
  </si>
  <si>
    <t>Rabia kareem</t>
  </si>
  <si>
    <t>10030</t>
  </si>
  <si>
    <t>GPS CHAK NO. 79/TDA</t>
  </si>
  <si>
    <t>Chak 79 Tda</t>
  </si>
  <si>
    <t>chak No 79 tda p/o chak 83 ml Teh.karor Distt.Layyah</t>
  </si>
  <si>
    <t>Chak No 79 Tda</t>
  </si>
  <si>
    <t>Chak No 90 Ml</t>
  </si>
  <si>
    <t>24231</t>
  </si>
  <si>
    <t>10105</t>
  </si>
  <si>
    <t>GPS BASTI JOIYA</t>
  </si>
  <si>
    <t>Khokhr Isra</t>
  </si>
  <si>
    <t>100 BTDA Besti Joyia  post office Rajan shah</t>
  </si>
  <si>
    <t>Basti Joyia</t>
  </si>
  <si>
    <t>Shujaat Ali</t>
  </si>
  <si>
    <t>39551</t>
  </si>
  <si>
    <t>37619</t>
  </si>
  <si>
    <t>10195</t>
  </si>
  <si>
    <t>GGES CHAK NO.78/TDA (TIBBI KALAN)</t>
  </si>
  <si>
    <t>78/TDA</t>
  </si>
  <si>
    <t>chak no. 78/tDA Tibbi kalan, tehsil karor lal eason district layyah</t>
  </si>
  <si>
    <t>Tibbi Kalan</t>
  </si>
  <si>
    <t>Mahik Mukhtiar</t>
  </si>
  <si>
    <t>34583</t>
  </si>
  <si>
    <t>4741</t>
  </si>
  <si>
    <t>GGPS CHAK NO.106/TDA</t>
  </si>
  <si>
    <t>PEER SEWAG FEMALE</t>
  </si>
  <si>
    <t>106/TDA</t>
  </si>
  <si>
    <t>asia bano shaheen</t>
  </si>
  <si>
    <t>10221</t>
  </si>
  <si>
    <t>GGPS CHAK NO. 115-A/TDA</t>
  </si>
  <si>
    <t>ALI RAJAN - FEMALE</t>
  </si>
  <si>
    <t>115-A TDA</t>
  </si>
  <si>
    <t>CHAK NO. 115-A TDA</t>
  </si>
  <si>
    <t>NARIA PUL</t>
  </si>
  <si>
    <t>QURAT UL AIN HAIDER</t>
  </si>
  <si>
    <t>10272</t>
  </si>
  <si>
    <t>GMPS CHAK NO.84/ML</t>
  </si>
  <si>
    <t>PEER CHATTAR FEMALE</t>
  </si>
  <si>
    <t>84/ML</t>
  </si>
  <si>
    <t>chak no 84/ML Tehsil karor distirct layyah</t>
  </si>
  <si>
    <t>chak no 84/ML</t>
  </si>
  <si>
    <t>chak no 90/ML</t>
  </si>
  <si>
    <t>mudassar qamar</t>
  </si>
  <si>
    <t>21889</t>
  </si>
  <si>
    <t>10275</t>
  </si>
  <si>
    <t>GGES CHAK NO 239 B/TDA</t>
  </si>
  <si>
    <t>chak no.239.b/tda</t>
  </si>
  <si>
    <t>Chak No239b</t>
  </si>
  <si>
    <t>marry rose</t>
  </si>
  <si>
    <t>10315</t>
  </si>
  <si>
    <t>GGPS CHAK 76 TDA</t>
  </si>
  <si>
    <t>93/ML FEMALE</t>
  </si>
  <si>
    <t>Jhercal</t>
  </si>
  <si>
    <t>Tehsil Karor Lal Ison Layyah P/O Chak No 90/ML &amp; Chak No 76/TDA</t>
  </si>
  <si>
    <t>Chak No 76/TDA</t>
  </si>
  <si>
    <t>90/ML</t>
  </si>
  <si>
    <t>Lubna Kalsoom</t>
  </si>
  <si>
    <t>47811</t>
  </si>
  <si>
    <t>10316</t>
  </si>
  <si>
    <t>GGES CHAK NO.217/TDA</t>
  </si>
  <si>
    <t>chak no.217/tda</t>
  </si>
  <si>
    <t>Iqra Wazir</t>
  </si>
  <si>
    <t>GGPS CHAK NO.223A/TDA</t>
  </si>
  <si>
    <t>Mojh Garh</t>
  </si>
  <si>
    <t>chak no.223a/tda teh.karor. dist.layyah</t>
  </si>
  <si>
    <t>223a/tda</t>
  </si>
  <si>
    <t>Shaukat Abad</t>
  </si>
  <si>
    <t>akhter parveen</t>
  </si>
  <si>
    <t>41208</t>
  </si>
  <si>
    <t>10324</t>
  </si>
  <si>
    <t>GGES CHAK NO 240 TDA</t>
  </si>
  <si>
    <t>Moj Gharh</t>
  </si>
  <si>
    <t>chalk no.240tda'Fateh pur tehsil Karor Dist Layyah</t>
  </si>
  <si>
    <t>240tda</t>
  </si>
  <si>
    <t>Shokatabad</t>
  </si>
  <si>
    <t>Saima Mustafa</t>
  </si>
  <si>
    <t>3742</t>
  </si>
  <si>
    <t>9393</t>
  </si>
  <si>
    <t>10328</t>
  </si>
  <si>
    <t>GGPS CHAK NO 236 TDA</t>
  </si>
  <si>
    <t>Chalk No. 236/TDA</t>
  </si>
  <si>
    <t>236/TDA</t>
  </si>
  <si>
    <t>Shaukat  Abad</t>
  </si>
  <si>
    <t>Ishrat Bibi</t>
  </si>
  <si>
    <t>10338</t>
  </si>
  <si>
    <t>GGPS CHAK NO 244 TDA</t>
  </si>
  <si>
    <t>244/tda</t>
  </si>
  <si>
    <t>chak # 244 TDA</t>
  </si>
  <si>
    <t>33923</t>
  </si>
  <si>
    <t>10355</t>
  </si>
  <si>
    <t>GGPS CHAK NO 226 TDA</t>
  </si>
  <si>
    <t>Chak No 226 TDA</t>
  </si>
  <si>
    <t>Chak No 226 TDA Tehsil Karor District Layyah</t>
  </si>
  <si>
    <t>Shoukat abad</t>
  </si>
  <si>
    <t>Imtiaz Bano</t>
  </si>
  <si>
    <t>24955</t>
  </si>
  <si>
    <t>23945</t>
  </si>
  <si>
    <t>20398</t>
  </si>
  <si>
    <t>17865</t>
  </si>
  <si>
    <t>2587</t>
  </si>
  <si>
    <t>GPS GARAY WALA WARD NO. 13</t>
  </si>
  <si>
    <t>KAROR - MALE</t>
  </si>
  <si>
    <t>ward no#13 molh Sheikh wala karor</t>
  </si>
  <si>
    <t>Karor City</t>
  </si>
  <si>
    <t>mazhar abbas shah</t>
  </si>
  <si>
    <t>52276</t>
  </si>
  <si>
    <t>10380</t>
  </si>
  <si>
    <t>GPS NAWAN NOOR JAGWALA (MUDD GARRI)</t>
  </si>
  <si>
    <t>Mudgarri</t>
  </si>
  <si>
    <t>Basti Mudgarri Karor thal jandi P/ O &amp; Teh.Karor lal eson Dist.Layyah</t>
  </si>
  <si>
    <t>Karor Thal Jandi</t>
  </si>
  <si>
    <t>Manazir  Hussain</t>
  </si>
  <si>
    <t>34189</t>
  </si>
  <si>
    <t>54108</t>
  </si>
  <si>
    <t>GPS DAD SHAH JANDAN WALA</t>
  </si>
  <si>
    <t>Dad Shah janda Wala p/ o wara sehran</t>
  </si>
  <si>
    <t>Dad Shah</t>
  </si>
  <si>
    <t>Allah Nawaz</t>
  </si>
  <si>
    <t>GMMS HAJJI</t>
  </si>
  <si>
    <t>SAHU WALA MALE</t>
  </si>
  <si>
    <t>Sanjh ISra</t>
  </si>
  <si>
    <t>basti haji p/o basti qazi teh karor layyah</t>
  </si>
  <si>
    <t>Basti Haji</t>
  </si>
  <si>
    <t>6789</t>
  </si>
  <si>
    <t>GPS BASTI JAM WALLO</t>
  </si>
  <si>
    <t>Adam Arin</t>
  </si>
  <si>
    <t>Gps basti jam waloo p /0 sardar garh Teh&amp;distt rahim yar khan</t>
  </si>
  <si>
    <t>Bast Haji Qasir Arin</t>
  </si>
  <si>
    <t>GPS MUD BUKHSHAN</t>
  </si>
  <si>
    <t>basti mud bukhshan chak 100/p</t>
  </si>
  <si>
    <t>Basti Mud Bukhshan</t>
  </si>
  <si>
    <t>Hafiz Shahid Hussain</t>
  </si>
  <si>
    <t>3303</t>
  </si>
  <si>
    <t>GMMS RASUL BUX WAHGA</t>
  </si>
  <si>
    <t>IQBAL ABAD-MALE</t>
  </si>
  <si>
    <t>BADLI SHARIF</t>
  </si>
  <si>
    <t>BASTI MITHU MOZA BADLI SHARIF UC BADLI SHARIF RAHIM YAR KHAN</t>
  </si>
  <si>
    <t>BASTI MITHU</t>
  </si>
  <si>
    <t>Muhammad IBRAHIM CHUHAN</t>
  </si>
  <si>
    <t>6167</t>
  </si>
  <si>
    <t>GMMS JAM BALLU</t>
  </si>
  <si>
    <t>MUSLIM ABAD-MALE</t>
  </si>
  <si>
    <t>Abad Pur</t>
  </si>
  <si>
    <t>P/O Abad pur R.Y.Khan</t>
  </si>
  <si>
    <t>Wahid Buxhsh</t>
  </si>
  <si>
    <t>Muhammad Shah Jahan</t>
  </si>
  <si>
    <t>GPS SHIMLA LANG</t>
  </si>
  <si>
    <t>Kotala Hayyat</t>
  </si>
  <si>
    <t>Mauza kotala hayyat basti jam shimla lang tehil dist rahim yar khan</t>
  </si>
  <si>
    <t>Basti Shimla Lang</t>
  </si>
  <si>
    <t>Mian Wali Shekhan</t>
  </si>
  <si>
    <t>Shahid Rasheed</t>
  </si>
  <si>
    <t>6901</t>
  </si>
  <si>
    <t>GGPS BASTI MALKAN</t>
  </si>
  <si>
    <t>Basti Malkan Rahim Yar Khan</t>
  </si>
  <si>
    <t>Misbah Shafiq</t>
  </si>
  <si>
    <t>54489</t>
  </si>
  <si>
    <t>GPS BASTI ALLAH JEWAYA Lar</t>
  </si>
  <si>
    <t>Muradpur Sangi</t>
  </si>
  <si>
    <t>basti Allah Jewaya Muradpur sangi p/o rukanpur RYK</t>
  </si>
  <si>
    <t>Basti Allah Jewaya</t>
  </si>
  <si>
    <t>Ghulam Kareem</t>
  </si>
  <si>
    <t>6906</t>
  </si>
  <si>
    <t>GHS CHANDRAMI</t>
  </si>
  <si>
    <t>chandrami</t>
  </si>
  <si>
    <t>Government boys high school chandrami sadiq abad</t>
  </si>
  <si>
    <t>adam sahaba</t>
  </si>
  <si>
    <t>SULTAN UL HAQ</t>
  </si>
  <si>
    <t>GHS PEER BUKHSH PUNJABI</t>
  </si>
  <si>
    <t>Basti peer Bakhsh Punjabi moza Ali Pur post office JDW SDK</t>
  </si>
  <si>
    <t>Basti peer Bakhsh Punjabi</t>
  </si>
  <si>
    <t>RASHID REHMAN</t>
  </si>
  <si>
    <t>GHS AHMED PUR LAMA</t>
  </si>
  <si>
    <t>AHMAD PUR LAMMA</t>
  </si>
  <si>
    <t>BHONG ROAD AHMAD PUR LAMMA TEHSIL SADIQ ABAD DISTRCT RAHIM YAR KHAN</t>
  </si>
  <si>
    <t>aHMAD PUR LAMMA</t>
  </si>
  <si>
    <t>KARAMAT ALI</t>
  </si>
  <si>
    <t>8124</t>
  </si>
  <si>
    <t>GHS MUHAMMAD PUR LAMMA</t>
  </si>
  <si>
    <t>Muuhammad Pur Lamma</t>
  </si>
  <si>
    <t>Govt. Boys Secondary School Muhammad Pur Lamma SDK</t>
  </si>
  <si>
    <t>Muhammad Pur Lamma</t>
  </si>
  <si>
    <t>muhammad mumtaz khan</t>
  </si>
  <si>
    <t>18036</t>
  </si>
  <si>
    <t>6929</t>
  </si>
  <si>
    <t>GHS WALANA</t>
  </si>
  <si>
    <t>WALANA</t>
  </si>
  <si>
    <t>BASTI WALANA SADIQ ABAD</t>
  </si>
  <si>
    <t>Syed Azhar Hassan Jamil</t>
  </si>
  <si>
    <t>46617</t>
  </si>
  <si>
    <t>28222</t>
  </si>
  <si>
    <t>21898</t>
  </si>
  <si>
    <t>6930</t>
  </si>
  <si>
    <t>GGHS PETROL PUMP S.D.K</t>
  </si>
  <si>
    <t>mazher fareed colony street no 9 sdk</t>
  </si>
  <si>
    <t>Rahila Muzaffar</t>
  </si>
  <si>
    <t>6931</t>
  </si>
  <si>
    <t>GGHSS OLD</t>
  </si>
  <si>
    <t>old sadiq abad</t>
  </si>
  <si>
    <t>gghsoldsdk@yahoo.com</t>
  </si>
  <si>
    <t>mohalla meeran</t>
  </si>
  <si>
    <t>B2</t>
  </si>
  <si>
    <t>afshan naz</t>
  </si>
  <si>
    <t>6932</t>
  </si>
  <si>
    <t>GGHS CHAK NO. 195/P</t>
  </si>
  <si>
    <t>Chak 195P</t>
  </si>
  <si>
    <t>Chak No.195 P tehsil Sadiq Abad district Rahim yar Khan</t>
  </si>
  <si>
    <t>Chak 195/PA</t>
  </si>
  <si>
    <t>Chak 173 P</t>
  </si>
  <si>
    <t>Nasim Saddique</t>
  </si>
  <si>
    <t>42565</t>
  </si>
  <si>
    <t>2109</t>
  </si>
  <si>
    <t>6933</t>
  </si>
  <si>
    <t>GGHS CHAK NO. 146/P</t>
  </si>
  <si>
    <t>Chak No. 146/P P/o. Chak No. 148/P Tehsil Sadiq abad</t>
  </si>
  <si>
    <t>Chak No. 146/P</t>
  </si>
  <si>
    <t>Chak No. 148/P</t>
  </si>
  <si>
    <t>Nasreen Begum</t>
  </si>
  <si>
    <t>6935</t>
  </si>
  <si>
    <t>GGHS CHAK NO. 156/P</t>
  </si>
  <si>
    <t>Sadar - A</t>
  </si>
  <si>
    <t>GGHS CHAK # 156/P SADIQABAD</t>
  </si>
  <si>
    <t>CHAK 156/P</t>
  </si>
  <si>
    <t>GOTH JANGOO</t>
  </si>
  <si>
    <t>Asma Siddique</t>
  </si>
  <si>
    <t>13688</t>
  </si>
  <si>
    <t>47657</t>
  </si>
  <si>
    <t>6945</t>
  </si>
  <si>
    <t>GES CHAK NO 175/P</t>
  </si>
  <si>
    <t>Wahi Peer Bux</t>
  </si>
  <si>
    <t>chak No 175/p Sadiqabad</t>
  </si>
  <si>
    <t>Chak 175/P</t>
  </si>
  <si>
    <t>Goth Jangoo</t>
  </si>
  <si>
    <t>6228</t>
  </si>
  <si>
    <t>GES CHAK 160/P</t>
  </si>
  <si>
    <t>KANDAIR-MALE</t>
  </si>
  <si>
    <t>Chak 160/P</t>
  </si>
  <si>
    <t>Chak no.160/p Bangla manther sadiq abad</t>
  </si>
  <si>
    <t>Munir Ahmed Nadeem</t>
  </si>
  <si>
    <t>25140</t>
  </si>
  <si>
    <t>17153</t>
  </si>
  <si>
    <t>13184</t>
  </si>
  <si>
    <t>GGHSS BHONG SHARIF</t>
  </si>
  <si>
    <t>Bhong</t>
  </si>
  <si>
    <t>gghsbhongsharif.sdk@gmail.com</t>
  </si>
  <si>
    <t>Bhong Sharif</t>
  </si>
  <si>
    <t>Ghazala Munir</t>
  </si>
  <si>
    <t>8956</t>
  </si>
  <si>
    <t>39883</t>
  </si>
  <si>
    <t>GGHS KOT SABZAL</t>
  </si>
  <si>
    <t>KOT SABZAL</t>
  </si>
  <si>
    <t>Walhar road near boys high school kot sabzal sadiq abad</t>
  </si>
  <si>
    <t>Hafiza Maryam Karamat</t>
  </si>
  <si>
    <t>28769</t>
  </si>
  <si>
    <t>29095</t>
  </si>
  <si>
    <t>6994</t>
  </si>
  <si>
    <t>GGHS MUHAMMAD PUR LAMMA</t>
  </si>
  <si>
    <t>Muhammad Pur Lama</t>
  </si>
  <si>
    <t>Muhammad Pur Lama Tehsil Sadiq Abad</t>
  </si>
  <si>
    <t>Saira Yasmin</t>
  </si>
  <si>
    <t>37150</t>
  </si>
  <si>
    <t>GPS BASTI SARWAHI</t>
  </si>
  <si>
    <t>SANJAR PUR - MALE</t>
  </si>
  <si>
    <t>Sarwahi</t>
  </si>
  <si>
    <t>Basti Sarwahi</t>
  </si>
  <si>
    <t>Baig Mahar</t>
  </si>
  <si>
    <t>Muzaffar Iqbal</t>
  </si>
  <si>
    <t>2876</t>
  </si>
  <si>
    <t>GMMS BASTI TANVRI</t>
  </si>
  <si>
    <t>DHANDI - MALE</t>
  </si>
  <si>
    <t>Gunji</t>
  </si>
  <si>
    <t>chak no.206p basti tamvari</t>
  </si>
  <si>
    <t>Basti Tanvari</t>
  </si>
  <si>
    <t>264p</t>
  </si>
  <si>
    <t>Mohammad Essa</t>
  </si>
  <si>
    <t>7199</t>
  </si>
  <si>
    <t>GPS CHAK NO 261-P</t>
  </si>
  <si>
    <t>Chak NO 261/P</t>
  </si>
  <si>
    <t>Chak No 261/p bangla manthae tehsil sdk</t>
  </si>
  <si>
    <t>Chak No 261/p</t>
  </si>
  <si>
    <t>Chak No 186/p</t>
  </si>
  <si>
    <t>Saleh Muhammad</t>
  </si>
  <si>
    <t>GPS GULLAM MUHAMMAD ABAD</t>
  </si>
  <si>
    <t>Chak Naseer abad</t>
  </si>
  <si>
    <t>Chak Naseer union council kot Sankar Khan tensile Sadiq Abad</t>
  </si>
  <si>
    <t>Ghulam Muhammad Abad</t>
  </si>
  <si>
    <t>7269</t>
  </si>
  <si>
    <t>GGHS ALYAS COLONY</t>
  </si>
  <si>
    <t>10np</t>
  </si>
  <si>
    <t>ilyas colony st.11</t>
  </si>
  <si>
    <t>ilyas colony</t>
  </si>
  <si>
    <t>muncipal comtee</t>
  </si>
  <si>
    <t>Zubaida Yasmeen</t>
  </si>
  <si>
    <t>GGPS NAWAZ ABAD</t>
  </si>
  <si>
    <t>NAWAZ ABAD - FEMALE</t>
  </si>
  <si>
    <t>Ahmad Abad</t>
  </si>
  <si>
    <t>government girls primary school nawaz abad</t>
  </si>
  <si>
    <t>Nawaz Abad</t>
  </si>
  <si>
    <t>Zubada Rana</t>
  </si>
  <si>
    <t>7388</t>
  </si>
  <si>
    <t>GGPS KOTLA JAFAR</t>
  </si>
  <si>
    <t>Bakhsh Abad</t>
  </si>
  <si>
    <t>GGPS Kotla Jafar basti kotla jafar moza bakhsh abad p/o bhong tehsil sadik abad</t>
  </si>
  <si>
    <t>Kotla Jafar</t>
  </si>
  <si>
    <t>Ghari Dodo</t>
  </si>
  <si>
    <t>Sana Fiaz</t>
  </si>
  <si>
    <t>5384</t>
  </si>
  <si>
    <t>GGPS CHAK 45/NP</t>
  </si>
  <si>
    <t>chak 45np post office sunjarpur tehsil Sadiqbad distt Rahim yar khan</t>
  </si>
  <si>
    <t>Chak45/np</t>
  </si>
  <si>
    <t>Anis Akhtar</t>
  </si>
  <si>
    <t>7409</t>
  </si>
  <si>
    <t>GGCMS 32 NP SHARQI</t>
  </si>
  <si>
    <t>Chak 32 N/p East</t>
  </si>
  <si>
    <t>p/o sunjar pur chak32 N/p east</t>
  </si>
  <si>
    <t>Sunjar Pur</t>
  </si>
  <si>
    <t>Shagufta Bibi</t>
  </si>
  <si>
    <t>50181</t>
  </si>
  <si>
    <t>16131</t>
  </si>
  <si>
    <t>GMMS FAQIR BUX MARAL CHOK CHADHAR</t>
  </si>
  <si>
    <t>NAWAZ ABAD - MALE</t>
  </si>
  <si>
    <t>GMMS Faqeer Bux Maral Chok Chadhar Tehsil. Sadiqabad District. Rahim Yar Khan.</t>
  </si>
  <si>
    <t>Haji Mola Bux</t>
  </si>
  <si>
    <t>Raheemabad</t>
  </si>
  <si>
    <t>GGPS BASTI NAZAR MUHAMMAD JHULAN</t>
  </si>
  <si>
    <t>Nazar Muhammad Jhulan</t>
  </si>
  <si>
    <t>Basti Jam Mohummad NawazJhulan</t>
  </si>
  <si>
    <t>Jam Mohummad Nawaz Jhulan</t>
  </si>
  <si>
    <t>Rabia Ghulam Hussain</t>
  </si>
  <si>
    <t>54106</t>
  </si>
  <si>
    <t>GGPS KOT FAZAL</t>
  </si>
  <si>
    <t>Sayed Pur</t>
  </si>
  <si>
    <t>p/o kot fazal village kot fazal tehsil sadiq abad district rahim yar khan</t>
  </si>
  <si>
    <t>Kot Fazal</t>
  </si>
  <si>
    <t>SHAHLA NAZ</t>
  </si>
  <si>
    <t>7492</t>
  </si>
  <si>
    <t>GGPS MATA MOHANA</t>
  </si>
  <si>
    <t>Chak no.13 np Jdw road</t>
  </si>
  <si>
    <t>Chak no13 np</t>
  </si>
  <si>
    <t>GMPS DOLAT PUR</t>
  </si>
  <si>
    <t>24NP</t>
  </si>
  <si>
    <t>Doulat Pur</t>
  </si>
  <si>
    <t>Drigrah</t>
  </si>
  <si>
    <t>Qamar Rafique</t>
  </si>
  <si>
    <t>42965</t>
  </si>
  <si>
    <t>7514</t>
  </si>
  <si>
    <t>GGPS KALWARA ARAIN</t>
  </si>
  <si>
    <t>Metha Dandam</t>
  </si>
  <si>
    <t>basti kalwar arain ahmed pur lammah</t>
  </si>
  <si>
    <t>Basti Kalwar</t>
  </si>
  <si>
    <t>Sitara parveen</t>
  </si>
  <si>
    <t>33237</t>
  </si>
  <si>
    <t>7522</t>
  </si>
  <si>
    <t>GGPS BASTI MUHAMMAD ALI JALANDRI</t>
  </si>
  <si>
    <t>GGPS BASTI MUHAMMAD ALI JALANDHRI</t>
  </si>
  <si>
    <t>Basti Ali Jalandhri</t>
  </si>
  <si>
    <t>Saliha Saeed</t>
  </si>
  <si>
    <t>12062</t>
  </si>
  <si>
    <t>GGPS CHAK DARA</t>
  </si>
  <si>
    <t>Dara</t>
  </si>
  <si>
    <t>basti haji sheral moza Dara post ofc chak naseer abad</t>
  </si>
  <si>
    <t>Basti Haji Sheral</t>
  </si>
  <si>
    <t>Sofia Jabbar</t>
  </si>
  <si>
    <t>16934</t>
  </si>
  <si>
    <t>44415</t>
  </si>
  <si>
    <t>GMMS ABID COLONY (MOUDIB)</t>
  </si>
  <si>
    <t>GOTH JORA-  MALE</t>
  </si>
  <si>
    <t>Chak No 10 NP</t>
  </si>
  <si>
    <t>Awami colony sdk</t>
  </si>
  <si>
    <t>Chak No10Np</t>
  </si>
  <si>
    <t>Fatta Katta</t>
  </si>
  <si>
    <t>Uzma Asghar</t>
  </si>
  <si>
    <t>7547</t>
  </si>
  <si>
    <t>GMMS BUNGLY YAR MUHAMMAD</t>
  </si>
  <si>
    <t>Basti Allah Din Monza Noorpur</t>
  </si>
  <si>
    <t>Basti Allah Din  Kosh</t>
  </si>
  <si>
    <t>Madan Ram</t>
  </si>
  <si>
    <t>7557</t>
  </si>
  <si>
    <t>GMMS BASTI KARAK</t>
  </si>
  <si>
    <t>Karak</t>
  </si>
  <si>
    <t>Gmms Basti karak</t>
  </si>
  <si>
    <t>Basti Khair Muhd</t>
  </si>
  <si>
    <t>Machka</t>
  </si>
  <si>
    <t>7559</t>
  </si>
  <si>
    <t>GMMS BACHAL SHAH</t>
  </si>
  <si>
    <t>Bachal Shah</t>
  </si>
  <si>
    <t>moza bachal shah uc fateh pur p/o dauwala</t>
  </si>
  <si>
    <t>Lal Muhammad</t>
  </si>
  <si>
    <t>16830</t>
  </si>
  <si>
    <t>7568</t>
  </si>
  <si>
    <t>GMMS KHUDA BUX MOSQUE</t>
  </si>
  <si>
    <t>Ameer Muhammad</t>
  </si>
  <si>
    <t>Basti khuda bux Chk no 200/P Sadiqabad</t>
  </si>
  <si>
    <t>200/P</t>
  </si>
  <si>
    <t>Bindor Abbasian</t>
  </si>
  <si>
    <t>Umair Saleem</t>
  </si>
  <si>
    <t>7573</t>
  </si>
  <si>
    <t>GPS GUL MUHAMMAD MOHANA</t>
  </si>
  <si>
    <t>Chak 45np</t>
  </si>
  <si>
    <t>p/o Goth Aaloo Tehsil sadiq abad distt Rahim yar Khan.</t>
  </si>
  <si>
    <t>Gul M Mohana</t>
  </si>
  <si>
    <t>Jameel Ahmed</t>
  </si>
  <si>
    <t>GPS BASTI ANAYAT</t>
  </si>
  <si>
    <t>Mouza Umaid Ali Bhait</t>
  </si>
  <si>
    <t>Basti shah Muhammad Bhait P/O Lakar Wali Mouza Umaid Ali Bhait Tehsil Sadiq Abad District R.Y.Khan.</t>
  </si>
  <si>
    <t>Basti Shah Muhammad Bhait</t>
  </si>
  <si>
    <t>Roshan Bhait</t>
  </si>
  <si>
    <t>21795</t>
  </si>
  <si>
    <t>44406</t>
  </si>
  <si>
    <t>7596</t>
  </si>
  <si>
    <t>GMMS BASTI LANGAR KHAN</t>
  </si>
  <si>
    <t>13np</t>
  </si>
  <si>
    <t>Basti langer khan</t>
  </si>
  <si>
    <t>Langar khan</t>
  </si>
  <si>
    <t>Bhattawahan</t>
  </si>
  <si>
    <t>Mhammad Afzal</t>
  </si>
  <si>
    <t>GMMS BASTI YOUSAF DHUDH</t>
  </si>
  <si>
    <t>Chak Naseer Abad</t>
  </si>
  <si>
    <t>basti noor Muhammad chadar 33/NP sadiqabad</t>
  </si>
  <si>
    <t>Noor Muhammad Chadar</t>
  </si>
  <si>
    <t>Tauqeer Ali</t>
  </si>
  <si>
    <t>7602</t>
  </si>
  <si>
    <t>GMMS PEER IMDAD HUSSAIN SHAH</t>
  </si>
  <si>
    <t>Nawaz Wasa</t>
  </si>
  <si>
    <t>basti pir imdad hussain</t>
  </si>
  <si>
    <t>Pir Imdad Hussain</t>
  </si>
  <si>
    <t>Nadeem Akhtar</t>
  </si>
  <si>
    <t>2038</t>
  </si>
  <si>
    <t>7608</t>
  </si>
  <si>
    <t>GMMS ILAM DIN</t>
  </si>
  <si>
    <t>JAMAL DIN WALI - MALE</t>
  </si>
  <si>
    <t>basti Bala Digrocha Jamal din wali SDK</t>
  </si>
  <si>
    <t>Basti Bala Digrocha</t>
  </si>
  <si>
    <t>Muhammad Nasser Faiz</t>
  </si>
  <si>
    <t>GMMS MAHBOOB SUBHANI</t>
  </si>
  <si>
    <t>Awami colony SDK</t>
  </si>
  <si>
    <t>10Np</t>
  </si>
  <si>
    <t>Safdar Iqbal</t>
  </si>
  <si>
    <t>54656</t>
  </si>
  <si>
    <t>GPS ASLAM KOSH</t>
  </si>
  <si>
    <t>BHONG-MALE</t>
  </si>
  <si>
    <t>Wazir Ahmad Abad</t>
  </si>
  <si>
    <t>basti Aslam kosh p/o Bhong teh.sdk ryk</t>
  </si>
  <si>
    <t>Basti Allah Bux</t>
  </si>
  <si>
    <t>Shafiq Ahmad</t>
  </si>
  <si>
    <t>7647</t>
  </si>
  <si>
    <t>GHSS SHADAN LUND</t>
  </si>
  <si>
    <t>p/o shadan lound , d.g.khan</t>
  </si>
  <si>
    <t>shadan lound</t>
  </si>
  <si>
    <t>2719</t>
  </si>
  <si>
    <t>11465</t>
  </si>
  <si>
    <t>GPS KOTLA BAKHSH</t>
  </si>
  <si>
    <t>SEET PUR-II- MALE</t>
  </si>
  <si>
    <t>Khan Garh Doma</t>
  </si>
  <si>
    <t>mouza kotla bakhsh p/o Malik arain tehseel Ali pur dist muzaffar garh</t>
  </si>
  <si>
    <t>Kotla Bakhsh</t>
  </si>
  <si>
    <t>GHS YARAY WALA</t>
  </si>
  <si>
    <t>Hunjrai mustaqil sharqi</t>
  </si>
  <si>
    <t>chah yaray wala p/o d.d.panah</t>
  </si>
  <si>
    <t>yaray wala</t>
  </si>
  <si>
    <t>ehsan pur</t>
  </si>
  <si>
    <t>muhammad sulaman</t>
  </si>
  <si>
    <t>11507</t>
  </si>
  <si>
    <t>p/o Qasba Gujrat c/o GHS HAJI SHAH</t>
  </si>
  <si>
    <t>Naseer Ud Din Tareen</t>
  </si>
  <si>
    <t>22589</t>
  </si>
  <si>
    <t>5176</t>
  </si>
  <si>
    <t>GPS GHAIBI WALA</t>
  </si>
  <si>
    <t>BASTI MALANA MALE</t>
  </si>
  <si>
    <t>basti machi jangla</t>
  </si>
  <si>
    <t>Basti Machi</t>
  </si>
  <si>
    <t>Jhok Uttra</t>
  </si>
  <si>
    <t>11518</t>
  </si>
  <si>
    <t>GHS LASOORI</t>
  </si>
  <si>
    <t>Danday Wala</t>
  </si>
  <si>
    <t>GHS Lasoori,Mouza Danday Wala,P/O Gujrat,Kot Addu, Muzaffargarh</t>
  </si>
  <si>
    <t>Lasoori Khar</t>
  </si>
  <si>
    <t>Thatta Gurmani Gharbi</t>
  </si>
  <si>
    <t>Muhammad Tahir Iqbal</t>
  </si>
  <si>
    <t>11581</t>
  </si>
  <si>
    <t>GPS ARI KHAIRI</t>
  </si>
  <si>
    <t>QASBA GUJRAT</t>
  </si>
  <si>
    <t>BASTI ARI KHAIRI p/O QASBA GUJRAT TEHSIL KOT ADDU DISTRICT MUZAFFARGARH</t>
  </si>
  <si>
    <t>ARI KHAIRI</t>
  </si>
  <si>
    <t>MUHAMMAD MUTAHIR</t>
  </si>
  <si>
    <t>11639</t>
  </si>
  <si>
    <t>GPS USMAN RID</t>
  </si>
  <si>
    <t>Usman Rid</t>
  </si>
  <si>
    <t>Near Chah sadeeq wala moza usman rid tehsil kotau m.garh</t>
  </si>
  <si>
    <t>Muhammad Aamir Mustafa</t>
  </si>
  <si>
    <t>11694</t>
  </si>
  <si>
    <t>GPS SAMUNDARY JADEED</t>
  </si>
  <si>
    <t>DAIRA DIN PANNAH-II- MALE</t>
  </si>
  <si>
    <t>Khai Chack Awal</t>
  </si>
  <si>
    <t>chah jhargol moza khai chack awal D. D Panah</t>
  </si>
  <si>
    <t>Chah Jhargol</t>
  </si>
  <si>
    <t>11759</t>
  </si>
  <si>
    <t>GPS CHAK NO. 534/TDA</t>
  </si>
  <si>
    <t>Vehni val</t>
  </si>
  <si>
    <t>Chak no 534/tda p/o riazabad tehsil kot adu</t>
  </si>
  <si>
    <t>Chak no 534</t>
  </si>
  <si>
    <t>Riaz abad</t>
  </si>
  <si>
    <t>4393</t>
  </si>
  <si>
    <t>GPS BAGH WALA</t>
  </si>
  <si>
    <t>MIR PUR BHAGAL-I- MALE</t>
  </si>
  <si>
    <t>Chak No 556/TDA</t>
  </si>
  <si>
    <t>Chak No 556/TDA Tehsil Kot Adu Distt M Garh</t>
  </si>
  <si>
    <t>Chak No 567/TDA</t>
  </si>
  <si>
    <t>Kashif Ali</t>
  </si>
  <si>
    <t>4948</t>
  </si>
  <si>
    <t>42929</t>
  </si>
  <si>
    <t>42916</t>
  </si>
  <si>
    <t>11801</t>
  </si>
  <si>
    <t>GGPS AHMAD WALA NO.1</t>
  </si>
  <si>
    <t>gurmani gharbi</t>
  </si>
  <si>
    <t>ahmad wala</t>
  </si>
  <si>
    <t>Dibbi shah</t>
  </si>
  <si>
    <t>29676</t>
  </si>
  <si>
    <t>GGPS BASTI SAJHOO WALA</t>
  </si>
  <si>
    <t>Pirhar Gharbi</t>
  </si>
  <si>
    <t>basti sajhoo</t>
  </si>
  <si>
    <t>Basti Sajhoo</t>
  </si>
  <si>
    <t>Pirhar</t>
  </si>
  <si>
    <t>Abida Basheer</t>
  </si>
  <si>
    <t>5741</t>
  </si>
  <si>
    <t>4380</t>
  </si>
  <si>
    <t>12091</t>
  </si>
  <si>
    <t>GPS POSHIDAY WALA</t>
  </si>
  <si>
    <t>KASHIF ABAD-I- MALE</t>
  </si>
  <si>
    <t>Khar Sharqi</t>
  </si>
  <si>
    <t>Posheeday wala khar sharqi p.o sinawan</t>
  </si>
  <si>
    <t>Posheeday Wala</t>
  </si>
  <si>
    <t>GPS HAYAT DAN WALA</t>
  </si>
  <si>
    <t>Chah Choti Wala Basti Deen Pur Near Pul Manah Moza Radho Union Drigh Tehsile Kot Addu District Muzaffargarh</t>
  </si>
  <si>
    <t>Chah Choti Wala</t>
  </si>
  <si>
    <t>Khursheed Ahmed</t>
  </si>
  <si>
    <t>12187</t>
  </si>
  <si>
    <t>GPS BHANGI WALA</t>
  </si>
  <si>
    <t>Patti Ghulam Ali Gharbi</t>
  </si>
  <si>
    <t>shaery Wala pa to ghulam Ali gharbi teh.kot adu</t>
  </si>
  <si>
    <t>Shaery Wala</t>
  </si>
  <si>
    <t>Patti Ghulam Ali</t>
  </si>
  <si>
    <t>Ghulam yasin</t>
  </si>
  <si>
    <t>4369</t>
  </si>
  <si>
    <t>12204</t>
  </si>
  <si>
    <t>GPS YOUSUF WALA</t>
  </si>
  <si>
    <t>DAIRA DIN PANNAH-I- MALE</t>
  </si>
  <si>
    <t>daira din panah gair mustaqil</t>
  </si>
  <si>
    <t>chah moghlay wala p/o d.d.panah, tehsil kot addu, distt. m.garh</t>
  </si>
  <si>
    <t>chah moghlay wala</t>
  </si>
  <si>
    <t>MC D D PANAH</t>
  </si>
  <si>
    <t>JAVED AHMAD</t>
  </si>
  <si>
    <t>12210</t>
  </si>
  <si>
    <t>GPS DADRAY WALA NO. 2</t>
  </si>
  <si>
    <t>Daira Din Panah</t>
  </si>
  <si>
    <t>chah shakray wala Daira Din Panah</t>
  </si>
  <si>
    <t>Muncipal Comittee Daira Din Panah</t>
  </si>
  <si>
    <t>MUHAMMAD Noman Ahmed</t>
  </si>
  <si>
    <t>4398</t>
  </si>
  <si>
    <t>GPS CHAK NO. 149/ML (FAZIL WALA)</t>
  </si>
  <si>
    <t>SHADI KHAN MUNDA-I- MALE</t>
  </si>
  <si>
    <t>Talai Chandhar Sharqi</t>
  </si>
  <si>
    <t>Basti Fazil Wala Mouza Talai Chandhar Sharqi Tehsil Kot Adu District Muzaffargarh</t>
  </si>
  <si>
    <t>Shadi Khan Munda</t>
  </si>
  <si>
    <t>11147</t>
  </si>
  <si>
    <t>GHS KARAM DAD QURESHI</t>
  </si>
  <si>
    <t>KARAM DAD QURESHI</t>
  </si>
  <si>
    <t>P/O KARAM DAD QURESHI M.GARH</t>
  </si>
  <si>
    <t>KARAM DAD  QURESHI</t>
  </si>
  <si>
    <t>GHS BADLAY WALA</t>
  </si>
  <si>
    <t>GHS Badlawala, Mouza Sultan Khar, Muzaffargarh</t>
  </si>
  <si>
    <t>Badlay Wala</t>
  </si>
  <si>
    <t>Riaz Hussain Qammar</t>
  </si>
  <si>
    <t>12356</t>
  </si>
  <si>
    <t>GHS TAL KOT</t>
  </si>
  <si>
    <t>ghs talkot garden road moza taliri m.garh</t>
  </si>
  <si>
    <t>City Ii</t>
  </si>
  <si>
    <t>SHAHID MAHMOOD</t>
  </si>
  <si>
    <t>44811</t>
  </si>
  <si>
    <t>42494</t>
  </si>
  <si>
    <t>12357</t>
  </si>
  <si>
    <t>GHS COMPREHENSIVE MUZAFFARGARH</t>
  </si>
  <si>
    <t>Jhang Morgan D G Khan Road Muzaffargarh</t>
  </si>
  <si>
    <t>Jhang Morgan D G Khan Road M Garh</t>
  </si>
  <si>
    <t>136816</t>
  </si>
  <si>
    <t>12358</t>
  </si>
  <si>
    <t>GHS BASTI MAHARAN</t>
  </si>
  <si>
    <t>LUTKRAN</t>
  </si>
  <si>
    <t>OLD MONDKA ROAD MUZAFFARGARH</t>
  </si>
  <si>
    <t>BASTI MAHARAN</t>
  </si>
  <si>
    <t>m.c muzaffar garh</t>
  </si>
  <si>
    <t>MUHAMMAD FAROOQ AKBER LEGHARI</t>
  </si>
  <si>
    <t>32035</t>
  </si>
  <si>
    <t>GHS GULATI</t>
  </si>
  <si>
    <t>Danrien</t>
  </si>
  <si>
    <t>Basti Gulati P/ O Danrien Tehsil &amp; Distt M.Garh</t>
  </si>
  <si>
    <t>Basti Gulati</t>
  </si>
  <si>
    <t>20727</t>
  </si>
  <si>
    <t>22886</t>
  </si>
  <si>
    <t>7838</t>
  </si>
  <si>
    <t>GPS BHURGRA</t>
  </si>
  <si>
    <t>CHOTI BALA MALE</t>
  </si>
  <si>
    <t>Bhurgrah</t>
  </si>
  <si>
    <t>Gps Bhurgrah</t>
  </si>
  <si>
    <t>32877</t>
  </si>
  <si>
    <t>7870</t>
  </si>
  <si>
    <t>GPS HAIBAT MASTOI</t>
  </si>
  <si>
    <t>Haibat Mastoi</t>
  </si>
  <si>
    <t>Haibat mastoi</t>
  </si>
  <si>
    <t>Ghausabad</t>
  </si>
  <si>
    <t>AFAQ SALEEM</t>
  </si>
  <si>
    <t>GPS JHANDAY WALA</t>
  </si>
  <si>
    <t>GHOUS ABAD MALE</t>
  </si>
  <si>
    <t>Noor pur</t>
  </si>
  <si>
    <t>GPS Jhanday Wala</t>
  </si>
  <si>
    <t>Jhanday Wala</t>
  </si>
  <si>
    <t>Ghous abad</t>
  </si>
  <si>
    <t>Jaleel Ahmad</t>
  </si>
  <si>
    <t>GPS CHANDAN WALA</t>
  </si>
  <si>
    <t>Chak No 3</t>
  </si>
  <si>
    <t>chah chandan wala, maouza chak no. 3 , kot chuuta, dera ghazi khan</t>
  </si>
  <si>
    <t>Chandan Wala</t>
  </si>
  <si>
    <t>Mohsin Shafique</t>
  </si>
  <si>
    <t>GPS NEW CHHTTEY WALA</t>
  </si>
  <si>
    <t>KHANPUR MALE</t>
  </si>
  <si>
    <t>khanpur shumali</t>
  </si>
  <si>
    <t>GPS New Chatty wala markaz khanpur  ,tehsil kot chutta,district dera ghazi khan</t>
  </si>
  <si>
    <t>dhoaan anayat shah</t>
  </si>
  <si>
    <t>basti foja</t>
  </si>
  <si>
    <t>Ejaz Iqbal</t>
  </si>
  <si>
    <t>11562</t>
  </si>
  <si>
    <t>7966</t>
  </si>
  <si>
    <t>GPS CHHATTEY WALA SHUMALI</t>
  </si>
  <si>
    <t>Khanpur Shumali</t>
  </si>
  <si>
    <t>gps chattaywala shumali</t>
  </si>
  <si>
    <t>Chattaywala</t>
  </si>
  <si>
    <t>Bastifuja</t>
  </si>
  <si>
    <t>Nasrullah</t>
  </si>
  <si>
    <t>GPS KHAN PUR SHUMALI</t>
  </si>
  <si>
    <t>Khanpur Janobi</t>
  </si>
  <si>
    <t>dary khanpur janobi tehsil Kot chutta district DG khan</t>
  </si>
  <si>
    <t>Darry</t>
  </si>
  <si>
    <t>7969</t>
  </si>
  <si>
    <t>GPS DOM BANI</t>
  </si>
  <si>
    <t>Doom bani PO khanpur TH kot chutta DG khan</t>
  </si>
  <si>
    <t>Doombani</t>
  </si>
  <si>
    <t>ahmad khan</t>
  </si>
  <si>
    <t>GPS QAZI WALA</t>
  </si>
  <si>
    <t>GPS QAZI WALA Khanpur, Tehsil kot chutta dist Dera Ghazi khan</t>
  </si>
  <si>
    <t>Jatoi Wala</t>
  </si>
  <si>
    <t>Basti Fauja</t>
  </si>
  <si>
    <t>7979</t>
  </si>
  <si>
    <t>GPS MALKANI QALANDAR</t>
  </si>
  <si>
    <t>JAKHAR IMAM SHAH MALE</t>
  </si>
  <si>
    <t>Malkani Qalandar</t>
  </si>
  <si>
    <t>basti malkani qalandar mouza malkani qalandar teh kot chutta distt dgk</t>
  </si>
  <si>
    <t>Basti Malkani Qalandar</t>
  </si>
  <si>
    <t>Jakhar Imam Shah</t>
  </si>
  <si>
    <t>Iftikhar Wasim</t>
  </si>
  <si>
    <t>GPS SHAH JAMAL</t>
  </si>
  <si>
    <t>Kotla Noor Muhammad</t>
  </si>
  <si>
    <t>Basti Gudara, Mouza kotla Noor Muhammad, Tehsil kot Chutta, Distric D G Khan</t>
  </si>
  <si>
    <t>Basti Gudara</t>
  </si>
  <si>
    <t>Bait Wala</t>
  </si>
  <si>
    <t>7983</t>
  </si>
  <si>
    <t>GPS KALIM ABAD</t>
  </si>
  <si>
    <t>moza noor Wahi Maril GPS kalim abad Teh kot chutta distt dera ghazi khan</t>
  </si>
  <si>
    <t>Kalim Abad</t>
  </si>
  <si>
    <t>Jakhar imam Shah</t>
  </si>
  <si>
    <t>Haji Malik Muhammad Ayub Malana</t>
  </si>
  <si>
    <t>7989</t>
  </si>
  <si>
    <t>GPS RUPPAY WALA NO.1</t>
  </si>
  <si>
    <t>JHOK UTTRA-MALE</t>
  </si>
  <si>
    <t>Hazara</t>
  </si>
  <si>
    <t>chah roopay wala mauza hazara ,tehsile kot chutta ,DG KHAN</t>
  </si>
  <si>
    <t>Roopay Wala</t>
  </si>
  <si>
    <t>Haji Kamand</t>
  </si>
  <si>
    <t>basti khandoya moza haji kamand</t>
  </si>
  <si>
    <t>Mubashir AHMAD</t>
  </si>
  <si>
    <t>34766</t>
  </si>
  <si>
    <t>7995</t>
  </si>
  <si>
    <t>GPS DHORAY WALA</t>
  </si>
  <si>
    <t>GPS Dhoray wala mouza haji kamand tehsil kot chutta</t>
  </si>
  <si>
    <t>Dhoray Wala</t>
  </si>
  <si>
    <t>7997</t>
  </si>
  <si>
    <t>GPS RAMIANI</t>
  </si>
  <si>
    <t>Jhoke Uttra</t>
  </si>
  <si>
    <t>Basti major Abad mouza jhoke Uttra</t>
  </si>
  <si>
    <t>Major Abad</t>
  </si>
  <si>
    <t>Muhammad Abdul Kareem</t>
  </si>
  <si>
    <t>GPS QASAI WALA</t>
  </si>
  <si>
    <t>GPS qasai wala chah jamal wala mouza Haji kamand tehsil kott chuhtta district DG khan .</t>
  </si>
  <si>
    <t>Jamal Wala</t>
  </si>
  <si>
    <t>Faiz Muhammad</t>
  </si>
  <si>
    <t>8004</t>
  </si>
  <si>
    <t>GPS NOOR WAHI SEDHRAN</t>
  </si>
  <si>
    <t>Noor Wahi Sedhran</t>
  </si>
  <si>
    <t>gps noor wahi sedhran maoza noor wahi uc kotla ahmad khan mrkz khanpur tehsil kot chutta district d g khan.</t>
  </si>
  <si>
    <t>Kotla Ahemd Khan</t>
  </si>
  <si>
    <t>Sohail Akbar</t>
  </si>
  <si>
    <t>3335</t>
  </si>
  <si>
    <t>50063</t>
  </si>
  <si>
    <t>8007</t>
  </si>
  <si>
    <t>GPS SAHARAN NO.2</t>
  </si>
  <si>
    <t>Mana Garbi</t>
  </si>
  <si>
    <t>choti road near railwey line mana ahmadani garbi</t>
  </si>
  <si>
    <t>Bareen Walla</t>
  </si>
  <si>
    <t>Kotla Ahmed Khan</t>
  </si>
  <si>
    <t>8126</t>
  </si>
  <si>
    <t>GGPS MARI WALA NO.1</t>
  </si>
  <si>
    <t>THATHA GABOOLAN-FEMALE</t>
  </si>
  <si>
    <t>Nawa Shumali</t>
  </si>
  <si>
    <t>mari wala nawa shahr</t>
  </si>
  <si>
    <t>Amna Buzdar</t>
  </si>
  <si>
    <t>2555</t>
  </si>
  <si>
    <t>5110</t>
  </si>
  <si>
    <t>8263</t>
  </si>
  <si>
    <t>GGPS HAJI DOST MUHAMMAD</t>
  </si>
  <si>
    <t>NAWAN-FEMALE</t>
  </si>
  <si>
    <t>Chak Dodara</t>
  </si>
  <si>
    <t>Basti Atta Muhammad talpur</t>
  </si>
  <si>
    <t>Basti Atta Muhammad Khan</t>
  </si>
  <si>
    <t>Doodara</t>
  </si>
  <si>
    <t>Farhat Atta</t>
  </si>
  <si>
    <t>8264</t>
  </si>
  <si>
    <t>GGPS NEW DESI WALA</t>
  </si>
  <si>
    <t>BASTI JAM-FEMALE</t>
  </si>
  <si>
    <t>Dasi Wala</t>
  </si>
  <si>
    <t>caha khoei wala</t>
  </si>
  <si>
    <t>Bisti Khoeii</t>
  </si>
  <si>
    <t>Sadia Saher</t>
  </si>
  <si>
    <t>4577</t>
  </si>
  <si>
    <t>8269</t>
  </si>
  <si>
    <t>GGPS CHAK NOOR WALA</t>
  </si>
  <si>
    <t>KOT CHUTTA-FEMALE</t>
  </si>
  <si>
    <t>Chah noor chak no 3</t>
  </si>
  <si>
    <t>Chak Noor Wala</t>
  </si>
  <si>
    <t>Nosheen Yousef</t>
  </si>
  <si>
    <t>8290</t>
  </si>
  <si>
    <t>GGPS LAL WALA</t>
  </si>
  <si>
    <t>BASTI MALANA-FEMALE</t>
  </si>
  <si>
    <t>GGPS LAL WALA, MARKAZ BASTI MALANA, KOT CHUTTA</t>
  </si>
  <si>
    <t>Lal Wala</t>
  </si>
  <si>
    <t>5181</t>
  </si>
  <si>
    <t>GPS NAHO WALA</t>
  </si>
  <si>
    <t>NAWAN SHUMALI MALE</t>
  </si>
  <si>
    <t>Nawan SHUMALI</t>
  </si>
  <si>
    <t>Kabeer wala mouza nawan shumali choti zareen</t>
  </si>
  <si>
    <t>Kabeer Wala</t>
  </si>
  <si>
    <t>Nawan</t>
  </si>
  <si>
    <t>8421</t>
  </si>
  <si>
    <t>GPS BASTI AHMAD KHAN</t>
  </si>
  <si>
    <t>thatha gabolan</t>
  </si>
  <si>
    <t>basti ahmad khan choti zareen</t>
  </si>
  <si>
    <t>Thatha Gabolan</t>
  </si>
  <si>
    <t>25883</t>
  </si>
  <si>
    <t>GPS SHAH BAKHSH AHMADANI</t>
  </si>
  <si>
    <t>D MALEJAMAL KHAN JANUBI MALE</t>
  </si>
  <si>
    <t>D Jamal Khan</t>
  </si>
  <si>
    <t>basti  ghulam  Rasool dj Khan Tehsail kot chatta  dgkhan</t>
  </si>
  <si>
    <t>Basti Ghulam  Rasool</t>
  </si>
  <si>
    <t>Darkhast Jamal Kha</t>
  </si>
  <si>
    <t>Abdul  Hameed</t>
  </si>
  <si>
    <t>8517</t>
  </si>
  <si>
    <t>GPS DURKHANI WALA</t>
  </si>
  <si>
    <t>Kot Chutta No 2</t>
  </si>
  <si>
    <t>Mandoo wala choti road near kot chutta</t>
  </si>
  <si>
    <t>Mandoo Wala</t>
  </si>
  <si>
    <t>15703</t>
  </si>
  <si>
    <t>8518</t>
  </si>
  <si>
    <t>GPS CHOHAR KOT NO.2</t>
  </si>
  <si>
    <t>MANA AHMADANI-MALE</t>
  </si>
  <si>
    <t>Yary Wali</t>
  </si>
  <si>
    <t>Manik wala Zilatax</t>
  </si>
  <si>
    <t>Kotla Gurmani</t>
  </si>
  <si>
    <t>Ara jafar</t>
  </si>
  <si>
    <t>GPS BAGGAY WALA</t>
  </si>
  <si>
    <t>BASTI jalalani</t>
  </si>
  <si>
    <t>BASTI Jalalani</t>
  </si>
  <si>
    <t>BASTI Jam</t>
  </si>
  <si>
    <t>37317</t>
  </si>
  <si>
    <t>8524</t>
  </si>
  <si>
    <t>GPS BASTI JAM</t>
  </si>
  <si>
    <t>Basti jam</t>
  </si>
  <si>
    <t>Fida HUSSAIN</t>
  </si>
  <si>
    <t>8526</t>
  </si>
  <si>
    <t>GPS ADAM WALA</t>
  </si>
  <si>
    <t>basti malana</t>
  </si>
  <si>
    <t>adam wala. basti malana</t>
  </si>
  <si>
    <t>adam wala</t>
  </si>
  <si>
    <t>bast malana</t>
  </si>
  <si>
    <t>Ghosabad</t>
  </si>
  <si>
    <t>Lashari Colony ghosabad tehsil kot chutta district d.g.khan</t>
  </si>
  <si>
    <t>Lashari Colony</t>
  </si>
  <si>
    <t>8537</t>
  </si>
  <si>
    <t>GPS BUNGLA QURESHI</t>
  </si>
  <si>
    <t>Haider Qureshii</t>
  </si>
  <si>
    <t>G.P.S Haider Qureshi,Mauza Haider Qureshi,Tehsil kot chutta</t>
  </si>
  <si>
    <t>Bangla Qureshi</t>
  </si>
  <si>
    <t>Muhammad Younis Khan  Mastoi</t>
  </si>
  <si>
    <t>8538</t>
  </si>
  <si>
    <t>GPS BASTI BUZDAR</t>
  </si>
  <si>
    <t>CHAK QABOOL Shah</t>
  </si>
  <si>
    <t>Chah Dittu Wala TEH:Kot Chhutta, Disst:DGkhan</t>
  </si>
  <si>
    <t>Dittu Wala</t>
  </si>
  <si>
    <t>8546</t>
  </si>
  <si>
    <t>GPS SINDHI WALA CHAH DHANGRI</t>
  </si>
  <si>
    <t>Chah Sindhi wala Moza Kot Chutta chak # 2 tehsil kot chutta district D g khan</t>
  </si>
  <si>
    <t>Sindhi Wala</t>
  </si>
  <si>
    <t>MC Kot Chutta</t>
  </si>
  <si>
    <t>8673</t>
  </si>
  <si>
    <t>GGMPS MALKANI KALAN</t>
  </si>
  <si>
    <t>JHOKE UTRA -FEMALE</t>
  </si>
  <si>
    <t>Malkani kalan</t>
  </si>
  <si>
    <t>government girls model primary school malkani kalan</t>
  </si>
  <si>
    <t>Malkani Kalan</t>
  </si>
  <si>
    <t>Kanwal Jabeen</t>
  </si>
  <si>
    <t>9607</t>
  </si>
  <si>
    <t>GGES CHAK NO 342 TDA</t>
  </si>
  <si>
    <t>CHOUBARA - FEMALE</t>
  </si>
  <si>
    <t>342/tda</t>
  </si>
  <si>
    <t>CH no 342.tda tehsel choubara district layah</t>
  </si>
  <si>
    <t>CH No 342/tda</t>
  </si>
  <si>
    <t>Rafiqa Bad</t>
  </si>
  <si>
    <t>zareen gull</t>
  </si>
  <si>
    <t>28805</t>
  </si>
  <si>
    <t>9685</t>
  </si>
  <si>
    <t>GPS HAFIZ ABAD</t>
  </si>
  <si>
    <t>Khairy Wala</t>
  </si>
  <si>
    <t>ada hafiz aba</t>
  </si>
  <si>
    <t>1746</t>
  </si>
  <si>
    <t>4745</t>
  </si>
  <si>
    <t>GPS CHAK NO 313 TDA</t>
  </si>
  <si>
    <t>CHAK NO. 309/TDA MALE</t>
  </si>
  <si>
    <t>Thind Klan</t>
  </si>
  <si>
    <t>Chak No 313/TDA Tehsil choubara district Layyah</t>
  </si>
  <si>
    <t>313/TDA</t>
  </si>
  <si>
    <t>Olakh Thal Klan</t>
  </si>
  <si>
    <t>35918</t>
  </si>
  <si>
    <t>20509</t>
  </si>
  <si>
    <t>GGHS AMIN PUR SYEDAN</t>
  </si>
  <si>
    <t>ferozwala</t>
  </si>
  <si>
    <t>amin pur syedan</t>
  </si>
  <si>
    <t>Nadala</t>
  </si>
  <si>
    <t>Shama Akhtar</t>
  </si>
  <si>
    <t>4798</t>
  </si>
  <si>
    <t>20516</t>
  </si>
  <si>
    <t>GGES GONDALAN WALA</t>
  </si>
  <si>
    <t>GUJRANWALA SADAR 5 - FEMALE</t>
  </si>
  <si>
    <t>GGES GONDLANWALA</t>
  </si>
  <si>
    <t>Ammara Gohar</t>
  </si>
  <si>
    <t>53541</t>
  </si>
  <si>
    <t>8986</t>
  </si>
  <si>
    <t>20532</t>
  </si>
  <si>
    <t>GGES KOT BARY KHAN</t>
  </si>
  <si>
    <t>Kot Baray Khan GRW</t>
  </si>
  <si>
    <t>Ali pur road village kot baray khan gujranwala</t>
  </si>
  <si>
    <t>Kot Baray Khan</t>
  </si>
  <si>
    <t>uzma yasmin</t>
  </si>
  <si>
    <t>23580</t>
  </si>
  <si>
    <t>20534</t>
  </si>
  <si>
    <t>GGES MAAN</t>
  </si>
  <si>
    <t>ggesmaan gujranwala</t>
  </si>
  <si>
    <t>Qilla Mian Sing</t>
  </si>
  <si>
    <t>Asifa Arshad</t>
  </si>
  <si>
    <t>9387</t>
  </si>
  <si>
    <t>22947</t>
  </si>
  <si>
    <t>GPS SHAHEEN ABAD</t>
  </si>
  <si>
    <t>st no 14 c block shaheenabad</t>
  </si>
  <si>
    <t>Muhammad Salman</t>
  </si>
  <si>
    <t>20538</t>
  </si>
  <si>
    <t>GPS RANA COLONY</t>
  </si>
  <si>
    <t>Rana Colony</t>
  </si>
  <si>
    <t>street no 4 Rana Colony G.T Road Gujranwala</t>
  </si>
  <si>
    <t>Kangani Wala</t>
  </si>
  <si>
    <t>ZAMAN KHAN</t>
  </si>
  <si>
    <t>7936</t>
  </si>
  <si>
    <t>20548</t>
  </si>
  <si>
    <t>GPS R A ISLAMIA</t>
  </si>
  <si>
    <t>Peoples Colony Gujranwala</t>
  </si>
  <si>
    <t>street 7, block w peoples colony gujranwala</t>
  </si>
  <si>
    <t>Abdullah Colony</t>
  </si>
  <si>
    <t>MUHAMMAD IMRAN</t>
  </si>
  <si>
    <t>20564</t>
  </si>
  <si>
    <t>GPS SYED PAK DHULLAY</t>
  </si>
  <si>
    <t>GUJRANWALA CITY 2 - MALE</t>
  </si>
  <si>
    <t>Dhulley</t>
  </si>
  <si>
    <t>baghwala garjakh grw</t>
  </si>
  <si>
    <t>Garjakh</t>
  </si>
  <si>
    <t>20622</t>
  </si>
  <si>
    <t>GGES KOTLI RUSTAM</t>
  </si>
  <si>
    <t>kotli rustam mohalla rasheed colony ghali 1 gujranwala</t>
  </si>
  <si>
    <t>kotli rustam</t>
  </si>
  <si>
    <t>shahida nasreen</t>
  </si>
  <si>
    <t>38626</t>
  </si>
  <si>
    <t>20641</t>
  </si>
  <si>
    <t>GGPS CHAH TAILIAN WALA</t>
  </si>
  <si>
    <t>Chahtailiyan Wala</t>
  </si>
  <si>
    <t>chahtailiyan wala st#04 Noshera road Gujranwala</t>
  </si>
  <si>
    <t>Sialwi Town</t>
  </si>
  <si>
    <t>Shahnaz Rafique</t>
  </si>
  <si>
    <t>15112</t>
  </si>
  <si>
    <t>20659</t>
  </si>
  <si>
    <t>GMPS THATHA AZAM</t>
  </si>
  <si>
    <t>GUJRANWALA SADAR 3  - FEMALE</t>
  </si>
  <si>
    <t>Thatha Azam</t>
  </si>
  <si>
    <t>thatha azam khan</t>
  </si>
  <si>
    <t>Thatha Azam Khan</t>
  </si>
  <si>
    <t>Talwndi Musa Khan</t>
  </si>
  <si>
    <t>20685</t>
  </si>
  <si>
    <t>GMPS KOROTANA</t>
  </si>
  <si>
    <t>Korotana</t>
  </si>
  <si>
    <t>GMPS korotana, P.O.Box, Kohlowala.</t>
  </si>
  <si>
    <t>Kholowala</t>
  </si>
  <si>
    <t>20690</t>
  </si>
  <si>
    <t>GGES MUSLIM CHAK</t>
  </si>
  <si>
    <t>Muslm Chak</t>
  </si>
  <si>
    <t>muslim chak gujranwala</t>
  </si>
  <si>
    <t>Muslum Chak</t>
  </si>
  <si>
    <t>Sainsra Goraya</t>
  </si>
  <si>
    <t>Faiza saeed</t>
  </si>
  <si>
    <t>20698</t>
  </si>
  <si>
    <t>GMPS RARYALA WARRICH</t>
  </si>
  <si>
    <t>Ruryala Warraich</t>
  </si>
  <si>
    <t>ruryala warraich p/o radiyala warraich tehsil o district GRW</t>
  </si>
  <si>
    <t>MandyalaWarraich</t>
  </si>
  <si>
    <t>Shagufta Younis</t>
  </si>
  <si>
    <t>12024</t>
  </si>
  <si>
    <t>4794</t>
  </si>
  <si>
    <t>GMPS KOTLI URBANG</t>
  </si>
  <si>
    <t>GUJRANWALA CITY 6 - FEMALE</t>
  </si>
  <si>
    <t>Kotli Urbung</t>
  </si>
  <si>
    <t>Rukhsana Kusar</t>
  </si>
  <si>
    <t>3583</t>
  </si>
  <si>
    <t>20723</t>
  </si>
  <si>
    <t>GGES NAWAN PIND CHEEMA</t>
  </si>
  <si>
    <t>gges Nawanpind cheema</t>
  </si>
  <si>
    <t>Nawanpind Cheema</t>
  </si>
  <si>
    <t>Nazia Waqas</t>
  </si>
  <si>
    <t>29450</t>
  </si>
  <si>
    <t>29412</t>
  </si>
  <si>
    <t>20737</t>
  </si>
  <si>
    <t>GGPS DERA AWAN</t>
  </si>
  <si>
    <t>Dera Awan</t>
  </si>
  <si>
    <t>Rukhsana Hanif</t>
  </si>
  <si>
    <t>20744</t>
  </si>
  <si>
    <t>GGES UGGU CHAK</t>
  </si>
  <si>
    <t>chak uggu</t>
  </si>
  <si>
    <t>musarrat jabeen</t>
  </si>
  <si>
    <t>19725</t>
  </si>
  <si>
    <t>54125</t>
  </si>
  <si>
    <t>20745</t>
  </si>
  <si>
    <t>GGPS THATTI DOSANDI</t>
  </si>
  <si>
    <t>Thathi Dosendi  Post office kot bhowaanidas
Gujranwala</t>
  </si>
  <si>
    <t>Thatti Dosendi</t>
  </si>
  <si>
    <t>Botalah Jhndha Singh</t>
  </si>
  <si>
    <t>Maryam Mansha</t>
  </si>
  <si>
    <t>2775</t>
  </si>
  <si>
    <t>20763</t>
  </si>
  <si>
    <t>GGES DHEERI WAL</t>
  </si>
  <si>
    <t>Dhriwal</t>
  </si>
  <si>
    <t>gges dhariwal</t>
  </si>
  <si>
    <t>Sumaira Shaheen</t>
  </si>
  <si>
    <t>20765</t>
  </si>
  <si>
    <t>GMPS SAHNAY WALA</t>
  </si>
  <si>
    <t>Sahnywala</t>
  </si>
  <si>
    <t>sahnywala po dhariwal tehsil, and distt gujranwala .</t>
  </si>
  <si>
    <t>Sajida Iqbal</t>
  </si>
  <si>
    <t>20777</t>
  </si>
  <si>
    <t>GPS SHAH PUR KHIALI</t>
  </si>
  <si>
    <t>Tara wala bazar faisal colony gujranwala</t>
  </si>
  <si>
    <t>Khiali Shah Pur</t>
  </si>
  <si>
    <t>Zaheer Aslam</t>
  </si>
  <si>
    <t>50267</t>
  </si>
  <si>
    <t>20794</t>
  </si>
  <si>
    <t>GPS AFFAN JEE TOWN</t>
  </si>
  <si>
    <t>Affan Jee Town</t>
  </si>
  <si>
    <t>GPS Affan Jee Town,Gujranwala</t>
  </si>
  <si>
    <t>---</t>
  </si>
  <si>
    <t>Sarfraz Colony</t>
  </si>
  <si>
    <t>54595</t>
  </si>
  <si>
    <t>20796</t>
  </si>
  <si>
    <t>GPS MUBARAK COLONY</t>
  </si>
  <si>
    <t>shah rukh colony gala kabrastan Hafiz abad road Gujranwala</t>
  </si>
  <si>
    <t>Zahid Anjum</t>
  </si>
  <si>
    <t>23126</t>
  </si>
  <si>
    <t>GPS ILYAS COLONY</t>
  </si>
  <si>
    <t>GUJRANWALA SADAR 4 - MALE</t>
  </si>
  <si>
    <t>shkiupura road main bazar ilyas colony</t>
  </si>
  <si>
    <t>Ilyas Colony</t>
  </si>
  <si>
    <t>Arshad Javaid</t>
  </si>
  <si>
    <t>GPS MC NO.15</t>
  </si>
  <si>
    <t>Sardar Colony</t>
  </si>
  <si>
    <t>GPS m.c.15 ,30foot bazaar sardar colony khiali gujranwala</t>
  </si>
  <si>
    <t>Khiali Shahpur</t>
  </si>
  <si>
    <t>Arshad Hussain</t>
  </si>
  <si>
    <t>GGHS DHULLEY</t>
  </si>
  <si>
    <t>MAIN BAZAR DHULLEY NEAR U.P CHUECH DHULLEY</t>
  </si>
  <si>
    <t>DHULLEY</t>
  </si>
  <si>
    <t>Nabila Khanum</t>
  </si>
  <si>
    <t>20833</t>
  </si>
  <si>
    <t>GHS MC NO.12 PEOPLES COLONY</t>
  </si>
  <si>
    <t>W block peoples colony gujranwala</t>
  </si>
  <si>
    <t>Muhammad Muzammil hafeez</t>
  </si>
  <si>
    <t>53816</t>
  </si>
  <si>
    <t>20859</t>
  </si>
  <si>
    <t>GPS NAGRI AHMED SHAH</t>
  </si>
  <si>
    <t>Nagri Ahmed Shah Gujranwala</t>
  </si>
  <si>
    <t>Nagri Ahmed Shah</t>
  </si>
  <si>
    <t>Mohammad Ashraf</t>
  </si>
  <si>
    <t>10955</t>
  </si>
  <si>
    <t>20871</t>
  </si>
  <si>
    <t>GHSS GHAKHAR</t>
  </si>
  <si>
    <t>Zulfiqar Ali Chattha</t>
  </si>
  <si>
    <t>GHS CHRISTIAN WAZIRABAD</t>
  </si>
  <si>
    <t>moti bazar wazirabad</t>
  </si>
  <si>
    <t>moti bazar</t>
  </si>
  <si>
    <t>shafiq ahmad</t>
  </si>
  <si>
    <t>7190</t>
  </si>
  <si>
    <t>10282</t>
  </si>
  <si>
    <t>GHS DHAUNKAL</t>
  </si>
  <si>
    <t>dhaunkal</t>
  </si>
  <si>
    <t>CH. IHSAN ALI CHEEMA</t>
  </si>
  <si>
    <t>40414</t>
  </si>
  <si>
    <t>20884</t>
  </si>
  <si>
    <t>GHS HAZRAT KAILIAN WALA</t>
  </si>
  <si>
    <t>Hazrat Kailianwala HazratKAILIANWALA KAILIANWALA</t>
  </si>
  <si>
    <t>Ghs hazrat kailianwala tehsil wazirabad district gujranwala</t>
  </si>
  <si>
    <t>HAZRAT KAILIANWALA</t>
  </si>
  <si>
    <t>Hazrat Kailianwala HazratKAILIANWALA</t>
  </si>
  <si>
    <t>Nasir Iqbal</t>
  </si>
  <si>
    <t>handpump and water pump</t>
  </si>
  <si>
    <t>44402</t>
  </si>
  <si>
    <t>20885</t>
  </si>
  <si>
    <t>GHS MANZOOR ABAD</t>
  </si>
  <si>
    <t>Manzoorabad Wazirabad</t>
  </si>
  <si>
    <t>Naveed Ahmad</t>
  </si>
  <si>
    <t>17290</t>
  </si>
  <si>
    <t>20902</t>
  </si>
  <si>
    <t>GGHS KALASKE</t>
  </si>
  <si>
    <t>KALASKE</t>
  </si>
  <si>
    <t>kalaske</t>
  </si>
  <si>
    <t>Kalaske</t>
  </si>
  <si>
    <t>BUSHRA NAZ</t>
  </si>
  <si>
    <t>20916</t>
  </si>
  <si>
    <t>GES MADAN CHAK</t>
  </si>
  <si>
    <t>Madan Chack</t>
  </si>
  <si>
    <t>Madan Chack post office Ali Pur Chattha,wazirabad,Gujranwal</t>
  </si>
  <si>
    <t>Khalid Mehmood Chattha</t>
  </si>
  <si>
    <t>GGHS WADALA CHEEMA</t>
  </si>
  <si>
    <t>Wadala Cheema</t>
  </si>
  <si>
    <t>Wadala Cheema Tehsil Wazirabad</t>
  </si>
  <si>
    <t>Bhatti ke</t>
  </si>
  <si>
    <t>20939</t>
  </si>
  <si>
    <t>GGHS GAKHAR NO.2</t>
  </si>
  <si>
    <t>muhala lakh data ghakhar</t>
  </si>
  <si>
    <t>Shamsa Masud</t>
  </si>
  <si>
    <t>4853</t>
  </si>
  <si>
    <t>GGES GILL WALA</t>
  </si>
  <si>
    <t>AHMAD NAGER 1 - FEMALE</t>
  </si>
  <si>
    <t>Gill wala , ahmad nagar</t>
  </si>
  <si>
    <t>sofia shafiq</t>
  </si>
  <si>
    <t>GGHS SAROKE</t>
  </si>
  <si>
    <t>Saroki</t>
  </si>
  <si>
    <t>vpo saroki tehsil wazerbad  district gujranwala</t>
  </si>
  <si>
    <t>Kakka Kolo</t>
  </si>
  <si>
    <t>Misbah Nosheen Mehmood</t>
  </si>
  <si>
    <t>37200</t>
  </si>
  <si>
    <t>20983</t>
  </si>
  <si>
    <t>GPS WADALA CHEEMA</t>
  </si>
  <si>
    <t>Wadala</t>
  </si>
  <si>
    <t>Bhattikay</t>
  </si>
  <si>
    <t>Abubaker Azam</t>
  </si>
  <si>
    <t>26421</t>
  </si>
  <si>
    <t>20995</t>
  </si>
  <si>
    <t>GPS ISMAIL PUR</t>
  </si>
  <si>
    <t>Ismail Pur</t>
  </si>
  <si>
    <t>ismail pur wazirabad</t>
  </si>
  <si>
    <t>Ghakka Mitter</t>
  </si>
  <si>
    <t>Fayyaz Nabi</t>
  </si>
  <si>
    <t>949</t>
  </si>
  <si>
    <t>21009</t>
  </si>
  <si>
    <t>GPS CHAK DADAN</t>
  </si>
  <si>
    <t>Chak Dadan</t>
  </si>
  <si>
    <t>chak dada</t>
  </si>
  <si>
    <t>Nutt Klan</t>
  </si>
  <si>
    <t>Syed Shakeel Haider</t>
  </si>
  <si>
    <t>21013</t>
  </si>
  <si>
    <t>GPS KOT YOUSAF</t>
  </si>
  <si>
    <t>Kot  Yousaf</t>
  </si>
  <si>
    <t>GPS kot  yousaf</t>
  </si>
  <si>
    <t>KottYousaf</t>
  </si>
  <si>
    <t>Jora Sayyan</t>
  </si>
  <si>
    <t>Aftab Azhar</t>
  </si>
  <si>
    <t>18539</t>
  </si>
  <si>
    <t>21016</t>
  </si>
  <si>
    <t>GPS BURJ MUNCHAR KHURD</t>
  </si>
  <si>
    <t>Burj Manchar Khurd</t>
  </si>
  <si>
    <t>Burj Manchar khurd Teh Wazir Abad Distt Gujranwala</t>
  </si>
  <si>
    <t>Kailainwala</t>
  </si>
  <si>
    <t>Ikram Ullah</t>
  </si>
  <si>
    <t>21039</t>
  </si>
  <si>
    <t>GPS GHAYYA WALA</t>
  </si>
  <si>
    <t>Ghayyawala</t>
  </si>
  <si>
    <t>Kausar Abbas</t>
  </si>
  <si>
    <t>11238</t>
  </si>
  <si>
    <t>19638</t>
  </si>
  <si>
    <t>35004</t>
  </si>
  <si>
    <t>GPS SULTAN MEHMOOD WALA P/O BEAT KATCH</t>
  </si>
  <si>
    <t>chah Jam sultan mahmood wala bait kaitch janubi</t>
  </si>
  <si>
    <t>Chah Jam Sultan Mahmood Wala</t>
  </si>
  <si>
    <t>Muhammad Sabir Iqbal</t>
  </si>
  <si>
    <t>3268</t>
  </si>
  <si>
    <t>35007</t>
  </si>
  <si>
    <t>GMMS REHMANIA BASTI AHMED BUX WALI P/O JALALPUR PIRWALA</t>
  </si>
  <si>
    <t>JAHAN PUR - MALE</t>
  </si>
  <si>
    <t>Anyat Pur</t>
  </si>
  <si>
    <t>Basti noon Sial amir moor</t>
  </si>
  <si>
    <t>Noon Sial</t>
  </si>
  <si>
    <t>AnyatPur</t>
  </si>
  <si>
    <t>Naseem Abbas</t>
  </si>
  <si>
    <t>35010</t>
  </si>
  <si>
    <t>GPS HAZOOR BAKHSH KATCHALA</t>
  </si>
  <si>
    <t>Karmoon Wali</t>
  </si>
  <si>
    <t>basti chan abdullah wala</t>
  </si>
  <si>
    <t>Chan Abdullah Wala</t>
  </si>
  <si>
    <t>Hafiz Muhammad Muneeb Arshad</t>
  </si>
  <si>
    <t>35017</t>
  </si>
  <si>
    <t>GHSS 142 EB</t>
  </si>
  <si>
    <t>GHSS 142/EB</t>
  </si>
  <si>
    <t>CHAK # 142/EB</t>
  </si>
  <si>
    <t>CHAK # 148/EB</t>
  </si>
  <si>
    <t>Muhammad Anees Akram</t>
  </si>
  <si>
    <t>35049</t>
  </si>
  <si>
    <t>GGHS CHAK NO 505 EB BUREWALA</t>
  </si>
  <si>
    <t>Gg</t>
  </si>
  <si>
    <t>CHAK # 505/e.b burewala</t>
  </si>
  <si>
    <t>Chak#505/eb</t>
  </si>
  <si>
    <t>435/eb</t>
  </si>
  <si>
    <t>Wageeha Rehana</t>
  </si>
  <si>
    <t>35068</t>
  </si>
  <si>
    <t>GES CHAK NO.497/EB</t>
  </si>
  <si>
    <t>DALLAN BANGLA WEST-MALE</t>
  </si>
  <si>
    <t>497/eb</t>
  </si>
  <si>
    <t>G E S              497/end burewala.</t>
  </si>
  <si>
    <t>Chak No 497/eb</t>
  </si>
  <si>
    <t>425/eb</t>
  </si>
  <si>
    <t>Muhammad Aslam Saleem</t>
  </si>
  <si>
    <t>7270</t>
  </si>
  <si>
    <t>9948</t>
  </si>
  <si>
    <t>GGHS SETTELITE TOWN BUREWALA</t>
  </si>
  <si>
    <t>satellites town burewala</t>
  </si>
  <si>
    <t>Mujahid Colony</t>
  </si>
  <si>
    <t>Sadaf Nazir Chudhary</t>
  </si>
  <si>
    <t>GGES 423 EB</t>
  </si>
  <si>
    <t>423/Eb</t>
  </si>
  <si>
    <t>g.g.e.school 423eb burewala</t>
  </si>
  <si>
    <t>423 Eb</t>
  </si>
  <si>
    <t>425 Eb</t>
  </si>
  <si>
    <t>35198</t>
  </si>
  <si>
    <t>GPS CHAK NO.507/EB</t>
  </si>
  <si>
    <t>507/EB</t>
  </si>
  <si>
    <t>chak 507/eb</t>
  </si>
  <si>
    <t>521/eb</t>
  </si>
  <si>
    <t>MAQBOOL-UL-HAQ</t>
  </si>
  <si>
    <t>8863</t>
  </si>
  <si>
    <t>35217</t>
  </si>
  <si>
    <t>GPS CHAK GAGGOO MANDI</t>
  </si>
  <si>
    <t>GAGGOO WEST-MALE</t>
  </si>
  <si>
    <t>187eb</t>
  </si>
  <si>
    <t>lahore road gaggoo</t>
  </si>
  <si>
    <t>Gaggoo  Mandi</t>
  </si>
  <si>
    <t>Mohammad Javed Tariq</t>
  </si>
  <si>
    <t>35254</t>
  </si>
  <si>
    <t>GPS CHAK NO. 357/EB</t>
  </si>
  <si>
    <t>chak no 357/EB</t>
  </si>
  <si>
    <t>chak no.357/E.B tehsil burewala distt. vehari</t>
  </si>
  <si>
    <t>chak no175/EB</t>
  </si>
  <si>
    <t>muhammad sarwar tahir</t>
  </si>
  <si>
    <t>28613</t>
  </si>
  <si>
    <t>19613</t>
  </si>
  <si>
    <t>GPS 337 EB</t>
  </si>
  <si>
    <t>Chak 337 EB</t>
  </si>
  <si>
    <t>Chak no 337EB PO ChakNo331EBTehsil Burewala Distt Vehari</t>
  </si>
  <si>
    <t>337/EB</t>
  </si>
  <si>
    <t>Chak 333 EB</t>
  </si>
  <si>
    <t>24082</t>
  </si>
  <si>
    <t>4520</t>
  </si>
  <si>
    <t>35339</t>
  </si>
  <si>
    <t>GGPS 148/EB</t>
  </si>
  <si>
    <t>DALLAN BANGLA - FEMALE</t>
  </si>
  <si>
    <t>chak # 148/EB</t>
  </si>
  <si>
    <t>148/EB</t>
  </si>
  <si>
    <t>Shala  Wazir</t>
  </si>
  <si>
    <t>15673</t>
  </si>
  <si>
    <t>15354</t>
  </si>
  <si>
    <t>GGHS CHAK NO 97 RB</t>
  </si>
  <si>
    <t>Johal</t>
  </si>
  <si>
    <t>GOVT. GIRLS HIGH SCHOOL 97 RB JOHAL FSD</t>
  </si>
  <si>
    <t>NISHAT SULTANA</t>
  </si>
  <si>
    <t>GHS 104 GB</t>
  </si>
  <si>
    <t>Chak No.104 GB</t>
  </si>
  <si>
    <t>chak No.63 GB</t>
  </si>
  <si>
    <t>MUJAHID RASHID HUSSAIN</t>
  </si>
  <si>
    <t>15389</t>
  </si>
  <si>
    <t>GHS CHAK 34 GB SATIANA FSD</t>
  </si>
  <si>
    <t>Chak No 34 gb</t>
  </si>
  <si>
    <t>chak no 34 GB jaranwala fsd</t>
  </si>
  <si>
    <t>Chak No 34gb</t>
  </si>
  <si>
    <t>Chak No 35 Gb</t>
  </si>
  <si>
    <t>15391</t>
  </si>
  <si>
    <t>GHS CHAK NO 363 GB</t>
  </si>
  <si>
    <t>chak no 363 gb . Tehsil Jaranwala Dist. Faisalabad</t>
  </si>
  <si>
    <t>Chak No 363 Gb</t>
  </si>
  <si>
    <t>Chak 363 Gb</t>
  </si>
  <si>
    <t>29080</t>
  </si>
  <si>
    <t>15394</t>
  </si>
  <si>
    <t>GHS CHAK NO 383 GB</t>
  </si>
  <si>
    <t>GHS 383 GB jaranwala faisal abad</t>
  </si>
  <si>
    <t>chak no 383 gb</t>
  </si>
  <si>
    <t>ALTAF HUSSAIN</t>
  </si>
  <si>
    <t>12816</t>
  </si>
  <si>
    <t>15395</t>
  </si>
  <si>
    <t>GHS CHAK 433 GB SATIANA FSD</t>
  </si>
  <si>
    <t>jhok Ditta</t>
  </si>
  <si>
    <t>chak no.  433 GB jhok Ditta</t>
  </si>
  <si>
    <t>Chak  no. 433 GB</t>
  </si>
  <si>
    <t>chak no. 434 Gb</t>
  </si>
  <si>
    <t>muhammad skhawat zia</t>
  </si>
  <si>
    <t>15404</t>
  </si>
  <si>
    <t>GGHS MC NO.1 JARANWALA</t>
  </si>
  <si>
    <t>Near Muncipal Corporation Water Works Road Jaranwala</t>
  </si>
  <si>
    <t>Water Works Road Jrw</t>
  </si>
  <si>
    <t>City Jrw</t>
  </si>
  <si>
    <t>BILQUEES AKHTER</t>
  </si>
  <si>
    <t>90032</t>
  </si>
  <si>
    <t>15408</t>
  </si>
  <si>
    <t>GGHS CHAK 109 GB</t>
  </si>
  <si>
    <t>CHAK NO 109 GB</t>
  </si>
  <si>
    <t>GGHS 109 GB CHAK NO 109 GB</t>
  </si>
  <si>
    <t>109GB</t>
  </si>
  <si>
    <t>neelam afzal</t>
  </si>
  <si>
    <t>15410</t>
  </si>
  <si>
    <t>GGHS CHAK 151 RB</t>
  </si>
  <si>
    <t>Vinjwan</t>
  </si>
  <si>
    <t>Chak no 151 rb tehsil jaranwala distt faisalabad</t>
  </si>
  <si>
    <t>151 Rb</t>
  </si>
  <si>
    <t>Sana Shabbir</t>
  </si>
  <si>
    <t>15412</t>
  </si>
  <si>
    <t>GGHS CHAK 240 GB</t>
  </si>
  <si>
    <t>dana abad</t>
  </si>
  <si>
    <t>GGHS 240 GB</t>
  </si>
  <si>
    <t>240 gb</t>
  </si>
  <si>
    <t>240 GB</t>
  </si>
  <si>
    <t>Nighat Hameed</t>
  </si>
  <si>
    <t>12572</t>
  </si>
  <si>
    <t>GGHS CHAK 72 RB</t>
  </si>
  <si>
    <t>Bahmaniwala</t>
  </si>
  <si>
    <t>Chak No.72 RB</t>
  </si>
  <si>
    <t>Sheikho Ana</t>
  </si>
  <si>
    <t>Mrs Nazneen Ruhi</t>
  </si>
  <si>
    <t>17734</t>
  </si>
  <si>
    <t>GHSS SATIANA, FAISALABAD</t>
  </si>
  <si>
    <t>CHAK NO 39 GB, SATIANA</t>
  </si>
  <si>
    <t>MUHAMMAD HAFEEZ</t>
  </si>
  <si>
    <t>32426</t>
  </si>
  <si>
    <t>35289</t>
  </si>
  <si>
    <t>15277</t>
  </si>
  <si>
    <t>3772</t>
  </si>
  <si>
    <t>GPS CHAK 137 GB I SAMUNDRI</t>
  </si>
  <si>
    <t>SAMMUNDRI 3 - MALE</t>
  </si>
  <si>
    <t>Nanak Kot</t>
  </si>
  <si>
    <t>chak no 137 GB Samundri</t>
  </si>
  <si>
    <t>137 GB</t>
  </si>
  <si>
    <t>Wasif Ali</t>
  </si>
  <si>
    <t>from samundri</t>
  </si>
  <si>
    <t>31166</t>
  </si>
  <si>
    <t>15558</t>
  </si>
  <si>
    <t>GGPS CHAK 46 GB SAMUNDRI</t>
  </si>
  <si>
    <t>Chak no46gb</t>
  </si>
  <si>
    <t>chak no46gb</t>
  </si>
  <si>
    <t>Chak No46gb</t>
  </si>
  <si>
    <t>Chak No43gb</t>
  </si>
  <si>
    <t>52660</t>
  </si>
  <si>
    <t>GGPS CHAK 414 GB SAMUNDRI</t>
  </si>
  <si>
    <t>Jaloana Sharif</t>
  </si>
  <si>
    <t>Chak no 414gb samundri</t>
  </si>
  <si>
    <t>414gb Samundri</t>
  </si>
  <si>
    <t>Sadhanwala</t>
  </si>
  <si>
    <t>Maqsood Akhtar</t>
  </si>
  <si>
    <t>34706</t>
  </si>
  <si>
    <t>GHS CHAK 170 GB SAMUNDRI FSD</t>
  </si>
  <si>
    <t>170 GB</t>
  </si>
  <si>
    <t>CHAK NO 170 GB SAMUNDRI FAISALABAD</t>
  </si>
  <si>
    <t>QUTROWAL</t>
  </si>
  <si>
    <t>CHAK NO 170 GB</t>
  </si>
  <si>
    <t>Faiz Mehmood</t>
  </si>
  <si>
    <t>19582</t>
  </si>
  <si>
    <t>GHS CHAK NO. 530/GB FSD</t>
  </si>
  <si>
    <t>NARANGWAL</t>
  </si>
  <si>
    <t>CHAK NO. 530 GB</t>
  </si>
  <si>
    <t>530 GB</t>
  </si>
  <si>
    <t>CHAK NO. 41 GB JAGDY</t>
  </si>
  <si>
    <t>15706</t>
  </si>
  <si>
    <t>GHS NO. 2 SAMUNDRI FSD</t>
  </si>
  <si>
    <t>GHS NO.2 SAMUNDRI 137 ROAD SAMUNDRI</t>
  </si>
  <si>
    <t>RAVI MOHALLA</t>
  </si>
  <si>
    <t>CITY SMD</t>
  </si>
  <si>
    <t>WASIM RIAZ</t>
  </si>
  <si>
    <t>2633</t>
  </si>
  <si>
    <t>GHS CHAK 193 GB SHUMALI SAMUNDRI FSD</t>
  </si>
  <si>
    <t>Yousaf Pura</t>
  </si>
  <si>
    <t>chak 193 gb north</t>
  </si>
  <si>
    <t>Chak 193 Gb North</t>
  </si>
  <si>
    <t>Chak 193 Gb South</t>
  </si>
  <si>
    <t>ATHAR ALI MAHMOOD</t>
  </si>
  <si>
    <t>15729</t>
  </si>
  <si>
    <t>GGHS CHAK NO 477 GB W</t>
  </si>
  <si>
    <t>mOZA</t>
  </si>
  <si>
    <t>cHAK nO 477 GB (W)</t>
  </si>
  <si>
    <t>477 GB</t>
  </si>
  <si>
    <t>475 GB</t>
  </si>
  <si>
    <t>ZOHRA PARVEEN</t>
  </si>
  <si>
    <t>34949</t>
  </si>
  <si>
    <t>47456</t>
  </si>
  <si>
    <t>15732</t>
  </si>
  <si>
    <t>GGHS CHAK NO 195 GB</t>
  </si>
  <si>
    <t>Pindori</t>
  </si>
  <si>
    <t>Chak No. 195 GB</t>
  </si>
  <si>
    <t>Chak No. 193 G B</t>
  </si>
  <si>
    <t>gulshan parveen</t>
  </si>
  <si>
    <t>47261</t>
  </si>
  <si>
    <t>15757</t>
  </si>
  <si>
    <t>GPS 219 RB I</t>
  </si>
  <si>
    <t>219 RB</t>
  </si>
  <si>
    <t>Chak 219rb Talianwala</t>
  </si>
  <si>
    <t>Naimatabad</t>
  </si>
  <si>
    <t>34831</t>
  </si>
  <si>
    <t>35366</t>
  </si>
  <si>
    <t>15767</t>
  </si>
  <si>
    <t>GPS 232 RB I</t>
  </si>
  <si>
    <t>Chak No 232 RB 1</t>
  </si>
  <si>
    <t>Chak #232 Rb 1</t>
  </si>
  <si>
    <t>232RB1</t>
  </si>
  <si>
    <t>Chak 231 Risaewla</t>
  </si>
  <si>
    <t>M Zahid Sarwar</t>
  </si>
  <si>
    <t>10990</t>
  </si>
  <si>
    <t>15919</t>
  </si>
  <si>
    <t>GPS CHAK 273 RB ALI WAL FSD</t>
  </si>
  <si>
    <t>Ali Waal</t>
  </si>
  <si>
    <t>273 RB Ali Waal FAISALABAD SADAR</t>
  </si>
  <si>
    <t>JALANDHAR</t>
  </si>
  <si>
    <t>1803</t>
  </si>
  <si>
    <t>54912</t>
  </si>
  <si>
    <t>15932</t>
  </si>
  <si>
    <t>GGCMES CHAK NO. 239 RB</t>
  </si>
  <si>
    <t>near purana ada khanuana 239rb</t>
  </si>
  <si>
    <t>Maryam Majeed</t>
  </si>
  <si>
    <t>7934</t>
  </si>
  <si>
    <t>7984</t>
  </si>
  <si>
    <t>15947</t>
  </si>
  <si>
    <t>GGPS CHAK 191 RB WEST</t>
  </si>
  <si>
    <t>Moloani Harlan</t>
  </si>
  <si>
    <t>chak#191 r.b west faisalabad</t>
  </si>
  <si>
    <t>191RB West</t>
  </si>
  <si>
    <t>Sultan Nagar</t>
  </si>
  <si>
    <t>Nazia Parveen</t>
  </si>
  <si>
    <t>32920</t>
  </si>
  <si>
    <t>GGCMES CHAK 8 JB</t>
  </si>
  <si>
    <t>Punjgarieya</t>
  </si>
  <si>
    <t>Chak#8jbpunjgrain</t>
  </si>
  <si>
    <t>Chak#8jb</t>
  </si>
  <si>
    <t>Chak#6jb East</t>
  </si>
  <si>
    <t>Shakila Firdous</t>
  </si>
  <si>
    <t>15983</t>
  </si>
  <si>
    <t>GGPS chak 4 JB</t>
  </si>
  <si>
    <t>botewala</t>
  </si>
  <si>
    <t>chak no 4 jb sg rd faisalabad</t>
  </si>
  <si>
    <t>ramdewali</t>
  </si>
  <si>
    <t>Humera Naz</t>
  </si>
  <si>
    <t>15985</t>
  </si>
  <si>
    <t>GGPS 48 JB</t>
  </si>
  <si>
    <t>48jb</t>
  </si>
  <si>
    <t>Ggps 48jb</t>
  </si>
  <si>
    <t>13117</t>
  </si>
  <si>
    <t>49140</t>
  </si>
  <si>
    <t>16014</t>
  </si>
  <si>
    <t>GGPS CHAK NO 84 GB</t>
  </si>
  <si>
    <t>GGPS 84gb</t>
  </si>
  <si>
    <t>Ggps chak no 84 gb</t>
  </si>
  <si>
    <t>84 GB</t>
  </si>
  <si>
    <t>21767</t>
  </si>
  <si>
    <t>16022</t>
  </si>
  <si>
    <t>GGCMS CHAK 243 RB</t>
  </si>
  <si>
    <t>Jhok Kharlan</t>
  </si>
  <si>
    <t>243 rb</t>
  </si>
  <si>
    <t>242 Rb Dasuha</t>
  </si>
  <si>
    <t>Rahat Farzana</t>
  </si>
  <si>
    <t>16062</t>
  </si>
  <si>
    <t>GGPS CHAK 659 GB I CHUGAL PURA</t>
  </si>
  <si>
    <t>chak no 659 GB chugalpura</t>
  </si>
  <si>
    <t>659 Gb</t>
  </si>
  <si>
    <t>Pathan Wala</t>
  </si>
  <si>
    <t>Aasma Zulfiqar</t>
  </si>
  <si>
    <t>13190</t>
  </si>
  <si>
    <t>20276</t>
  </si>
  <si>
    <t>16076</t>
  </si>
  <si>
    <t>GHS CHAK 204 RB</t>
  </si>
  <si>
    <t>chak no. 204 rb fsd</t>
  </si>
  <si>
    <t>CHAK NO. 204 RB FSD</t>
  </si>
  <si>
    <t>CHAK NO. 204 RB</t>
  </si>
  <si>
    <t>Muhammad Zahid Javid</t>
  </si>
  <si>
    <t>GGHS CHAK NO 195 RB FSD</t>
  </si>
  <si>
    <t>chak 195 RB Jandanwala Fsd</t>
  </si>
  <si>
    <t>195 RB Jandanwala</t>
  </si>
  <si>
    <t>Maimoona Yaqoob</t>
  </si>
  <si>
    <t>28360</t>
  </si>
  <si>
    <t>12790</t>
  </si>
  <si>
    <t>16118</t>
  </si>
  <si>
    <t>GGHS CHAK NO 41 JB</t>
  </si>
  <si>
    <t>1.33403e+006</t>
  </si>
  <si>
    <t>18548</t>
  </si>
  <si>
    <t>GGES CHAK 4 JB</t>
  </si>
  <si>
    <t>Chak No 4jb</t>
  </si>
  <si>
    <t>GGGES4Jb</t>
  </si>
  <si>
    <t>2Jb</t>
  </si>
  <si>
    <t>57664</t>
  </si>
  <si>
    <t>16167</t>
  </si>
  <si>
    <t>GGHS CHAK 259 RB GOROSAR</t>
  </si>
  <si>
    <t>Gurusar</t>
  </si>
  <si>
    <t>chak no 259rb Gurusar FSD sadar</t>
  </si>
  <si>
    <t>259rb</t>
  </si>
  <si>
    <t>Chak 260 Rb</t>
  </si>
  <si>
    <t>Rukhshinda Begum</t>
  </si>
  <si>
    <t>64559</t>
  </si>
  <si>
    <t>16169</t>
  </si>
  <si>
    <t>GGES CHAK NO 270 RB</t>
  </si>
  <si>
    <t>270 RB</t>
  </si>
  <si>
    <t>chak no 270 RB</t>
  </si>
  <si>
    <t>Majhiwal</t>
  </si>
  <si>
    <t>Saba Rasheed</t>
  </si>
  <si>
    <t>16177</t>
  </si>
  <si>
    <t>GES CHAK 276 RB FSD</t>
  </si>
  <si>
    <t>Chak No276 Rb Gokhowal</t>
  </si>
  <si>
    <t>ges 276 rb chak no.276 rb</t>
  </si>
  <si>
    <t>276 Rb</t>
  </si>
  <si>
    <t>Chak No 275 Rb</t>
  </si>
  <si>
    <t>22222</t>
  </si>
  <si>
    <t>16195</t>
  </si>
  <si>
    <t>GHS DIST PBL BANGLOW NARWALA FSD</t>
  </si>
  <si>
    <t>59 JB</t>
  </si>
  <si>
    <t>chak # 59 JB Faisalabad</t>
  </si>
  <si>
    <t>CHAK 59 JB</t>
  </si>
  <si>
    <t>AFZAL MAHMOOD</t>
  </si>
  <si>
    <t>16202</t>
  </si>
  <si>
    <t>GHS MUSLIM CHAK 41 JB FSD</t>
  </si>
  <si>
    <t>Chak 41 Jb</t>
  </si>
  <si>
    <t>chak no 41 jb Faisalabad</t>
  </si>
  <si>
    <t>41883</t>
  </si>
  <si>
    <t>GGHS CHAK 232 RB BAWAY WALA FSD</t>
  </si>
  <si>
    <t>Govt Girls High school 232RB</t>
  </si>
  <si>
    <t>232RB Bawaywala</t>
  </si>
  <si>
    <t>risalwala 231RB</t>
  </si>
  <si>
    <t>16227</t>
  </si>
  <si>
    <t>GGHS CHAK NO.198 RB FSD</t>
  </si>
  <si>
    <t>muniwala</t>
  </si>
  <si>
    <t>govt girls high school 198 rb muniwala fsd</t>
  </si>
  <si>
    <t>chak no 198 rb fsd</t>
  </si>
  <si>
    <t>199 rb gutwala</t>
  </si>
  <si>
    <t>21210</t>
  </si>
  <si>
    <t>38946</t>
  </si>
  <si>
    <t>48316</t>
  </si>
  <si>
    <t>16231</t>
  </si>
  <si>
    <t>GGHS 226/RB</t>
  </si>
  <si>
    <t>Chak No 226 Rb</t>
  </si>
  <si>
    <t>gghs226rb</t>
  </si>
  <si>
    <t>Chak No 226rb</t>
  </si>
  <si>
    <t>Chak  No 235 Rb</t>
  </si>
  <si>
    <t>TAHIRA JABEEN</t>
  </si>
  <si>
    <t>16238</t>
  </si>
  <si>
    <t>GGHS 36/JB</t>
  </si>
  <si>
    <t>Gghs36jb</t>
  </si>
  <si>
    <t>chak no 36 jb</t>
  </si>
  <si>
    <t>36 jb</t>
  </si>
  <si>
    <t>chak no 34 jb</t>
  </si>
  <si>
    <t>nida sarfraz</t>
  </si>
  <si>
    <t>17619</t>
  </si>
  <si>
    <t>34883</t>
  </si>
  <si>
    <t>16254</t>
  </si>
  <si>
    <t>GGHSS CHAK 49 JB FSD</t>
  </si>
  <si>
    <t>MUNDA PIND</t>
  </si>
  <si>
    <t>CHAK NO 49/ JB FSD</t>
  </si>
  <si>
    <t>BORAY WAAL</t>
  </si>
  <si>
    <t>Munawer Yousaf</t>
  </si>
  <si>
    <t>16258</t>
  </si>
  <si>
    <t>GGHSS CHAK 30 JB FSD</t>
  </si>
  <si>
    <t>GGHSS 30 JB, FAISALABAD</t>
  </si>
  <si>
    <t>FARHAT FIRDOUS</t>
  </si>
  <si>
    <t>1681</t>
  </si>
  <si>
    <t>16359</t>
  </si>
  <si>
    <t>GGPS CHAK 102 JB</t>
  </si>
  <si>
    <t>Burj Mandi</t>
  </si>
  <si>
    <t>102 jb burj mandi</t>
  </si>
  <si>
    <t>102 Jb Burj Mandi</t>
  </si>
  <si>
    <t>102 Jb Burj</t>
  </si>
  <si>
    <t>Saba Batool</t>
  </si>
  <si>
    <t>52753</t>
  </si>
  <si>
    <t>GGPS CHAK 17 JB</t>
  </si>
  <si>
    <t>balamabad</t>
  </si>
  <si>
    <t>17jb1</t>
  </si>
  <si>
    <t>Chak No  17 JB</t>
  </si>
  <si>
    <t>qadar k</t>
  </si>
  <si>
    <t>Mumtaz Ghulam Muhammad</t>
  </si>
  <si>
    <t>28045</t>
  </si>
  <si>
    <t>27641</t>
  </si>
  <si>
    <t>16447</t>
  </si>
  <si>
    <t>GHS CHAK 135 RB CHAK JHUMRA FSD</t>
  </si>
  <si>
    <t>Kanan Sian</t>
  </si>
  <si>
    <t>135rbfsd</t>
  </si>
  <si>
    <t>135rb</t>
  </si>
  <si>
    <t>136rb</t>
  </si>
  <si>
    <t>Muhammad Zahoor Ul Hassan Shah</t>
  </si>
  <si>
    <t>98726</t>
  </si>
  <si>
    <t>21922</t>
  </si>
  <si>
    <t>GHS CHAK 156 RB CHAK JHUMRA FSD</t>
  </si>
  <si>
    <t>CHAK NO 156 RB</t>
  </si>
  <si>
    <t>CHAK NO 156 RB CHAK JHUMRA FAISALABAD</t>
  </si>
  <si>
    <t>DHAR</t>
  </si>
  <si>
    <t>maqbool ahmad</t>
  </si>
  <si>
    <t>13089</t>
  </si>
  <si>
    <t>16039</t>
  </si>
  <si>
    <t>14127</t>
  </si>
  <si>
    <t>KOT MITHAN - FEMALE</t>
  </si>
  <si>
    <t>basti Rahim shah</t>
  </si>
  <si>
    <t>14139</t>
  </si>
  <si>
    <t>GMPS MUD MOULVI</t>
  </si>
  <si>
    <t>MURGHAI - FEMALE</t>
  </si>
  <si>
    <t>MUD MOLVI</t>
  </si>
  <si>
    <t>BAMBKA MUD MOLVI P/O KOT MITHAN</t>
  </si>
  <si>
    <t>MURGHAI</t>
  </si>
  <si>
    <t>Talat Bibi</t>
  </si>
  <si>
    <t>6279</t>
  </si>
  <si>
    <t>GGPS NOORPUR NO 2</t>
  </si>
  <si>
    <t>NOOR PUR - FEMALE</t>
  </si>
  <si>
    <t>Rajan Pur No 01</t>
  </si>
  <si>
    <t>Alfarooq Town  Aqil pur road Rajan Pur</t>
  </si>
  <si>
    <t>Alfarooq Town</t>
  </si>
  <si>
    <t>M C Rajanpur</t>
  </si>
  <si>
    <t>12822</t>
  </si>
  <si>
    <t>GMPS EIDGAH RAJANPUR</t>
  </si>
  <si>
    <t>RAJANPUR CITY - FEMALE</t>
  </si>
  <si>
    <t>theri  coloni  rajan pur</t>
  </si>
  <si>
    <t>Their Coloni</t>
  </si>
  <si>
    <t>14189</t>
  </si>
  <si>
    <t>GGPS RAJANPUR NO. 1</t>
  </si>
  <si>
    <t>Ggps No.1 near Sadar bazzar Rajanpur</t>
  </si>
  <si>
    <t>municipal comitte</t>
  </si>
  <si>
    <t>4061</t>
  </si>
  <si>
    <t>GPS MUHAMMAD KHAN GOPANG</t>
  </si>
  <si>
    <t>KOTLA ANDROON - MALE</t>
  </si>
  <si>
    <t>Kotli Khudai</t>
  </si>
  <si>
    <t>Kotli Khudai p/o Fazil pur Teh/Distt Rajan pur</t>
  </si>
  <si>
    <t>Basti Zangeja</t>
  </si>
  <si>
    <t>4065</t>
  </si>
  <si>
    <t>14243</t>
  </si>
  <si>
    <t>GPS NOOR MUHAMMAD LASHARI</t>
  </si>
  <si>
    <t>MEHREY WALA - MALE</t>
  </si>
  <si>
    <t>Mushtarka Mehray Wala</t>
  </si>
  <si>
    <t>mouza mushtarka mehray wala basti seri bosan teh$district rajan pur</t>
  </si>
  <si>
    <t>Bast Seri Bosan</t>
  </si>
  <si>
    <t>Mehray Wala</t>
  </si>
  <si>
    <t>GMPS BASTI SAPAL</t>
  </si>
  <si>
    <t>basti sapal</t>
  </si>
  <si>
    <t>Basti Sapal</t>
  </si>
  <si>
    <t>Rakh Dama</t>
  </si>
  <si>
    <t>Nadia Ayaz</t>
  </si>
  <si>
    <t>14290</t>
  </si>
  <si>
    <t>GHSS UMER KOT</t>
  </si>
  <si>
    <t>Govt. higher secodary school umerkot tehsil rojhan distt. rajanpur</t>
  </si>
  <si>
    <t>Irshad Ahmad Shad</t>
  </si>
  <si>
    <t>11802</t>
  </si>
  <si>
    <t>GHS DERA MAT</t>
  </si>
  <si>
    <t>Chak Mat 1</t>
  </si>
  <si>
    <t>chak mat no 1 rojhan</t>
  </si>
  <si>
    <t>Jam Allah Ditta</t>
  </si>
  <si>
    <t>Chak Mat</t>
  </si>
  <si>
    <t>MUHAMMAD NAWAZ MAZARI</t>
  </si>
  <si>
    <t>away from 3km</t>
  </si>
  <si>
    <t>GHS ROJHAN SHARQI</t>
  </si>
  <si>
    <t>Muncipal Committee Rojhan</t>
  </si>
  <si>
    <t>Basti Malook Khan, Ward # 2, MC Rojhan, Tehsil Rojhan, District Rajanpur</t>
  </si>
  <si>
    <t>Basti Malook Khan</t>
  </si>
  <si>
    <t>Ward #2</t>
  </si>
  <si>
    <t>7252</t>
  </si>
  <si>
    <t>4051</t>
  </si>
  <si>
    <t>OZMAN - MALE</t>
  </si>
  <si>
    <t>Kin Khas</t>
  </si>
  <si>
    <t>Basti Hurwani Teh.Rojhan Dist.Rajanpur</t>
  </si>
  <si>
    <t>Muhammad Bux HURWANI</t>
  </si>
  <si>
    <t>Kin</t>
  </si>
  <si>
    <t>14350</t>
  </si>
  <si>
    <t>GPS HABIB ULLAH NO. 2</t>
  </si>
  <si>
    <t>ROJHAN (H/Q) - MALE</t>
  </si>
  <si>
    <t>chuk Matt no 2</t>
  </si>
  <si>
    <t>Chuk Matt No 2</t>
  </si>
  <si>
    <t>14356</t>
  </si>
  <si>
    <t>GPS SHAMAS ABAD</t>
  </si>
  <si>
    <t>SHAMAS ABAD - MALE</t>
  </si>
  <si>
    <t>Chak Dilber</t>
  </si>
  <si>
    <t>Shamsabad Tehsil Rojhan District Rajanpur</t>
  </si>
  <si>
    <t>Dera Dildar</t>
  </si>
  <si>
    <t>SANA ULLAH</t>
  </si>
  <si>
    <t>hand pump</t>
  </si>
  <si>
    <t>14358</t>
  </si>
  <si>
    <t>GPS KACHA MOHRI</t>
  </si>
  <si>
    <t>ROJHAN - MALE</t>
  </si>
  <si>
    <t>Chak Karya</t>
  </si>
  <si>
    <t>basti rasul bakhsh shaih</t>
  </si>
  <si>
    <t>Chak Matt</t>
  </si>
  <si>
    <t>Rahmatullah</t>
  </si>
  <si>
    <t>51603</t>
  </si>
  <si>
    <t>4048</t>
  </si>
  <si>
    <t>GPS GHULAM HUSSAIN</t>
  </si>
  <si>
    <t>SHAH WALI - MALE</t>
  </si>
  <si>
    <t>Chak Hatyar</t>
  </si>
  <si>
    <t>basti Gul Nawaz</t>
  </si>
  <si>
    <t>Basti Gul Nawaz Somra</t>
  </si>
  <si>
    <t>Shah Wali</t>
  </si>
  <si>
    <t>9518</t>
  </si>
  <si>
    <t>GPS MANAKA SHUMALI</t>
  </si>
  <si>
    <t>Manka Shamali</t>
  </si>
  <si>
    <t>manka shamali fazla kach trible area dg khan</t>
  </si>
  <si>
    <t>GHULAM HAIDER</t>
  </si>
  <si>
    <t>GPS JADO LAKH</t>
  </si>
  <si>
    <t>Jado</t>
  </si>
  <si>
    <t>basti jadu uc mithwan</t>
  </si>
  <si>
    <t>AZHAR HUSSAIN</t>
  </si>
  <si>
    <t>9548</t>
  </si>
  <si>
    <t>GGPS BAQIR WALA</t>
  </si>
  <si>
    <t>Babi</t>
  </si>
  <si>
    <t>village baqarwala P/O nutkani TEH taunsa Dist DGk</t>
  </si>
  <si>
    <t>Baqar Wala</t>
  </si>
  <si>
    <t>Zarghona Baloch</t>
  </si>
  <si>
    <t>GGPS BASTI REHMANI</t>
  </si>
  <si>
    <t>post office nutkani</t>
  </si>
  <si>
    <t>Basti Rehmani</t>
  </si>
  <si>
    <t>Kalo Wali</t>
  </si>
  <si>
    <t>Ghazala Sidique</t>
  </si>
  <si>
    <t>GGHS TAUNSA CITY</t>
  </si>
  <si>
    <t>Tub</t>
  </si>
  <si>
    <t>govt girls high school city taunsa</t>
  </si>
  <si>
    <t>KALSOOM HINA</t>
  </si>
  <si>
    <t>9559</t>
  </si>
  <si>
    <t>GGPS BALICHANI</t>
  </si>
  <si>
    <t>Tah Miana</t>
  </si>
  <si>
    <t>balchani</t>
  </si>
  <si>
    <t>Balchani</t>
  </si>
  <si>
    <t>Jhok Bodu</t>
  </si>
  <si>
    <t>Sarah Gul</t>
  </si>
  <si>
    <t>mersible</t>
  </si>
  <si>
    <t>GGPS BASTI BUGTI</t>
  </si>
  <si>
    <t>Trimin</t>
  </si>
  <si>
    <t>g g p s bugti Negara shumali</t>
  </si>
  <si>
    <t>NegraShumali</t>
  </si>
  <si>
    <t>Jallu Vali</t>
  </si>
  <si>
    <t>Safoora Khalil</t>
  </si>
  <si>
    <t>7761</t>
  </si>
  <si>
    <t>GGHS AALI WALA</t>
  </si>
  <si>
    <t>Aaliwala</t>
  </si>
  <si>
    <t>Government girl's high school aali wala.</t>
  </si>
  <si>
    <t>GPS MANEY WALA</t>
  </si>
  <si>
    <t>Maney Wala,UC Thatha Gabolan,P/O Choti Zareen,Tehsil Kot Chutta,Distt Dera Ghazi Khan</t>
  </si>
  <si>
    <t>Maney Wala</t>
  </si>
  <si>
    <t>THATHA GABOLAN</t>
  </si>
  <si>
    <t>Saif  Ullah</t>
  </si>
  <si>
    <t>7791</t>
  </si>
  <si>
    <t>GPS PAI RAMDANI</t>
  </si>
  <si>
    <t>Thattha Gobolan</t>
  </si>
  <si>
    <t>Pai ramdani choti zareen</t>
  </si>
  <si>
    <t>Pai Ramdani</t>
  </si>
  <si>
    <t>Tatha Gobolann</t>
  </si>
  <si>
    <t>GPS BASTI SHAHANI</t>
  </si>
  <si>
    <t>chak no 1</t>
  </si>
  <si>
    <t>Govt. Primary school basti shahani tehsil kot chutta dist d g khan</t>
  </si>
  <si>
    <t>Basti shahani</t>
  </si>
  <si>
    <t>KHURUM SHAHZAD</t>
  </si>
  <si>
    <t>7817</t>
  </si>
  <si>
    <t>GPS JHOUNGLE WALA</t>
  </si>
  <si>
    <t>BAKHAR WAH MALE</t>
  </si>
  <si>
    <t>Bakher Wah</t>
  </si>
  <si>
    <t>basti jaungal khan,tehsil kotchutta distt dgk</t>
  </si>
  <si>
    <t>Basti Jaungal Khan</t>
  </si>
  <si>
    <t>Abdul bari</t>
  </si>
  <si>
    <t>7819</t>
  </si>
  <si>
    <t>GPS KHAN KALERY</t>
  </si>
  <si>
    <t>Bakhar Wah</t>
  </si>
  <si>
    <t>Basti khan kaleri bakhar wah</t>
  </si>
  <si>
    <t>Basti Khan Kaleri</t>
  </si>
  <si>
    <t>7821</t>
  </si>
  <si>
    <t>GPS EHSAN ABAD</t>
  </si>
  <si>
    <t>darkhast jamal khan</t>
  </si>
  <si>
    <t>mouza darkhast jamal khan gharbi no 1</t>
  </si>
  <si>
    <t>basti khohi faqeer</t>
  </si>
  <si>
    <t>darkhast jamal khan gharbi no 1</t>
  </si>
  <si>
    <t>7825</t>
  </si>
  <si>
    <t>GPS RASHEED BUZDAR</t>
  </si>
  <si>
    <t>Darkhast Jamal Khan Gharbi</t>
  </si>
  <si>
    <t>basti habib buzdar mouza darkhast gharbi</t>
  </si>
  <si>
    <t>Basti Habib Buzdar</t>
  </si>
  <si>
    <t>Darkhast Jamal Khan</t>
  </si>
  <si>
    <t>7831</t>
  </si>
  <si>
    <t>GPS CHAK MUGHLOO</t>
  </si>
  <si>
    <t>Chak Mughloo</t>
  </si>
  <si>
    <t>chak Mughloo</t>
  </si>
  <si>
    <t>7833</t>
  </si>
  <si>
    <t>GPS HAMALRI GHARBI</t>
  </si>
  <si>
    <t>Chak Hamalari</t>
  </si>
  <si>
    <t>Chak hamalari choti bala</t>
  </si>
  <si>
    <t>Basti Lalani</t>
  </si>
  <si>
    <t>Faiz Kareem</t>
  </si>
  <si>
    <t>49762</t>
  </si>
  <si>
    <t>7834</t>
  </si>
  <si>
    <t>GPS HAMALARHI SHARQI</t>
  </si>
  <si>
    <t>chak Hamalari choti bala</t>
  </si>
  <si>
    <t>Basti Gull Khan</t>
  </si>
  <si>
    <t>Nabi Bux</t>
  </si>
  <si>
    <t>GPS BASTI AZEEM</t>
  </si>
  <si>
    <t>chak Hamalari choti Bala kot chutta dera ghazi khan</t>
  </si>
  <si>
    <t>33627</t>
  </si>
  <si>
    <t>GPS HANSNANI</t>
  </si>
  <si>
    <t>Chack Hasnani</t>
  </si>
  <si>
    <t>basti hasnani</t>
  </si>
  <si>
    <t>Basti hasnani</t>
  </si>
  <si>
    <t>Choti bala</t>
  </si>
  <si>
    <t>Aamir Abbas</t>
  </si>
  <si>
    <t>12364</t>
  </si>
  <si>
    <t>14412</t>
  </si>
  <si>
    <t>GPS JHANDI</t>
  </si>
  <si>
    <t>BANGLA HIDAYAT - MALE</t>
  </si>
  <si>
    <t>Basti gahna khan jhandi Rojhan</t>
  </si>
  <si>
    <t>Jhandi</t>
  </si>
  <si>
    <t>Mian Dad Mazari</t>
  </si>
  <si>
    <t>52046</t>
  </si>
  <si>
    <t>GGPS CHAK DILBAR</t>
  </si>
  <si>
    <t>Chak Dilbar</t>
  </si>
  <si>
    <t>banu form</t>
  </si>
  <si>
    <t>Banu Formm</t>
  </si>
  <si>
    <t>Shabana Mazari</t>
  </si>
  <si>
    <t>49932</t>
  </si>
  <si>
    <t>GGHS MOLVI MACHIAN</t>
  </si>
  <si>
    <t>Wah Machka</t>
  </si>
  <si>
    <t>basti saiflani near boys eegree college rojjhan</t>
  </si>
  <si>
    <t>Basti Saiflani</t>
  </si>
  <si>
    <t>Mc Rojhan</t>
  </si>
  <si>
    <t>tehseen malik</t>
  </si>
  <si>
    <t>filtr water</t>
  </si>
  <si>
    <t>14447</t>
  </si>
  <si>
    <t>GMPS CHAK SAFDAR ABAD</t>
  </si>
  <si>
    <t>Chak Safdrabad</t>
  </si>
  <si>
    <t>chak safdrabad</t>
  </si>
  <si>
    <t>Bangla Hidayat</t>
  </si>
  <si>
    <t>Asma Kanwal</t>
  </si>
  <si>
    <t>14463</t>
  </si>
  <si>
    <t>GPS BARAM GANDI</t>
  </si>
  <si>
    <t>GIYAMAL - MALE</t>
  </si>
  <si>
    <t>Rakh Qadra</t>
  </si>
  <si>
    <t>GPS Baram Gandi Rakh Qadra Umer kot Tehsil Rojhan District Rajanpur</t>
  </si>
  <si>
    <t>Basti Muhammad Farooque Buzdar</t>
  </si>
  <si>
    <t>Giyamal</t>
  </si>
  <si>
    <t>Muhammad Hayat Rahber</t>
  </si>
  <si>
    <t>11520</t>
  </si>
  <si>
    <t>14483</t>
  </si>
  <si>
    <t>GPS BASTI GUL MACHHI</t>
  </si>
  <si>
    <t>Safder abad</t>
  </si>
  <si>
    <t>basti gull machi mauza safder abad uc bngla hidayat roghan district rajan pur</t>
  </si>
  <si>
    <t>Gull machi</t>
  </si>
  <si>
    <t>Bngla hidayat</t>
  </si>
  <si>
    <t>Shoukat Iqbal</t>
  </si>
  <si>
    <t>students bring water bottles themselves</t>
  </si>
  <si>
    <t>14507</t>
  </si>
  <si>
    <t>GPS 225 RB I MALKHAH WALA FSD</t>
  </si>
  <si>
    <t>225 rb malkhanwala</t>
  </si>
  <si>
    <t>225rb1 malkhanwala</t>
  </si>
  <si>
    <t>225rb malkhanwala</t>
  </si>
  <si>
    <t>MUHAMMAD AKBAR BAKI</t>
  </si>
  <si>
    <t>7612</t>
  </si>
  <si>
    <t>33040</t>
  </si>
  <si>
    <t>31946</t>
  </si>
  <si>
    <t>14508</t>
  </si>
  <si>
    <t>GPS CHAK 225 RB II ELAHI ABAD FSD</t>
  </si>
  <si>
    <t>225 RB II ILLAHI ABAD NAWAB TOWN</t>
  </si>
  <si>
    <t>ILLAHI ABAD</t>
  </si>
  <si>
    <t>Gulshan Nawaz</t>
  </si>
  <si>
    <t>14521</t>
  </si>
  <si>
    <t>GPS RAFHAN MILLS COLONY FSD</t>
  </si>
  <si>
    <t>GPSRafhan Mills Faisalabad</t>
  </si>
  <si>
    <t>Muhammad Tahir Arfat</t>
  </si>
  <si>
    <t>34844</t>
  </si>
  <si>
    <t>GPS 213 RB</t>
  </si>
  <si>
    <t>213 Susan</t>
  </si>
  <si>
    <t>GPS 213 RB susan faisalabad</t>
  </si>
  <si>
    <t>213 RB Susan</t>
  </si>
  <si>
    <t>Khayaban Colony</t>
  </si>
  <si>
    <t>28106</t>
  </si>
  <si>
    <t>GPS MC NO.2 KACHI ABADI FAISALABAD</t>
  </si>
  <si>
    <t>Katchi abadi</t>
  </si>
  <si>
    <t>Quaid.e.Azam town Katchi abai#2 Fsd</t>
  </si>
  <si>
    <t>Momnabad</t>
  </si>
  <si>
    <t>Alam Sher</t>
  </si>
  <si>
    <t>42412</t>
  </si>
  <si>
    <t>14695</t>
  </si>
  <si>
    <t>GGHS MC CHOR MAJRA G.M.ABAD</t>
  </si>
  <si>
    <t>GOVT MC GIRLS HIGH SCHOOL CHOUR MAJRA GM ABAD NO 1 FSD</t>
  </si>
  <si>
    <t>CIVIL QUARTER GM ABAD NO 1FSD</t>
  </si>
  <si>
    <t>NABEELA KANWAR</t>
  </si>
  <si>
    <t>14723</t>
  </si>
  <si>
    <t>GHSS CITY MUSLIM FSD</t>
  </si>
  <si>
    <t>AMIN TOWN FAISALABAD</t>
  </si>
  <si>
    <t>AMIN TOWN</t>
  </si>
  <si>
    <t>muhammad malik</t>
  </si>
  <si>
    <t>7074</t>
  </si>
  <si>
    <t>14738</t>
  </si>
  <si>
    <t>GHS PAK MODEL RAIL BAZAR FSD</t>
  </si>
  <si>
    <t>RAIL BAZAR</t>
  </si>
  <si>
    <t>muhammad akhtar saeed</t>
  </si>
  <si>
    <t>8856</t>
  </si>
  <si>
    <t>14742</t>
  </si>
  <si>
    <t>GHSS 203/RB MANANWALA</t>
  </si>
  <si>
    <t>MANAWALA</t>
  </si>
  <si>
    <t>CHAK 203 RB MANAWALA FAISALABAD</t>
  </si>
  <si>
    <t>203rb MANAWALA</t>
  </si>
  <si>
    <t>MUNIR HUSSAIN</t>
  </si>
  <si>
    <t>45982</t>
  </si>
  <si>
    <t>14749</t>
  </si>
  <si>
    <t>GGHS MC WARIS PURA FAISALABAD</t>
  </si>
  <si>
    <t>Waris pura</t>
  </si>
  <si>
    <t>MCB girls high school waris pura, near ice cream chowk, Faisalabad.</t>
  </si>
  <si>
    <t>224 RB</t>
  </si>
  <si>
    <t>Warispura</t>
  </si>
  <si>
    <t>Tehmim Akhtar</t>
  </si>
  <si>
    <t>19368</t>
  </si>
  <si>
    <t>GGHSS MC DIJKOT ROAD FAISALABAD</t>
  </si>
  <si>
    <t>GMCGHSS DIJKOT ROAD FSD CITY</t>
  </si>
  <si>
    <t>FSD CITY</t>
  </si>
  <si>
    <t>SIRSYYED TOWN</t>
  </si>
  <si>
    <t>SAFIA NASREEN</t>
  </si>
  <si>
    <t>132920</t>
  </si>
  <si>
    <t>provided by teacher</t>
  </si>
  <si>
    <t>14762</t>
  </si>
  <si>
    <t>GGHS DECCAN SAMANABAD FSD</t>
  </si>
  <si>
    <t>gov.deccan girls high school samanabad fsd</t>
  </si>
  <si>
    <t>SAMANABAD</t>
  </si>
  <si>
    <t>tahira deep</t>
  </si>
  <si>
    <t>Building Illegally Occupied</t>
  </si>
  <si>
    <t>14773</t>
  </si>
  <si>
    <t>GGHSS COMPREHENSIVE MADINA TOWN FSD</t>
  </si>
  <si>
    <t>MADINA TOWN</t>
  </si>
  <si>
    <t>103 Y BLOCK MADINA TOWN</t>
  </si>
  <si>
    <t>MADINA TOWN Y BLOCK</t>
  </si>
  <si>
    <t>Mst Rafia Sultana</t>
  </si>
  <si>
    <t>14774</t>
  </si>
  <si>
    <t>GGHS DARSGHA I AZEEM FSD JINNAH COLONY</t>
  </si>
  <si>
    <t>GOVT.DARS GAH-E-AZEEM GIRLS  HIGH SCHOOL JINNAH COLONY FSD.</t>
  </si>
  <si>
    <t>Gulnaz Sumera</t>
  </si>
  <si>
    <t>14783</t>
  </si>
  <si>
    <t>GGHS KOH-E-NOOR FAISALBAD</t>
  </si>
  <si>
    <t>Kohinoor</t>
  </si>
  <si>
    <t>Govt kohinoor girls high school fsd.</t>
  </si>
  <si>
    <t>Kohinoor Sundar Sing Wala</t>
  </si>
  <si>
    <t>NAHEED KOUSAR</t>
  </si>
  <si>
    <t>7786</t>
  </si>
  <si>
    <t>14812</t>
  </si>
  <si>
    <t>GGPS CHAK 240 GB JARANWALA</t>
  </si>
  <si>
    <t>Gujr Town</t>
  </si>
  <si>
    <t>GGPS240!!/gb jrw</t>
  </si>
  <si>
    <t>240/gb</t>
  </si>
  <si>
    <t>240chak</t>
  </si>
  <si>
    <t>33993</t>
  </si>
  <si>
    <t>GPS CHAK 205 RB II</t>
  </si>
  <si>
    <t>205 rb wazir wala</t>
  </si>
  <si>
    <t>Wazir Wala</t>
  </si>
  <si>
    <t>206 Munshi Wala</t>
  </si>
  <si>
    <t>Hafiz Muhammad Musharraf</t>
  </si>
  <si>
    <t>15794</t>
  </si>
  <si>
    <t>2403</t>
  </si>
  <si>
    <t>14928</t>
  </si>
  <si>
    <t>GPS CHAK 206 RB II</t>
  </si>
  <si>
    <t>KHURRIANWALA - MALE</t>
  </si>
  <si>
    <t>Sial Wala</t>
  </si>
  <si>
    <t>chak no 206 RB sialwala</t>
  </si>
  <si>
    <t>Muhammad Tariq Nazir</t>
  </si>
  <si>
    <t>13130</t>
  </si>
  <si>
    <t>13912</t>
  </si>
  <si>
    <t>14948</t>
  </si>
  <si>
    <t>GPS 26 GB</t>
  </si>
  <si>
    <t>RUDALA MANDI - MALE</t>
  </si>
  <si>
    <t>chak no 26</t>
  </si>
  <si>
    <t>Chak 26 Gb</t>
  </si>
  <si>
    <t>Chak 24 Gb</t>
  </si>
  <si>
    <t>25380</t>
  </si>
  <si>
    <t>GPS CHAK 283 GB</t>
  </si>
  <si>
    <t>chak no 283 gb E</t>
  </si>
  <si>
    <t>rurala road</t>
  </si>
  <si>
    <t>chak no 283 gb</t>
  </si>
  <si>
    <t>Muhammad  Imran</t>
  </si>
  <si>
    <t>GPS 366 GB</t>
  </si>
  <si>
    <t>596gb</t>
  </si>
  <si>
    <t>366gb</t>
  </si>
  <si>
    <t>364gb</t>
  </si>
  <si>
    <t>7433</t>
  </si>
  <si>
    <t>15048</t>
  </si>
  <si>
    <t>GGCMS CHAK 59 GB JARANWALA</t>
  </si>
  <si>
    <t>Atul Ghardh</t>
  </si>
  <si>
    <t>Govt Girls Community Model Primary School 59 GB JRW</t>
  </si>
  <si>
    <t>59GB JRW</t>
  </si>
  <si>
    <t>noreen ghaffar</t>
  </si>
  <si>
    <t>17255</t>
  </si>
  <si>
    <t>15113</t>
  </si>
  <si>
    <t>GGCMES CHAK 630 GB LUNDIANWALA</t>
  </si>
  <si>
    <t>583 Moza Ganees Purah</t>
  </si>
  <si>
    <t>GGCMES chak 630 gb dulchiyan</t>
  </si>
  <si>
    <t>630 Jalab Ka Chak</t>
  </si>
  <si>
    <t>Ganees purah</t>
  </si>
  <si>
    <t>Rubina Sarwar</t>
  </si>
  <si>
    <t>7135</t>
  </si>
  <si>
    <t>15117</t>
  </si>
  <si>
    <t>GGES CHAK 147 GB LUNDIANWALA</t>
  </si>
  <si>
    <t>Joke Dalmir</t>
  </si>
  <si>
    <t>Chak#147GB</t>
  </si>
  <si>
    <t>Chak#147 GB</t>
  </si>
  <si>
    <t>Balqees  Akhtar</t>
  </si>
  <si>
    <t>4384</t>
  </si>
  <si>
    <t>GGPS CHAK 559 GB I EAST LUNDIANWALA</t>
  </si>
  <si>
    <t>559 gb east</t>
  </si>
  <si>
    <t>559 Gb</t>
  </si>
  <si>
    <t>562 Gb</t>
  </si>
  <si>
    <t>Shazia Parveen Akhater</t>
  </si>
  <si>
    <t>9355</t>
  </si>
  <si>
    <t>15201</t>
  </si>
  <si>
    <t>GGES CHAK 70 GB SATIANA</t>
  </si>
  <si>
    <t>Chak No 70 GB</t>
  </si>
  <si>
    <t>chak no 70 GB tehsil jaranwala district faisalabad</t>
  </si>
  <si>
    <t>Chak No 70 GB Faisalabad</t>
  </si>
  <si>
    <t>Shafqat Rehana</t>
  </si>
  <si>
    <t>15288</t>
  </si>
  <si>
    <t>GHS CHAK 376 GB</t>
  </si>
  <si>
    <t>CHAK NO 376 GB</t>
  </si>
  <si>
    <t>chong watwaan</t>
  </si>
  <si>
    <t>CHAK 357 GB</t>
  </si>
  <si>
    <t>MUHAMMAD.MAHBOOB.ELAHI</t>
  </si>
  <si>
    <t>15295</t>
  </si>
  <si>
    <t>GGES 107/GB PATHAN KOT</t>
  </si>
  <si>
    <t>Pathan Kot</t>
  </si>
  <si>
    <t>chak no 107GB pathankot</t>
  </si>
  <si>
    <t>107GB</t>
  </si>
  <si>
    <t>106GB</t>
  </si>
  <si>
    <t>15317</t>
  </si>
  <si>
    <t>GGHS MC CINEM CHOWK</t>
  </si>
  <si>
    <t>cinema chowk jaranwala</t>
  </si>
  <si>
    <t>Chamra Mandi</t>
  </si>
  <si>
    <t>GHAZALA BUKHARI</t>
  </si>
  <si>
    <t>25047</t>
  </si>
  <si>
    <t>15351</t>
  </si>
  <si>
    <t>GGES CHAK NO 75 RB</t>
  </si>
  <si>
    <t>waryaam singh</t>
  </si>
  <si>
    <t>g g e s 75 rb lohkky</t>
  </si>
  <si>
    <t>75 r.b lohkky</t>
  </si>
  <si>
    <t>103 rb bandala jalandhi</t>
  </si>
  <si>
    <t>safoora anees</t>
  </si>
  <si>
    <t>GHS CHAK 144 RB CHAK JHUMRA FSD</t>
  </si>
  <si>
    <t>GHARTAL</t>
  </si>
  <si>
    <t>CHAK NO.144 R.B FAISALABAD</t>
  </si>
  <si>
    <t>CHAK NO. 144 RB GHARTAL</t>
  </si>
  <si>
    <t>CHAK NO.136 R.B</t>
  </si>
  <si>
    <t>IFFAT MEHMOOD</t>
  </si>
  <si>
    <t>9771</t>
  </si>
  <si>
    <t>GHSS 153 RB CHAK JHUMRA</t>
  </si>
  <si>
    <t>153 RB</t>
  </si>
  <si>
    <t>Ghss 153 RB fsd</t>
  </si>
  <si>
    <t>Ashfaq Ahmad Javed</t>
  </si>
  <si>
    <t>GPS CHAK 393 GB TANDLIANWALA</t>
  </si>
  <si>
    <t>393gb</t>
  </si>
  <si>
    <t>chak no 393gb</t>
  </si>
  <si>
    <t>chak no 393 b</t>
  </si>
  <si>
    <t>Nyla Nawaz</t>
  </si>
  <si>
    <t>14090</t>
  </si>
  <si>
    <t>11954</t>
  </si>
  <si>
    <t>16497</t>
  </si>
  <si>
    <t>GPS THATHA DHOLI KAY TANDLIANWALA</t>
  </si>
  <si>
    <t>thatha baig</t>
  </si>
  <si>
    <t>gps thatha dholika tehsile tandlianwala district faisalabad</t>
  </si>
  <si>
    <t>thatha dholika</t>
  </si>
  <si>
    <t>16579</t>
  </si>
  <si>
    <t>GPS 542 GB</t>
  </si>
  <si>
    <t>542gb</t>
  </si>
  <si>
    <t>CHAK #542 GB TEHSEEL TANDLIANWALA DIST FAISALABAD</t>
  </si>
  <si>
    <t>542 GB BALOANA</t>
  </si>
  <si>
    <t>GHULAM DASTGEER</t>
  </si>
  <si>
    <t>36814</t>
  </si>
  <si>
    <t>39643</t>
  </si>
  <si>
    <t>54782</t>
  </si>
  <si>
    <t>GGPS 544 GB-II</t>
  </si>
  <si>
    <t>chak No 544/2 g. b Danaabad tehsil tandlianwala</t>
  </si>
  <si>
    <t>Saba Shaheen</t>
  </si>
  <si>
    <t>26116</t>
  </si>
  <si>
    <t>16585</t>
  </si>
  <si>
    <t>GPS 549 GB</t>
  </si>
  <si>
    <t>Meeran Shah</t>
  </si>
  <si>
    <t>Govt. p.s 549GB,  tehsil tandlianwala,  faisalabaf.</t>
  </si>
  <si>
    <t>Chak No 549GB</t>
  </si>
  <si>
    <t>Chak no 548/1GB</t>
  </si>
  <si>
    <t>Muhammad Mushtaq Azad</t>
  </si>
  <si>
    <t>16590</t>
  </si>
  <si>
    <t>GPS HAKIM FATIANA I</t>
  </si>
  <si>
    <t>53/5 Tukra Darbar Hafiz Anayt Walayt, Tandlianwala. Distt: Faisalabad</t>
  </si>
  <si>
    <t>53/5 Tukra GB. Darbar Hafiz Anayt Walayt</t>
  </si>
  <si>
    <t>16627</t>
  </si>
  <si>
    <t>GGPS ALAM SHAH</t>
  </si>
  <si>
    <t>alam shah</t>
  </si>
  <si>
    <t>GGPS Alam shah</t>
  </si>
  <si>
    <t>Alam shah</t>
  </si>
  <si>
    <t>Pindi sheikh musa</t>
  </si>
  <si>
    <t>GGES 592 GB</t>
  </si>
  <si>
    <t>Jhok Ahlu</t>
  </si>
  <si>
    <t>599 GB</t>
  </si>
  <si>
    <t>Aqsa Tanveer</t>
  </si>
  <si>
    <t>11653</t>
  </si>
  <si>
    <t>36717</t>
  </si>
  <si>
    <t>GGES THATHA BAIG</t>
  </si>
  <si>
    <t>GGES thatha baig near thana bahlak</t>
  </si>
  <si>
    <t>Nadia Noshin</t>
  </si>
  <si>
    <t>5332</t>
  </si>
  <si>
    <t>16702</t>
  </si>
  <si>
    <t>GGHS 400/GB</t>
  </si>
  <si>
    <t>Gghs 400 gb</t>
  </si>
  <si>
    <t>Khadijah Mahmood</t>
  </si>
  <si>
    <t>39237</t>
  </si>
  <si>
    <t>16712</t>
  </si>
  <si>
    <t>GGPS 53/2 TUKRA</t>
  </si>
  <si>
    <t>Darbar Khawaja Habeeb Allah</t>
  </si>
  <si>
    <t>chak no. 53/2 TUKRA</t>
  </si>
  <si>
    <t>Chak No 53/2 TUKRA</t>
  </si>
  <si>
    <t>Darbar Sallah U Din</t>
  </si>
  <si>
    <t>HIRA ASGHAR</t>
  </si>
  <si>
    <t>GGPS 616/GB</t>
  </si>
  <si>
    <t>616 GB</t>
  </si>
  <si>
    <t>617 GB</t>
  </si>
  <si>
    <t>Uzma Iqbal</t>
  </si>
  <si>
    <t>24053</t>
  </si>
  <si>
    <t>20086</t>
  </si>
  <si>
    <t>16747</t>
  </si>
  <si>
    <t>GGES 405 GB I</t>
  </si>
  <si>
    <t>Chak No 405 GB</t>
  </si>
  <si>
    <t>chak no 405 GB</t>
  </si>
  <si>
    <t>Chak 405 GB</t>
  </si>
  <si>
    <t>35156</t>
  </si>
  <si>
    <t>16772</t>
  </si>
  <si>
    <t>GGHS 543 GB</t>
  </si>
  <si>
    <t>Chak no 543 Gb</t>
  </si>
  <si>
    <t>Chak No 543 GB</t>
  </si>
  <si>
    <t>shagufta Bibi</t>
  </si>
  <si>
    <t>16779</t>
  </si>
  <si>
    <t>GHS 410/GB</t>
  </si>
  <si>
    <t>CHAK NO 410 GB KACHA TANDLA</t>
  </si>
  <si>
    <t>CHAK NO 410 GB</t>
  </si>
  <si>
    <t>416 GB</t>
  </si>
  <si>
    <t>M SHAHBAZ</t>
  </si>
  <si>
    <t>35352</t>
  </si>
  <si>
    <t>GGHS 445/EB BUREWALA</t>
  </si>
  <si>
    <t>GGHS445/EB BUREWALA</t>
  </si>
  <si>
    <t>445/eB</t>
  </si>
  <si>
    <t>tMQ burewala</t>
  </si>
  <si>
    <t>Saima Ishaq</t>
  </si>
  <si>
    <t>35377</t>
  </si>
  <si>
    <t>GGPS 189 EB</t>
  </si>
  <si>
    <t>189 eb</t>
  </si>
  <si>
    <t>chak no 189/eb, gaggoo</t>
  </si>
  <si>
    <t>215 eb</t>
  </si>
  <si>
    <t>Abida Akram</t>
  </si>
  <si>
    <t>8960</t>
  </si>
  <si>
    <t>35448</t>
  </si>
  <si>
    <t>GGES CHAK NO. 295 EB</t>
  </si>
  <si>
    <t>295/eb</t>
  </si>
  <si>
    <t>Chak no 295/eb</t>
  </si>
  <si>
    <t>287/eb</t>
  </si>
  <si>
    <t>GGPS 307 EB</t>
  </si>
  <si>
    <t>Chak No 307</t>
  </si>
  <si>
    <t>chak no 307/EB Burewala</t>
  </si>
  <si>
    <t>307/EB</t>
  </si>
  <si>
    <t>38712</t>
  </si>
  <si>
    <t>43098</t>
  </si>
  <si>
    <t>35481</t>
  </si>
  <si>
    <t>GGPS 51 KB</t>
  </si>
  <si>
    <t>Saldera</t>
  </si>
  <si>
    <t>GGPS 51/KB Burewala</t>
  </si>
  <si>
    <t>51/KB</t>
  </si>
  <si>
    <t>50/KB</t>
  </si>
  <si>
    <t>SHAHIDA RAFIQUE</t>
  </si>
  <si>
    <t>35485</t>
  </si>
  <si>
    <t>GGPS 44KB</t>
  </si>
  <si>
    <t>44/kb</t>
  </si>
  <si>
    <t>chak 44/kb p/o joyia bangla  Burewala</t>
  </si>
  <si>
    <t>333/eb</t>
  </si>
  <si>
    <t>Riffat Abid</t>
  </si>
  <si>
    <t>28291</t>
  </si>
  <si>
    <t>35489</t>
  </si>
  <si>
    <t>GGPS 40 KB</t>
  </si>
  <si>
    <t>40 Kb</t>
  </si>
  <si>
    <t>Chak no 40 kb p/o sahuka</t>
  </si>
  <si>
    <t>Saldera Atthar</t>
  </si>
  <si>
    <t>Mudassra Riaz</t>
  </si>
  <si>
    <t>8557</t>
  </si>
  <si>
    <t>35529</t>
  </si>
  <si>
    <t>GGHSS CHAK NO. 261/WB</t>
  </si>
  <si>
    <t>GOVT: GIRLS HIGHER SECONDARY SCHOOL 261/WB TEHSIL MAISLI (vEHARI)</t>
  </si>
  <si>
    <t>chak  261/WB</t>
  </si>
  <si>
    <t>49653</t>
  </si>
  <si>
    <t>5287</t>
  </si>
  <si>
    <t>35557</t>
  </si>
  <si>
    <t>GGHS CHAK NO. 211/ WB</t>
  </si>
  <si>
    <t>GGHS 211W.B P/O DOKOTA TEHSIL MAILSI</t>
  </si>
  <si>
    <t>Chak No211wb</t>
  </si>
  <si>
    <t>151wb</t>
  </si>
  <si>
    <t>Rahat Perveen</t>
  </si>
  <si>
    <t>35590</t>
  </si>
  <si>
    <t>GGES CHAK NO.67/KB</t>
  </si>
  <si>
    <t>Chak no 67 kb</t>
  </si>
  <si>
    <t>67 Kb</t>
  </si>
  <si>
    <t>Kotli Mahtam</t>
  </si>
  <si>
    <t>Rabia Sattar</t>
  </si>
  <si>
    <t>GPS TARAGGAR</t>
  </si>
  <si>
    <t>TIBBA EAST - MALE</t>
  </si>
  <si>
    <t>Traggar</t>
  </si>
  <si>
    <t>Mouza Traggar bagh wala p/o Tibba Sultan pur</t>
  </si>
  <si>
    <t>Lal Sugoo</t>
  </si>
  <si>
    <t>7816</t>
  </si>
  <si>
    <t>35662</t>
  </si>
  <si>
    <t>GPS CHAK 128 WB</t>
  </si>
  <si>
    <t>Chak 128/WB</t>
  </si>
  <si>
    <t>chak 128/W.B tehsil mailsi distt. vehari</t>
  </si>
  <si>
    <t>ZaheerAbad Shaheed</t>
  </si>
  <si>
    <t>GPS MISBAH-UL-ALOOM PIPLE BAZAR MAILSI</t>
  </si>
  <si>
    <t>Govt.P/S Misbah-ul-Aloom Mailsi Piple Bazar Mailsi</t>
  </si>
  <si>
    <t>Municipal Corporation Mailsi Ward No 7</t>
  </si>
  <si>
    <t>5053</t>
  </si>
  <si>
    <t>35672</t>
  </si>
  <si>
    <t>GPS KOT ATTA PO KOT HAROO</t>
  </si>
  <si>
    <t>Tail Charagh</t>
  </si>
  <si>
    <t>mouza tail charagh tehsil mailsi</t>
  </si>
  <si>
    <t>Kot Atta</t>
  </si>
  <si>
    <t>Noraba</t>
  </si>
  <si>
    <t>Tehseen Nawaz</t>
  </si>
  <si>
    <t>35676</t>
  </si>
  <si>
    <t>GPS JHOKE JINDU</t>
  </si>
  <si>
    <t>Jhok Jindo</t>
  </si>
  <si>
    <t>jhok fazil Moza jhok jindo p/o fateh pur Thesil Mailsi</t>
  </si>
  <si>
    <t>Jhok Fazil</t>
  </si>
  <si>
    <t>Zafar abbas</t>
  </si>
  <si>
    <t>7298</t>
  </si>
  <si>
    <t>GPS MONDON PO JALLAH JEEM</t>
  </si>
  <si>
    <t>JALLAH JEEM - MALE</t>
  </si>
  <si>
    <t>Mondon</t>
  </si>
  <si>
    <t>Mouza Mondon , P/O Jallah Jeem , Tehsil Mailsi , Distt Vehari, Division Multan.</t>
  </si>
  <si>
    <t>WarsiWahan</t>
  </si>
  <si>
    <t>48501</t>
  </si>
  <si>
    <t>29989</t>
  </si>
  <si>
    <t>13549</t>
  </si>
  <si>
    <t>GPS MUREED HUSSAIN</t>
  </si>
  <si>
    <t>Thul Ali Mohammad</t>
  </si>
  <si>
    <t>govrment primary school bisti mureed husain</t>
  </si>
  <si>
    <t>Muhammad Ahmad Haseeb</t>
  </si>
  <si>
    <t>GGPS BASTI YAR SHAH NO.2</t>
  </si>
  <si>
    <t>KOTLA MUGHLAN - FEMALE</t>
  </si>
  <si>
    <t>DHORAHAJANA</t>
  </si>
  <si>
    <t>CHAH TOLAY WALA</t>
  </si>
  <si>
    <t>CHAH TOLAYWALA</t>
  </si>
  <si>
    <t>Afifa BiBi</t>
  </si>
  <si>
    <t>13565</t>
  </si>
  <si>
    <t>GGPS GARHI SULTAN SHAH NO.1</t>
  </si>
  <si>
    <t>MOHIB SHAH - FEMALE</t>
  </si>
  <si>
    <t>Garhi Sultanshah</t>
  </si>
  <si>
    <t>fareedabad jampur</t>
  </si>
  <si>
    <t>Garhi Sultan Shah</t>
  </si>
  <si>
    <t>Tatarwala</t>
  </si>
  <si>
    <t>Shehnaz Begam</t>
  </si>
  <si>
    <t>GGPS GARHI SULTAN SHAH NO.2</t>
  </si>
  <si>
    <t>GARHI SULTAN SHAH</t>
  </si>
  <si>
    <t>MOZA GARHI SULTAN SHAH JAMPUR DISTRICT RAJANPUR</t>
  </si>
  <si>
    <t>ALLAH ANAD SHARQI</t>
  </si>
  <si>
    <t>13570</t>
  </si>
  <si>
    <t>GGPS JAM MUHAMMAD SAILRA</t>
  </si>
  <si>
    <t>Silra</t>
  </si>
  <si>
    <t>basti silra p/o Muhammad pur tehsil jampur district rajanpur</t>
  </si>
  <si>
    <t>ZOYA HINA</t>
  </si>
  <si>
    <t>13575</t>
  </si>
  <si>
    <t>GGPS DULOO WALA</t>
  </si>
  <si>
    <t>KOTLA DEEWAN - FEMALE</t>
  </si>
  <si>
    <t>MUHAMMAD  PUR</t>
  </si>
  <si>
    <t>POST OFFIC  SLEEMA  ABAD</t>
  </si>
  <si>
    <t>DULLOO WALA</t>
  </si>
  <si>
    <t>BUKHARA SHAREEF</t>
  </si>
  <si>
    <t>13578</t>
  </si>
  <si>
    <t>GGPS BASTI RINDAN NO. 2</t>
  </si>
  <si>
    <t>BOLAY WALA</t>
  </si>
  <si>
    <t>g g p s basti rindan  no2</t>
  </si>
  <si>
    <t>Basti rindan  No2</t>
  </si>
  <si>
    <t>Pero Wala</t>
  </si>
  <si>
    <t>shaheen bib</t>
  </si>
  <si>
    <t>4031</t>
  </si>
  <si>
    <t>GGPS DAHEY WALA</t>
  </si>
  <si>
    <t>TATAR WALA - FEMALE</t>
  </si>
  <si>
    <t>Gadan Vala</t>
  </si>
  <si>
    <t>mouza gadan vala basti dahay wala jampur</t>
  </si>
  <si>
    <t>Dahay Wala</t>
  </si>
  <si>
    <t>Alla Abad Gharbi</t>
  </si>
  <si>
    <t>Sumaira Atta</t>
  </si>
  <si>
    <t>GGPS BADRI WALA</t>
  </si>
  <si>
    <t>Daf chandia Dajal</t>
  </si>
  <si>
    <t>Nazeer Bibi</t>
  </si>
  <si>
    <t>34118</t>
  </si>
  <si>
    <t>13619</t>
  </si>
  <si>
    <t>GGPS JAMPUR CITY NO. 2</t>
  </si>
  <si>
    <t>JAMPUR CITY - FEMALE</t>
  </si>
  <si>
    <t>NAWAN BAIGRAJ</t>
  </si>
  <si>
    <t>MUNCIPAL COMMITTEE NEAR GOVT  COMMERCE COLLEGE JAMPUR</t>
  </si>
  <si>
    <t>TATAR WALA</t>
  </si>
  <si>
    <t>GGPS MOHALLA DEEWAN</t>
  </si>
  <si>
    <t>WARD No 5 MOHALLAH GANJ BUKSH</t>
  </si>
  <si>
    <t>SHARQI</t>
  </si>
  <si>
    <t>Nasra Parveen</t>
  </si>
  <si>
    <t>13629</t>
  </si>
  <si>
    <t>GGPS JAMPUR CITY NO. 5</t>
  </si>
  <si>
    <t>Muhammdia Clony</t>
  </si>
  <si>
    <t>near post ofice muhqmmdia clony jampur</t>
  </si>
  <si>
    <t>Robina Afzal</t>
  </si>
  <si>
    <t>GGPS DAJAL NO 2</t>
  </si>
  <si>
    <t>Government Girls PS No 2 Dajal Near ufone Tower Mohalla Golian Dajal Tehseel Jampur District Rajanpur</t>
  </si>
  <si>
    <t>Shehla Naureen</t>
  </si>
  <si>
    <t>13646</t>
  </si>
  <si>
    <t>GGPS MOHIB SHAH</t>
  </si>
  <si>
    <t>ggps muhibshah pati  Nibahoram</t>
  </si>
  <si>
    <t>Pati Nibahoram</t>
  </si>
  <si>
    <t>Allah Bad Gharbi</t>
  </si>
  <si>
    <t>39799</t>
  </si>
  <si>
    <t>GGPS BHUTTA COLONY</t>
  </si>
  <si>
    <t>Ghari Sultan Shah</t>
  </si>
  <si>
    <t>Cha dadly wala near chuki non</t>
  </si>
  <si>
    <t>Cha Dadly Wala</t>
  </si>
  <si>
    <t>Sidra Fida</t>
  </si>
  <si>
    <t>13673</t>
  </si>
  <si>
    <t>GMPS SHAHAN WALA NO.1</t>
  </si>
  <si>
    <t>SHAHAN WALA NO 1</t>
  </si>
  <si>
    <t>MOZA SHAHAN WALA NO 1 JAMPUR DISTRICT RAJANPUR</t>
  </si>
  <si>
    <t>BASTI MERAN</t>
  </si>
  <si>
    <t>13683</t>
  </si>
  <si>
    <t>GGES MORAN WALA</t>
  </si>
  <si>
    <t>RASUL PUR</t>
  </si>
  <si>
    <t>BASTI WAZER ABAD P/O RASULPUR TEHSIL JAMPUR DISTRICT RAJANPUR</t>
  </si>
  <si>
    <t>WAZER ABAD</t>
  </si>
  <si>
    <t>Sabd E Gul</t>
  </si>
  <si>
    <t>GGPS BASTI PITAFI</t>
  </si>
  <si>
    <t>shah wala</t>
  </si>
  <si>
    <t>Basti pitafi moza chak shah wala uc chak peeru wala</t>
  </si>
  <si>
    <t>pitafi wala</t>
  </si>
  <si>
    <t>Peeru wala</t>
  </si>
  <si>
    <t>Abida Bibi</t>
  </si>
  <si>
    <t>GMPS BASTI YAR SHAH NO. 1</t>
  </si>
  <si>
    <t>basti yar shah</t>
  </si>
  <si>
    <t>Basti yar Shah</t>
  </si>
  <si>
    <t>Attia Bibi</t>
  </si>
  <si>
    <t>6799</t>
  </si>
  <si>
    <t>basti guja kotla dewan</t>
  </si>
  <si>
    <t>Kotla dewan</t>
  </si>
  <si>
    <t>Ruqia  Rehman</t>
  </si>
  <si>
    <t>9724</t>
  </si>
  <si>
    <t>13714</t>
  </si>
  <si>
    <t>GMPS LIAQAT ABAD</t>
  </si>
  <si>
    <t>liaqat abad</t>
  </si>
  <si>
    <t>Liaqat Abad</t>
  </si>
  <si>
    <t>Ayesha Fareed</t>
  </si>
  <si>
    <t>18668</t>
  </si>
  <si>
    <t>13726</t>
  </si>
  <si>
    <t>GGPS LUNDI SAIDAN</t>
  </si>
  <si>
    <t>HARRAND - FEMALE</t>
  </si>
  <si>
    <t>Lundi Saidan</t>
  </si>
  <si>
    <t>lundi saidan, uc lal Garrh,tehsile jampur,district rajanpur</t>
  </si>
  <si>
    <t>Lal Garrh</t>
  </si>
  <si>
    <t>13740</t>
  </si>
  <si>
    <t>GPS LODHI WALA MOOSA MEERAN</t>
  </si>
  <si>
    <t>Meeran</t>
  </si>
  <si>
    <t>Chah Lodhi Wala Moaz  Meeran UC #4</t>
  </si>
  <si>
    <t>Lodhi Wala</t>
  </si>
  <si>
    <t>GPS DARSGAH MEHMOODIA</t>
  </si>
  <si>
    <t>Chah Bathal wala Moza Allah Abad</t>
  </si>
  <si>
    <t>Chah Bathal Wala</t>
  </si>
  <si>
    <t>Allah Abad Sharqi</t>
  </si>
  <si>
    <t>Muhammad Adnan</t>
  </si>
  <si>
    <t>54753</t>
  </si>
  <si>
    <t>3996</t>
  </si>
  <si>
    <t>13745</t>
  </si>
  <si>
    <t>GPS KISHANI</t>
  </si>
  <si>
    <t>ISLAM PUR - MALE</t>
  </si>
  <si>
    <t>Bukhara Shareef</t>
  </si>
  <si>
    <t>Basti Khushi Muhammad Mouza Bukhar Tehsil Jampur District Rajanpur</t>
  </si>
  <si>
    <t>GPS  MUHAMMAD HORRA</t>
  </si>
  <si>
    <t>Basti Azeem khosa</t>
  </si>
  <si>
    <t>Basti Azeem Khosa</t>
  </si>
  <si>
    <t>13776</t>
  </si>
  <si>
    <t>GPS BHUGREE P/O DAJAL</t>
  </si>
  <si>
    <t>AzmaT Wala</t>
  </si>
  <si>
    <t>Basti Deena Azmat Wala</t>
  </si>
  <si>
    <t>Basti Deena</t>
  </si>
  <si>
    <t>Muhammad Azam Anjum</t>
  </si>
  <si>
    <t>13820</t>
  </si>
  <si>
    <t>GGPS CHAH FARID WALA</t>
  </si>
  <si>
    <t>RAKH AZMAT WALLA</t>
  </si>
  <si>
    <t>P/O DAJAL NAZD ADA GHAT BASTI FAREEDA ABAD</t>
  </si>
  <si>
    <t>FAREEDA ABAD</t>
  </si>
  <si>
    <t>Shaziahameed</t>
  </si>
  <si>
    <t>13834</t>
  </si>
  <si>
    <t>GGPS BASTI LAL BUX AHMDANI</t>
  </si>
  <si>
    <t>Tul Shumali</t>
  </si>
  <si>
    <t>Mauza tul shumali basti lal bux ahmdani merkaz dajal</t>
  </si>
  <si>
    <t>Basti Lal Bux Ahmdani</t>
  </si>
  <si>
    <t>Adeela Nasir</t>
  </si>
  <si>
    <t>13845</t>
  </si>
  <si>
    <t>GHS WANG</t>
  </si>
  <si>
    <t>Wang Awal</t>
  </si>
  <si>
    <t>Mouza Wang Awal, Post Office Kot Mithan, Tehsil and District Rajanpur.</t>
  </si>
  <si>
    <t>13846</t>
  </si>
  <si>
    <t>GHS NO. 2 DUBAI COLONY RAJANPUR</t>
  </si>
  <si>
    <t>Govt. High School No.2 Dubai Colony Rajanpur</t>
  </si>
  <si>
    <t>Dubai Colony Rajanpur</t>
  </si>
  <si>
    <t>muhammad nawaz</t>
  </si>
  <si>
    <t>13850</t>
  </si>
  <si>
    <t>GHS REIKH BAGH WALA</t>
  </si>
  <si>
    <t>GHS Raikh baghwala tehsil and district Rajanpur</t>
  </si>
  <si>
    <t>Raikh Baghwala</t>
  </si>
  <si>
    <t>Peer Bakhsh sharqi</t>
  </si>
  <si>
    <t>NOOR HASSAN</t>
  </si>
  <si>
    <t>16993</t>
  </si>
  <si>
    <t>13857</t>
  </si>
  <si>
    <t>GGHS MODEL NO.1 RAJANPUR</t>
  </si>
  <si>
    <t>near darra machii wala rajanpur</t>
  </si>
  <si>
    <t>gharbi</t>
  </si>
  <si>
    <t>Zahida Shaheen</t>
  </si>
  <si>
    <t>24167</t>
  </si>
  <si>
    <t>13866</t>
  </si>
  <si>
    <t>GHS MEHRAY WALA</t>
  </si>
  <si>
    <t>ghs mehraywal</t>
  </si>
  <si>
    <t>Mehraywala</t>
  </si>
  <si>
    <t>14002</t>
  </si>
  <si>
    <t>GPS CHOKI MUHAMMAD PUR</t>
  </si>
  <si>
    <t>MUHAMMAD PUR GUM WALA</t>
  </si>
  <si>
    <t>BASTI RANGO KHAN SHALWANI, CHOKI MUHAMMAD PUR, RAJANPUR</t>
  </si>
  <si>
    <t>RANGO KHAN SHALWANI</t>
  </si>
  <si>
    <t>CHAK SHIKARI</t>
  </si>
  <si>
    <t>24410</t>
  </si>
  <si>
    <t>4038</t>
  </si>
  <si>
    <t>GPS SHAFI QUARTER</t>
  </si>
  <si>
    <t>JAGEER GABOL - MALE</t>
  </si>
  <si>
    <t>Haji Darkhast Mohd</t>
  </si>
  <si>
    <t>Shafi Quarter tehsil and district Rajan pur</t>
  </si>
  <si>
    <t>Shafi Quarter</t>
  </si>
  <si>
    <t>Muhammad Sarfraz</t>
  </si>
  <si>
    <t>23583</t>
  </si>
  <si>
    <t>14018</t>
  </si>
  <si>
    <t>GPS RASOOL PUR BARANDA</t>
  </si>
  <si>
    <t>CHACK TALOK</t>
  </si>
  <si>
    <t>CHACK TALOK UNION COUNCIL FATHPUR</t>
  </si>
  <si>
    <t>FATHPUR</t>
  </si>
  <si>
    <t>2540</t>
  </si>
  <si>
    <t>14034</t>
  </si>
  <si>
    <t>GPS AFZAL ABAD</t>
  </si>
  <si>
    <t>Bhag</t>
  </si>
  <si>
    <t>GPS  Afzalabad Janobi</t>
  </si>
  <si>
    <t>Dheghan</t>
  </si>
  <si>
    <t>Mumtaz Hussain Akbar Baloch</t>
  </si>
  <si>
    <t>4298</t>
  </si>
  <si>
    <t>14052</t>
  </si>
  <si>
    <t>GGES KOTLA ANDROON</t>
  </si>
  <si>
    <t>FAZILPUR DHUNDI - FEMALE</t>
  </si>
  <si>
    <t>Kotla androon</t>
  </si>
  <si>
    <t>kotla androon</t>
  </si>
  <si>
    <t>Sahan wala</t>
  </si>
  <si>
    <t>Abidah  Shaheen</t>
  </si>
  <si>
    <t>GGES BASTI PHALLI</t>
  </si>
  <si>
    <t>Basti Phali</t>
  </si>
  <si>
    <t>basti phali</t>
  </si>
  <si>
    <t>16591</t>
  </si>
  <si>
    <t>3891</t>
  </si>
  <si>
    <t>GPS NOSHARA PATHAN</t>
  </si>
  <si>
    <t>CHUNIAN SADAR - MALE</t>
  </si>
  <si>
    <t>Noshara More Singh</t>
  </si>
  <si>
    <t>Kot Bagham Ayesha</t>
  </si>
  <si>
    <t>Hithar Chunian</t>
  </si>
  <si>
    <t>7140</t>
  </si>
  <si>
    <t>7665</t>
  </si>
  <si>
    <t>GPS KOT RATAN SINGH</t>
  </si>
  <si>
    <t>GILLAN WALA - MALE</t>
  </si>
  <si>
    <t>Chunian Ottar</t>
  </si>
  <si>
    <t>Kot Rattan singh teh chunian dist kasur p.o chunian kasur</t>
  </si>
  <si>
    <t>KOT Rattan Singh</t>
  </si>
  <si>
    <t>Kot Sandras</t>
  </si>
  <si>
    <t>33844</t>
  </si>
  <si>
    <t>GPS CHAH BERNEY WALA</t>
  </si>
  <si>
    <t>GEHLAN HITHAR - MALE</t>
  </si>
  <si>
    <t>Bhagi Wal</t>
  </si>
  <si>
    <t>bhagi wala chah Barnay wala teh.chunain  kasur</t>
  </si>
  <si>
    <t>Chah Bernay Wala</t>
  </si>
  <si>
    <t>Muhammad Pervez</t>
  </si>
  <si>
    <t>2806</t>
  </si>
  <si>
    <t>27295</t>
  </si>
  <si>
    <t>28758</t>
  </si>
  <si>
    <t>GPS KOT MANGA PO MUHAMMAD PUR</t>
  </si>
  <si>
    <t>BHEEM KAY - MALE</t>
  </si>
  <si>
    <t>Kot Manga</t>
  </si>
  <si>
    <t>kot Manga p/o Muhammadi pur</t>
  </si>
  <si>
    <t>Mundy Ki</t>
  </si>
  <si>
    <t>7010</t>
  </si>
  <si>
    <t>2214</t>
  </si>
  <si>
    <t>34555</t>
  </si>
  <si>
    <t>3876</t>
  </si>
  <si>
    <t>28810</t>
  </si>
  <si>
    <t>GPS JAMSHER KALAN</t>
  </si>
  <si>
    <t>SHAM KOT - MALE</t>
  </si>
  <si>
    <t>JAmsher Kalan</t>
  </si>
  <si>
    <t>Govt P/S Jamsher KAlan</t>
  </si>
  <si>
    <t>Jamsher KAlan</t>
  </si>
  <si>
    <t>jamsher Kalan</t>
  </si>
  <si>
    <t>M Saifullah</t>
  </si>
  <si>
    <t>28847</t>
  </si>
  <si>
    <t>GPS BASTI DHANGIAN WALI</t>
  </si>
  <si>
    <t>MOKAL - MALE</t>
  </si>
  <si>
    <t>Basti Dheengian Wali</t>
  </si>
  <si>
    <t>24710</t>
  </si>
  <si>
    <t>GPS JANGA SINGH WALA</t>
  </si>
  <si>
    <t>KULL - MALE</t>
  </si>
  <si>
    <t>Jangha Singh Janga SinghWala</t>
  </si>
  <si>
    <t>jangha Singh wala Kasur</t>
  </si>
  <si>
    <t>Jangha Singh Wala</t>
  </si>
  <si>
    <t>Kul</t>
  </si>
  <si>
    <t>28999</t>
  </si>
  <si>
    <t>GPS BHAGIWAL NO.3</t>
  </si>
  <si>
    <t>Bhagiwal No 3</t>
  </si>
  <si>
    <t>Bhagiwal no 03 tehsil Chunian</t>
  </si>
  <si>
    <t>Bhagiwal</t>
  </si>
  <si>
    <t>39750</t>
  </si>
  <si>
    <t>GES ALI PUR CHAK NO. 6</t>
  </si>
  <si>
    <t>GOHAR CHAK 8 - MALE</t>
  </si>
  <si>
    <t>Ali Pur Ch.6</t>
  </si>
  <si>
    <t>Ali Pur Ch6</t>
  </si>
  <si>
    <t>Jago Wala</t>
  </si>
  <si>
    <t>Khalid Farooq</t>
  </si>
  <si>
    <t>22393</t>
  </si>
  <si>
    <t>29027</t>
  </si>
  <si>
    <t>GPS GOHAR CHAK NO. 8</t>
  </si>
  <si>
    <t>Gohar</t>
  </si>
  <si>
    <t>Gohar Chak 8</t>
  </si>
  <si>
    <t>Duesiaal</t>
  </si>
  <si>
    <t>Amjad Masood</t>
  </si>
  <si>
    <t>29047</t>
  </si>
  <si>
    <t>GHS VEHGAL</t>
  </si>
  <si>
    <t>Wehgal</t>
  </si>
  <si>
    <t>village wehgal kasur</t>
  </si>
  <si>
    <t>Ibrahim Abad</t>
  </si>
  <si>
    <t>tassawur hussain</t>
  </si>
  <si>
    <t>GHS RAJA JANG TEH &amp; DISTT. KASUR</t>
  </si>
  <si>
    <t>Raja Jang</t>
  </si>
  <si>
    <t>29073</t>
  </si>
  <si>
    <t>GHSS PRACTISING (ATTACH WITH GCET) KASUR</t>
  </si>
  <si>
    <t>City Kasur</t>
  </si>
  <si>
    <t>M.A JINNAH ROAD OPPOSITE POLICE CHOKI NO. 2, KASUR</t>
  </si>
  <si>
    <t>NO</t>
  </si>
  <si>
    <t>muhammad tahir</t>
  </si>
  <si>
    <t>33044</t>
  </si>
  <si>
    <t>29099</t>
  </si>
  <si>
    <t>GES MARALI HITHAR</t>
  </si>
  <si>
    <t>KHUDIAN CITY - MALE</t>
  </si>
  <si>
    <t>MARALI HITHAR</t>
  </si>
  <si>
    <t>MARALI HITHAR P/O KHUDIAN KHAS TEHSIL AND DISTT. KASUR</t>
  </si>
  <si>
    <t>40359</t>
  </si>
  <si>
    <t>2901</t>
  </si>
  <si>
    <t>GPS THEH PANWAN</t>
  </si>
  <si>
    <t>WADANA - MALE</t>
  </si>
  <si>
    <t>Theh panwan tehsil &amp;dist Kasur</t>
  </si>
  <si>
    <t>Theh panwan</t>
  </si>
  <si>
    <t>29219</t>
  </si>
  <si>
    <t>GPS LEEL</t>
  </si>
  <si>
    <t>LEEL</t>
  </si>
  <si>
    <t>VILLAGE LEEL</t>
  </si>
  <si>
    <t>IBRAHIMABAD</t>
  </si>
  <si>
    <t>22237</t>
  </si>
  <si>
    <t>24830</t>
  </si>
  <si>
    <t>29255</t>
  </si>
  <si>
    <t>GPS JAGGIAN HITHAR</t>
  </si>
  <si>
    <t>KELOO KALAN - MALE</t>
  </si>
  <si>
    <t>Jaggian Hither</t>
  </si>
  <si>
    <t>Jaggian Hither post office khudian</t>
  </si>
  <si>
    <t>Jaggian</t>
  </si>
  <si>
    <t>Veeram Hither</t>
  </si>
  <si>
    <t>17803</t>
  </si>
  <si>
    <t>29257</t>
  </si>
  <si>
    <t>GPS BATO</t>
  </si>
  <si>
    <t>Baito</t>
  </si>
  <si>
    <t>Gohar Hithar</t>
  </si>
  <si>
    <t>29275</t>
  </si>
  <si>
    <t>GPS DHILWAN WALA</t>
  </si>
  <si>
    <t>KHUDIAN SADAR - MALE</t>
  </si>
  <si>
    <t>Dhilam Hithar</t>
  </si>
  <si>
    <t>Dhilam Hithar ,post office khudian khas, kasur</t>
  </si>
  <si>
    <t>Marali Hithar</t>
  </si>
  <si>
    <t>GPS JOYA OTAR</t>
  </si>
  <si>
    <t>Joya Ottar</t>
  </si>
  <si>
    <t>village joya ottar p.o kalay ottar</t>
  </si>
  <si>
    <t>Joyya Ottar</t>
  </si>
  <si>
    <t>Olakh Hithar</t>
  </si>
  <si>
    <t>GPS GOHAR JAGEER</t>
  </si>
  <si>
    <t>Gohar  Jageer</t>
  </si>
  <si>
    <t>gohar jagir post office usman wala district kasur</t>
  </si>
  <si>
    <t>Usman Wala</t>
  </si>
  <si>
    <t>29962</t>
  </si>
  <si>
    <t>42400</t>
  </si>
  <si>
    <t>29324</t>
  </si>
  <si>
    <t>GPS CHOR KOT</t>
  </si>
  <si>
    <t>AhmadAbad</t>
  </si>
  <si>
    <t>Chorkot Kasur</t>
  </si>
  <si>
    <t>Marali Hathar</t>
  </si>
  <si>
    <t>29327</t>
  </si>
  <si>
    <t>GPS BASTI SARDAR M YASIN DHOLAN</t>
  </si>
  <si>
    <t>Near water supply scheem Dholan hithar</t>
  </si>
  <si>
    <t>Sardar Muhammad Anwar</t>
  </si>
  <si>
    <t>GPS HAVELI MAHTAB KHAN</t>
  </si>
  <si>
    <t>RAJA JANG - MALE</t>
  </si>
  <si>
    <t>Haveli Mehtab Khan</t>
  </si>
  <si>
    <t>Raja jang  kasur</t>
  </si>
  <si>
    <t>HaveliMehtab Khan</t>
  </si>
  <si>
    <t>Baroon Raja Jang</t>
  </si>
  <si>
    <t>Muhammad Khalil</t>
  </si>
  <si>
    <t>40085</t>
  </si>
  <si>
    <t>GPS MANAN WALA PO. RAJA JANG</t>
  </si>
  <si>
    <t>Manan  Wala</t>
  </si>
  <si>
    <t>GPS MANAN WALA  P/O RAJA JANG</t>
  </si>
  <si>
    <t>Rao Khan Wala</t>
  </si>
  <si>
    <t>Abu Far Naseer</t>
  </si>
  <si>
    <t>48397</t>
  </si>
  <si>
    <t>48395</t>
  </si>
  <si>
    <t>3903</t>
  </si>
  <si>
    <t>29373</t>
  </si>
  <si>
    <t>GGES BASTI CHIRAGH SHAH</t>
  </si>
  <si>
    <t>KASUR SADAR - FEMALE</t>
  </si>
  <si>
    <t>basti chiragh shah bhatta sohn din kasur</t>
  </si>
  <si>
    <t>Basti Chiragh Shah</t>
  </si>
  <si>
    <t>Gul E Rana</t>
  </si>
  <si>
    <t>29383</t>
  </si>
  <si>
    <t>GMPS SADAR DEWAN</t>
  </si>
  <si>
    <t>Sadder Dewan</t>
  </si>
  <si>
    <t>Sadder dewan</t>
  </si>
  <si>
    <t>23223</t>
  </si>
  <si>
    <t>19726</t>
  </si>
  <si>
    <t>2509</t>
  </si>
  <si>
    <t>38892</t>
  </si>
  <si>
    <t>29385</t>
  </si>
  <si>
    <t>GGPS WARN</t>
  </si>
  <si>
    <t>warn</t>
  </si>
  <si>
    <t>Warn</t>
  </si>
  <si>
    <t>Qadewind</t>
  </si>
  <si>
    <t>rOBINA KHUSHI MUHAMMAD</t>
  </si>
  <si>
    <t>29391</t>
  </si>
  <si>
    <t>GGPS NATHOO WALA</t>
  </si>
  <si>
    <t>Nathoo Wala</t>
  </si>
  <si>
    <t>village nathoo Wala kasur</t>
  </si>
  <si>
    <t>Nathoowala</t>
  </si>
  <si>
    <t>Qadiwind</t>
  </si>
  <si>
    <t>10347</t>
  </si>
  <si>
    <t>GMPS MAHALAM KHURD</t>
  </si>
  <si>
    <t>Mahalam Khurd</t>
  </si>
  <si>
    <t>P/O BAZID PUR VILLAGE MAHALAM KHURD</t>
  </si>
  <si>
    <t>mahalam khurd</t>
  </si>
  <si>
    <t>BAZID PUR</t>
  </si>
  <si>
    <t>shakila yasmin</t>
  </si>
  <si>
    <t>22392</t>
  </si>
  <si>
    <t>3345</t>
  </si>
  <si>
    <t>GMPS THATHI USMAN</t>
  </si>
  <si>
    <t>GANDA SINGH WALA - FEMALE</t>
  </si>
  <si>
    <t>Thathi Usman</t>
  </si>
  <si>
    <t>kasur</t>
  </si>
  <si>
    <t>Gohad Hithad</t>
  </si>
  <si>
    <t>ZARA MUSHTAQ</t>
  </si>
  <si>
    <t>29518</t>
  </si>
  <si>
    <t>GMPS BASTI CHAUDHARIAN</t>
  </si>
  <si>
    <t>Chor Kot</t>
  </si>
  <si>
    <t>Govt.Girls Model Primary School, Basti Chudhrian</t>
  </si>
  <si>
    <t>Basti Chudhrian</t>
  </si>
  <si>
    <t>Marlai Hithar</t>
  </si>
  <si>
    <t>Ayesha Kousar</t>
  </si>
  <si>
    <t>8247</t>
  </si>
  <si>
    <t>29563</t>
  </si>
  <si>
    <t>GMPS HAVELI DOGRAN WALI</t>
  </si>
  <si>
    <t>RAJA JANG - FEMALE</t>
  </si>
  <si>
    <t>MIR MUHAMMAD</t>
  </si>
  <si>
    <t>Haveli Dogran wali</t>
  </si>
  <si>
    <t>Haveli Dogran Wali</t>
  </si>
  <si>
    <t>Sattoki</t>
  </si>
  <si>
    <t>Uzma Safdar</t>
  </si>
  <si>
    <t>12015</t>
  </si>
  <si>
    <t>GGHS MC SHAHBAZ KHAN ROAD KASUR</t>
  </si>
  <si>
    <t>shahbaz khan road kasur</t>
  </si>
  <si>
    <t>Shahbaz Khan Road Kasur</t>
  </si>
  <si>
    <t>shahida sohail</t>
  </si>
  <si>
    <t>27675</t>
  </si>
  <si>
    <t>GHS NO. 1 PHOOL NAGAR</t>
  </si>
  <si>
    <t>Multan Road Phool nagr</t>
  </si>
  <si>
    <t>Nazir Shah</t>
  </si>
  <si>
    <t>Muhammad Saeed Awan</t>
  </si>
  <si>
    <t>GHS HALLAH P/O KHAS PATTOKI</t>
  </si>
  <si>
    <t>Hallah tehsil pattoki ,kasur</t>
  </si>
  <si>
    <t>MUHAMMAD YOUNAS</t>
  </si>
  <si>
    <t>29636</t>
  </si>
  <si>
    <t>GES SAHARAN KE</t>
  </si>
  <si>
    <t>Saharan Key</t>
  </si>
  <si>
    <t>Govet elementary school Saharan Key phoolnagar</t>
  </si>
  <si>
    <t>Jambar Khurd</t>
  </si>
  <si>
    <t>Muhammad Irfan Munawar</t>
  </si>
  <si>
    <t>4541</t>
  </si>
  <si>
    <t>29649</t>
  </si>
  <si>
    <t>GES BLAIR CHAK NO 46</t>
  </si>
  <si>
    <t>blair chak no46</t>
  </si>
  <si>
    <t>blair chak no 46 tehsil pattoki district kasur</t>
  </si>
  <si>
    <t>blair chak no 46</t>
  </si>
  <si>
    <t>halla</t>
  </si>
  <si>
    <t>Muhammad hussain</t>
  </si>
  <si>
    <t>34296</t>
  </si>
  <si>
    <t>29679</t>
  </si>
  <si>
    <t>GGES PHULIANI</t>
  </si>
  <si>
    <t>JAMBER KALAN - FEMALE</t>
  </si>
  <si>
    <t>phulliani</t>
  </si>
  <si>
    <t>Phulliani</t>
  </si>
  <si>
    <t>29699</t>
  </si>
  <si>
    <t>GGES ALPA KALAN</t>
  </si>
  <si>
    <t>HALLAH - FEMALE</t>
  </si>
  <si>
    <t>alpa kalan markz hallah</t>
  </si>
  <si>
    <t>Uzma Yousaf</t>
  </si>
  <si>
    <t>23040</t>
  </si>
  <si>
    <t>20233</t>
  </si>
  <si>
    <t>29739</t>
  </si>
  <si>
    <t>GPS KOT GOONDI WALA</t>
  </si>
  <si>
    <t>Gondi Wala</t>
  </si>
  <si>
    <t>Kot Gondi Wala</t>
  </si>
  <si>
    <t>Faisal Aziz</t>
  </si>
  <si>
    <t>29745</t>
  </si>
  <si>
    <t>GPS JUMBER KHURD</t>
  </si>
  <si>
    <t>Jumber Khurd</t>
  </si>
  <si>
    <t>jumber khurd</t>
  </si>
  <si>
    <t>GPS CHAH KALALAN WALA</t>
  </si>
  <si>
    <t>Chahkalanwala</t>
  </si>
  <si>
    <t>chaahkalanwala</t>
  </si>
  <si>
    <t>29764</t>
  </si>
  <si>
    <t>GPS DHILWAN</t>
  </si>
  <si>
    <t>Dhilwan</t>
  </si>
  <si>
    <t>Govt. Primary School, Dhilwan</t>
  </si>
  <si>
    <t>Rana Khalid Pervaiz</t>
  </si>
  <si>
    <t>11130</t>
  </si>
  <si>
    <t>6943</t>
  </si>
  <si>
    <t>27276</t>
  </si>
  <si>
    <t>GGES SOLINGI KHARAL</t>
  </si>
  <si>
    <t>Solangi Khral</t>
  </si>
  <si>
    <t>Govt Girls  E/S Solgeen Khral</t>
  </si>
  <si>
    <t>Solgeen Khral</t>
  </si>
  <si>
    <t>ASMA ZAFAR</t>
  </si>
  <si>
    <t>13479</t>
  </si>
  <si>
    <t>4269</t>
  </si>
  <si>
    <t>3294</t>
  </si>
  <si>
    <t>27296</t>
  </si>
  <si>
    <t>GPS CHAK NO. 1 PINDI BHATTIAN</t>
  </si>
  <si>
    <t>MUSTAFABAD - MALE</t>
  </si>
  <si>
    <t>Chak 01</t>
  </si>
  <si>
    <t>Farrukh Ahmad</t>
  </si>
  <si>
    <t>13963</t>
  </si>
  <si>
    <t>22671</t>
  </si>
  <si>
    <t>27315</t>
  </si>
  <si>
    <t>GPS THATTA GAHRA</t>
  </si>
  <si>
    <t>QILA MASHMOOLA - MALE</t>
  </si>
  <si>
    <t>thatha gahra</t>
  </si>
  <si>
    <t>thatha gahra, tehsil pindi bhattian, distt hafizabad</t>
  </si>
  <si>
    <t>Thatha Gahra</t>
  </si>
  <si>
    <t>matteki</t>
  </si>
  <si>
    <t>54555</t>
  </si>
  <si>
    <t>GPS CHOHDO AHMED YAR</t>
  </si>
  <si>
    <t>Chohdo Ahmad Yr</t>
  </si>
  <si>
    <t>chohdo Ahmad yar</t>
  </si>
  <si>
    <t>Chohdo Ahmad Yar</t>
  </si>
  <si>
    <t>54592</t>
  </si>
  <si>
    <t>GPS QILA MURAD BAKHSH</t>
  </si>
  <si>
    <t>KOT GHAZI - MALE</t>
  </si>
  <si>
    <t>Qila Murad Bakhsh</t>
  </si>
  <si>
    <t>qilamurad bakhsh</t>
  </si>
  <si>
    <t>qilamurad Bakhsh</t>
  </si>
  <si>
    <t>BagKona</t>
  </si>
  <si>
    <t>Wilayat Ali</t>
  </si>
  <si>
    <t>12577</t>
  </si>
  <si>
    <t>27368</t>
  </si>
  <si>
    <t>GMPS FATEHKE</t>
  </si>
  <si>
    <t>PINDI BHATTIAN - FEMALE</t>
  </si>
  <si>
    <t>Fatehke</t>
  </si>
  <si>
    <t>Thatha Kheru Matmal</t>
  </si>
  <si>
    <t>Jozia Khizar Hayat</t>
  </si>
  <si>
    <t>27386</t>
  </si>
  <si>
    <t>GGES QILA MURAD BUKHSH</t>
  </si>
  <si>
    <t>Qila Muradbux</t>
  </si>
  <si>
    <t>vilage qilamuradbuxqq</t>
  </si>
  <si>
    <t>Qila Murad Bux</t>
  </si>
  <si>
    <t>Shabana Ashraf</t>
  </si>
  <si>
    <t>26208</t>
  </si>
  <si>
    <t>21096</t>
  </si>
  <si>
    <t>5343</t>
  </si>
  <si>
    <t>27396</t>
  </si>
  <si>
    <t>GGPS KOT MURAD</t>
  </si>
  <si>
    <t>KISHAN GARAH - FEMALE</t>
  </si>
  <si>
    <t>kot murad</t>
  </si>
  <si>
    <t>Uzma Noreen</t>
  </si>
  <si>
    <t>33390</t>
  </si>
  <si>
    <t>GGPS THATTHA NOOR SHAH</t>
  </si>
  <si>
    <t>Thatha Noor Shah</t>
  </si>
  <si>
    <t>Thatha Noor Shah teh.pindi bhattian district Hafizabad</t>
  </si>
  <si>
    <t>Mateki</t>
  </si>
  <si>
    <t>AqsaBatool</t>
  </si>
  <si>
    <t>1852</t>
  </si>
  <si>
    <t>8774</t>
  </si>
  <si>
    <t>10412</t>
  </si>
  <si>
    <t>5341</t>
  </si>
  <si>
    <t>27521</t>
  </si>
  <si>
    <t>GGPS HERDO RATTA</t>
  </si>
  <si>
    <t>NOUTHIAN - FEMALE</t>
  </si>
  <si>
    <t>Herdoratta</t>
  </si>
  <si>
    <t>Herdoratta tehsil pindi bhattian district Hafizabad</t>
  </si>
  <si>
    <t>KOT SARWAR</t>
  </si>
  <si>
    <t>Lubna Ishaq</t>
  </si>
  <si>
    <t>13924</t>
  </si>
  <si>
    <t>1114</t>
  </si>
  <si>
    <t>30114</t>
  </si>
  <si>
    <t>27555</t>
  </si>
  <si>
    <t>GGHS KOT SARWAR</t>
  </si>
  <si>
    <t>GOVT.GIRLS HIGH SCHOOL KOT SARWAR P/O SUKHEKE</t>
  </si>
  <si>
    <t>SERAFIN</t>
  </si>
  <si>
    <t>GGHS RUKKAN</t>
  </si>
  <si>
    <t>Rukkan</t>
  </si>
  <si>
    <t>Vpo Rukkan</t>
  </si>
  <si>
    <t>3817</t>
  </si>
  <si>
    <t>27647</t>
  </si>
  <si>
    <t>GES BHALLOWAL</t>
  </si>
  <si>
    <t>MIANA GONDAL-II - MALE</t>
  </si>
  <si>
    <t>Bhallowal</t>
  </si>
  <si>
    <t>Daffar</t>
  </si>
  <si>
    <t>Raheel Abbas</t>
  </si>
  <si>
    <t>27655</t>
  </si>
  <si>
    <t>GGHS BUKKAN</t>
  </si>
  <si>
    <t>Bukkan</t>
  </si>
  <si>
    <t>Vpo bukkan tehsil:malakwal District,:m.b.din</t>
  </si>
  <si>
    <t>23833</t>
  </si>
  <si>
    <t>GGHS CHAK NO. 16</t>
  </si>
  <si>
    <t>Chak No 16</t>
  </si>
  <si>
    <t>disst.m.b.din teh. malakwal p.o.box chak no 16</t>
  </si>
  <si>
    <t>Chak No 16 Krariwala</t>
  </si>
  <si>
    <t>Raazia Khizar</t>
  </si>
  <si>
    <t>27668</t>
  </si>
  <si>
    <t>GMPS CHAK NO. 32</t>
  </si>
  <si>
    <t>GOJRA-II - FEMALE</t>
  </si>
  <si>
    <t>Chak No 32</t>
  </si>
  <si>
    <t>GMPS CHAK NO 32 Tehsil Malakwal</t>
  </si>
  <si>
    <t>Javaria Asghar</t>
  </si>
  <si>
    <t>9665</t>
  </si>
  <si>
    <t>24436</t>
  </si>
  <si>
    <t>GPS HAVELI BATI KHAN</t>
  </si>
  <si>
    <t>GOJRA - MALE</t>
  </si>
  <si>
    <t>Haveli Bati Khan Bosal</t>
  </si>
  <si>
    <t>gps havaili bati khan bosal</t>
  </si>
  <si>
    <t>Bosal Sukha</t>
  </si>
  <si>
    <t>27736</t>
  </si>
  <si>
    <t>GPS GARH QAIM</t>
  </si>
  <si>
    <t>MIANA GONDAL-I- MALE</t>
  </si>
  <si>
    <t>Garh Qaim</t>
  </si>
  <si>
    <t>village garh qaim p.o mona depot tehsil malakwal district mandi baha u dinn</t>
  </si>
  <si>
    <t>12669</t>
  </si>
  <si>
    <t>19821</t>
  </si>
  <si>
    <t>27770</t>
  </si>
  <si>
    <t>GGPS NO.2 MALAKWAL</t>
  </si>
  <si>
    <t>C. NO.I MALIKWAL - FEMALE</t>
  </si>
  <si>
    <t>mohallah kanyawala</t>
  </si>
  <si>
    <t>Aneesa Zaineb</t>
  </si>
  <si>
    <t>27821</t>
  </si>
  <si>
    <t>GGPS CHAK NO. 9 SHUMALI ABADI</t>
  </si>
  <si>
    <t>MALIKWAL-V-FEMALE</t>
  </si>
  <si>
    <t>Chak No 9 Shumali</t>
  </si>
  <si>
    <t>chak no9 shumali tehsil malakwal. district mbdin</t>
  </si>
  <si>
    <t>7178</t>
  </si>
  <si>
    <t>27861</t>
  </si>
  <si>
    <t>GPS CHAH MIANA DAKHLI CHAK NO. 19</t>
  </si>
  <si>
    <t>MALAK WAL -I- MALE</t>
  </si>
  <si>
    <t>chahmiana dakhli chak 19</t>
  </si>
  <si>
    <t>Muhammad Akbar Shah</t>
  </si>
  <si>
    <t>30446</t>
  </si>
  <si>
    <t>23996</t>
  </si>
  <si>
    <t>27862</t>
  </si>
  <si>
    <t>GPS DERA MUHAMMAD AKRAM</t>
  </si>
  <si>
    <t>Chote Dheeran</t>
  </si>
  <si>
    <t>Abdul rehman</t>
  </si>
  <si>
    <t>42109</t>
  </si>
  <si>
    <t>27876</t>
  </si>
  <si>
    <t>GHS CHIMMON</t>
  </si>
  <si>
    <t>Chhimmon</t>
  </si>
  <si>
    <t>v.p.o. chhimon , tehsil and disst. m.b.din</t>
  </si>
  <si>
    <t>Sikandar Khan</t>
  </si>
  <si>
    <t>14972</t>
  </si>
  <si>
    <t>27881</t>
  </si>
  <si>
    <t>GHS MODEL CHAK NO.40</t>
  </si>
  <si>
    <t>Chak40</t>
  </si>
  <si>
    <t>Village Chak 40, tEHSIL AND DISTRICT MANDIBAHAUDDIN</t>
  </si>
  <si>
    <t>Chak 40</t>
  </si>
  <si>
    <t>CHAK NO. 40</t>
  </si>
  <si>
    <t>21890</t>
  </si>
  <si>
    <t>36634</t>
  </si>
  <si>
    <t>27915</t>
  </si>
  <si>
    <t>GES HEAD RASOOL</t>
  </si>
  <si>
    <t>C. NO.II MBDIN - MALE</t>
  </si>
  <si>
    <t>Inhar Colony</t>
  </si>
  <si>
    <t>inhar colony head rasul</t>
  </si>
  <si>
    <t>Inhar Colony Head Rasul</t>
  </si>
  <si>
    <t>M Afzal Munawar</t>
  </si>
  <si>
    <t>43632</t>
  </si>
  <si>
    <t>27921</t>
  </si>
  <si>
    <t>GGHS KALO WALI, MBDIN</t>
  </si>
  <si>
    <t>KALUWALI</t>
  </si>
  <si>
    <t>KANDHANWALA</t>
  </si>
  <si>
    <t>GULAMA Fatima</t>
  </si>
  <si>
    <t>27598</t>
  </si>
  <si>
    <t>27926</t>
  </si>
  <si>
    <t>Govt.Girls High School Khewa</t>
  </si>
  <si>
    <t>Suryya Bokhari</t>
  </si>
  <si>
    <t>GGPS MUNIR ABAD</t>
  </si>
  <si>
    <t>Govt Primary School Muneer abad</t>
  </si>
  <si>
    <t>Samina Iqbal Khan</t>
  </si>
  <si>
    <t>15543</t>
  </si>
  <si>
    <t>40508</t>
  </si>
  <si>
    <t>17883</t>
  </si>
  <si>
    <t>GPS BASTI SIPRA (NEWLY ESTABLISHED)</t>
  </si>
  <si>
    <t>malkana</t>
  </si>
  <si>
    <t>moza malkana basti sipra</t>
  </si>
  <si>
    <t>basti sipra</t>
  </si>
  <si>
    <t>abdul khaliq tabbsum</t>
  </si>
  <si>
    <t>17834</t>
  </si>
  <si>
    <t>18011</t>
  </si>
  <si>
    <t>17447</t>
  </si>
  <si>
    <t>2670</t>
  </si>
  <si>
    <t>17884</t>
  </si>
  <si>
    <t>GPS BASTI LASHARI</t>
  </si>
  <si>
    <t>RODU SULTAN - MALE</t>
  </si>
  <si>
    <t>Moza Lashari Tehsil 18 Hazari Distt Jhang</t>
  </si>
  <si>
    <t>17887</t>
  </si>
  <si>
    <t>GPS CHAK 5/10 THAL</t>
  </si>
  <si>
    <t>WASU ASTANA - MALE</t>
  </si>
  <si>
    <t>Chak 10 Thal</t>
  </si>
  <si>
    <t>colony no 5 chak 10 thal 18 hazari Jhang</t>
  </si>
  <si>
    <t>Colony no 5</t>
  </si>
  <si>
    <t>Och Gul Imam</t>
  </si>
  <si>
    <t>Aftab Khan</t>
  </si>
  <si>
    <t>6819</t>
  </si>
  <si>
    <t>54810</t>
  </si>
  <si>
    <t>GGPS DHOREY KALYAR 3/10 THAL</t>
  </si>
  <si>
    <t>Kaliyar Wala</t>
  </si>
  <si>
    <t>Kalyar Wala</t>
  </si>
  <si>
    <t>Uchgul Imam</t>
  </si>
  <si>
    <t>Farhat Hina</t>
  </si>
  <si>
    <t>GHS MC GOJRA MISSION ROAD</t>
  </si>
  <si>
    <t>gOVT MC HIGH SCHOOL MISSION ROAD GOJRA</t>
  </si>
  <si>
    <t>GOJRA city</t>
  </si>
  <si>
    <t>GOJRA CITY</t>
  </si>
  <si>
    <t>69307</t>
  </si>
  <si>
    <t>RO PLANT</t>
  </si>
  <si>
    <t>18497</t>
  </si>
  <si>
    <t>GHS CHAK 97 JB</t>
  </si>
  <si>
    <t>Chak No 97 Jb</t>
  </si>
  <si>
    <t>chak no 97 jb gojra distt t.t singh</t>
  </si>
  <si>
    <t>chak no 97 jb gojra</t>
  </si>
  <si>
    <t>Chak No 97 Jb Gojra</t>
  </si>
  <si>
    <t>46325</t>
  </si>
  <si>
    <t>18504</t>
  </si>
  <si>
    <t>GHS CHAK 423 JB ADA</t>
  </si>
  <si>
    <t>Chak No. 423 JB</t>
  </si>
  <si>
    <t>23937</t>
  </si>
  <si>
    <t>GHS MILLAT CHAK 342 JB LUDHAR</t>
  </si>
  <si>
    <t>Chak 342 JB</t>
  </si>
  <si>
    <t>chak 342 JB Tehsil Gojra Distt T.T.Singh</t>
  </si>
  <si>
    <t>Chak 345 JB</t>
  </si>
  <si>
    <t>GGHS CHAK 178 GB</t>
  </si>
  <si>
    <t>CHAK NO. 178 GB</t>
  </si>
  <si>
    <t>CHAK NO 178 GB TEHSIL GOJRA TOBA TEK SINGH</t>
  </si>
  <si>
    <t>chak no. 178 gb ghoga</t>
  </si>
  <si>
    <t>GHOGA</t>
  </si>
  <si>
    <t>TEHMINA SAFDAR</t>
  </si>
  <si>
    <t>31194</t>
  </si>
  <si>
    <t>GGHS CHAK 242 GB</t>
  </si>
  <si>
    <t>chk no 242gb gojra</t>
  </si>
  <si>
    <t>Chk No 242g</t>
  </si>
  <si>
    <t>Chk No 178 GB</t>
  </si>
  <si>
    <t>Nabeela Khatoon</t>
  </si>
  <si>
    <t>18543</t>
  </si>
  <si>
    <t>GGHS CHAK 333 JB</t>
  </si>
  <si>
    <t>333jb</t>
  </si>
  <si>
    <t>chak no 333jb tehsil gojra distt t.t.singh</t>
  </si>
  <si>
    <t>334jb</t>
  </si>
  <si>
    <t>urooj tabasam</t>
  </si>
  <si>
    <t>18544</t>
  </si>
  <si>
    <t>GGHS CHAK 362 JB</t>
  </si>
  <si>
    <t>Korean</t>
  </si>
  <si>
    <t>gghs362jb</t>
  </si>
  <si>
    <t>Chak362jb Koriangghs362jbKoriangghs362jbgKorianggh</t>
  </si>
  <si>
    <t>Chak 363jb</t>
  </si>
  <si>
    <t>Khadija</t>
  </si>
  <si>
    <t>46202</t>
  </si>
  <si>
    <t>18556</t>
  </si>
  <si>
    <t>GGHS CHAK 154 GB DOHTIAN</t>
  </si>
  <si>
    <t>154 GB</t>
  </si>
  <si>
    <t>Government Girls High school154GB Gojra</t>
  </si>
  <si>
    <t>Chak No 154GB</t>
  </si>
  <si>
    <t>154GB</t>
  </si>
  <si>
    <t>Sarwat Iqbal</t>
  </si>
  <si>
    <t>40955</t>
  </si>
  <si>
    <t>18559</t>
  </si>
  <si>
    <t>GGES CHAK 243 GB KALYAN PUR</t>
  </si>
  <si>
    <t>Chak No243/gb</t>
  </si>
  <si>
    <t>chak no.243/gb</t>
  </si>
  <si>
    <t>Chak No 243/gb</t>
  </si>
  <si>
    <t>Chak No178/gb</t>
  </si>
  <si>
    <t>Hira Fatima</t>
  </si>
  <si>
    <t>18719</t>
  </si>
  <si>
    <t>GMPS CHAK 96 JB</t>
  </si>
  <si>
    <t>PAKKA ANNA-FEMALE</t>
  </si>
  <si>
    <t>Chack No 96jb</t>
  </si>
  <si>
    <t>chak no 96jb gojra,toba tek singh</t>
  </si>
  <si>
    <t>97jb</t>
  </si>
  <si>
    <t>Bushra Psrveen</t>
  </si>
  <si>
    <t>9006</t>
  </si>
  <si>
    <t>18790</t>
  </si>
  <si>
    <t>GMPS CHAK 316 JB</t>
  </si>
  <si>
    <t>SARO KI-FEMALE</t>
  </si>
  <si>
    <t>316jb</t>
  </si>
  <si>
    <t>chak 316jb</t>
  </si>
  <si>
    <t>TAIWANDi</t>
  </si>
  <si>
    <t>GHS MC KAMALIA</t>
  </si>
  <si>
    <t>ghs mc near dehli chowk kamalia</t>
  </si>
  <si>
    <t>Muhammad Tahir Mansoor</t>
  </si>
  <si>
    <t>33119</t>
  </si>
  <si>
    <t>18841</t>
  </si>
  <si>
    <t>GHS NO.2 KAMALIA NEAR CIVIL HOSPITAL</t>
  </si>
  <si>
    <t>GOVT. HIGH SCHOOL NO.2 KAMALIA</t>
  </si>
  <si>
    <t>MC KAMALIA</t>
  </si>
  <si>
    <t>NASIR MAHMUD</t>
  </si>
  <si>
    <t>19042</t>
  </si>
  <si>
    <t>37728</t>
  </si>
  <si>
    <t>3297</t>
  </si>
  <si>
    <t>GHS CHAK 664/5 GB</t>
  </si>
  <si>
    <t>CHAK 664/5 GB</t>
  </si>
  <si>
    <t>664/5 Gb</t>
  </si>
  <si>
    <t>661/2 Gb</t>
  </si>
  <si>
    <t>18848</t>
  </si>
  <si>
    <t>GHS CHAK 739 GB JAKHAR</t>
  </si>
  <si>
    <t>Chak No. 739 GB Jakhar</t>
  </si>
  <si>
    <t>4284</t>
  </si>
  <si>
    <t>5108</t>
  </si>
  <si>
    <t>GES CHAK 712 GB</t>
  </si>
  <si>
    <t>712  G B</t>
  </si>
  <si>
    <t>govt e/s 712 g b</t>
  </si>
  <si>
    <t>712 G B</t>
  </si>
  <si>
    <t>Laldin</t>
  </si>
  <si>
    <t>93850</t>
  </si>
  <si>
    <t>18873</t>
  </si>
  <si>
    <t>GHSS LABORATORY (ATTACH GCET (M)</t>
  </si>
  <si>
    <t>NEAR THANA MOR, CHICHAWATNI ROAD, KAMALIA</t>
  </si>
  <si>
    <t>ZAFAR MAHMOOD KHAN</t>
  </si>
  <si>
    <t>18891</t>
  </si>
  <si>
    <t>GGHSS KACHI BASTI KAMALIA</t>
  </si>
  <si>
    <t>mOHALLAH bILAL, kAMALIA</t>
  </si>
  <si>
    <t>bILAL gUNG</t>
  </si>
  <si>
    <t>cITY ii</t>
  </si>
  <si>
    <t>Rashida Anwar</t>
  </si>
  <si>
    <t>14607</t>
  </si>
  <si>
    <t>GPS MC B-BRANCH KAMALIA</t>
  </si>
  <si>
    <t>KAMALIA CITY MALE</t>
  </si>
  <si>
    <t>Mohalla Hussain Shah Kamalia</t>
  </si>
  <si>
    <t>Lutfullah Khan</t>
  </si>
  <si>
    <t>13531</t>
  </si>
  <si>
    <t>GPS CHAK 660/1 GB</t>
  </si>
  <si>
    <t>Inayt Shah</t>
  </si>
  <si>
    <t>chak 660/1 GB Tehsil Kamalia</t>
  </si>
  <si>
    <t>Chak 660/1</t>
  </si>
  <si>
    <t>Chak 661/2</t>
  </si>
  <si>
    <t>Shahbaz Latif</t>
  </si>
  <si>
    <t>19056</t>
  </si>
  <si>
    <t>GPS MOUZA DARSANA</t>
  </si>
  <si>
    <t>WAHGI MALE</t>
  </si>
  <si>
    <t>DARSANA</t>
  </si>
  <si>
    <t>MOUZA DARSANA BASTI NOOR KI</t>
  </si>
  <si>
    <t>KOT PHATHANA</t>
  </si>
  <si>
    <t>Shafqat Hussain Tahir</t>
  </si>
  <si>
    <t>20115</t>
  </si>
  <si>
    <t>19181</t>
  </si>
  <si>
    <t>GGPS CHAK 717 GB</t>
  </si>
  <si>
    <t>717gb</t>
  </si>
  <si>
    <t>chak no 717gb</t>
  </si>
  <si>
    <t>715gb</t>
  </si>
  <si>
    <t>ASMA  SIKANDAR</t>
  </si>
  <si>
    <t>19205</t>
  </si>
  <si>
    <t>GMES SARWAR BHOJIA KAMALIA</t>
  </si>
  <si>
    <t>QADIR BUKHSH-FEMALE</t>
  </si>
  <si>
    <t>Choki Chadar</t>
  </si>
  <si>
    <t>GMES SARWAR BHOJIA MOZA CHOKI CHADAR</t>
  </si>
  <si>
    <t>Azmat shahQadir Bux</t>
  </si>
  <si>
    <t>Bushra Ghani</t>
  </si>
  <si>
    <t>8515</t>
  </si>
  <si>
    <t>19228</t>
  </si>
  <si>
    <t>GHS CHAK 346 GB</t>
  </si>
  <si>
    <t>Chak No 346 Gb</t>
  </si>
  <si>
    <t>chakno 346 gb</t>
  </si>
  <si>
    <t>Chak 346 Gb</t>
  </si>
  <si>
    <t>Chak 350 Gb</t>
  </si>
  <si>
    <t>MUHAMMAD NAUMAN RASHEED</t>
  </si>
  <si>
    <t>5564</t>
  </si>
  <si>
    <t>GHS CHAK 361 GB</t>
  </si>
  <si>
    <t>Chak No 361 G B</t>
  </si>
  <si>
    <t>ghs 361 gb toba tek singh</t>
  </si>
  <si>
    <t>Muhammad zahid Nadeem</t>
  </si>
  <si>
    <t>26519</t>
  </si>
  <si>
    <t>19238</t>
  </si>
  <si>
    <t>GHS CHAK 184 GB</t>
  </si>
  <si>
    <t>CHAK 184 G.B. TEHSIL  DISTRICT TOBA TEK SINGH</t>
  </si>
  <si>
    <t>Muhammad Yasir Rasheed Rasheed</t>
  </si>
  <si>
    <t>9510</t>
  </si>
  <si>
    <t>19242</t>
  </si>
  <si>
    <t>GHS MUSLIM JANI WALA</t>
  </si>
  <si>
    <t>T.T.Singh</t>
  </si>
  <si>
    <t>Govt Muslim High School Janiwala</t>
  </si>
  <si>
    <t>Chak No. 287 JB</t>
  </si>
  <si>
    <t>Chak no. 284 JB</t>
  </si>
  <si>
    <t>19269</t>
  </si>
  <si>
    <t>GGHSS CHAK 148 GB</t>
  </si>
  <si>
    <t>Chak No. 148 GB</t>
  </si>
  <si>
    <t>Chak No. 151 GB</t>
  </si>
  <si>
    <t>SAFIA HAMEED</t>
  </si>
  <si>
    <t>19245</t>
  </si>
  <si>
    <t>GHS 250 GB MAURUSI PUR</t>
  </si>
  <si>
    <t>250 GB</t>
  </si>
  <si>
    <t>GOVT.HIGH SCHOOL MAURUSIPUR TEHSIL &amp; DISTRICT TOBA TEK SINGH</t>
  </si>
  <si>
    <t>CHAK NO.250 GB</t>
  </si>
  <si>
    <t>CHAK NO.251 GB.</t>
  </si>
  <si>
    <t>MUHAMMAD AMJAD HAMID</t>
  </si>
  <si>
    <t>29293</t>
  </si>
  <si>
    <t>33081</t>
  </si>
  <si>
    <t>10413</t>
  </si>
  <si>
    <t>2541</t>
  </si>
  <si>
    <t>19246</t>
  </si>
  <si>
    <t>GHS ISLAMIA SEC. TTSINGH</t>
  </si>
  <si>
    <t>toba tek singh</t>
  </si>
  <si>
    <t>eid gah road toba tek singh</t>
  </si>
  <si>
    <t>ward 29</t>
  </si>
  <si>
    <t>41912</t>
  </si>
  <si>
    <t>19249</t>
  </si>
  <si>
    <t>GHS CHAK 387 JB BARA ALAHAR</t>
  </si>
  <si>
    <t>CHAK NO. 387 JB</t>
  </si>
  <si>
    <t>GOVT. HIGH SCHOOL 387 JB CHAK NO. 387 JB TOBA TEK SINGH</t>
  </si>
  <si>
    <t>CHAK NO.384 JB TOBA TEK SINGH</t>
  </si>
  <si>
    <t>Gohar Mumtaz</t>
  </si>
  <si>
    <t>19251</t>
  </si>
  <si>
    <t>GGHS CHAK 340 GB</t>
  </si>
  <si>
    <t>chak no 340 gb</t>
  </si>
  <si>
    <t>chak no 517 gb</t>
  </si>
  <si>
    <t>MUSSARAT BANO</t>
  </si>
  <si>
    <t>19256</t>
  </si>
  <si>
    <t>GGHSS CHAK 343 GB</t>
  </si>
  <si>
    <t>gghs/s 343 gb,</t>
  </si>
  <si>
    <t>Jarahan</t>
  </si>
  <si>
    <t>Chorwala</t>
  </si>
  <si>
    <t>Nasima Mamzoor</t>
  </si>
  <si>
    <t>44904</t>
  </si>
  <si>
    <t>GHS CHAK 148 GB</t>
  </si>
  <si>
    <t>CHAK NO 148 GB</t>
  </si>
  <si>
    <t>CHAK NO. 148 GB, POST OFFICE SAME, TEHSIL AND DISTRICT TOBA TEK SINGH.</t>
  </si>
  <si>
    <t>CHAK 151 GB</t>
  </si>
  <si>
    <t>10934</t>
  </si>
  <si>
    <t>19980</t>
  </si>
  <si>
    <t>40252</t>
  </si>
  <si>
    <t>19306</t>
  </si>
  <si>
    <t>GGHS CHAK 301 GB</t>
  </si>
  <si>
    <t>301gb</t>
  </si>
  <si>
    <t>gghs301gb</t>
  </si>
  <si>
    <t>Chak 301gb</t>
  </si>
  <si>
    <t>Aneela Jamil</t>
  </si>
  <si>
    <t>99521</t>
  </si>
  <si>
    <t>GMES CHAK 314 GB</t>
  </si>
  <si>
    <t>KHEORAH BANGLA-FEMALE</t>
  </si>
  <si>
    <t>Nawan Hushair Poor</t>
  </si>
  <si>
    <t>chak no 314G. B tehsil and district t. t singh</t>
  </si>
  <si>
    <t>314 G B</t>
  </si>
  <si>
    <t>Hafizah Mamoona Manzoor</t>
  </si>
  <si>
    <t>26880</t>
  </si>
  <si>
    <t>19327</t>
  </si>
  <si>
    <t>GGHS CHAK 182 GB</t>
  </si>
  <si>
    <t>GOVT GIRLS HIGH SCHOOL 182GB</t>
  </si>
  <si>
    <t>Chaplanwali182GB</t>
  </si>
  <si>
    <t>183gb</t>
  </si>
  <si>
    <t>Aafia Azhara</t>
  </si>
  <si>
    <t>15041</t>
  </si>
  <si>
    <t>GGHS CHAK 323 JB TRANDI</t>
  </si>
  <si>
    <t>Govt. Girls High School Chak No. 323/JB Trandi</t>
  </si>
  <si>
    <t>Chak no. 323/JB Trandi</t>
  </si>
  <si>
    <t>Chak No. 323/JB Rehmat Abad</t>
  </si>
  <si>
    <t>KISHWAR ASGHAR ALI</t>
  </si>
  <si>
    <t>43145</t>
  </si>
  <si>
    <t>43290</t>
  </si>
  <si>
    <t>19344</t>
  </si>
  <si>
    <t>GGHS JAFARIA HOUSING COLONY T.T.SINGH</t>
  </si>
  <si>
    <t>Housing Colony T.T.Singh</t>
  </si>
  <si>
    <t>Housing colony T.T.Singh</t>
  </si>
  <si>
    <t>Zubaira Majeed</t>
  </si>
  <si>
    <t>6364</t>
  </si>
  <si>
    <t>19351</t>
  </si>
  <si>
    <t>GGES CHAK 320 JB</t>
  </si>
  <si>
    <t>SEOWAL-FEMALE</t>
  </si>
  <si>
    <t>320 JB Ran</t>
  </si>
  <si>
    <t>Chak number 320 jb Tehsil @ District Toba tek singh</t>
  </si>
  <si>
    <t>320 JB</t>
  </si>
  <si>
    <t>319 JB</t>
  </si>
  <si>
    <t>Naheed Bashir</t>
  </si>
  <si>
    <t>50500</t>
  </si>
  <si>
    <t>19357</t>
  </si>
  <si>
    <t>GGES CHAK 397 JB</t>
  </si>
  <si>
    <t>USMAN PUR FEMALE</t>
  </si>
  <si>
    <t>Phatohal</t>
  </si>
  <si>
    <t>Gges397jb</t>
  </si>
  <si>
    <t>Chak # 397 jb</t>
  </si>
  <si>
    <t>Uman pur</t>
  </si>
  <si>
    <t>Noor jahan</t>
  </si>
  <si>
    <t>19363</t>
  </si>
  <si>
    <t>GGHS CHAK 289 JB</t>
  </si>
  <si>
    <t>chak no 289 jb tehsil and disst toba tek singh</t>
  </si>
  <si>
    <t>289 Jb</t>
  </si>
  <si>
    <t>519 Gb</t>
  </si>
  <si>
    <t>Tanzeela Maqsood</t>
  </si>
  <si>
    <t>10001</t>
  </si>
  <si>
    <t>19466</t>
  </si>
  <si>
    <t>GPS CHAK 183 GB II</t>
  </si>
  <si>
    <t>BHAGAT BANGLA-MALE</t>
  </si>
  <si>
    <t>Chak No 183 G/B Pakhowal</t>
  </si>
  <si>
    <t>chak no 183 GB  pakhowal</t>
  </si>
  <si>
    <t>chak No 183 GB Pakhowal</t>
  </si>
  <si>
    <t>183 G/B Miankot</t>
  </si>
  <si>
    <t>MUHAMMAD USMAN WAHID</t>
  </si>
  <si>
    <t>19527</t>
  </si>
  <si>
    <t>GGPS CHAK 402 JB</t>
  </si>
  <si>
    <t>CHUTIANA FEMALE</t>
  </si>
  <si>
    <t>402 Jb</t>
  </si>
  <si>
    <t>virkan  402 jb</t>
  </si>
  <si>
    <t>Virkan 402jb</t>
  </si>
  <si>
    <t>38804</t>
  </si>
  <si>
    <t>37478</t>
  </si>
  <si>
    <t>19528</t>
  </si>
  <si>
    <t>GGPS CHAK 405 JB</t>
  </si>
  <si>
    <t>Noor Nagar</t>
  </si>
  <si>
    <t>chak no 405 jb Noor Nagar Teh &amp; Dist Toba Tek Singh</t>
  </si>
  <si>
    <t>405 Jb Noor Nagar</t>
  </si>
  <si>
    <t>Chak No 314</t>
  </si>
  <si>
    <t>Noreen Arshad</t>
  </si>
  <si>
    <t>34847</t>
  </si>
  <si>
    <t>19532</t>
  </si>
  <si>
    <t>GMPS CHAK 410 JB II</t>
  </si>
  <si>
    <t>410 Jbll</t>
  </si>
  <si>
    <t>chak no 410jbll teh &amp; distt T.T.Sjngh</t>
  </si>
  <si>
    <t>Chak No 410jbll</t>
  </si>
  <si>
    <t>Chak 314GB</t>
  </si>
  <si>
    <t>Shaista Naureen</t>
  </si>
  <si>
    <t>19545</t>
  </si>
  <si>
    <t>GGHS CHAK 189 GB</t>
  </si>
  <si>
    <t>189gb</t>
  </si>
  <si>
    <t>chak # 189 GB</t>
  </si>
  <si>
    <t>Chak # 189 GB</t>
  </si>
  <si>
    <t>GGHS MC MUZAFFAR GARH</t>
  </si>
  <si>
    <t>Muzaffar GARH</t>
  </si>
  <si>
    <t>near Kmeti  chowk M.C GHS m.garh</t>
  </si>
  <si>
    <t>Mgarh</t>
  </si>
  <si>
    <t>RIFFAT IQBAL</t>
  </si>
  <si>
    <t>GGHS LUTKRAN</t>
  </si>
  <si>
    <t>LUTKARAN</t>
  </si>
  <si>
    <t>OPPOSITE DHQ HOSPITAL</t>
  </si>
  <si>
    <t>BASTI LUTKARAN</t>
  </si>
  <si>
    <t>Munispal</t>
  </si>
  <si>
    <t>SADIA JAMEEL</t>
  </si>
  <si>
    <t>28230</t>
  </si>
  <si>
    <t>GGHS KHANPUR BAGGA SHER</t>
  </si>
  <si>
    <t>KHAN PUR SHUMALI</t>
  </si>
  <si>
    <t>GOVT.GIRLS HIGH SCHOOL KHAN PUR BAGGA SHER</t>
  </si>
  <si>
    <t>SHAMIM FATIMA</t>
  </si>
  <si>
    <t>12386</t>
  </si>
  <si>
    <t>GGHSS ROHILLAN WALI</t>
  </si>
  <si>
    <t>R.Wali</t>
  </si>
  <si>
    <t>Govt girls higher secondary School Rohillan wali</t>
  </si>
  <si>
    <t>41382</t>
  </si>
  <si>
    <t>12408</t>
  </si>
  <si>
    <t>GES RANA WAHIN</t>
  </si>
  <si>
    <t>RANG PUR- MALE</t>
  </si>
  <si>
    <t>Rana Wahin</t>
  </si>
  <si>
    <t>p/o rangpur tehsil and district muzaffargarh</t>
  </si>
  <si>
    <t>Ansar mehdi</t>
  </si>
  <si>
    <t>7371</t>
  </si>
  <si>
    <t>12448</t>
  </si>
  <si>
    <t>GGES SAEED NAGAR</t>
  </si>
  <si>
    <t>khangarh tehsil and district muzaffargarh</t>
  </si>
  <si>
    <t>Umer Pur Janobi</t>
  </si>
  <si>
    <t>atia naheed Nasir</t>
  </si>
  <si>
    <t>45097</t>
  </si>
  <si>
    <t>GPS CHAWAN WALA</t>
  </si>
  <si>
    <t>KHAN PUR BAGGA SHER- MALE</t>
  </si>
  <si>
    <t>SULTAN KHAR</t>
  </si>
  <si>
    <t>BASTI CHAWAN WALA MOZA SULTAN KHAR TEHSIL&amp;DISTRICT MUZAFFARGARH</t>
  </si>
  <si>
    <t>CHAWAN WALA</t>
  </si>
  <si>
    <t>FAZAL KALRO</t>
  </si>
  <si>
    <t>Safdar Javed Hussain</t>
  </si>
  <si>
    <t>50615</t>
  </si>
  <si>
    <t>4468</t>
  </si>
  <si>
    <t>54846</t>
  </si>
  <si>
    <t>GPS Khangarh</t>
  </si>
  <si>
    <t>KHANGARH- MALE</t>
  </si>
  <si>
    <t>GPS, City school khan Garh</t>
  </si>
  <si>
    <t>Rana Muhammad Hamza</t>
  </si>
  <si>
    <t>6657</t>
  </si>
  <si>
    <t>GPS TIBBA BHATIAN</t>
  </si>
  <si>
    <t>Tibba Bhattian</t>
  </si>
  <si>
    <t>basti tibba bhattian uc mondka teh &amp; dist m.garh</t>
  </si>
  <si>
    <t>Muhammad Kashif Sattar</t>
  </si>
  <si>
    <t>good drinking water available by pipe supply at the distance of 4km</t>
  </si>
  <si>
    <t>4151</t>
  </si>
  <si>
    <t>GPS GINDI KHAKHI</t>
  </si>
  <si>
    <t>Gindi Khakhi</t>
  </si>
  <si>
    <t>12603</t>
  </si>
  <si>
    <t>GES MAHAL KUSHAK</t>
  </si>
  <si>
    <t>Mahal Kushuk</t>
  </si>
  <si>
    <t>mahal kushuk</t>
  </si>
  <si>
    <t>27947</t>
  </si>
  <si>
    <t>31885</t>
  </si>
  <si>
    <t>12620</t>
  </si>
  <si>
    <t>GPS KHOKHAR WALA</t>
  </si>
  <si>
    <t>Bassti Bohir wali</t>
  </si>
  <si>
    <t>Basti Bohhir Wali</t>
  </si>
  <si>
    <t>Mehar Pur</t>
  </si>
  <si>
    <t>Qaiser Naeem</t>
  </si>
  <si>
    <t>GGPS MAHBOOB WALA</t>
  </si>
  <si>
    <t>Mehboob Wala</t>
  </si>
  <si>
    <t>mouza mehboob wala markaz chak godar tehsil and district muzaffargarh</t>
  </si>
  <si>
    <t>Mehvish Altaf</t>
  </si>
  <si>
    <t>12733</t>
  </si>
  <si>
    <t>GGES THATHA SIALAN</t>
  </si>
  <si>
    <t>MURAD ABAD- FEMALE</t>
  </si>
  <si>
    <t>Thatha Sialan</t>
  </si>
  <si>
    <t>gg e/s thata sialan</t>
  </si>
  <si>
    <t>Kalsoom bibi</t>
  </si>
  <si>
    <t>41160</t>
  </si>
  <si>
    <t>12737</t>
  </si>
  <si>
    <t>GGES ALI PUR SHUMALI</t>
  </si>
  <si>
    <t>Ali Pur Janubi</t>
  </si>
  <si>
    <t>Govt  Girls E/S AliPurShumali.</t>
  </si>
  <si>
    <t>Basti Ali Pur Shumali</t>
  </si>
  <si>
    <t>33812</t>
  </si>
  <si>
    <t>47298</t>
  </si>
  <si>
    <t>12809</t>
  </si>
  <si>
    <t>GGPS UMER PUR JANUBI</t>
  </si>
  <si>
    <t>Umar Pur Janubi</t>
  </si>
  <si>
    <t>umar pur janubi</t>
  </si>
  <si>
    <t>Rubeela Aini</t>
  </si>
  <si>
    <t>43753</t>
  </si>
  <si>
    <t>17913</t>
  </si>
  <si>
    <t>12906</t>
  </si>
  <si>
    <t>GGPS SAADAT ABAD</t>
  </si>
  <si>
    <t>Wahi Mirza Bag</t>
  </si>
  <si>
    <t>basti jhndir p/o mandoorain moza wahi mirza bag</t>
  </si>
  <si>
    <t>Basti Jhandir Wala</t>
  </si>
  <si>
    <t>Naila Yasmeen</t>
  </si>
  <si>
    <t>12932</t>
  </si>
  <si>
    <t>GPS RANJHAY WALA</t>
  </si>
  <si>
    <t>Chuck Fathy Ali</t>
  </si>
  <si>
    <t>GPS Ranjhy wala Markz Fazil Kalro.</t>
  </si>
  <si>
    <t>Fazil Kalro</t>
  </si>
  <si>
    <t>29898</t>
  </si>
  <si>
    <t>12937</t>
  </si>
  <si>
    <t>GGPS ABBAS PUR</t>
  </si>
  <si>
    <t>Palikalro</t>
  </si>
  <si>
    <t>665 Bukhariwala mzg</t>
  </si>
  <si>
    <t>Mehrpur</t>
  </si>
  <si>
    <t>Mamoona Sheikh</t>
  </si>
  <si>
    <t>12997</t>
  </si>
  <si>
    <t>GGES BAIT QAIM SHAH</t>
  </si>
  <si>
    <t>Darien</t>
  </si>
  <si>
    <t>muza bait Qaim Shah</t>
  </si>
  <si>
    <t>Bait Qaim Shah</t>
  </si>
  <si>
    <t>Rabia Tarab</t>
  </si>
  <si>
    <t>50115</t>
  </si>
  <si>
    <t>GPS JADAY WALA</t>
  </si>
  <si>
    <t>JHANGAR MAHRA- MALE</t>
  </si>
  <si>
    <t>Mahra Sharqi</t>
  </si>
  <si>
    <t>moza mahra sharqi Tehsil and District Muzaffar garh</t>
  </si>
  <si>
    <t>Jaday Wala</t>
  </si>
  <si>
    <t>Mahra</t>
  </si>
  <si>
    <t>46246</t>
  </si>
  <si>
    <t>13054</t>
  </si>
  <si>
    <t>GHS BELAY WALA</t>
  </si>
  <si>
    <t>BELAY WALA</t>
  </si>
  <si>
    <t>P/O BELAY WALA TEHSIL JATOI DISTRICT MUZAFFAR GARH</t>
  </si>
  <si>
    <t>DILBAR ALI</t>
  </si>
  <si>
    <t>12995</t>
  </si>
  <si>
    <t>GPS NO. 2 JATOI</t>
  </si>
  <si>
    <t>ward no 2 jatoi</t>
  </si>
  <si>
    <t>Jatoi City</t>
  </si>
  <si>
    <t>MC JATOI</t>
  </si>
  <si>
    <t>4285</t>
  </si>
  <si>
    <t>GPS YOUSUF PUNJABI</t>
  </si>
  <si>
    <t>BHINDI KORAI- MALE</t>
  </si>
  <si>
    <t>Rampur 1</t>
  </si>
  <si>
    <t>basti haji  Abdul Ghafoor Namurdi rampur 1</t>
  </si>
  <si>
    <t>Haji Abdul Ghafoor Namurdi</t>
  </si>
  <si>
    <t>Rampur</t>
  </si>
  <si>
    <t>GHS NAMURDI</t>
  </si>
  <si>
    <t>moza ram pur basti namurdi</t>
  </si>
  <si>
    <t>83308</t>
  </si>
  <si>
    <t>20899</t>
  </si>
  <si>
    <t>4290</t>
  </si>
  <si>
    <t>13099</t>
  </si>
  <si>
    <t>GES TURK</t>
  </si>
  <si>
    <t>SABAEY WALA- MALE</t>
  </si>
  <si>
    <t>Thatha Chandir</t>
  </si>
  <si>
    <t>Basti chandir mauza Thatha Chandir</t>
  </si>
  <si>
    <t>Chandair</t>
  </si>
  <si>
    <t>13149</t>
  </si>
  <si>
    <t>GPS KOTLA SULTAN SHAH</t>
  </si>
  <si>
    <t>Kotla Sultan Shah</t>
  </si>
  <si>
    <t>Kotla Sultan Shah Near Basti Syed</t>
  </si>
  <si>
    <t>GHULAM RAZA</t>
  </si>
  <si>
    <t>GPS BAKAINI (NEW)</t>
  </si>
  <si>
    <t>MIR HAZAR KHAN- MALE</t>
  </si>
  <si>
    <t>Bakaini1</t>
  </si>
  <si>
    <t>basti lar</t>
  </si>
  <si>
    <t>Nasir Madni</t>
  </si>
  <si>
    <t>5522</t>
  </si>
  <si>
    <t>42070</t>
  </si>
  <si>
    <t>GPS JAMIL-UL-ULOOM</t>
  </si>
  <si>
    <t>KANDH SHARIF- MALE</t>
  </si>
  <si>
    <t>Kotla Rahim Ali Shah</t>
  </si>
  <si>
    <t>basti maharan moza kotla rahim ali shah</t>
  </si>
  <si>
    <t>Basti Maharan</t>
  </si>
  <si>
    <t>Mohsin Umar</t>
  </si>
  <si>
    <t>GGPS HAFIZ RASOOL BAKHSH</t>
  </si>
  <si>
    <t>Chak Rao</t>
  </si>
  <si>
    <t>basti Hamar mouza chak rao markaz jhuggi wala</t>
  </si>
  <si>
    <t>Basti Hamar</t>
  </si>
  <si>
    <t>Umm-e-Salma</t>
  </si>
  <si>
    <t>13325</t>
  </si>
  <si>
    <t>GPS BASTI LAR</t>
  </si>
  <si>
    <t>Jugmal</t>
  </si>
  <si>
    <t>basti lar moza jugmal teh jatoi</t>
  </si>
  <si>
    <t>Basti Lar</t>
  </si>
  <si>
    <t>Sabaey Wala</t>
  </si>
  <si>
    <t>Riaz Ahmad Qureshi</t>
  </si>
  <si>
    <t>7175</t>
  </si>
  <si>
    <t>12220</t>
  </si>
  <si>
    <t>GHSS DAJAL</t>
  </si>
  <si>
    <t>HAFIZ AHMAD HASSAN</t>
  </si>
  <si>
    <t>24848</t>
  </si>
  <si>
    <t>Water Line from Committee</t>
  </si>
  <si>
    <t>13356</t>
  </si>
  <si>
    <t>GHSS LAL GARH</t>
  </si>
  <si>
    <t>Lal Garh</t>
  </si>
  <si>
    <t>Govt. Higher Secondary School Lal Garh , p/o Lal Garh, tehsil Jampur, District Rajanpur</t>
  </si>
  <si>
    <t>Muhammad Mustanir-ur- Rehman</t>
  </si>
  <si>
    <t>13361</t>
  </si>
  <si>
    <t>GGHS NO. 2 JAMPUR</t>
  </si>
  <si>
    <t>Near Demis gate</t>
  </si>
  <si>
    <t>Humaira Manzoor</t>
  </si>
  <si>
    <t>37142</t>
  </si>
  <si>
    <t>13369</t>
  </si>
  <si>
    <t>GGHSS DAJAL</t>
  </si>
  <si>
    <t>govt girls higher secondary School dajal district  Rajan pur</t>
  </si>
  <si>
    <t>Ghazala Firdous</t>
  </si>
  <si>
    <t>GGHS HARRAND</t>
  </si>
  <si>
    <t>Basti panah Ali Harrand</t>
  </si>
  <si>
    <t>Anila Talib</t>
  </si>
  <si>
    <t>4003</t>
  </si>
  <si>
    <t>13374</t>
  </si>
  <si>
    <t>GES MASTOI WALA</t>
  </si>
  <si>
    <t>KOTLA MUGHLAN - MALE</t>
  </si>
  <si>
    <t>Mastoi wala tehsil jampur</t>
  </si>
  <si>
    <t>Mastoi Wala</t>
  </si>
  <si>
    <t>Qambar Shah</t>
  </si>
  <si>
    <t>Ahmad Masood</t>
  </si>
  <si>
    <t>35099</t>
  </si>
  <si>
    <t>47930</t>
  </si>
  <si>
    <t>13381</t>
  </si>
  <si>
    <t>GES ISLAM PUR</t>
  </si>
  <si>
    <t>islampur</t>
  </si>
  <si>
    <t>Bukhara Sharif</t>
  </si>
  <si>
    <t>Riaz ahmed</t>
  </si>
  <si>
    <t>46605</t>
  </si>
  <si>
    <t>6265</t>
  </si>
  <si>
    <t>54112</t>
  </si>
  <si>
    <t>GES CHACHA</t>
  </si>
  <si>
    <t>TUMMAN GURCHANI - MALE</t>
  </si>
  <si>
    <t>CHACHA</t>
  </si>
  <si>
    <t>Mauza chacha,tribal area tehsil jampur,distt.Rajanpur</t>
  </si>
  <si>
    <t>Tribal Area</t>
  </si>
  <si>
    <t>Muhammad Ahsaan</t>
  </si>
  <si>
    <t>ROODKOHI</t>
  </si>
  <si>
    <t>13386</t>
  </si>
  <si>
    <t>GGHS KOT TAHIR</t>
  </si>
  <si>
    <t>GOVT. GIRLS HIGH SCHOOL KOT TAHIR JAMPUR</t>
  </si>
  <si>
    <t>Kafeela Bibi</t>
  </si>
  <si>
    <t>51385</t>
  </si>
  <si>
    <t>23345</t>
  </si>
  <si>
    <t>13391</t>
  </si>
  <si>
    <t>GGES TIBBI LUNDAN</t>
  </si>
  <si>
    <t>tibbi lundan town</t>
  </si>
  <si>
    <t>Sania Shabir</t>
  </si>
  <si>
    <t>GPS BASTI AHMDANI</t>
  </si>
  <si>
    <t>Gudden Wala</t>
  </si>
  <si>
    <t>Awami colony Jaipur</t>
  </si>
  <si>
    <t>Basti Shah Wala</t>
  </si>
  <si>
    <t>Allah abad Garbi</t>
  </si>
  <si>
    <t>Rana Khalil Ahmad</t>
  </si>
  <si>
    <t>13438</t>
  </si>
  <si>
    <t>Basti Chhena</t>
  </si>
  <si>
    <t>qadir abad near basti chena</t>
  </si>
  <si>
    <t>Kot Janu</t>
  </si>
  <si>
    <t>13446</t>
  </si>
  <si>
    <t>GPS KOT BODLA</t>
  </si>
  <si>
    <t>KOTLA MUGHLA</t>
  </si>
  <si>
    <t>GPS Kot Bodla</t>
  </si>
  <si>
    <t>KOT BODLA</t>
  </si>
  <si>
    <t>KOTLA MUGHLAN</t>
  </si>
  <si>
    <t>24811</t>
  </si>
  <si>
    <t>13461</t>
  </si>
  <si>
    <t>GPS VIGRI WALA</t>
  </si>
  <si>
    <t>Kot Jano</t>
  </si>
  <si>
    <t>chah wigri wala mouza kot jano teh jampur dist rajanpur</t>
  </si>
  <si>
    <t>Vigri Wala</t>
  </si>
  <si>
    <t>GPS DAJAL NO. 3</t>
  </si>
  <si>
    <t>moh komharan dajal</t>
  </si>
  <si>
    <t>dajal</t>
  </si>
  <si>
    <t>21728</t>
  </si>
  <si>
    <t>19556</t>
  </si>
  <si>
    <t>GMPS CHAK 186 GB</t>
  </si>
  <si>
    <t>KOT DARIABAL-FEMALE</t>
  </si>
  <si>
    <t>Kitchan Abad</t>
  </si>
  <si>
    <t>chak no 186 g.b tehsil &amp; district t.t.singh</t>
  </si>
  <si>
    <t>Chak No 186 Gb</t>
  </si>
  <si>
    <t>SADIA BATOOL</t>
  </si>
  <si>
    <t>19561</t>
  </si>
  <si>
    <t>GGPS CHAK 269 GB KOT QASIM</t>
  </si>
  <si>
    <t>Kot Khitran</t>
  </si>
  <si>
    <t>chak num 269 kot qasim</t>
  </si>
  <si>
    <t>Kot Kasim</t>
  </si>
  <si>
    <t>Sara Khan</t>
  </si>
  <si>
    <t>25348</t>
  </si>
  <si>
    <t>49099</t>
  </si>
  <si>
    <t>18833</t>
  </si>
  <si>
    <t>GGHSS PIR MAHAL</t>
  </si>
  <si>
    <t>Medina abad  pir mahal</t>
  </si>
  <si>
    <t>Madinabad PirMahal</t>
  </si>
  <si>
    <t>FARKHANDA KOKAB</t>
  </si>
  <si>
    <t>18861</t>
  </si>
  <si>
    <t>GGHS CHAK 721 GB</t>
  </si>
  <si>
    <t>chak no.721gb</t>
  </si>
  <si>
    <t>Chak No721 Gb</t>
  </si>
  <si>
    <t>Chak No681/22</t>
  </si>
  <si>
    <t>7856</t>
  </si>
  <si>
    <t>GGHS CHAK 756 GB</t>
  </si>
  <si>
    <t>Nawab Bhooti</t>
  </si>
  <si>
    <t>Najma Yasmeen</t>
  </si>
  <si>
    <t>8993</t>
  </si>
  <si>
    <t>41483</t>
  </si>
  <si>
    <t>19276</t>
  </si>
  <si>
    <t>GES CHAK 333 GB</t>
  </si>
  <si>
    <t>FARID ABAD MALE</t>
  </si>
  <si>
    <t>333 Gb</t>
  </si>
  <si>
    <t>Chak No 333 G.B</t>
  </si>
  <si>
    <t>333 G.B</t>
  </si>
  <si>
    <t>333gb</t>
  </si>
  <si>
    <t>7565</t>
  </si>
  <si>
    <t>38671</t>
  </si>
  <si>
    <t>19173</t>
  </si>
  <si>
    <t>GMPS CHAK 663/4 GB</t>
  </si>
  <si>
    <t>Chak No 663/4</t>
  </si>
  <si>
    <t>gmps663/4</t>
  </si>
  <si>
    <t>663/4</t>
  </si>
  <si>
    <t>665/6</t>
  </si>
  <si>
    <t>18903</t>
  </si>
  <si>
    <t>19695</t>
  </si>
  <si>
    <t>GHS CHAK NO 205 JB</t>
  </si>
  <si>
    <t>bhowana</t>
  </si>
  <si>
    <t>chak.no.205/jb p/o same tehsil bhowana distt.chiniot</t>
  </si>
  <si>
    <t>glotranwali</t>
  </si>
  <si>
    <t>chak.no.210/jb tarar</t>
  </si>
  <si>
    <t>72338</t>
  </si>
  <si>
    <t>GHS CHAK NO 237 JB</t>
  </si>
  <si>
    <t>Chak No 237</t>
  </si>
  <si>
    <t>Chak No 237 JB Lungrana District Chiniot</t>
  </si>
  <si>
    <t>lungrana</t>
  </si>
  <si>
    <t>Chak No 184 JB</t>
  </si>
  <si>
    <t>NASIR ALI</t>
  </si>
  <si>
    <t>GPS THATHA MUSA</t>
  </si>
  <si>
    <t>thatta musa near all javad petroleum</t>
  </si>
  <si>
    <t>MC Bhowana</t>
  </si>
  <si>
    <t>Neighbors</t>
  </si>
  <si>
    <t>19905</t>
  </si>
  <si>
    <t>GHS JHANB</t>
  </si>
  <si>
    <t>JHANB</t>
  </si>
  <si>
    <t>MOZA JHANB LAHORE ROAD CHINIOT</t>
  </si>
  <si>
    <t>25185</t>
  </si>
  <si>
    <t>GPS CHAK NO. 101 MONIAWALA</t>
  </si>
  <si>
    <t>AEO (M) CHINIOT NO.39</t>
  </si>
  <si>
    <t>Chak No 101 J B</t>
  </si>
  <si>
    <t>chak no 101 jb monianwala chiniot</t>
  </si>
  <si>
    <t>19982</t>
  </si>
  <si>
    <t>GPS BUKHARI MOUZA BUKHARI</t>
  </si>
  <si>
    <t>bukhari</t>
  </si>
  <si>
    <t>moza bukhari</t>
  </si>
  <si>
    <t>mathrooma</t>
  </si>
  <si>
    <t>28969</t>
  </si>
  <si>
    <t>GGES MC MOHALLAH KAMANGRAN</t>
  </si>
  <si>
    <t>Moh Kamangran</t>
  </si>
  <si>
    <t>GGMC ES Mohallah Kamangran</t>
  </si>
  <si>
    <t>Kamangran</t>
  </si>
  <si>
    <t>GMPS BAGHAR GLOTRAN NO 2</t>
  </si>
  <si>
    <t>Baghra Ghalotrain</t>
  </si>
  <si>
    <t>sar wala road baghra  ghalotrain  teh&amp; distt.chiniot</t>
  </si>
  <si>
    <t>Baghra  Ghalotrain</t>
  </si>
  <si>
    <t>Najma Shahzadi</t>
  </si>
  <si>
    <t>3602</t>
  </si>
  <si>
    <t>52506</t>
  </si>
  <si>
    <t>GGPS MATHROOMA</t>
  </si>
  <si>
    <t>AEO (W) CHINIOT NO.19</t>
  </si>
  <si>
    <t>moza mathrooma</t>
  </si>
  <si>
    <t>54163</t>
  </si>
  <si>
    <t>GGPS ABU SAEED (CHAH INSARIAN WALA)</t>
  </si>
  <si>
    <t>Abu Saeed</t>
  </si>
  <si>
    <t>Mouza abu saeed chah insarian</t>
  </si>
  <si>
    <t>Chah Insarian</t>
  </si>
  <si>
    <t>Mathrooma</t>
  </si>
  <si>
    <t>Misbah Parveen</t>
  </si>
  <si>
    <t>20119</t>
  </si>
  <si>
    <t>GPS AHMED PURA</t>
  </si>
  <si>
    <t>Ahamad pura chiniot</t>
  </si>
  <si>
    <t>29295</t>
  </si>
  <si>
    <t>75675</t>
  </si>
  <si>
    <t>20133</t>
  </si>
  <si>
    <t>Govt. Hammad Aziz Shaheed HSS LALIAN</t>
  </si>
  <si>
    <t>THANA ROAD LALIAN</t>
  </si>
  <si>
    <t>THANA ROAD</t>
  </si>
  <si>
    <t>MC. LALIAN</t>
  </si>
  <si>
    <t>MAHMOOD IQBAL</t>
  </si>
  <si>
    <t>38640</t>
  </si>
  <si>
    <t>5855</t>
  </si>
  <si>
    <t>20141</t>
  </si>
  <si>
    <t>GHS TALEEM UL ISLAM</t>
  </si>
  <si>
    <t>darul barkaat chenab nagar</t>
  </si>
  <si>
    <t>GHS HUST KHEWA</t>
  </si>
  <si>
    <t>MOZA HAST KHEWA TEHSIL LALIAN DISTRICT CHINIOT</t>
  </si>
  <si>
    <t>SHAMSHER KHAN</t>
  </si>
  <si>
    <t>28024</t>
  </si>
  <si>
    <t>GPS RASUL GAON</t>
  </si>
  <si>
    <t>Rasul Gaon</t>
  </si>
  <si>
    <t>rasul gaon</t>
  </si>
  <si>
    <t>Shoaibul Hassan</t>
  </si>
  <si>
    <t>16151</t>
  </si>
  <si>
    <t>GGHS SHAHEEDAN WALI</t>
  </si>
  <si>
    <t>SHAHEEDANWALI VPO TEHSIL &amp; DISTRICT MANDI BAHAUDDIN</t>
  </si>
  <si>
    <t>SHAHEEDANWALI</t>
  </si>
  <si>
    <t>ISMAT PARVEEN</t>
  </si>
  <si>
    <t>50983</t>
  </si>
  <si>
    <t>28171</t>
  </si>
  <si>
    <t>GPS DERA MUHAMMAD BOOTA</t>
  </si>
  <si>
    <t>DHOKE KASIB -II- MALE</t>
  </si>
  <si>
    <t>Dera Muhammad Boota</t>
  </si>
  <si>
    <t>Zafar Iqbal Hasrat</t>
  </si>
  <si>
    <t>28746</t>
  </si>
  <si>
    <t>GPS AHDI</t>
  </si>
  <si>
    <t>Ahdi Sharif</t>
  </si>
  <si>
    <t>Ahdi Sharif Teh./District Mandi Bahauddin</t>
  </si>
  <si>
    <t>Chournd</t>
  </si>
  <si>
    <t>Nasar Iqbal</t>
  </si>
  <si>
    <t>GHS ISLAMIA MILLAT MADHRAY</t>
  </si>
  <si>
    <t>MADHRAY</t>
  </si>
  <si>
    <t>GOVT. ISLAMIA MILLAT H/S MADHRAY RATTOWAL, TEHSIL PHALIA, DISTT MANDI BAHAUDIN</t>
  </si>
  <si>
    <t>DHOUL RANJHA</t>
  </si>
  <si>
    <t>ABDUL RAUF</t>
  </si>
  <si>
    <t>GGHSS JOKALIAN</t>
  </si>
  <si>
    <t>Jokalian</t>
  </si>
  <si>
    <t>V.P.O Jokalian Teh. phalia Distt. M.B.Din</t>
  </si>
  <si>
    <t>Farzana Ghani</t>
  </si>
  <si>
    <t>28213</t>
  </si>
  <si>
    <t>GES CHARAN WALA</t>
  </si>
  <si>
    <t>HELAN - MALE</t>
  </si>
  <si>
    <t>Charanwala</t>
  </si>
  <si>
    <t>charanwala</t>
  </si>
  <si>
    <t>Chranwala</t>
  </si>
  <si>
    <t>Sandhawala</t>
  </si>
  <si>
    <t>5069</t>
  </si>
  <si>
    <t>13527</t>
  </si>
  <si>
    <t>13280</t>
  </si>
  <si>
    <t>28233</t>
  </si>
  <si>
    <t>GGES PHALIA</t>
  </si>
  <si>
    <t>PHALIA -I- FEMALE</t>
  </si>
  <si>
    <t>Govt Girls E/S Phalia</t>
  </si>
  <si>
    <t>Gull Khanda</t>
  </si>
  <si>
    <t>28236</t>
  </si>
  <si>
    <t>GG BBS HS KALU</t>
  </si>
  <si>
    <t>Kailu</t>
  </si>
  <si>
    <t>Village and post office kailu tehsil phalia district m b din</t>
  </si>
  <si>
    <t>Mussrat Parveen</t>
  </si>
  <si>
    <t>26203</t>
  </si>
  <si>
    <t>28254</t>
  </si>
  <si>
    <t>GGHS SAIDA SHARIF</t>
  </si>
  <si>
    <t>gghs saida sharif</t>
  </si>
  <si>
    <t>Saghir Fatima</t>
  </si>
  <si>
    <t>25110</t>
  </si>
  <si>
    <t>5251</t>
  </si>
  <si>
    <t>GMPS CHAITO</t>
  </si>
  <si>
    <t>DHUNNI KALAN -FEMALE</t>
  </si>
  <si>
    <t>Chaito</t>
  </si>
  <si>
    <t>village chaito</t>
  </si>
  <si>
    <t>Kot Sher Muhmmmad</t>
  </si>
  <si>
    <t>Muhammad Walayat</t>
  </si>
  <si>
    <t>5517</t>
  </si>
  <si>
    <t>28274</t>
  </si>
  <si>
    <t>GMPS NAWAN LOKE</t>
  </si>
  <si>
    <t>BHEROWAL - FEMALE</t>
  </si>
  <si>
    <t>Nawan Loke</t>
  </si>
  <si>
    <t>gps nawan Loke p/0 dhunni kalan teh.phalia distt. M B Din</t>
  </si>
  <si>
    <t>Dhunni Kalan</t>
  </si>
  <si>
    <t>Nadeem Irshad</t>
  </si>
  <si>
    <t>8318</t>
  </si>
  <si>
    <t>25118</t>
  </si>
  <si>
    <t>28349</t>
  </si>
  <si>
    <t>GPS GADHU KALAN</t>
  </si>
  <si>
    <t>JOKALIAN -MALE</t>
  </si>
  <si>
    <t>Gadhu Kalan</t>
  </si>
  <si>
    <t>vpo Gadhu Kalan Teh Phalia Distt MBDin</t>
  </si>
  <si>
    <t>Sohail Asghar</t>
  </si>
  <si>
    <t>10537</t>
  </si>
  <si>
    <t>GMPS KORAY KARAM SHAH</t>
  </si>
  <si>
    <t>Koury Karam Shh</t>
  </si>
  <si>
    <t>gmps koury karam shah the phalia distt mb din</t>
  </si>
  <si>
    <t>Koury Karam Shah</t>
  </si>
  <si>
    <t>Chakshabaz</t>
  </si>
  <si>
    <t>Saima Kanwal</t>
  </si>
  <si>
    <t>28434</t>
  </si>
  <si>
    <t>GMPS MANGA KALAN</t>
  </si>
  <si>
    <t>GHANIAN - FEMALE</t>
  </si>
  <si>
    <t>MANGA KALAN</t>
  </si>
  <si>
    <t>village  MANGA  KALAN; P/O AGROYA  (PHALIA)</t>
  </si>
  <si>
    <t>DHERAKAN KALAN</t>
  </si>
  <si>
    <t>44526</t>
  </si>
  <si>
    <t>28449</t>
  </si>
  <si>
    <t>GGPS CHAK DALA</t>
  </si>
  <si>
    <t>PHALIA -II- FEMALE</t>
  </si>
  <si>
    <t>Chak Dala</t>
  </si>
  <si>
    <t>govt girls primary school Chak dala</t>
  </si>
  <si>
    <t>Chak Mano</t>
  </si>
  <si>
    <t>Anwer Sultana</t>
  </si>
  <si>
    <t>42474</t>
  </si>
  <si>
    <t>28497</t>
  </si>
  <si>
    <t>GGPS SAHANPAL SHARIF</t>
  </si>
  <si>
    <t>Sahnpal Sharif</t>
  </si>
  <si>
    <t>v.p.o sahnpal sharif</t>
  </si>
  <si>
    <t>25105</t>
  </si>
  <si>
    <t>28504</t>
  </si>
  <si>
    <t>GGES CHAK JEWAN</t>
  </si>
  <si>
    <t>HELAN - FEMALE</t>
  </si>
  <si>
    <t>CHAK JEWAN</t>
  </si>
  <si>
    <t>gges chak jewan</t>
  </si>
  <si>
    <t>Chak Jewan</t>
  </si>
  <si>
    <t>Faiza noureen</t>
  </si>
  <si>
    <t>GMPS DHALA</t>
  </si>
  <si>
    <t>Dhala</t>
  </si>
  <si>
    <t>dhala post office dhuni Kalan tehsil Phalia district M.B.Din</t>
  </si>
  <si>
    <t>Dhuni Kalan</t>
  </si>
  <si>
    <t>Nazia Batool Tarar</t>
  </si>
  <si>
    <t>23453</t>
  </si>
  <si>
    <t>14934</t>
  </si>
  <si>
    <t>GHS MUHAMMADI PUR</t>
  </si>
  <si>
    <t>muhammadi pur</t>
  </si>
  <si>
    <t>muhammadi pur Teh: Chunian Dist: KASUR</t>
  </si>
  <si>
    <t>Muhammadi Pur</t>
  </si>
  <si>
    <t>GGHS CHUNIAN</t>
  </si>
  <si>
    <t>Cantt road Chunian</t>
  </si>
  <si>
    <t>city 1</t>
  </si>
  <si>
    <t>mussarat jabeen</t>
  </si>
  <si>
    <t>28640</t>
  </si>
  <si>
    <t>GHS WAN KHARA</t>
  </si>
  <si>
    <t>Wan Khara</t>
  </si>
  <si>
    <t>Wan Khara Tehsil Chunian District Kasur</t>
  </si>
  <si>
    <t>MUHAMMAD</t>
  </si>
  <si>
    <t>5195</t>
  </si>
  <si>
    <t>29768</t>
  </si>
  <si>
    <t>GPS JHILAR QAZIAN</t>
  </si>
  <si>
    <t>Jhalar Qazian Wali</t>
  </si>
  <si>
    <t>jhalar qazian wali</t>
  </si>
  <si>
    <t>Bagyana Qalan</t>
  </si>
  <si>
    <t>29840</t>
  </si>
  <si>
    <t>GGES BALLOKI CHAK NO 30</t>
  </si>
  <si>
    <t>Balloki Chak  30</t>
  </si>
  <si>
    <t>balloki chak  30</t>
  </si>
  <si>
    <t>Mussarat Naseem</t>
  </si>
  <si>
    <t>14456</t>
  </si>
  <si>
    <t>GMPS KOT RAJA</t>
  </si>
  <si>
    <t>Kotraja</t>
  </si>
  <si>
    <t>kotrajs</t>
  </si>
  <si>
    <t>Bhonikiottar</t>
  </si>
  <si>
    <t>Fatima Sabir</t>
  </si>
  <si>
    <t>21745</t>
  </si>
  <si>
    <t>29923</t>
  </si>
  <si>
    <t>GPS CHAH LALIAN WALA</t>
  </si>
  <si>
    <t>Chah Lalian Walan</t>
  </si>
  <si>
    <t>bughiana kalan</t>
  </si>
  <si>
    <t>Lalian Walan</t>
  </si>
  <si>
    <t>8933</t>
  </si>
  <si>
    <t>29928</t>
  </si>
  <si>
    <t>GMPS MALI WAL</t>
  </si>
  <si>
    <t>PHOOL NAGAR SADAR - FEMALE</t>
  </si>
  <si>
    <t>Maliwal</t>
  </si>
  <si>
    <t>maliwal</t>
  </si>
  <si>
    <t>Rani Bibi</t>
  </si>
  <si>
    <t>54664</t>
  </si>
  <si>
    <t>GGPS Gondi Wala</t>
  </si>
  <si>
    <t>Gondiwala Wals</t>
  </si>
  <si>
    <t>Gondiwala</t>
  </si>
  <si>
    <t>Pool Nagsr</t>
  </si>
  <si>
    <t>sumaria ehsan</t>
  </si>
  <si>
    <t>20381</t>
  </si>
  <si>
    <t>GHS MUDKEY DAHRIWAL</t>
  </si>
  <si>
    <t>mudkey</t>
  </si>
  <si>
    <t>GOVERNMENT HIGH SCHOOL MUDKEY DHARIWAL KASUR</t>
  </si>
  <si>
    <t>Students Not Available</t>
  </si>
  <si>
    <t>29974</t>
  </si>
  <si>
    <t>GES JINNAH M. KOT RADHA KISHAN</t>
  </si>
  <si>
    <t>KRK CITY - MALE</t>
  </si>
  <si>
    <t>MANSINGH WALA</t>
  </si>
  <si>
    <t>MUHALLA RAJPOOTAN KRK</t>
  </si>
  <si>
    <t>50791</t>
  </si>
  <si>
    <t>39382</t>
  </si>
  <si>
    <t>GPS MASJID JAMIA QUDSIA KRK WARD NO. 14</t>
  </si>
  <si>
    <t>Kot Radha Kishen</t>
  </si>
  <si>
    <t>GPS masjid jamia qudsia krk ward no.14</t>
  </si>
  <si>
    <t>Sakhi Sarwar Bhatti</t>
  </si>
  <si>
    <t>24060</t>
  </si>
  <si>
    <t>29997</t>
  </si>
  <si>
    <t>GPS GORO KI JHUGIAN</t>
  </si>
  <si>
    <t>Guru Ki Jhugian</t>
  </si>
  <si>
    <t>guru ki Jhugian p/of bhor</t>
  </si>
  <si>
    <t>Guru ki Jhugian</t>
  </si>
  <si>
    <t>21310</t>
  </si>
  <si>
    <t>53312</t>
  </si>
  <si>
    <t>30085</t>
  </si>
  <si>
    <t>GGPS SIDHU PURA</t>
  </si>
  <si>
    <t>THEH ROSSA - FEMALE</t>
  </si>
  <si>
    <t>Ram Thamam</t>
  </si>
  <si>
    <t>sidhupura p/o ram thaman</t>
  </si>
  <si>
    <t>Ram Thaman</t>
  </si>
  <si>
    <t>Shaista Hayat</t>
  </si>
  <si>
    <t>GGPS SHEROO KHANA</t>
  </si>
  <si>
    <t>Sheroo Kana</t>
  </si>
  <si>
    <t>Ramthamman</t>
  </si>
  <si>
    <t>NAZIA ARSLAN</t>
  </si>
  <si>
    <t>12696</t>
  </si>
  <si>
    <t>GGHSS SAMANABAD</t>
  </si>
  <si>
    <t>21 acre scheme samanabad lahore.</t>
  </si>
  <si>
    <t>SHAMAILA SAMAN</t>
  </si>
  <si>
    <t>3392</t>
  </si>
  <si>
    <t>30109</t>
  </si>
  <si>
    <t>GGHSS BARKI</t>
  </si>
  <si>
    <t>Barki</t>
  </si>
  <si>
    <t>village barki p/o barki lahore cantt</t>
  </si>
  <si>
    <t>barki</t>
  </si>
  <si>
    <t>Shazia Zia</t>
  </si>
  <si>
    <t>30113</t>
  </si>
  <si>
    <t>GHS SULEMANIA PUBLIC SAMANABAD</t>
  </si>
  <si>
    <t>govt. sulemania public high school, samanabad, lahore.</t>
  </si>
  <si>
    <t>donggi Ground</t>
  </si>
  <si>
    <t>30116</t>
  </si>
  <si>
    <t>GHS KARIM BLOCK ALLAMA IQBAL TOWN</t>
  </si>
  <si>
    <t>Karim Block</t>
  </si>
  <si>
    <t>337 Karim block Allama iqbal town lahore</t>
  </si>
  <si>
    <t>Allama Iqbal Town</t>
  </si>
  <si>
    <t>manzoor ahmad</t>
  </si>
  <si>
    <t>51075</t>
  </si>
  <si>
    <t>GHS MINHALA KALAN</t>
  </si>
  <si>
    <t>Jello More</t>
  </si>
  <si>
    <t>minhala Kalan p/o Batapur lahore</t>
  </si>
  <si>
    <t>Minhala Kalan P/O Bata Pur</t>
  </si>
  <si>
    <t>KANWAR ABID ALI</t>
  </si>
  <si>
    <t>30124</t>
  </si>
  <si>
    <t>GHS JUNIOR MODEL MODEL TOWN LAHORE</t>
  </si>
  <si>
    <t>model town A Block</t>
  </si>
  <si>
    <t>miyan tariq mehmood</t>
  </si>
  <si>
    <t>model town socirty</t>
  </si>
  <si>
    <t>30128</t>
  </si>
  <si>
    <t>GHS MUGHAL PURA LAHORE</t>
  </si>
  <si>
    <t>LAHORE CANTT</t>
  </si>
  <si>
    <t>GOVT. hIGH sCHOOL, MUGHALPURA, USMANABAD, LAHORE</t>
  </si>
  <si>
    <t>Usmanabad</t>
  </si>
  <si>
    <t>DARS CHOTEY MIAN</t>
  </si>
  <si>
    <t>Mohammad Abdul  Majeed</t>
  </si>
  <si>
    <t>18730</t>
  </si>
  <si>
    <t>30143</t>
  </si>
  <si>
    <t>GHS IQBAL GARHI SHAHU</t>
  </si>
  <si>
    <t>Garhi Shahu Lahore</t>
  </si>
  <si>
    <t>Allama Iqbal Road Garhi Shahu Lahore</t>
  </si>
  <si>
    <t>Barganda Quarter</t>
  </si>
  <si>
    <t>3937</t>
  </si>
  <si>
    <t>30146</t>
  </si>
  <si>
    <t>GHS ATTO KAY AWAN</t>
  </si>
  <si>
    <t>Attokey Awan</t>
  </si>
  <si>
    <t>ATTOKE AWAN, BATA PUR GATE NO.2, LAHORE</t>
  </si>
  <si>
    <t>ATTOKE AWAN</t>
  </si>
  <si>
    <t>shahid Siddique</t>
  </si>
  <si>
    <t>GHS SHAHZADA</t>
  </si>
  <si>
    <t>shahzada</t>
  </si>
  <si>
    <t>p/O kahna nau, village shahzada lahore</t>
  </si>
  <si>
    <t>Fazal Elahi</t>
  </si>
  <si>
    <t>30162</t>
  </si>
  <si>
    <t>GGHS TANVEER ISLAMIA MUSTAFA ABAD</t>
  </si>
  <si>
    <t>Mian Mir</t>
  </si>
  <si>
    <t>mustafa bad lhr Cantt</t>
  </si>
  <si>
    <t>Adila Basit</t>
  </si>
  <si>
    <t>43910</t>
  </si>
  <si>
    <t>GHS HASSAN ABAD GATE NO. 2 KHANEWAL ROAD MULTAN</t>
  </si>
  <si>
    <t>boua pur</t>
  </si>
  <si>
    <t>khanewal road gate no.2 multan</t>
  </si>
  <si>
    <t>mohallah hassan abad</t>
  </si>
  <si>
    <t>hassan abad</t>
  </si>
  <si>
    <t>33626</t>
  </si>
  <si>
    <t>GHS SURAJ MIANI SURAJ MIANI</t>
  </si>
  <si>
    <t>Raj Ghat</t>
  </si>
  <si>
    <t>Aray wali gali mari wala school suraj miani multan</t>
  </si>
  <si>
    <t>Raj ghat</t>
  </si>
  <si>
    <t>raj ghat</t>
  </si>
  <si>
    <t>ZAFAR IQBAL BABAR</t>
  </si>
  <si>
    <t>51559</t>
  </si>
  <si>
    <t>33628</t>
  </si>
  <si>
    <t>GES SHARIF PURA BAIWA COLONY MULTAN</t>
  </si>
  <si>
    <t>EAST - MALE</t>
  </si>
  <si>
    <t>GES SHAREEF PURA MULTAN</t>
  </si>
  <si>
    <t>Sheena Abad</t>
  </si>
  <si>
    <t>Moomna Abad</t>
  </si>
  <si>
    <t>Mahar Umar Hayat</t>
  </si>
  <si>
    <t>33636</t>
  </si>
  <si>
    <t>GHS MC CHOWK SHAHIDAN MULTAN</t>
  </si>
  <si>
    <t>Nawaibhawai</t>
  </si>
  <si>
    <t>Choekshaheedan multan</t>
  </si>
  <si>
    <t>Khankah Inayatshah</t>
  </si>
  <si>
    <t>Toqeer Ahmad</t>
  </si>
  <si>
    <t>10804</t>
  </si>
  <si>
    <t>9968</t>
  </si>
  <si>
    <t>GGHS BASTI MUSA WALI MULTAN</t>
  </si>
  <si>
    <t>DURANA LANGANA</t>
  </si>
  <si>
    <t>DURANA LANGANA MUSA WALI ROYAL ORCHARD COLONY</t>
  </si>
  <si>
    <t>BASTI MUSA WALI</t>
  </si>
  <si>
    <t>khalida shafiq</t>
  </si>
  <si>
    <t>35627</t>
  </si>
  <si>
    <t>39590</t>
  </si>
  <si>
    <t>33692</t>
  </si>
  <si>
    <t>GPS KHAIR-UL-MADARIS AURANGZEB ROAD MOHALLA GAOWSHALA</t>
  </si>
  <si>
    <t>Mohallah Gaushala</t>
  </si>
  <si>
    <t>aurangzeb road mohallah gaushala</t>
  </si>
  <si>
    <t>Gaushala</t>
  </si>
  <si>
    <t>Mohallah Hazaiyan</t>
  </si>
  <si>
    <t>51256</t>
  </si>
  <si>
    <t>3674</t>
  </si>
  <si>
    <t>GPS MC CHAH BOHAR WALA</t>
  </si>
  <si>
    <t>Chah Bohar Wala</t>
  </si>
  <si>
    <t>Gps mc chah bohar wala multan</t>
  </si>
  <si>
    <t>Chah Bohar</t>
  </si>
  <si>
    <t>Jalilabad</t>
  </si>
  <si>
    <t>Adeel Ur Rehman</t>
  </si>
  <si>
    <t>42934</t>
  </si>
  <si>
    <t>33745</t>
  </si>
  <si>
    <t>GGPS BASTI BHIR MULTAN CENTER BOHDALA TOWN  MULTAN</t>
  </si>
  <si>
    <t>5 marla scheme Matti tal road Multan</t>
  </si>
  <si>
    <t>5 Marla scheme</t>
  </si>
  <si>
    <t>GGPS MAYER WALA NO.1 MULTAN</t>
  </si>
  <si>
    <t>Boa Pue</t>
  </si>
  <si>
    <t>G.G primary school chah mayyar wala no 1</t>
  </si>
  <si>
    <t>Boa Pure</t>
  </si>
  <si>
    <t>Wapda Colont</t>
  </si>
  <si>
    <t>8477</t>
  </si>
  <si>
    <t>9480</t>
  </si>
  <si>
    <t>33766</t>
  </si>
  <si>
    <t>GMPS DURANA LUGANA</t>
  </si>
  <si>
    <t>Durana Lagana</t>
  </si>
  <si>
    <t>durana lagana</t>
  </si>
  <si>
    <t>Dur E Naz</t>
  </si>
  <si>
    <t>33774</t>
  </si>
  <si>
    <t>GGHS ZAID TOWN PHASE NO.2 PIRAN GHAIB ROAD MULTAN</t>
  </si>
  <si>
    <t>Rana Street zaid town multan</t>
  </si>
  <si>
    <t>rani qaisara</t>
  </si>
  <si>
    <t>33779</t>
  </si>
  <si>
    <t>GGES SHAH GARDEZ MULTAN</t>
  </si>
  <si>
    <t>Androon lohari gate mohala shah gardez multan</t>
  </si>
  <si>
    <t>Shah Gardez</t>
  </si>
  <si>
    <t>Shah gardez</t>
  </si>
  <si>
    <t>Hina Akram</t>
  </si>
  <si>
    <t>30286</t>
  </si>
  <si>
    <t>47739</t>
  </si>
  <si>
    <t>33781</t>
  </si>
  <si>
    <t>GMPS AMIR ABAD CHONGI NO:7 RIJWANA ROAD MULTAN</t>
  </si>
  <si>
    <t>chungi no 7 rajwana road near zia park multan</t>
  </si>
  <si>
    <t>Ameerabadnil</t>
  </si>
  <si>
    <t>Qaisra Naseem</t>
  </si>
  <si>
    <t>33801</t>
  </si>
  <si>
    <t>GGHS SULTAN PURA NEW LATIFABAD MULTAN</t>
  </si>
  <si>
    <t>NEW LATIF BAD</t>
  </si>
  <si>
    <t>GGHS SULTAN PURA NEW LATIF ABAD MULTAN</t>
  </si>
  <si>
    <t>NEW LATIF ABAD</t>
  </si>
  <si>
    <t>ASHRAF COLONY</t>
  </si>
  <si>
    <t>FOZIA NISHAT</t>
  </si>
  <si>
    <t>WATER FILTERATION PLANT BY GOVT</t>
  </si>
  <si>
    <t>1281</t>
  </si>
  <si>
    <t>33826</t>
  </si>
  <si>
    <t>GGPS THATHI LAL SHAH NO. 2 MULTAN</t>
  </si>
  <si>
    <t>MUZAFFAR ABAD - FEMALE</t>
  </si>
  <si>
    <t>Thathi Lal Shah</t>
  </si>
  <si>
    <t>basti darkhan wala thathi lal shah</t>
  </si>
  <si>
    <t>Alamgeer</t>
  </si>
  <si>
    <t>3813</t>
  </si>
  <si>
    <t>33861</t>
  </si>
  <si>
    <t>GGPS MC HASSAN PARWANA</t>
  </si>
  <si>
    <t>HARRAM GATE - FEMALE</t>
  </si>
  <si>
    <t>Hassan parwana colony multan</t>
  </si>
  <si>
    <t>Shaista Qaiser</t>
  </si>
  <si>
    <t>33911</t>
  </si>
  <si>
    <t>GHS LASOORI TEH SHUJA ABAD</t>
  </si>
  <si>
    <t>Lasoori</t>
  </si>
  <si>
    <t>govt high school lasoori shujabad multan</t>
  </si>
  <si>
    <t>Ganwen</t>
  </si>
  <si>
    <t>22334</t>
  </si>
  <si>
    <t>40269</t>
  </si>
  <si>
    <t>33919</t>
  </si>
  <si>
    <t>GHS KHOJA P.O. KHOJA TEH. SHUJABAD DISTRICT MULTAN</t>
  </si>
  <si>
    <t>Khoja</t>
  </si>
  <si>
    <t>Mouza Khoja, Shujabad, Multan</t>
  </si>
  <si>
    <t>Ch Muhammad  Khalil</t>
  </si>
  <si>
    <t>17645</t>
  </si>
  <si>
    <t>17212</t>
  </si>
  <si>
    <t>GHS BANGALA P.O GARDEZPUR TEH.SHUJABAD</t>
  </si>
  <si>
    <t>GARDAIZ PUR</t>
  </si>
  <si>
    <t>BASTI BANGALA P/O GARDAIZ PUR SHUJABAD</t>
  </si>
  <si>
    <t>BASTI BANGALA</t>
  </si>
  <si>
    <t>25850</t>
  </si>
  <si>
    <t>34001</t>
  </si>
  <si>
    <t>GPS MUMTAZ NAGAR P/O MATOTLI SHUJABAD</t>
  </si>
  <si>
    <t>Chah Malhay wala p/o Matotli Tehsil shujabad, Multan</t>
  </si>
  <si>
    <t>Chah malahy wala</t>
  </si>
  <si>
    <t>Muhammad Kaleem</t>
  </si>
  <si>
    <t>2066</t>
  </si>
  <si>
    <t>34006</t>
  </si>
  <si>
    <t>GPS VANOI MOUZA VANOI P.O MATOTLI TEH.SHUJABAD</t>
  </si>
  <si>
    <t>BASTI MITHO - MALE</t>
  </si>
  <si>
    <t>Vanoi</t>
  </si>
  <si>
    <t>GPS moza vanoi</t>
  </si>
  <si>
    <t>34008</t>
  </si>
  <si>
    <t>GPS NO. 2 KOTLI NIJABAT</t>
  </si>
  <si>
    <t>ZAREEF SHAHEED - MALE</t>
  </si>
  <si>
    <t>Kotli Nijabat</t>
  </si>
  <si>
    <t>P/O Box kotli nijabat shujabad multan</t>
  </si>
  <si>
    <t>Hussain Qaisar</t>
  </si>
  <si>
    <t>9273</t>
  </si>
  <si>
    <t>34055</t>
  </si>
  <si>
    <t>GGPS RAMZANI WALA NO.2</t>
  </si>
  <si>
    <t>JaLal Pur Khaki</t>
  </si>
  <si>
    <t>GGPS Ramzni wala #2</t>
  </si>
  <si>
    <t>Jamadar Wala</t>
  </si>
  <si>
    <t>Jalalpur Khaki</t>
  </si>
  <si>
    <t>Naveeda Habib</t>
  </si>
  <si>
    <t>26531</t>
  </si>
  <si>
    <t>GGHS NONAR</t>
  </si>
  <si>
    <t>GGHS Nonar</t>
  </si>
  <si>
    <t>fakhra naeem</t>
  </si>
  <si>
    <t>26554</t>
  </si>
  <si>
    <t>GGHS LANGAR KAY</t>
  </si>
  <si>
    <t>Langarke</t>
  </si>
  <si>
    <t>langarke</t>
  </si>
  <si>
    <t>26565</t>
  </si>
  <si>
    <t>GPS NAGROTA ANSARIAN</t>
  </si>
  <si>
    <t>Nagrota Ansarian</t>
  </si>
  <si>
    <t>nagrota ansarian p/o sukho chak tehsil shakar garh  district Narowal</t>
  </si>
  <si>
    <t>Sukho Chak</t>
  </si>
  <si>
    <t>Naseer Ahmed Khlji</t>
  </si>
  <si>
    <t>27022</t>
  </si>
  <si>
    <t>GPS NAGREY</t>
  </si>
  <si>
    <t>Nagrey</t>
  </si>
  <si>
    <t>village Nagrey P/O bal Shahn Teh. Zafarwal District Narowal</t>
  </si>
  <si>
    <t>Depoke</t>
  </si>
  <si>
    <t>26590</t>
  </si>
  <si>
    <t>GES SANGIAL</t>
  </si>
  <si>
    <t>20665</t>
  </si>
  <si>
    <t>26591</t>
  </si>
  <si>
    <t>GPS MEHLOWALA</t>
  </si>
  <si>
    <t>Village and po mehlowala tah zafarwal distt narowal</t>
  </si>
  <si>
    <t>10846</t>
  </si>
  <si>
    <t>32107</t>
  </si>
  <si>
    <t>26592</t>
  </si>
  <si>
    <t>GPS ANOWALI</t>
  </si>
  <si>
    <t>Ainowali p/o Sankhatra Zafarwal Narowal</t>
  </si>
  <si>
    <t>Aslam Masih</t>
  </si>
  <si>
    <t>41658</t>
  </si>
  <si>
    <t>54776</t>
  </si>
  <si>
    <t>GES JEOKAY</t>
  </si>
  <si>
    <t>village jeokay  tehsil zafarwal district narowal</t>
  </si>
  <si>
    <t>dhamthal</t>
  </si>
  <si>
    <t>28720</t>
  </si>
  <si>
    <t>GGPS CHAK KORA</t>
  </si>
  <si>
    <t>Chak Kora</t>
  </si>
  <si>
    <t>village chak kora post office Chak Amru Tehsil Shakar Garh diss. Narowal</t>
  </si>
  <si>
    <t>GGPS AGORE</t>
  </si>
  <si>
    <t>Agore</t>
  </si>
  <si>
    <t>village agore, P.O Khaira,  Tehsil Shakargarh,  Narowal.</t>
  </si>
  <si>
    <t>agore</t>
  </si>
  <si>
    <t>chak aamru</t>
  </si>
  <si>
    <t>Nabeela Bano</t>
  </si>
  <si>
    <t>28136</t>
  </si>
  <si>
    <t>53136</t>
  </si>
  <si>
    <t>6081</t>
  </si>
  <si>
    <t>GGPS PEER KALA</t>
  </si>
  <si>
    <t>KHUSHHAL GHAR-FEMALE</t>
  </si>
  <si>
    <t>Peer Kala</t>
  </si>
  <si>
    <t>vill  peer kala p./o jindran Sharif teh zwl disst nwl</t>
  </si>
  <si>
    <t>Bhatian Dewan</t>
  </si>
  <si>
    <t>Mobeen Akhtar</t>
  </si>
  <si>
    <t>26717</t>
  </si>
  <si>
    <t>GGPS CHAK HAKIM</t>
  </si>
  <si>
    <t>Chak Hakeem</t>
  </si>
  <si>
    <t>chak Hakeem post office dhamthal teh Zafarwal district Narrowal</t>
  </si>
  <si>
    <t>Langerkay</t>
  </si>
  <si>
    <t>Nazia Ishaq</t>
  </si>
  <si>
    <t>3057</t>
  </si>
  <si>
    <t>26724</t>
  </si>
  <si>
    <t>GGPS WADHALA</t>
  </si>
  <si>
    <t>GGP/S Wadhala teheil Zafarwal district Narowal</t>
  </si>
  <si>
    <t>32239</t>
  </si>
  <si>
    <t>26743</t>
  </si>
  <si>
    <t>GGPS SALAH PUR</t>
  </si>
  <si>
    <t>Salehpur</t>
  </si>
  <si>
    <t>salahpur</t>
  </si>
  <si>
    <t>Lubna Perveen</t>
  </si>
  <si>
    <t>31637</t>
  </si>
  <si>
    <t>26757</t>
  </si>
  <si>
    <t>GPS BHATTI AULAKH</t>
  </si>
  <si>
    <t>Bhatti Aulakh</t>
  </si>
  <si>
    <t>village Bhatti Aulakh post office Nonar Tehsil zafarwal</t>
  </si>
  <si>
    <t>Muhammad Amjad Khan</t>
  </si>
  <si>
    <t>26766</t>
  </si>
  <si>
    <t>GPS LANGIAN</t>
  </si>
  <si>
    <t>Langian</t>
  </si>
  <si>
    <t>Village Langian Markaz Sankhatra Tehsil Zafarwal Dist Narowal</t>
  </si>
  <si>
    <t>Langerky</t>
  </si>
  <si>
    <t>4180</t>
  </si>
  <si>
    <t>GGES PIND BARHAMNAN</t>
  </si>
  <si>
    <t>Pind Brahmna</t>
  </si>
  <si>
    <t>village pind brahmna p/o darman tehsil zafarwal Disst narowal</t>
  </si>
  <si>
    <t>Dinga Nrain</t>
  </si>
  <si>
    <t>Samina Ilyas</t>
  </si>
  <si>
    <t>6084</t>
  </si>
  <si>
    <t>26799</t>
  </si>
  <si>
    <t>GGPS TANDA</t>
  </si>
  <si>
    <t>JANDIALA-FEMALE</t>
  </si>
  <si>
    <t>Tanda post office Darman tehsil Zafarwal district Narowal</t>
  </si>
  <si>
    <t>Khadim Husain</t>
  </si>
  <si>
    <t>26840</t>
  </si>
  <si>
    <t>GGPS KHOLI</t>
  </si>
  <si>
    <t>PINDI PORBIAIN - FEMALE</t>
  </si>
  <si>
    <t>Kholy</t>
  </si>
  <si>
    <t>kholy</t>
  </si>
  <si>
    <t>Shahida Aslam</t>
  </si>
  <si>
    <t>26881</t>
  </si>
  <si>
    <t>GPS DHALURA</t>
  </si>
  <si>
    <t>Dhalora</t>
  </si>
  <si>
    <t>Dhulara</t>
  </si>
  <si>
    <t>Ishtiaq Hussain</t>
  </si>
  <si>
    <t>2285</t>
  </si>
  <si>
    <t>26887</t>
  </si>
  <si>
    <t>GGHSS KALEKE MANDI</t>
  </si>
  <si>
    <t>KALEKE MANDI</t>
  </si>
  <si>
    <t>KALEKE MANDI TEHSIL AND DISTRICT HAFIZABAD</t>
  </si>
  <si>
    <t>Nargas bashir</t>
  </si>
  <si>
    <t>26890</t>
  </si>
  <si>
    <t>GHS MUSLIM DARBAR ROAD HAFIZABAD</t>
  </si>
  <si>
    <t>Darbar Road Mohalla Habib Ganj Hafizabad</t>
  </si>
  <si>
    <t>City Hafizabad</t>
  </si>
  <si>
    <t>City HFD</t>
  </si>
  <si>
    <t>Muhammad Naqeeb</t>
  </si>
  <si>
    <t>30564</t>
  </si>
  <si>
    <t>GHSS VANIKE TARAR</t>
  </si>
  <si>
    <t>VANIKE TARAR</t>
  </si>
  <si>
    <t>Vanike Tarar</t>
  </si>
  <si>
    <t>MUHAMMAD MUSHTAQ</t>
  </si>
  <si>
    <t>2325</t>
  </si>
  <si>
    <t>26904</t>
  </si>
  <si>
    <t>GHS PINDI BAWAREY</t>
  </si>
  <si>
    <t>PINDI BAWAREY</t>
  </si>
  <si>
    <t>943</t>
  </si>
  <si>
    <t>Mohalla Qadirabad Qadirabad</t>
  </si>
  <si>
    <t>Mollah qadirabad Hafizabad</t>
  </si>
  <si>
    <t>Hafizabad W</t>
  </si>
  <si>
    <t>Mohammad Jameel</t>
  </si>
  <si>
    <t>54559</t>
  </si>
  <si>
    <t>GPS DHEENGRAN WALI</t>
  </si>
  <si>
    <t>Dheengranwali</t>
  </si>
  <si>
    <t>dheengranwali hafizabad</t>
  </si>
  <si>
    <t>Syed Nadeem Naqvi</t>
  </si>
  <si>
    <t>12406</t>
  </si>
  <si>
    <t>5315</t>
  </si>
  <si>
    <t>54618</t>
  </si>
  <si>
    <t>GPS CHANNI GHULLA</t>
  </si>
  <si>
    <t>SOOIAN WALA - MALE</t>
  </si>
  <si>
    <t>Channi Ghulla</t>
  </si>
  <si>
    <t>channi ghulla post office qadir abad colony tahsil and distt hafizabad</t>
  </si>
  <si>
    <t>Sooian Wala</t>
  </si>
  <si>
    <t>26988</t>
  </si>
  <si>
    <t>GPS KALEKE MANDI SHARQI</t>
  </si>
  <si>
    <t>KALEKE MANDI SHARQI - MALE</t>
  </si>
  <si>
    <t>Kaleke Mandi</t>
  </si>
  <si>
    <t>kaleke mandi</t>
  </si>
  <si>
    <t>Boonday Ali</t>
  </si>
  <si>
    <t>22332</t>
  </si>
  <si>
    <t>8185</t>
  </si>
  <si>
    <t>26990</t>
  </si>
  <si>
    <t>GPS KOT NANAK</t>
  </si>
  <si>
    <t>VINNI - MALE</t>
  </si>
  <si>
    <t>Kot Nanak</t>
  </si>
  <si>
    <t>Kot nanak</t>
  </si>
  <si>
    <t>Vinni</t>
  </si>
  <si>
    <t>Muhammad Afzaal</t>
  </si>
  <si>
    <t>26499</t>
  </si>
  <si>
    <t>27012</t>
  </si>
  <si>
    <t>GGES QILA RAM KOUR</t>
  </si>
  <si>
    <t>HAFIZABAD SADAR - FEMALE</t>
  </si>
  <si>
    <t>Qila Ramkour</t>
  </si>
  <si>
    <t>govt girls e/s qila ramkour</t>
  </si>
  <si>
    <t>Marryam Khizar</t>
  </si>
  <si>
    <t>5308</t>
  </si>
  <si>
    <t>50284</t>
  </si>
  <si>
    <t>27055</t>
  </si>
  <si>
    <t>GGPS SHARIF PURA</t>
  </si>
  <si>
    <t>CITY HAFIZABAD - FEMALE</t>
  </si>
  <si>
    <t>mohalla  sharif pura</t>
  </si>
  <si>
    <t>5319</t>
  </si>
  <si>
    <t>27075</t>
  </si>
  <si>
    <t>GMPS AMRAO KHURD</t>
  </si>
  <si>
    <t>SOOIAN WALA - FEMALE</t>
  </si>
  <si>
    <t>Amrao Khud</t>
  </si>
  <si>
    <t>amrao khurd</t>
  </si>
  <si>
    <t>Amrao khurd</t>
  </si>
  <si>
    <t>Alaodink Kalan</t>
  </si>
  <si>
    <t>Sadia Kalsoom</t>
  </si>
  <si>
    <t>27093</t>
  </si>
  <si>
    <t>GMPS KOT SAID MUHAMMAD</t>
  </si>
  <si>
    <t>CHANNI HANJRAWA - FEMALE</t>
  </si>
  <si>
    <t>Kolo</t>
  </si>
  <si>
    <t>kot said Muhammad</t>
  </si>
  <si>
    <t>Kot Said Muhammad</t>
  </si>
  <si>
    <t>Kot Said Muhamad</t>
  </si>
  <si>
    <t>Sumia Arshad</t>
  </si>
  <si>
    <t>1677</t>
  </si>
  <si>
    <t>27123</t>
  </si>
  <si>
    <t>GMPS CHAH INNO</t>
  </si>
  <si>
    <t>KALEKE MANDI SHARQI - FEMALE</t>
  </si>
  <si>
    <t>Chah Innow</t>
  </si>
  <si>
    <t>chah innow hafizabad</t>
  </si>
  <si>
    <t>Udduki</t>
  </si>
  <si>
    <t>Beenish</t>
  </si>
  <si>
    <t>26696</t>
  </si>
  <si>
    <t>24359</t>
  </si>
  <si>
    <t>27187</t>
  </si>
  <si>
    <t>GGPS MC NO. 1 HAFIZABAD</t>
  </si>
  <si>
    <t>hafizabad</t>
  </si>
  <si>
    <t>mohalla ghari awan hafizabad</t>
  </si>
  <si>
    <t>Mc City Hafizabad</t>
  </si>
  <si>
    <t>Gulfam</t>
  </si>
  <si>
    <t>27195</t>
  </si>
  <si>
    <t>GPS BANJAR</t>
  </si>
  <si>
    <t>SHAMIR DINGA - MALE</t>
  </si>
  <si>
    <t>Banjar</t>
  </si>
  <si>
    <t>P/O Kot Hassan Khan village Banjar Tehsil and District Hafizabad</t>
  </si>
  <si>
    <t>Nahrianwalscg</t>
  </si>
  <si>
    <t>Zulfiqar Ali Shah</t>
  </si>
  <si>
    <t>27202</t>
  </si>
  <si>
    <t>GGPS DERA SHAMAS (JORIAN)</t>
  </si>
  <si>
    <t>Dera Shams</t>
  </si>
  <si>
    <t>GGps Dera Shamas Jurian</t>
  </si>
  <si>
    <t>Dera Shams Jurian</t>
  </si>
  <si>
    <t>Madeeha Zafar</t>
  </si>
  <si>
    <t>3402</t>
  </si>
  <si>
    <t>27222</t>
  </si>
  <si>
    <t>GPS DHAKOO SHAHAN KOHNA</t>
  </si>
  <si>
    <t>KOT CHIAN - MALE</t>
  </si>
  <si>
    <t>Shahana</t>
  </si>
  <si>
    <t>p/o rasul pur tarar tehsil Hafizabad District Hafizabad</t>
  </si>
  <si>
    <t>Shahana Dhakoo  Kohna</t>
  </si>
  <si>
    <t>Geegay</t>
  </si>
  <si>
    <t>Syed Hassan Raza Sherazi</t>
  </si>
  <si>
    <t>5768</t>
  </si>
  <si>
    <t>5551</t>
  </si>
  <si>
    <t>30969</t>
  </si>
  <si>
    <t>GHS CHAK 7 T MULTAN</t>
  </si>
  <si>
    <t>Chak 7/T</t>
  </si>
  <si>
    <t>Rana Saeed</t>
  </si>
  <si>
    <t>20499</t>
  </si>
  <si>
    <t>52327</t>
  </si>
  <si>
    <t>34136</t>
  </si>
  <si>
    <t>GGPS CHAK JHALLAR SHUJABAD</t>
  </si>
  <si>
    <t>Wahi Saway</t>
  </si>
  <si>
    <t>GGPS Chak Jhllar wahi sawaya zareef shaheed.</t>
  </si>
  <si>
    <t>Chak Jhllar</t>
  </si>
  <si>
    <t>Maribnoon</t>
  </si>
  <si>
    <t>AMINA ISMAIL</t>
  </si>
  <si>
    <t>near by filter pump</t>
  </si>
  <si>
    <t>GGPS HAVALI WALA SHUJABAD</t>
  </si>
  <si>
    <t>Chak  RS</t>
  </si>
  <si>
    <t>haveli  wala  near  chak  RS</t>
  </si>
  <si>
    <t>Haveli  Wala</t>
  </si>
  <si>
    <t>40329</t>
  </si>
  <si>
    <t>34222</t>
  </si>
  <si>
    <t>GHS MATTI TAL P/O JAL WALA MULTAN</t>
  </si>
  <si>
    <t>MATTITAL</t>
  </si>
  <si>
    <t>GHS MATTIT TAL P/O JAL WALA</t>
  </si>
  <si>
    <t>MUHAMMAD QASIM ANSARI</t>
  </si>
  <si>
    <t>73792</t>
  </si>
  <si>
    <t>47613</t>
  </si>
  <si>
    <t>34233</t>
  </si>
  <si>
    <t>GHS KIRAR WALA MULTAN</t>
  </si>
  <si>
    <t>Momin Abad Rana Wahin Multan</t>
  </si>
  <si>
    <t>Momin Abad Rana Wahin</t>
  </si>
  <si>
    <t>WAHEED ALI</t>
  </si>
  <si>
    <t>34234</t>
  </si>
  <si>
    <t>GHS BASTI MALOOK MULTAN</t>
  </si>
  <si>
    <t>12 FAIZ</t>
  </si>
  <si>
    <t>12 F basti malook</t>
  </si>
  <si>
    <t>BASTI MALOOK</t>
  </si>
  <si>
    <t>MALIK SAJJAD HUSSAIN</t>
  </si>
  <si>
    <t>34257</t>
  </si>
  <si>
    <t>GGHS AYAZABAD MARAL MULTAN</t>
  </si>
  <si>
    <t>GGHSAYAZABAD MARRAL MULTAN</t>
  </si>
  <si>
    <t>Qasba Awal</t>
  </si>
  <si>
    <t>Qasba Marral</t>
  </si>
  <si>
    <t>37895</t>
  </si>
  <si>
    <t>34270</t>
  </si>
  <si>
    <t>GHS SANDA GHULLAM HUSSAIN</t>
  </si>
  <si>
    <t>SANDA GHULAM HUSSAIN</t>
  </si>
  <si>
    <t>SANDA GHULAM HUSSAIN PO TATAY PUR MULTAN SADAR MULTAN</t>
  </si>
  <si>
    <t>TATAY PUR MULTAN</t>
  </si>
  <si>
    <t>34284</t>
  </si>
  <si>
    <t>GES MAKHDOOM PUR</t>
  </si>
  <si>
    <t>Makhdoompur</t>
  </si>
  <si>
    <t>makhdoompur tehsil multan saddar district multan</t>
  </si>
  <si>
    <t>makhdoompur</t>
  </si>
  <si>
    <t>mubarakpur</t>
  </si>
  <si>
    <t>Abdull Sattar</t>
  </si>
  <si>
    <t>3679</t>
  </si>
  <si>
    <t>34287</t>
  </si>
  <si>
    <t>GES CHAK NO 3 KMR P/O KOT MELA RAM</t>
  </si>
  <si>
    <t>MULTANI WALA - MALE</t>
  </si>
  <si>
    <t>3 Kot  Mela Ram</t>
  </si>
  <si>
    <t>chak 3kmr</t>
  </si>
  <si>
    <t>3kmr</t>
  </si>
  <si>
    <t>Kotla Maharan</t>
  </si>
  <si>
    <t>10942</t>
  </si>
  <si>
    <t>34309</t>
  </si>
  <si>
    <t>GGHS JAL WALA NEAR MATTITAL MULTAN</t>
  </si>
  <si>
    <t>multan</t>
  </si>
  <si>
    <t>GGHS JALWALA MULTAN</t>
  </si>
  <si>
    <t>jalwala</t>
  </si>
  <si>
    <t>yasmeen mushtaq</t>
  </si>
  <si>
    <t>34310</t>
  </si>
  <si>
    <t>GOVT. SAYEDA FATIMA ZAHRA GIRLS HIGH SCHOOL (SUJAN PUR)</t>
  </si>
  <si>
    <t>Sujanpur</t>
  </si>
  <si>
    <t>sujanpur multan</t>
  </si>
  <si>
    <t>Karpalpur</t>
  </si>
  <si>
    <t>Mussarat Naheed</t>
  </si>
  <si>
    <t>9822</t>
  </si>
  <si>
    <t>GPS SAHI CHAWAN NO. 2 MUZA SAHI CHAWAN</t>
  </si>
  <si>
    <t>Shahi Chawan</t>
  </si>
  <si>
    <t>shahi chawan</t>
  </si>
  <si>
    <t>Sahi Chawan</t>
  </si>
  <si>
    <t>34366</t>
  </si>
  <si>
    <t>GPS PURBAY WALA MARDAN PUR MULTAN</t>
  </si>
  <si>
    <t>BOSAN - MALE</t>
  </si>
  <si>
    <t>Mardan Pur</t>
  </si>
  <si>
    <t>Gps purbay wala moza mardan pur multan</t>
  </si>
  <si>
    <t>Purbay Wala</t>
  </si>
  <si>
    <t>Ailam Pur</t>
  </si>
  <si>
    <t>Mohammad Afzal Kamran</t>
  </si>
  <si>
    <t>34404</t>
  </si>
  <si>
    <t>GPS RANA WAHIN</t>
  </si>
  <si>
    <t>Basti Rana wahin tehsil&amp;district multan</t>
  </si>
  <si>
    <t>34426</t>
  </si>
  <si>
    <t>GPS MUHAMMAD PUR</t>
  </si>
  <si>
    <t>Pir Tanuu</t>
  </si>
  <si>
    <t>Tanveer Hussain</t>
  </si>
  <si>
    <t>Near by Factory</t>
  </si>
  <si>
    <t>33314</t>
  </si>
  <si>
    <t>34427</t>
  </si>
  <si>
    <t>GPS CHAK NO. 10-FAIZ P/O TARAGARH</t>
  </si>
  <si>
    <t>Tarragarh</t>
  </si>
  <si>
    <t>chak no 10/faiz</t>
  </si>
  <si>
    <t>Chak No 10/Faiz</t>
  </si>
  <si>
    <t>Shahdat Hussain</t>
  </si>
  <si>
    <t>1676</t>
  </si>
  <si>
    <t>34437</t>
  </si>
  <si>
    <t>GPS CHAK NO.4 HANSE BUDHLA SANT KOTLA MUHARAN</t>
  </si>
  <si>
    <t>Chak 4 Hans</t>
  </si>
  <si>
    <t>chak no 4 hans post office kot mela ram Multan Saddar Multan</t>
  </si>
  <si>
    <t>Kurerri Tamak</t>
  </si>
  <si>
    <t>15267</t>
  </si>
  <si>
    <t>34438</t>
  </si>
  <si>
    <t>GPS CHAK NO. 9 T MULTAN</t>
  </si>
  <si>
    <t>CHAK NO 9T</t>
  </si>
  <si>
    <t>CHAK NO 9T P/O BUDHLA SANT MULTAN</t>
  </si>
  <si>
    <t>BUDHLA SANT</t>
  </si>
  <si>
    <t>AMIR FAHIM</t>
  </si>
  <si>
    <t>GPS CHAK NO. 10 T MULTAN</t>
  </si>
  <si>
    <t>10/T</t>
  </si>
  <si>
    <t>chak 10/T p/o budhla sant Multan</t>
  </si>
  <si>
    <t>Kotlanmaharan</t>
  </si>
  <si>
    <t>AKHTAR ALI QAMAR</t>
  </si>
  <si>
    <t>34441</t>
  </si>
  <si>
    <t>GPS 4 KMR P/O MULTANI WALA</t>
  </si>
  <si>
    <t>4KMR</t>
  </si>
  <si>
    <t>kotla maharan multan</t>
  </si>
  <si>
    <t>Muhammad Sultan</t>
  </si>
  <si>
    <t>34443</t>
  </si>
  <si>
    <t>GPS KOTHEY WALA NO. 2 MULTAN</t>
  </si>
  <si>
    <t>KOTHEY WALA  SHUMALI</t>
  </si>
  <si>
    <t>2..5 K/M TATY PUR ROAD KOTHEY WALA SHUMALI TEHS.MULTAN SADDER DISTRICT MULTAN</t>
  </si>
  <si>
    <t>KOTHEY WALA</t>
  </si>
  <si>
    <t>HAJI ABID HUSSAIN UMAR</t>
  </si>
  <si>
    <t>34454</t>
  </si>
  <si>
    <t>GPS CHAK NO.3 KMR  P/O KOT MELA RAM</t>
  </si>
  <si>
    <t>chak no 3kmr</t>
  </si>
  <si>
    <t>Kotlan Maharan</t>
  </si>
  <si>
    <t>Rahat Jaleel</t>
  </si>
  <si>
    <t>54463</t>
  </si>
  <si>
    <t>34486</t>
  </si>
  <si>
    <t>GGPS TAHIR PUR MULTAN</t>
  </si>
  <si>
    <t>MATITAL - FEMALE</t>
  </si>
  <si>
    <t>Tahir Pur</t>
  </si>
  <si>
    <t>chah bhagsur moza tahir pur multan</t>
  </si>
  <si>
    <t>Bhagsur</t>
  </si>
  <si>
    <t>Madina</t>
  </si>
  <si>
    <t>Abida Rafique</t>
  </si>
  <si>
    <t>GGPS JANGLE ABDULLAH SHAH</t>
  </si>
  <si>
    <t>Jungle Abdullah Shah</t>
  </si>
  <si>
    <t>jungal    abdullah  shah</t>
  </si>
  <si>
    <t>Jungle Karlan Wala</t>
  </si>
  <si>
    <t>Munazah Gulshan</t>
  </si>
  <si>
    <t>34520</t>
  </si>
  <si>
    <t>GGPS OKAN WALA</t>
  </si>
  <si>
    <t>QADIR PUR RAN - FEMALE</t>
  </si>
  <si>
    <t>Taty Pur</t>
  </si>
  <si>
    <t>okana wala post office taty pur multan</t>
  </si>
  <si>
    <t>Okan Wala</t>
  </si>
  <si>
    <t>Gulnaz Akhtar</t>
  </si>
  <si>
    <t>34571</t>
  </si>
  <si>
    <t>GMPS BASTI QASIM WALA GILL</t>
  </si>
  <si>
    <t>JHOK LASHKAR PUR - FEMALE</t>
  </si>
  <si>
    <t>Basti gill</t>
  </si>
  <si>
    <t>basti gill p/o Makhdoom Rashid multan</t>
  </si>
  <si>
    <t>Qasim  Wala Gill</t>
  </si>
  <si>
    <t>Fateh Ali</t>
  </si>
  <si>
    <t>3261</t>
  </si>
  <si>
    <t>GMPS BASTI WAHLA</t>
  </si>
  <si>
    <t>GULZAR PUR - FEMALE</t>
  </si>
  <si>
    <t>Boty Wala</t>
  </si>
  <si>
    <t>gmps basti wahla post office 1 gulzar</t>
  </si>
  <si>
    <t>Basti Wahla</t>
  </si>
  <si>
    <t>Shazia Sultan</t>
  </si>
  <si>
    <t>GGPS MOUZA WAHAY</t>
  </si>
  <si>
    <t>BILLI WALA - FEMALE</t>
  </si>
  <si>
    <t>Wahay Wala</t>
  </si>
  <si>
    <t>GGPS mouza wahay basti wahay wala</t>
  </si>
  <si>
    <t>Billi Wala</t>
  </si>
  <si>
    <t>NASEEM Begum</t>
  </si>
  <si>
    <t>34608</t>
  </si>
  <si>
    <t>GGPS JANGLE FAIZ PUR</t>
  </si>
  <si>
    <t>Jungle Faiz Pur</t>
  </si>
  <si>
    <t>GGPS jungle faiz pur basti jungle faiz pur bahawalpur road</t>
  </si>
  <si>
    <t>Chak 1 Faiz</t>
  </si>
  <si>
    <t>Ambreen Noor</t>
  </si>
  <si>
    <t>GGPS BASTI WALA</t>
  </si>
  <si>
    <t>Syed Pur</t>
  </si>
  <si>
    <t>adda Gopal pur bahawalpur road ggps basti wala multan</t>
  </si>
  <si>
    <t>Basti Wala</t>
  </si>
  <si>
    <t>Kabeer Pur</t>
  </si>
  <si>
    <t>SHAHANA SHAUKAT</t>
  </si>
  <si>
    <t>34625</t>
  </si>
  <si>
    <t>GGPS GAMON SHAH WALA</t>
  </si>
  <si>
    <t>LAR - FEMALE</t>
  </si>
  <si>
    <t>New New Lar</t>
  </si>
  <si>
    <t>new lar Dhand</t>
  </si>
  <si>
    <t>Dhand</t>
  </si>
  <si>
    <t>Nadia Perveen</t>
  </si>
  <si>
    <t>4053</t>
  </si>
  <si>
    <t>34653</t>
  </si>
  <si>
    <t>GGPS KIRAR WALA</t>
  </si>
  <si>
    <t>BASTI MALOOK - FEMALE</t>
  </si>
  <si>
    <t>govt.girls primary school kirar wala</t>
  </si>
  <si>
    <t>Kirar Wala</t>
  </si>
  <si>
    <t>Sumreen Kanwal</t>
  </si>
  <si>
    <t>34717</t>
  </si>
  <si>
    <t>GMPS AMBALA GAGRA</t>
  </si>
  <si>
    <t>SHER SHAH - FEMALE</t>
  </si>
  <si>
    <t>Kachor</t>
  </si>
  <si>
    <t>Gagra</t>
  </si>
  <si>
    <t>sana choudhry</t>
  </si>
  <si>
    <t>GGES ALI WALA MULTAN</t>
  </si>
  <si>
    <t>Basti Ali Wala Sher Shah Town Multan Sadder</t>
  </si>
  <si>
    <t>Bushra Bano</t>
  </si>
  <si>
    <t>GMMS GOLEY WALA MOZA LALI PUR P/O BUDHLA SANT</t>
  </si>
  <si>
    <t>Lailypur Pur</t>
  </si>
  <si>
    <t>chah gullay wala Moza lailypur</t>
  </si>
  <si>
    <t>GOLLAY Wals</t>
  </si>
  <si>
    <t>34787</t>
  </si>
  <si>
    <t>GHS KOT ALI AADIL</t>
  </si>
  <si>
    <t>Kot Ali Aadil</t>
  </si>
  <si>
    <t>GHS Kot Ali Aadil. P/O MIR KOT, JPPW Multan</t>
  </si>
  <si>
    <t>32661</t>
  </si>
  <si>
    <t>30665</t>
  </si>
  <si>
    <t>34812</t>
  </si>
  <si>
    <t>GPS KOTLA SHAH RASOOL JALALPUR PIRWALA</t>
  </si>
  <si>
    <t>Kotla Shah rasool</t>
  </si>
  <si>
    <t>basti shah rasool post office kotla chakr</t>
  </si>
  <si>
    <t>Shah rasool</t>
  </si>
  <si>
    <t>Muhammad Munawar</t>
  </si>
  <si>
    <t>45443</t>
  </si>
  <si>
    <t>34815</t>
  </si>
  <si>
    <t>GPS JAM QASIM WALA</t>
  </si>
  <si>
    <t>DURAB PUR - MALE</t>
  </si>
  <si>
    <t>Jhanda Miane</t>
  </si>
  <si>
    <t>basti miyani jhanda  p/o bahader pur</t>
  </si>
  <si>
    <t>Miani Jkkjii District I i I i I i I i i i i I j U</t>
  </si>
  <si>
    <t>Hafiz muhammad Shafiq ur rehman</t>
  </si>
  <si>
    <t>GPS BAHARA BASTI BAHARA MOZA KARMAN WALI</t>
  </si>
  <si>
    <t>Karmun Wali</t>
  </si>
  <si>
    <t>Basti Bahara karmun wali tehsil Jalal pur pir wala multan</t>
  </si>
  <si>
    <t>Basti Bahara</t>
  </si>
  <si>
    <t>34846</t>
  </si>
  <si>
    <t>GPS NOU ABAD JALALPUR PIRWALA</t>
  </si>
  <si>
    <t>Ali pur</t>
  </si>
  <si>
    <t>GPS NOU ABAD, Chah Markand wala Mouza ali pur sadaat.</t>
  </si>
  <si>
    <t>Chah Markand Wala</t>
  </si>
  <si>
    <t>34852</t>
  </si>
  <si>
    <t>GPS KULAB BASTI KULAB JALALPUR PIRWALA</t>
  </si>
  <si>
    <t>KOTLI ADIL</t>
  </si>
  <si>
    <t>Basti kulab post office meer koat jalal pur pir wala</t>
  </si>
  <si>
    <t>Basti Kulab</t>
  </si>
  <si>
    <t>M Saeed</t>
  </si>
  <si>
    <t>34856</t>
  </si>
  <si>
    <t>GPS RAMZAN WALA</t>
  </si>
  <si>
    <t>Shujat Pur</t>
  </si>
  <si>
    <t>Uc shujat Pur Jalal pur pir wala</t>
  </si>
  <si>
    <t>Ramzan WALA</t>
  </si>
  <si>
    <t>34879</t>
  </si>
  <si>
    <t>GGPS KARAM ALI WALA</t>
  </si>
  <si>
    <t>Karam Ali Wala</t>
  </si>
  <si>
    <t>karam ali wala</t>
  </si>
  <si>
    <t>Zubaida Manzoor</t>
  </si>
  <si>
    <t>15034</t>
  </si>
  <si>
    <t>3697</t>
  </si>
  <si>
    <t>GMPS CHAK NO. 55 M JALALPUR PIRWALA</t>
  </si>
  <si>
    <t>JUGGO WALA - FEMALE</t>
  </si>
  <si>
    <t>Chak 55m</t>
  </si>
  <si>
    <t>chak 55 ,Tehsil jalalpur pir wala, District Multan</t>
  </si>
  <si>
    <t>Lalwah</t>
  </si>
  <si>
    <t>private</t>
  </si>
  <si>
    <t>43490</t>
  </si>
  <si>
    <t>GMPS THAKLAN JALALPUR PIRWALA</t>
  </si>
  <si>
    <t>Thaiklan</t>
  </si>
  <si>
    <t>Basti thaiklan Ada bamb mor</t>
  </si>
  <si>
    <t>Husnain Raza</t>
  </si>
  <si>
    <t>61662</t>
  </si>
  <si>
    <t>34909</t>
  </si>
  <si>
    <t>GGPS CHAN WALA</t>
  </si>
  <si>
    <t>BAHADUR PUR - FEMALE</t>
  </si>
  <si>
    <t>Molvi Wala</t>
  </si>
  <si>
    <t>Govt Girls Primary School Chan Wala</t>
  </si>
  <si>
    <t>Bahadar Pur</t>
  </si>
  <si>
    <t>Tehmina Kanwal</t>
  </si>
  <si>
    <t>34933</t>
  </si>
  <si>
    <t>GGPS TIBBI SAIDAN SHAH WALI</t>
  </si>
  <si>
    <t>g.g.p.s tibbi saidan shah wali</t>
  </si>
  <si>
    <t>Tibbi Saidan</t>
  </si>
  <si>
    <t>Ruqiya Nosheen</t>
  </si>
  <si>
    <t>12268</t>
  </si>
  <si>
    <t>34963</t>
  </si>
  <si>
    <t>GGPS GHULAM MOHAMMAD WALA</t>
  </si>
  <si>
    <t>Kotly Adil</t>
  </si>
  <si>
    <t>Basti ghulam Muhammad wala jppw multan</t>
  </si>
  <si>
    <t>Bushra Aslam</t>
  </si>
  <si>
    <t>34988</t>
  </si>
  <si>
    <t>GGPS BASTI NAWAB JALALPUR PIRWALA</t>
  </si>
  <si>
    <t>Basti Nawab P/O Ghazi pur tehsil jalal pur pir wala</t>
  </si>
  <si>
    <t>Asma Jalal</t>
  </si>
  <si>
    <t>GHS CHAK 615 GB TANDLIANWALA FSD</t>
  </si>
  <si>
    <t>CHAK NO 615 GB</t>
  </si>
  <si>
    <t>CHAK 615 GB</t>
  </si>
  <si>
    <t>DOST ALI</t>
  </si>
  <si>
    <t>16793</t>
  </si>
  <si>
    <t>GHS CHAK NO.594/GB</t>
  </si>
  <si>
    <t>Abbasi Bhatyain</t>
  </si>
  <si>
    <t>Chak  no 594</t>
  </si>
  <si>
    <t>Chak No 594 GB</t>
  </si>
  <si>
    <t>GHAZANFAR ALI</t>
  </si>
  <si>
    <t>GHS DEGHADHI MEHR SHAHANA TANDLIANWALA</t>
  </si>
  <si>
    <t>deghadi mahr shahana</t>
  </si>
  <si>
    <t>abadi khungran moza degadhi mehr shahana</t>
  </si>
  <si>
    <t>khungran</t>
  </si>
  <si>
    <t>chak no 615 gb</t>
  </si>
  <si>
    <t>mUHAMMAD zAHID aZIZ</t>
  </si>
  <si>
    <t>53965</t>
  </si>
  <si>
    <t>GGPS CHAH WAN WALA</t>
  </si>
  <si>
    <t>Ggps chah Wan wala</t>
  </si>
  <si>
    <t>Chah Wan Wala</t>
  </si>
  <si>
    <t>Killianwaal</t>
  </si>
  <si>
    <t>8053</t>
  </si>
  <si>
    <t>25454</t>
  </si>
  <si>
    <t>16811</t>
  </si>
  <si>
    <t>GGPS CHAH WALI DAD</t>
  </si>
  <si>
    <t>Chahwalidad</t>
  </si>
  <si>
    <t>Ggps chahwalidad Tandlianwala</t>
  </si>
  <si>
    <t>Farhana Kousar</t>
  </si>
  <si>
    <t>13892</t>
  </si>
  <si>
    <t>13812</t>
  </si>
  <si>
    <t>GGPS THATHA PERAY KA</t>
  </si>
  <si>
    <t>GGPS thatha peray ka</t>
  </si>
  <si>
    <t>Thatha Peray Ka</t>
  </si>
  <si>
    <t>Ayesha Amin</t>
  </si>
  <si>
    <t>31089</t>
  </si>
  <si>
    <t>16816</t>
  </si>
  <si>
    <t>GHSS MANDI SHAH JEWNA</t>
  </si>
  <si>
    <t>GHSS Mandi Shah Jewna Jhang</t>
  </si>
  <si>
    <t>46764</t>
  </si>
  <si>
    <t>16817</t>
  </si>
  <si>
    <t>GGHSS BAGH</t>
  </si>
  <si>
    <t>Bagh</t>
  </si>
  <si>
    <t>town comitte bagh</t>
  </si>
  <si>
    <t>bushra  naheed</t>
  </si>
  <si>
    <t>1447</t>
  </si>
  <si>
    <t>16824</t>
  </si>
  <si>
    <t>GHS COMPREHENSIVE MODEL SATTELITE TOWN</t>
  </si>
  <si>
    <t>Satellite Town Jhang</t>
  </si>
  <si>
    <t>syed hassan</t>
  </si>
  <si>
    <t>6835</t>
  </si>
  <si>
    <t>GHS SULTAN PUR</t>
  </si>
  <si>
    <t>mouza sultan pur jhang</t>
  </si>
  <si>
    <t>syed haider husnain zaidi</t>
  </si>
  <si>
    <t>38707</t>
  </si>
  <si>
    <t>GHS CHAK NO 455 JB</t>
  </si>
  <si>
    <t>kotlakhnana</t>
  </si>
  <si>
    <t>chak no. 455 kotlaknana jhang</t>
  </si>
  <si>
    <t>chak no 455</t>
  </si>
  <si>
    <t>chak no 446</t>
  </si>
  <si>
    <t>Muhammad Asad Imran</t>
  </si>
  <si>
    <t>16839</t>
  </si>
  <si>
    <t>GHS JHANG CITY</t>
  </si>
  <si>
    <t>Jhang City</t>
  </si>
  <si>
    <t>near city hospital muhallah haidery Jhang City</t>
  </si>
  <si>
    <t>madan shah</t>
  </si>
  <si>
    <t>ABDUL GHAFFAR</t>
  </si>
  <si>
    <t>28879</t>
  </si>
  <si>
    <t>4845</t>
  </si>
  <si>
    <t>16848</t>
  </si>
  <si>
    <t>GOVT. SHAHEED LT. MIAN NOMAN RAZA HIGH SCHOOL, LANG SHUMALI</t>
  </si>
  <si>
    <t>LANG SHUMALI</t>
  </si>
  <si>
    <t>MOZA LANG SHUMALI, P/O SAME, TEHSIL &amp; DISTRICT JHANG</t>
  </si>
  <si>
    <t>DHORI WALA</t>
  </si>
  <si>
    <t>57112</t>
  </si>
  <si>
    <t>45650</t>
  </si>
  <si>
    <t>16862</t>
  </si>
  <si>
    <t>GHS CHAK NO 219</t>
  </si>
  <si>
    <t>Chak # 219/JB Faisalabad Road Jhang</t>
  </si>
  <si>
    <t>Chak # 219/JB</t>
  </si>
  <si>
    <t>Chak # 265/JB</t>
  </si>
  <si>
    <t>Muhammad Luqman</t>
  </si>
  <si>
    <t>15803</t>
  </si>
  <si>
    <t>14803</t>
  </si>
  <si>
    <t>16865</t>
  </si>
  <si>
    <t>GHS CHAK NO 259 JB</t>
  </si>
  <si>
    <t>Pakra Sultan</t>
  </si>
  <si>
    <t>GHS chak 259 jb jhang</t>
  </si>
  <si>
    <t>Chak 259jb</t>
  </si>
  <si>
    <t>44623</t>
  </si>
  <si>
    <t>16867</t>
  </si>
  <si>
    <t>GHS LAU</t>
  </si>
  <si>
    <t>lau</t>
  </si>
  <si>
    <t>moza and p/o lau teh and distt jhang</t>
  </si>
  <si>
    <t>chatta</t>
  </si>
  <si>
    <t>Hussain Farooq Sidique</t>
  </si>
  <si>
    <t>1836</t>
  </si>
  <si>
    <t>21867</t>
  </si>
  <si>
    <t>10747</t>
  </si>
  <si>
    <t>16876</t>
  </si>
  <si>
    <t>GGHSS CHAK JANOOBI</t>
  </si>
  <si>
    <t>chak janoobi</t>
  </si>
  <si>
    <t>chak janoobi jhang city</t>
  </si>
  <si>
    <t>sakhawat fatima</t>
  </si>
  <si>
    <t>16878</t>
  </si>
  <si>
    <t>GGHS JHANG SADAR</t>
  </si>
  <si>
    <t>opposite Govt. College for Women Jhang</t>
  </si>
  <si>
    <t>civil line</t>
  </si>
  <si>
    <t>munawar sultana</t>
  </si>
  <si>
    <t>2727</t>
  </si>
  <si>
    <t>16881</t>
  </si>
  <si>
    <t>GGHS MODEL KOT SAI SINGH</t>
  </si>
  <si>
    <t>kot sai singh fasialabad road jhang</t>
  </si>
  <si>
    <t>syeda mehr-un-nisa</t>
  </si>
  <si>
    <t>43043</t>
  </si>
  <si>
    <t>GGHS SHAH JEWNA CITY</t>
  </si>
  <si>
    <t>Shah Jewna City</t>
  </si>
  <si>
    <t>Shah Jewna city</t>
  </si>
  <si>
    <t>Mahar wali</t>
  </si>
  <si>
    <t>51630</t>
  </si>
  <si>
    <t>47091</t>
  </si>
  <si>
    <t>21547</t>
  </si>
  <si>
    <t>GHS SALYANA</t>
  </si>
  <si>
    <t>SALYANA</t>
  </si>
  <si>
    <t>MOUZA SALYANA P/O SALYANA TESHIL &amp; DISTT: JHANG</t>
  </si>
  <si>
    <t>HAVELI SHEIKH RAJU</t>
  </si>
  <si>
    <t>16949</t>
  </si>
  <si>
    <t>GGHS MC MOHALLAH SULTAN WALA</t>
  </si>
  <si>
    <t>Mohalla</t>
  </si>
  <si>
    <t>gghs mohalla sultan wala jhang</t>
  </si>
  <si>
    <t>Mohalla Sultan Wala</t>
  </si>
  <si>
    <t>24961</t>
  </si>
  <si>
    <t>16968</t>
  </si>
  <si>
    <t>GGHS MALHUANA</t>
  </si>
  <si>
    <t>malhuana</t>
  </si>
  <si>
    <t>gghsmalhuana jhang</t>
  </si>
  <si>
    <t>Misbah Tanveer</t>
  </si>
  <si>
    <t>18261</t>
  </si>
  <si>
    <t>GGHS CHAK NO 458 JB</t>
  </si>
  <si>
    <t>Kot Lakhnana</t>
  </si>
  <si>
    <t>GGHS CHAK NO. 458/JB , JHANG</t>
  </si>
  <si>
    <t>KHOI ADDA CHAK nO.446/JB</t>
  </si>
  <si>
    <t>17969</t>
  </si>
  <si>
    <t>33751</t>
  </si>
  <si>
    <t>2714</t>
  </si>
  <si>
    <t>16979</t>
  </si>
  <si>
    <t>GGES KABLI</t>
  </si>
  <si>
    <t>MASSAN - FEMALE</t>
  </si>
  <si>
    <t>Kabli</t>
  </si>
  <si>
    <t>Moza Kabli, near Thana Massan, Jhang</t>
  </si>
  <si>
    <t>Shahneela Akhtar</t>
  </si>
  <si>
    <t>46760</t>
  </si>
  <si>
    <t>16990</t>
  </si>
  <si>
    <t>GGHS KOT ESA SHAH</t>
  </si>
  <si>
    <t>kot esa shah</t>
  </si>
  <si>
    <t>govt girls high school kot esa shaha</t>
  </si>
  <si>
    <t>kot esa shaha</t>
  </si>
  <si>
    <t>Khalda Kalsoom</t>
  </si>
  <si>
    <t>GGHS RATTA KALAN</t>
  </si>
  <si>
    <t>Gghs ratta kalan</t>
  </si>
  <si>
    <t>Raata Kalan</t>
  </si>
  <si>
    <t>Ratta Matta</t>
  </si>
  <si>
    <t>RABIA ASGHAR</t>
  </si>
  <si>
    <t>17033</t>
  </si>
  <si>
    <t>GPS MC NO. 12 ABEET PUR JHANG SADAR</t>
  </si>
  <si>
    <t>MC Jhang</t>
  </si>
  <si>
    <t>Mohallah Abeet Pur Jhang</t>
  </si>
  <si>
    <t>Abeet Pur</t>
  </si>
  <si>
    <t>GMPS CHAK NO. 462 JB ABADI FAROOQUE ABAD</t>
  </si>
  <si>
    <t>Chak 462</t>
  </si>
  <si>
    <t>GMPS chak 462 farooq abad</t>
  </si>
  <si>
    <t>Chak 462 Farooq Abad</t>
  </si>
  <si>
    <t>Hasan Shah</t>
  </si>
  <si>
    <t>Muhammad Ali Akbar</t>
  </si>
  <si>
    <t>10395</t>
  </si>
  <si>
    <t>17087</t>
  </si>
  <si>
    <t>GPS CHAK NO 262 JB SOUTH</t>
  </si>
  <si>
    <t>MOKHIANA-MALE</t>
  </si>
  <si>
    <t>Chak No 262 South</t>
  </si>
  <si>
    <t>chak no262 south</t>
  </si>
  <si>
    <t>Mokhiana</t>
  </si>
  <si>
    <t>GES CHAK NO 262 JB NORTH</t>
  </si>
  <si>
    <t>chak no 262 north jhang</t>
  </si>
  <si>
    <t>mokhiana</t>
  </si>
  <si>
    <t>2709</t>
  </si>
  <si>
    <t>17114</t>
  </si>
  <si>
    <t>GMPS MC NO. 5 JHANG CITY</t>
  </si>
  <si>
    <t>JHANG CITY - FEMALE</t>
  </si>
  <si>
    <t>jhang city</t>
  </si>
  <si>
    <t>moh. haweli noor khan near sheren chok jhang city</t>
  </si>
  <si>
    <t>Mc Area</t>
  </si>
  <si>
    <t>muhammad Akhlaq</t>
  </si>
  <si>
    <t>30807</t>
  </si>
  <si>
    <t>36512</t>
  </si>
  <si>
    <t>17115</t>
  </si>
  <si>
    <t>GMPS MC NO. 6 JHANG CITY</t>
  </si>
  <si>
    <t>Hakeem younas road linkroad  old chiniot road Jhang City.</t>
  </si>
  <si>
    <t>muhammad raza malik</t>
  </si>
  <si>
    <t>22109</t>
  </si>
  <si>
    <t>17117</t>
  </si>
  <si>
    <t>G MC P/S NO. 8 JHANG CITY (De-consolidated - April-2016)</t>
  </si>
  <si>
    <t>millat colony jhang city</t>
  </si>
  <si>
    <t>Madan Shah</t>
  </si>
  <si>
    <t>54660</t>
  </si>
  <si>
    <t>17143</t>
  </si>
  <si>
    <t>GPS WAKEEL WALA</t>
  </si>
  <si>
    <t>Ashaba</t>
  </si>
  <si>
    <t>GPS wakeel wala jhang</t>
  </si>
  <si>
    <t>Farhat Nadeem</t>
  </si>
  <si>
    <t>54522</t>
  </si>
  <si>
    <t>GPS THATHA SHER E KA (De-consolidated April-2016)</t>
  </si>
  <si>
    <t>SHAH JEWANA-MALE</t>
  </si>
  <si>
    <t>Thatha Sheraka</t>
  </si>
  <si>
    <t>thatha sheraka jhang</t>
  </si>
  <si>
    <t>Chund</t>
  </si>
  <si>
    <t>21126</t>
  </si>
  <si>
    <t>17198</t>
  </si>
  <si>
    <t>GPS KABLI</t>
  </si>
  <si>
    <t>gps kabli</t>
  </si>
  <si>
    <t>Nasir Abbas</t>
  </si>
  <si>
    <t>17203</t>
  </si>
  <si>
    <t>GMPS SABBAR</t>
  </si>
  <si>
    <t>PUBBER WALA - FEMALE</t>
  </si>
  <si>
    <t>Sabbar</t>
  </si>
  <si>
    <t>mouz sbbar</t>
  </si>
  <si>
    <t>Qadirpur</t>
  </si>
  <si>
    <t>Naila Noreen Kanwal</t>
  </si>
  <si>
    <t>16409</t>
  </si>
  <si>
    <t>13435</t>
  </si>
  <si>
    <t>17251</t>
  </si>
  <si>
    <t>GPS CHAK NO 464 JB MEHRAN WALA</t>
  </si>
  <si>
    <t>Chack No 464</t>
  </si>
  <si>
    <t>GP/S Mehranwala Chack No 464 Jhang</t>
  </si>
  <si>
    <t>Pakhra Sultan</t>
  </si>
  <si>
    <t>Hakim Ali Asi</t>
  </si>
  <si>
    <t>7650</t>
  </si>
  <si>
    <t>13364</t>
  </si>
  <si>
    <t>49260</t>
  </si>
  <si>
    <t>GPS CHAK NO 267 JB CHONDRA</t>
  </si>
  <si>
    <t>SATELLITE TOWN - MALE</t>
  </si>
  <si>
    <t>Choundra</t>
  </si>
  <si>
    <t>chak no 267 choundra tehsil jhang</t>
  </si>
  <si>
    <t>Chak No 267 Choundra</t>
  </si>
  <si>
    <t>Chak No 265</t>
  </si>
  <si>
    <t>22260</t>
  </si>
  <si>
    <t>31536</t>
  </si>
  <si>
    <t>17286</t>
  </si>
  <si>
    <t>GPS SHAREENH</t>
  </si>
  <si>
    <t>Shareenh</t>
  </si>
  <si>
    <t>govt p/s shareenh tehsil jhang</t>
  </si>
  <si>
    <t>Qadirpur Bakhsha</t>
  </si>
  <si>
    <t>Zafir Iqbal Haji</t>
  </si>
  <si>
    <t>17306</t>
  </si>
  <si>
    <t>GPS DOUKA BALOCHAN</t>
  </si>
  <si>
    <t>Douka Blochan</t>
  </si>
  <si>
    <t>douka blochan p/o kalaira jhang</t>
  </si>
  <si>
    <t>Qadir Pur Bakhsha</t>
  </si>
  <si>
    <t>Mohsin Abbas Shah</t>
  </si>
  <si>
    <t>19443</t>
  </si>
  <si>
    <t>14969</t>
  </si>
  <si>
    <t>4559</t>
  </si>
  <si>
    <t>17314</t>
  </si>
  <si>
    <t>GMPS KOT KHUSHAL</t>
  </si>
  <si>
    <t>KOT ESSA SHAH-FEMALE</t>
  </si>
  <si>
    <t>kot khushal</t>
  </si>
  <si>
    <t>moza kot khushal teh jhang</t>
  </si>
  <si>
    <t>5464</t>
  </si>
  <si>
    <t>GGPS BASTI KHAN MUHAMMAD</t>
  </si>
  <si>
    <t>Kal Wala</t>
  </si>
  <si>
    <t>street hadi hussain near govt degree college adhiwal</t>
  </si>
  <si>
    <t>Basti Kal Wali</t>
  </si>
  <si>
    <t>Mussrat Qudder</t>
  </si>
  <si>
    <t>54332</t>
  </si>
  <si>
    <t>41901</t>
  </si>
  <si>
    <t>39719</t>
  </si>
  <si>
    <t>54529</t>
  </si>
  <si>
    <t>GGPS GHAZI ABAD NO. 2 (De-consolidated April-2016)</t>
  </si>
  <si>
    <t>GGPS Ghazi  Abad No.2</t>
  </si>
  <si>
    <t>Mc  Area</t>
  </si>
  <si>
    <t>Khurshid Khalid</t>
  </si>
  <si>
    <t>35085</t>
  </si>
  <si>
    <t>7701</t>
  </si>
  <si>
    <t>24391</t>
  </si>
  <si>
    <t>54823</t>
  </si>
  <si>
    <t>GGPS CHAH SULTAN WALA</t>
  </si>
  <si>
    <t>chah sultan wala moza haveli lal tehsil nd district jhang</t>
  </si>
  <si>
    <t>Chah Sultan Wala</t>
  </si>
  <si>
    <t>Sumaira Bibi</t>
  </si>
  <si>
    <t>3460</t>
  </si>
  <si>
    <t>18490</t>
  </si>
  <si>
    <t>17547</t>
  </si>
  <si>
    <t>GGPS KALI MAL</t>
  </si>
  <si>
    <t>RORAN WALI - FEMALE</t>
  </si>
  <si>
    <t>ggps kali mal moza ashaba dak khana khas</t>
  </si>
  <si>
    <t>Kali Mal</t>
  </si>
  <si>
    <t>9751</t>
  </si>
  <si>
    <t>GGPS BELA BANGASH</t>
  </si>
  <si>
    <t>HABIB - FEMALE</t>
  </si>
  <si>
    <t>Bela Bangash</t>
  </si>
  <si>
    <t>chah  kharora moza bela bangash</t>
  </si>
  <si>
    <t>Chah  Kharora</t>
  </si>
  <si>
    <t>Hasnana</t>
  </si>
  <si>
    <t>17590</t>
  </si>
  <si>
    <t>GGPS CHAK 454 JB</t>
  </si>
  <si>
    <t>BANGLA NUL WALA - FEMALE</t>
  </si>
  <si>
    <t>chak no 454 jb jhang</t>
  </si>
  <si>
    <t>Chak No 454</t>
  </si>
  <si>
    <t>Chak No 215</t>
  </si>
  <si>
    <t>Iqbal Bibi</t>
  </si>
  <si>
    <t>5827</t>
  </si>
  <si>
    <t>17591</t>
  </si>
  <si>
    <t>GGPS CHAK 456</t>
  </si>
  <si>
    <t>KOT LAKHNANA - FEMALE</t>
  </si>
  <si>
    <t>Kot Lakhna</t>
  </si>
  <si>
    <t>g g p/s chak 456 jb</t>
  </si>
  <si>
    <t>Chak 456</t>
  </si>
  <si>
    <t>Asifa Farooq</t>
  </si>
  <si>
    <t>6245</t>
  </si>
  <si>
    <t>17599</t>
  </si>
  <si>
    <t>GGPS ABADI KALASAN</t>
  </si>
  <si>
    <t>CIVIL LINE-FEMALE</t>
  </si>
  <si>
    <t>Chack Ghumnana</t>
  </si>
  <si>
    <t>ABADI kalasan</t>
  </si>
  <si>
    <t>ABADI Kalasan</t>
  </si>
  <si>
    <t>Saeeda Begum</t>
  </si>
  <si>
    <t>17606</t>
  </si>
  <si>
    <t>GMPS SHAD BAD COLONY</t>
  </si>
  <si>
    <t>Ghumnana</t>
  </si>
  <si>
    <t>Shadbad colony</t>
  </si>
  <si>
    <t>20chak Ghumnana</t>
  </si>
  <si>
    <t>Surriya Begum</t>
  </si>
  <si>
    <t>9281</t>
  </si>
  <si>
    <t>GGES CHAK 445 ABADI KASHMIRI</t>
  </si>
  <si>
    <t>Bangla Noul</t>
  </si>
  <si>
    <t>GGES 445 kashmir colony</t>
  </si>
  <si>
    <t>27181</t>
  </si>
  <si>
    <t>17719</t>
  </si>
  <si>
    <t>GMPS MASSAN</t>
  </si>
  <si>
    <t>Massan</t>
  </si>
  <si>
    <t>GMPS massan</t>
  </si>
  <si>
    <t>17802</t>
  </si>
  <si>
    <t>GGPS CHAK NO 259 PATOANA</t>
  </si>
  <si>
    <t>259 Patoana</t>
  </si>
  <si>
    <t>GGPS chak no 259 patoana</t>
  </si>
  <si>
    <t>Hina Maryam</t>
  </si>
  <si>
    <t>17805</t>
  </si>
  <si>
    <t>GGPS CHAK NO.159 JB</t>
  </si>
  <si>
    <t>Chak no 159 jb sipra</t>
  </si>
  <si>
    <t>Sipra</t>
  </si>
  <si>
    <t>sehar saeed</t>
  </si>
  <si>
    <t>17823</t>
  </si>
  <si>
    <t>GMPS QADIR PUR</t>
  </si>
  <si>
    <t>QADIR PUR - FEMALE</t>
  </si>
  <si>
    <t>Qadir Pur Bhakhsha</t>
  </si>
  <si>
    <t>Ubaida Iram</t>
  </si>
  <si>
    <t>17829</t>
  </si>
  <si>
    <t>GGHS CHATTA</t>
  </si>
  <si>
    <t>Govt girls high school chhatta tehsil and dist jhang</t>
  </si>
  <si>
    <t>aneela akbar</t>
  </si>
  <si>
    <t>45594</t>
  </si>
  <si>
    <t>17864</t>
  </si>
  <si>
    <t>GGPS JHOK USMAN</t>
  </si>
  <si>
    <t>Jhoke Usman</t>
  </si>
  <si>
    <t>Moza Jhoke  Usman  Tehsil&amp;Dist  Jhang</t>
  </si>
  <si>
    <t>Iffat Batool</t>
  </si>
  <si>
    <t>17933</t>
  </si>
  <si>
    <t>GHS BHANGOO</t>
  </si>
  <si>
    <t>Bhangoo</t>
  </si>
  <si>
    <t>Govt high school Bhangoo basti mujahidabad moza Bhangoo tehsil Shorkot district jhajg</t>
  </si>
  <si>
    <t>Basti Mujahidabad</t>
  </si>
  <si>
    <t>Taqi Abbas</t>
  </si>
  <si>
    <t>11395</t>
  </si>
  <si>
    <t>17955</t>
  </si>
  <si>
    <t>GGHS CHAK NO 483 JB</t>
  </si>
  <si>
    <t>Waryam</t>
  </si>
  <si>
    <t>Chak No. 483JB</t>
  </si>
  <si>
    <t>Chak No 483JB</t>
  </si>
  <si>
    <t>Chak No 478 JB</t>
  </si>
  <si>
    <t>Tahira Sadiqi</t>
  </si>
  <si>
    <t>GHS ABBAS PURA SHORKOT CITY</t>
  </si>
  <si>
    <t>moh.abbaspura nawan shehr shorkot city</t>
  </si>
  <si>
    <t>Abbaspura shorkot</t>
  </si>
  <si>
    <t>MC Shorkot city</t>
  </si>
  <si>
    <t>NOOR aHMAD</t>
  </si>
  <si>
    <t>45154</t>
  </si>
  <si>
    <t>17979</t>
  </si>
  <si>
    <t>GGHS DAB KALAN</t>
  </si>
  <si>
    <t>Dabkalan</t>
  </si>
  <si>
    <t>gghsdabkalan Tehsil Shorkot</t>
  </si>
  <si>
    <t>17981</t>
  </si>
  <si>
    <t>GGHS AZMAT ABAD RUSTAM SARGANA</t>
  </si>
  <si>
    <t>Rustam Sargana</t>
  </si>
  <si>
    <t>P/O rustam sargana, Tehsil Shorkot</t>
  </si>
  <si>
    <t>17987</t>
  </si>
  <si>
    <t>GGHS CHAK NO 491 JB (Up-graded)</t>
  </si>
  <si>
    <t>Chain Wala</t>
  </si>
  <si>
    <t>chak491/jb markaz waryam wala tehsil shorkot zelah jhng</t>
  </si>
  <si>
    <t>Chakno491/jb</t>
  </si>
  <si>
    <t>Chaianwala</t>
  </si>
  <si>
    <t>Hajira Bibi</t>
  </si>
  <si>
    <t>157905</t>
  </si>
  <si>
    <t>13101</t>
  </si>
  <si>
    <t>7960</t>
  </si>
  <si>
    <t>4467</t>
  </si>
  <si>
    <t>GPS ASAD ABAD</t>
  </si>
  <si>
    <t>mosay wala mouza bhangoo tehsil shorkot distric jhang</t>
  </si>
  <si>
    <t>Cha Mosay Wala</t>
  </si>
  <si>
    <t>Rauf Ahmad</t>
  </si>
  <si>
    <t>18059</t>
  </si>
  <si>
    <t>GMPS BASTI MURAD</t>
  </si>
  <si>
    <t>basti murad jalalpur kamlana</t>
  </si>
  <si>
    <t>Basti Murad</t>
  </si>
  <si>
    <t>24083</t>
  </si>
  <si>
    <t>GMPS NOSHERA KAKKI NOU</t>
  </si>
  <si>
    <t>KHAKI LAKHI-FEMALE</t>
  </si>
  <si>
    <t>Noshera</t>
  </si>
  <si>
    <t>P/O Khaki Lakhi Mozah Noshera Tehsil Shrkot Dist.Jhang</t>
  </si>
  <si>
    <t>Dab Kallan</t>
  </si>
  <si>
    <t>Attia Batool</t>
  </si>
  <si>
    <t>54242</t>
  </si>
  <si>
    <t>GPS BELA ALI KHANANA</t>
  </si>
  <si>
    <t>Bela Ali Khanana</t>
  </si>
  <si>
    <t>gps bela ali khanana</t>
  </si>
  <si>
    <t>HBShah</t>
  </si>
  <si>
    <t>ghulam Abbas</t>
  </si>
  <si>
    <t>54222</t>
  </si>
  <si>
    <t>GGPS RAILWAY ABADI Cant No. 2</t>
  </si>
  <si>
    <t>SHORKOT CANTT - FEMALE</t>
  </si>
  <si>
    <t>ggps railway abadi no 2 shorkot cantt</t>
  </si>
  <si>
    <t>Nargis shaheen</t>
  </si>
  <si>
    <t>21061</t>
  </si>
  <si>
    <t>18113</t>
  </si>
  <si>
    <t>GGPS DARBAR MIRAN TAHLI</t>
  </si>
  <si>
    <t>jalalpur kamlana female</t>
  </si>
  <si>
    <t>miran tahli jalalpur city shorkot tehsil jhang</t>
  </si>
  <si>
    <t>miran tahli</t>
  </si>
  <si>
    <t>ghumman marhi</t>
  </si>
  <si>
    <t>Aysha khanum</t>
  </si>
  <si>
    <t>54527</t>
  </si>
  <si>
    <t>GGPS RARRAY WALA (De-consolidated April-2016)</t>
  </si>
  <si>
    <t>Ggps rarri wala</t>
  </si>
  <si>
    <t>Mehr Abad</t>
  </si>
  <si>
    <t>shahida parveen</t>
  </si>
  <si>
    <t>18117</t>
  </si>
  <si>
    <t>GGPS CHAK NO. 20 GHAGH SANDHIWALI</t>
  </si>
  <si>
    <t>KOTLA MUHAMMAD ZARIF KHAN-FEMALE</t>
  </si>
  <si>
    <t>20 Ghagh</t>
  </si>
  <si>
    <t>chak # 20 ghagh basti sindhianwaali, shorkot</t>
  </si>
  <si>
    <t>20 Ghagh Basti Sindhianwaali Shorkot</t>
  </si>
  <si>
    <t>Kaki Nou Soim</t>
  </si>
  <si>
    <t>Rabia Jamil</t>
  </si>
  <si>
    <t>13905</t>
  </si>
  <si>
    <t>2249</t>
  </si>
  <si>
    <t>18125</t>
  </si>
  <si>
    <t>GGHS CHAK NO. 497 JB</t>
  </si>
  <si>
    <t>Chak#497/Jb</t>
  </si>
  <si>
    <t>GGHS Chak#497/Jb tehsil shorkot (jhang)</t>
  </si>
  <si>
    <t>Mehreen Khalil</t>
  </si>
  <si>
    <t>44724</t>
  </si>
  <si>
    <t>5465</t>
  </si>
  <si>
    <t>18199</t>
  </si>
  <si>
    <t>GMPS CHAK NO 482 JB EAST</t>
  </si>
  <si>
    <t>CHAK NO.487/JB-FEMALE</t>
  </si>
  <si>
    <t>482jb</t>
  </si>
  <si>
    <t>chak no 482  jb east</t>
  </si>
  <si>
    <t>482 Jbeast</t>
  </si>
  <si>
    <t>Chak No 478jb</t>
  </si>
  <si>
    <t>Bushra Tanveer Akhtar</t>
  </si>
  <si>
    <t>3887</t>
  </si>
  <si>
    <t>18212</t>
  </si>
  <si>
    <t>GGPS NAWAN PIR WALA</t>
  </si>
  <si>
    <t>Nawan Pir Wala</t>
  </si>
  <si>
    <t>8216</t>
  </si>
  <si>
    <t>12736</t>
  </si>
  <si>
    <t>54235</t>
  </si>
  <si>
    <t>GGPS CHAK NO 483/JB BASTI ARSHID SHAHEED</t>
  </si>
  <si>
    <t>Chack No 483 jb</t>
  </si>
  <si>
    <t>Chack No 483 Jb</t>
  </si>
  <si>
    <t>Chack No 478 Jb</t>
  </si>
  <si>
    <t>Hafiza Akhtar</t>
  </si>
  <si>
    <t>23016</t>
  </si>
  <si>
    <t>22426</t>
  </si>
  <si>
    <t>2745</t>
  </si>
  <si>
    <t>18228</t>
  </si>
  <si>
    <t>GMPS CHAK NO 485 JB</t>
  </si>
  <si>
    <t>WARYAM WALA - FEMALE</t>
  </si>
  <si>
    <t>485jb</t>
  </si>
  <si>
    <t>chak no 485 p/o waryam wala</t>
  </si>
  <si>
    <t>Chayanwala</t>
  </si>
  <si>
    <t>Musrrat Yasmeen</t>
  </si>
  <si>
    <t>18485</t>
  </si>
  <si>
    <t>18245</t>
  </si>
  <si>
    <t>GHS SAMANDOANA</t>
  </si>
  <si>
    <t>Samandoana Tehsil A.P.Sial District Jhang</t>
  </si>
  <si>
    <t>Muhammad Afzal Nadeem</t>
  </si>
  <si>
    <t>7606</t>
  </si>
  <si>
    <t>18251</t>
  </si>
  <si>
    <t>GHS KUNDAL KHOKHARAN</t>
  </si>
  <si>
    <t>Kundal Khokhran</t>
  </si>
  <si>
    <t>MOUZA KUNDAL KHOKHRAN A.P.SIAL JHANG</t>
  </si>
  <si>
    <t>KUNDAL KHOKHRAN</t>
  </si>
  <si>
    <t>Johar Ali Shah</t>
  </si>
  <si>
    <t>5076</t>
  </si>
  <si>
    <t>18321</t>
  </si>
  <si>
    <t>GPS GHULAM HASAN WALA</t>
  </si>
  <si>
    <t>KOT BAHADAR - MALE</t>
  </si>
  <si>
    <t>Bahar Gharbi</t>
  </si>
  <si>
    <t>mouza bahar gharbi</t>
  </si>
  <si>
    <t>Ghulam Hassan Wala</t>
  </si>
  <si>
    <t>Kot Bahadar Shah</t>
  </si>
  <si>
    <t>32950</t>
  </si>
  <si>
    <t>18366</t>
  </si>
  <si>
    <t>GMPS MANZOOR ABAD</t>
  </si>
  <si>
    <t>KOT BAHADAR - FEMALE</t>
  </si>
  <si>
    <t>Kot Bahadar</t>
  </si>
  <si>
    <t>p/o kot bahadar basti manzoor abad district jhang tehsil ahmad pur sial</t>
  </si>
  <si>
    <t>18847</t>
  </si>
  <si>
    <t>17839</t>
  </si>
  <si>
    <t>39758</t>
  </si>
  <si>
    <t>2691</t>
  </si>
  <si>
    <t>GMPS CHAK NO 1/2 L</t>
  </si>
  <si>
    <t>SHARIF ABAD - FEMALE</t>
  </si>
  <si>
    <t>GMP/S Chak No.1/2L</t>
  </si>
  <si>
    <t>1/2L</t>
  </si>
  <si>
    <t>18412</t>
  </si>
  <si>
    <t>GGPS RANJEET KOT NO 2</t>
  </si>
  <si>
    <t>RANJEET KOT-FEMALE</t>
  </si>
  <si>
    <t>ranjeet kot</t>
  </si>
  <si>
    <t>Aisha Bibi</t>
  </si>
  <si>
    <t>10157</t>
  </si>
  <si>
    <t>18425</t>
  </si>
  <si>
    <t>GMPS JANDAL</t>
  </si>
  <si>
    <t>Gudara</t>
  </si>
  <si>
    <t>basti Jandal gudra ahmad pur Sial jhang</t>
  </si>
  <si>
    <t>Jandal</t>
  </si>
  <si>
    <t>Zarina Bibi</t>
  </si>
  <si>
    <t>51439</t>
  </si>
  <si>
    <t>18447</t>
  </si>
  <si>
    <t>GGPS CHAK NO. 5/3 L</t>
  </si>
  <si>
    <t>KUNDAL KHOKHRAN-FEMALE</t>
  </si>
  <si>
    <t>chak no 5/3l tehseel Ahmad Pur Sial jhang</t>
  </si>
  <si>
    <t>Chak No 5/3l</t>
  </si>
  <si>
    <t>Memoona Jabeen</t>
  </si>
  <si>
    <t>11359</t>
  </si>
  <si>
    <t>8862</t>
  </si>
  <si>
    <t>14653</t>
  </si>
  <si>
    <t>16847</t>
  </si>
  <si>
    <t>GHS KOT SHAKIR</t>
  </si>
  <si>
    <t>kot shakir</t>
  </si>
  <si>
    <t>kot shakir p/o same tehsil 18 hazari district jhang</t>
  </si>
  <si>
    <t>7/2 thall shumali kot shakir</t>
  </si>
  <si>
    <t>muhammad azeem nadeem</t>
  </si>
  <si>
    <t>47793</t>
  </si>
  <si>
    <t>4611</t>
  </si>
  <si>
    <t>17030</t>
  </si>
  <si>
    <t>GMPS THANDA THAL</t>
  </si>
  <si>
    <t>UCH GUL IMAM-FEMALE</t>
  </si>
  <si>
    <t>Chack 11/1 Thall</t>
  </si>
  <si>
    <t>thanda thal chak#11/1</t>
  </si>
  <si>
    <t>ThandaThall</t>
  </si>
  <si>
    <t>Chak 1/10 Thal</t>
  </si>
  <si>
    <t>54893</t>
  </si>
  <si>
    <t>19043</t>
  </si>
  <si>
    <t>17154</t>
  </si>
  <si>
    <t>GPS SHEHAN WALA</t>
  </si>
  <si>
    <t>Aora</t>
  </si>
  <si>
    <t>village Shehanwala</t>
  </si>
  <si>
    <t>Shehanwala</t>
  </si>
  <si>
    <t>Mari Shah Sakhira</t>
  </si>
  <si>
    <t>Abdul AZIZ</t>
  </si>
  <si>
    <t>18080</t>
  </si>
  <si>
    <t>17166</t>
  </si>
  <si>
    <t>GPS AKARIAN WALA</t>
  </si>
  <si>
    <t>AKERIAN WALA</t>
  </si>
  <si>
    <t>Chah akerian wala p /o kot shakir teh. 18hazari distt jhang</t>
  </si>
  <si>
    <t>AKERIAN</t>
  </si>
  <si>
    <t>7/2 Thal SHUMALI</t>
  </si>
  <si>
    <t>INTAZAR HUSSAIN KHAN</t>
  </si>
  <si>
    <t>17172</t>
  </si>
  <si>
    <t>GPS RAHMAT SHAH WALA</t>
  </si>
  <si>
    <t>Noula abad tehsil 18 Hazari District Jhang</t>
  </si>
  <si>
    <t>Noula abad</t>
  </si>
  <si>
    <t>Syed Baqir Shah</t>
  </si>
  <si>
    <t>13425</t>
  </si>
  <si>
    <t>53533</t>
  </si>
  <si>
    <t>GPS KHAN PUR</t>
  </si>
  <si>
    <t>khan pur moza kot shakir the 18 hazari district jhang</t>
  </si>
  <si>
    <t>7/2 Thal Sumali</t>
  </si>
  <si>
    <t>35709</t>
  </si>
  <si>
    <t>GPS KOT KABIR</t>
  </si>
  <si>
    <t>Kot Kabir</t>
  </si>
  <si>
    <t>muaza Kot Kabir p/o Miran Pur The Mailsi Vehari</t>
  </si>
  <si>
    <t>Buland Pur</t>
  </si>
  <si>
    <t>GPS CHAK NO.205/WB</t>
  </si>
  <si>
    <t>DOKOTA - MALE</t>
  </si>
  <si>
    <t>205/WB</t>
  </si>
  <si>
    <t>Chak No. 205/WB P/O Dokota</t>
  </si>
  <si>
    <t>151/WB</t>
  </si>
  <si>
    <t>34424</t>
  </si>
  <si>
    <t>35753</t>
  </si>
  <si>
    <t>GPS CHAK NO.215/WB</t>
  </si>
  <si>
    <t>215/wb</t>
  </si>
  <si>
    <t>chak no 215/w.b tehesil Mailsi district Vehari</t>
  </si>
  <si>
    <t>Muhammad Khalid Niaz</t>
  </si>
  <si>
    <t>5929</t>
  </si>
  <si>
    <t>35775</t>
  </si>
  <si>
    <t>GPS TARKI</t>
  </si>
  <si>
    <t>GHALLOO-MALE</t>
  </si>
  <si>
    <t>Tarki</t>
  </si>
  <si>
    <t>tarki mailsi</t>
  </si>
  <si>
    <t>Muhammad ALYAS Khan</t>
  </si>
  <si>
    <t>35784</t>
  </si>
  <si>
    <t>GPS OUTHI</t>
  </si>
  <si>
    <t>Outhi</t>
  </si>
  <si>
    <t>Mouza Outhi</t>
  </si>
  <si>
    <t>Imtiaz Hussain Qaisar</t>
  </si>
  <si>
    <t>3970</t>
  </si>
  <si>
    <t>11891</t>
  </si>
  <si>
    <t>35789</t>
  </si>
  <si>
    <t>GPS PEER SHAH</t>
  </si>
  <si>
    <t>KARAM PUR - MALE</t>
  </si>
  <si>
    <t>Peer shah</t>
  </si>
  <si>
    <t>Moza peer shah p\o karam pur tehsil mailsi district vehari</t>
  </si>
  <si>
    <t>Borana khas</t>
  </si>
  <si>
    <t>Hafiz Muhammad Shahid Hameed Javed</t>
  </si>
  <si>
    <t>52040</t>
  </si>
  <si>
    <t>35802</t>
  </si>
  <si>
    <t>GPS YOUSAFI</t>
  </si>
  <si>
    <t>AliWah</t>
  </si>
  <si>
    <t>Basti Yousafi Mouza Ali Wah</t>
  </si>
  <si>
    <t>Yousafi</t>
  </si>
  <si>
    <t>M BILAL</t>
  </si>
  <si>
    <t>50942</t>
  </si>
  <si>
    <t>35803</t>
  </si>
  <si>
    <t>GPS ARIF WAHIN</t>
  </si>
  <si>
    <t>KAMBER</t>
  </si>
  <si>
    <t>BASTI TILOK PUR MAILSI</t>
  </si>
  <si>
    <t>TILOK PUR</t>
  </si>
  <si>
    <t>DHAMAKKI</t>
  </si>
  <si>
    <t>49424</t>
  </si>
  <si>
    <t>49775</t>
  </si>
  <si>
    <t>35812</t>
  </si>
  <si>
    <t>GGPS CHAK MUGHAL</t>
  </si>
  <si>
    <t>DOKOTA - FEMALE</t>
  </si>
  <si>
    <t>Chak Mughal</t>
  </si>
  <si>
    <t>chak mugjal dokota</t>
  </si>
  <si>
    <t>35813</t>
  </si>
  <si>
    <t>GGPS TARRAGGER</t>
  </si>
  <si>
    <t>Traggar tehsil Mailsi district vehari</t>
  </si>
  <si>
    <t>Lal Sagu</t>
  </si>
  <si>
    <t>Nadia Hashim</t>
  </si>
  <si>
    <t>35860</t>
  </si>
  <si>
    <t>GGES SARDAR JHANDHEER</t>
  </si>
  <si>
    <t>dORHATTA</t>
  </si>
  <si>
    <t>GGES SARDAR PUR DORHATTA, JAMAL TOWN</t>
  </si>
  <si>
    <t>SARDAR PUR DORHATTA</t>
  </si>
  <si>
    <t>DHAMAKI</t>
  </si>
  <si>
    <t>Shabnam Nawaz</t>
  </si>
  <si>
    <t>12710</t>
  </si>
  <si>
    <t>35862</t>
  </si>
  <si>
    <t>GGPS ARIAN WHAIN</t>
  </si>
  <si>
    <t>Arainwahin</t>
  </si>
  <si>
    <t>ggps arainwahin</t>
  </si>
  <si>
    <t>Rabia Bashir</t>
  </si>
  <si>
    <t>33273</t>
  </si>
  <si>
    <t>32897</t>
  </si>
  <si>
    <t>3711</t>
  </si>
  <si>
    <t>35914</t>
  </si>
  <si>
    <t>GGPS 73 WB</t>
  </si>
  <si>
    <t>ALAM PUR-FEMALE</t>
  </si>
  <si>
    <t>73wb</t>
  </si>
  <si>
    <t>chak no73wb tehsil mailsi district vehari</t>
  </si>
  <si>
    <t>69wb</t>
  </si>
  <si>
    <t>10848</t>
  </si>
  <si>
    <t>35930</t>
  </si>
  <si>
    <t>GMPS HARRY PURA</t>
  </si>
  <si>
    <t>MAILSI EAST - FEMALE</t>
  </si>
  <si>
    <t>Haripura</t>
  </si>
  <si>
    <t>GMPS Hari Pura mailsi</t>
  </si>
  <si>
    <t>Ward 7</t>
  </si>
  <si>
    <t>sajida akbar</t>
  </si>
  <si>
    <t>5093</t>
  </si>
  <si>
    <t>37279</t>
  </si>
  <si>
    <t>35931</t>
  </si>
  <si>
    <t>GGPS TILLO PURA</t>
  </si>
  <si>
    <t>tillo purah mailsi</t>
  </si>
  <si>
    <t>shamim akhter</t>
  </si>
  <si>
    <t>35936</t>
  </si>
  <si>
    <t>GGPS KOT QAZI</t>
  </si>
  <si>
    <t>kotqazi</t>
  </si>
  <si>
    <t>Kotlimahtam</t>
  </si>
  <si>
    <t>17445</t>
  </si>
  <si>
    <t>35941</t>
  </si>
  <si>
    <t>GGPS SHORE KOT</t>
  </si>
  <si>
    <t>BASTI SHORKOT MAILSI</t>
  </si>
  <si>
    <t>Nabeela Ishtiaq</t>
  </si>
  <si>
    <t>41775</t>
  </si>
  <si>
    <t>37401</t>
  </si>
  <si>
    <t>35942</t>
  </si>
  <si>
    <t>GGPS NOOR SHAH</t>
  </si>
  <si>
    <t>Noor shah p.o. sargana tehsil mailsi district vehari</t>
  </si>
  <si>
    <t>69/wb</t>
  </si>
  <si>
    <t>Nuzhat Yasmeen</t>
  </si>
  <si>
    <t>42309</t>
  </si>
  <si>
    <t>35947</t>
  </si>
  <si>
    <t>GGPS TILOOK PUR</t>
  </si>
  <si>
    <t>Kamber</t>
  </si>
  <si>
    <t>basti tilook pur mailsi district vehari</t>
  </si>
  <si>
    <t>Tilookpur</t>
  </si>
  <si>
    <t>4094</t>
  </si>
  <si>
    <t>51765</t>
  </si>
  <si>
    <t>35961</t>
  </si>
  <si>
    <t>GGPS YAQUB ABAD</t>
  </si>
  <si>
    <t>Malik Wahin</t>
  </si>
  <si>
    <t>basti yaqub abad</t>
  </si>
  <si>
    <t>Yaqub Abad</t>
  </si>
  <si>
    <t>Borana Kahs</t>
  </si>
  <si>
    <t>Nayab-Ul-Ain Fatima</t>
  </si>
  <si>
    <t>43020</t>
  </si>
  <si>
    <t>35963</t>
  </si>
  <si>
    <t>GGPS MALIK WAHIN</t>
  </si>
  <si>
    <t>govt girls p s Malik wahin</t>
  </si>
  <si>
    <t>Burana</t>
  </si>
  <si>
    <t>Zareen Akhter</t>
  </si>
  <si>
    <t>3729</t>
  </si>
  <si>
    <t>GPS 143 WB P.O DOKATA</t>
  </si>
  <si>
    <t>JAHAN PUR-MALE</t>
  </si>
  <si>
    <t>Dokota</t>
  </si>
  <si>
    <t>chak no 143/wb Mailsi</t>
  </si>
  <si>
    <t>143/WB</t>
  </si>
  <si>
    <t>1/M</t>
  </si>
  <si>
    <t>15678</t>
  </si>
  <si>
    <t>35625</t>
  </si>
  <si>
    <t>2427</t>
  </si>
  <si>
    <t>52786</t>
  </si>
  <si>
    <t>GGPS DULAY KEY MOHAR</t>
  </si>
  <si>
    <t>CHAK BAWA - FEMALE</t>
  </si>
  <si>
    <t>Dulley K Mahar</t>
  </si>
  <si>
    <t>ggps dulley k mahar</t>
  </si>
  <si>
    <t>Dullay Key Mahar</t>
  </si>
  <si>
    <t>52798</t>
  </si>
  <si>
    <t>GGPS HARIKEY NAU ABAD</t>
  </si>
  <si>
    <t>Hary Kaynou abad</t>
  </si>
  <si>
    <t>Hary Kay Nou Abad</t>
  </si>
  <si>
    <t>Hary  Kay Nou Abad</t>
  </si>
  <si>
    <t>Maqbool Akhtar</t>
  </si>
  <si>
    <t>52805</t>
  </si>
  <si>
    <t>GGPS MALHU SHEIKHU KA</t>
  </si>
  <si>
    <t>Malhu Sheikhu Ka</t>
  </si>
  <si>
    <t>mozaa abdal ky po haveli lakha teh depalpur  okara</t>
  </si>
  <si>
    <t>Nama Jindeka</t>
  </si>
  <si>
    <t>Humera Bashir</t>
  </si>
  <si>
    <t>52905</t>
  </si>
  <si>
    <t>GMMS JHUGIAN JATTAN</t>
  </si>
  <si>
    <t>Jhugian Jattan</t>
  </si>
  <si>
    <t>Jhugian Jattan tehsil Depal pur (Okara)</t>
  </si>
  <si>
    <t>Guder Malkana</t>
  </si>
  <si>
    <t>Razzaq Ahmed</t>
  </si>
  <si>
    <t>6134</t>
  </si>
  <si>
    <t>52909</t>
  </si>
  <si>
    <t>GMMS GOHAR ABAD</t>
  </si>
  <si>
    <t>ATTARI-MALE</t>
  </si>
  <si>
    <t>Ghoraabad</t>
  </si>
  <si>
    <t>GOHAR abad P/O Mandi Ahmad Abad</t>
  </si>
  <si>
    <t>Ghoharabad</t>
  </si>
  <si>
    <t>MC Mandi Ahmadabad</t>
  </si>
  <si>
    <t>6154</t>
  </si>
  <si>
    <t>52910</t>
  </si>
  <si>
    <t>GMMS AMLI KAY ATHAR SHAH</t>
  </si>
  <si>
    <t>ROHILA MATELA-MALE</t>
  </si>
  <si>
    <t>Amli Ke Athar Shah</t>
  </si>
  <si>
    <t>Amli ke Athar shah Teh.Dipalpur  Distt.Okara</t>
  </si>
  <si>
    <t>water coller</t>
  </si>
  <si>
    <t>52912</t>
  </si>
  <si>
    <t>GMMS DERA BASTAN SHAH</t>
  </si>
  <si>
    <t>Dera Bastan Shah</t>
  </si>
  <si>
    <t>52916</t>
  </si>
  <si>
    <t>GMMS KALIA IBRAHIM</t>
  </si>
  <si>
    <t>Kalia Ibrahim</t>
  </si>
  <si>
    <t>Kalia Ibrahim Tehsil Depalpur</t>
  </si>
  <si>
    <t>52922</t>
  </si>
  <si>
    <t>GMMS SADAR KHANEKE</t>
  </si>
  <si>
    <t>sadar khaneke</t>
  </si>
  <si>
    <t>Kharal Kalan</t>
  </si>
  <si>
    <t>52929</t>
  </si>
  <si>
    <t>GPS BAKAR KAY MAHAR</t>
  </si>
  <si>
    <t>Bakar Ky Mahar</t>
  </si>
  <si>
    <t>baqar ky mahar</t>
  </si>
  <si>
    <t>Baqar Ky Mahar</t>
  </si>
  <si>
    <t>9442</t>
  </si>
  <si>
    <t>52931</t>
  </si>
  <si>
    <t>GMMS CHAK AHMAD KHAN KHOKHAR</t>
  </si>
  <si>
    <t>Chak Ahmed Khan</t>
  </si>
  <si>
    <t>chak ahmed khan khokhar</t>
  </si>
  <si>
    <t>Chak Ahmed Khan Khokhar</t>
  </si>
  <si>
    <t>Salma Mumtaz</t>
  </si>
  <si>
    <t>52933</t>
  </si>
  <si>
    <t>GMMS SHAKOOR ABAD BASTI</t>
  </si>
  <si>
    <t>Shkoorabad</t>
  </si>
  <si>
    <t>shkoorabad</t>
  </si>
  <si>
    <t>6665</t>
  </si>
  <si>
    <t>2444</t>
  </si>
  <si>
    <t>52943</t>
  </si>
  <si>
    <t>GMMS TARIQ ABAD</t>
  </si>
  <si>
    <t>HEAD SULMAN KEY - MALE</t>
  </si>
  <si>
    <t>Tariq abad  tahsil Depal pur  Disst    Okara</t>
  </si>
  <si>
    <t>ATIQ AHMAD</t>
  </si>
  <si>
    <t>52985</t>
  </si>
  <si>
    <t>GGHS CHAK NO. 40/D DEPALPUR</t>
  </si>
  <si>
    <t>chak no 40/d</t>
  </si>
  <si>
    <t>chak no 40/d depalpur (okara)</t>
  </si>
  <si>
    <t>40/D</t>
  </si>
  <si>
    <t>MRS AZRA SHAUKAT</t>
  </si>
  <si>
    <t>GES MOHAL MUSA KHAN</t>
  </si>
  <si>
    <t>moha mosa khan</t>
  </si>
  <si>
    <t>mohal Musa Khan</t>
  </si>
  <si>
    <t>mohal mosa khan</t>
  </si>
  <si>
    <t>Shah Yaka</t>
  </si>
  <si>
    <t>17020</t>
  </si>
  <si>
    <t>53005</t>
  </si>
  <si>
    <t>GHS MALHOO SHEIKHU KA</t>
  </si>
  <si>
    <t>Jahgira Abad</t>
  </si>
  <si>
    <t>ghs Malhoo sheikhu ka haveli lakha</t>
  </si>
  <si>
    <t>Malhoo Sheikhu Ka</t>
  </si>
  <si>
    <t>Aurang Zaib</t>
  </si>
  <si>
    <t>54038</t>
  </si>
  <si>
    <t>GGPS JHUGHIAN HAMOON</t>
  </si>
  <si>
    <t>JAITH PUR - FEMALE</t>
  </si>
  <si>
    <t>Jhugian Hamoon</t>
  </si>
  <si>
    <t>jhugian hamoon</t>
  </si>
  <si>
    <t>Rukan Pura</t>
  </si>
  <si>
    <t>Rukhsana Kalsoom</t>
  </si>
  <si>
    <t>7127</t>
  </si>
  <si>
    <t>3623</t>
  </si>
  <si>
    <t>10154</t>
  </si>
  <si>
    <t>54039</t>
  </si>
  <si>
    <t>GGPS ABADI MUHAMMAD PURA</t>
  </si>
  <si>
    <t>FAIZ ABAD - FEMALE</t>
  </si>
  <si>
    <t>Abadi Muhammad Pura</t>
  </si>
  <si>
    <t>abadi Muhammad pura, village Tahir kalan, dakkhana basirpur.</t>
  </si>
  <si>
    <t>Naila Hasan</t>
  </si>
  <si>
    <t>7370</t>
  </si>
  <si>
    <t>54264</t>
  </si>
  <si>
    <t>GGPS SARAY AMIR SINGH</t>
  </si>
  <si>
    <t>Saray Amar Singh</t>
  </si>
  <si>
    <t>govt girls primery school saray amar singh</t>
  </si>
  <si>
    <t>Saray Amar singh</t>
  </si>
  <si>
    <t>54671</t>
  </si>
  <si>
    <t>GPS RAM SARN</t>
  </si>
  <si>
    <t>Ram Sarn</t>
  </si>
  <si>
    <t>Ram sarn bawa breet haveli lakha</t>
  </si>
  <si>
    <t>Bawa Bareet</t>
  </si>
  <si>
    <t>Mudassar Ali</t>
  </si>
  <si>
    <t>18158</t>
  </si>
  <si>
    <t>25058</t>
  </si>
  <si>
    <t>GGHS PUNOWAL</t>
  </si>
  <si>
    <t>punnowal</t>
  </si>
  <si>
    <t>sheehni</t>
  </si>
  <si>
    <t>Nasreen Roshan</t>
  </si>
  <si>
    <t>8129</t>
  </si>
  <si>
    <t>25108</t>
  </si>
  <si>
    <t>GMPS PATWAL</t>
  </si>
  <si>
    <t>Patwal</t>
  </si>
  <si>
    <t>Village Patwal P/O Chaprar Tehsil and District Sialkot</t>
  </si>
  <si>
    <t>Rukhshanda Younas</t>
  </si>
  <si>
    <t>GMPS KAKRAN</t>
  </si>
  <si>
    <t>KACHI MAND - FEMALE</t>
  </si>
  <si>
    <t>Kakran</t>
  </si>
  <si>
    <t>Village kakran post office phuklian teh and sialkot</t>
  </si>
  <si>
    <t>Phuklian</t>
  </si>
  <si>
    <t>25149</t>
  </si>
  <si>
    <t>GGPS SAHONTI</t>
  </si>
  <si>
    <t>Sahonti</t>
  </si>
  <si>
    <t>village sahonti p/o kachi mand</t>
  </si>
  <si>
    <t>Anila Sadia</t>
  </si>
  <si>
    <t>25178</t>
  </si>
  <si>
    <t>GGPS NIZAM ABAD</t>
  </si>
  <si>
    <t>CITY - FEMALE</t>
  </si>
  <si>
    <t>GGPS NIZAMABAD</t>
  </si>
  <si>
    <t>Shafi Da Batha</t>
  </si>
  <si>
    <t>Pindi Aarain</t>
  </si>
  <si>
    <t>Maryam Shoukat</t>
  </si>
  <si>
    <t>44585</t>
  </si>
  <si>
    <t>53883</t>
  </si>
  <si>
    <t>44354</t>
  </si>
  <si>
    <t>47716</t>
  </si>
  <si>
    <t>25219</t>
  </si>
  <si>
    <t>GMPS GHATO RORA</t>
  </si>
  <si>
    <t>Ghatorora</t>
  </si>
  <si>
    <t>village ghatorora p.o ladhar teh &amp; sialkot</t>
  </si>
  <si>
    <t>Ghatorara</t>
  </si>
  <si>
    <t>Tanzeela Riaz</t>
  </si>
  <si>
    <t>2078</t>
  </si>
  <si>
    <t>19675</t>
  </si>
  <si>
    <t>25313</t>
  </si>
  <si>
    <t>GPS MC HAJI PURA</t>
  </si>
  <si>
    <t>CORPORATION - MALE</t>
  </si>
  <si>
    <t>Haji Pura Sialkot</t>
  </si>
  <si>
    <t>govt m c p  school  haji pura sialkot</t>
  </si>
  <si>
    <t>Haji pura Bun Sialkot</t>
  </si>
  <si>
    <t>9617</t>
  </si>
  <si>
    <t>25315</t>
  </si>
  <si>
    <t>GPS MC RANGPURA</t>
  </si>
  <si>
    <t>43227</t>
  </si>
  <si>
    <t>38377</t>
  </si>
  <si>
    <t>GHS MAJRA</t>
  </si>
  <si>
    <t>majra</t>
  </si>
  <si>
    <t>majra tehsil sambrial district sialkot</t>
  </si>
  <si>
    <t>majra kalan</t>
  </si>
  <si>
    <t>Dr Muhammad Sarfraz</t>
  </si>
  <si>
    <t>34998</t>
  </si>
  <si>
    <t>GHS KUTHIALA</t>
  </si>
  <si>
    <t>Kuthiala</t>
  </si>
  <si>
    <t>vpo kuthiala tehsil sambrial</t>
  </si>
  <si>
    <t>FAISAL MAHMOOD</t>
  </si>
  <si>
    <t>25350</t>
  </si>
  <si>
    <t>GHS BHOPAL WALA</t>
  </si>
  <si>
    <t>Bhopalwala</t>
  </si>
  <si>
    <t>bhopalwala</t>
  </si>
  <si>
    <t>MUHAMMAD NAWAZ WARRAICH</t>
  </si>
  <si>
    <t>25351</t>
  </si>
  <si>
    <t>GHS KULLOWAL</t>
  </si>
  <si>
    <t>kulluwal, sambrial, sialkot</t>
  </si>
  <si>
    <t>Mazhar Hussain Zia</t>
  </si>
  <si>
    <t>25355</t>
  </si>
  <si>
    <t>GGHS SAMBRIAL</t>
  </si>
  <si>
    <t>govt. girls high school sambrial</t>
  </si>
  <si>
    <t>Dar-us-salam</t>
  </si>
  <si>
    <t>SAJIDA SAHI</t>
  </si>
  <si>
    <t>25356</t>
  </si>
  <si>
    <t>GGHSS BEGOWALA</t>
  </si>
  <si>
    <t>Begowala</t>
  </si>
  <si>
    <t>vpo begowala sambrial sialkot</t>
  </si>
  <si>
    <t>Bgowala</t>
  </si>
  <si>
    <t>Tayyaba zareen shafqat</t>
  </si>
  <si>
    <t>25361</t>
  </si>
  <si>
    <t>GES VEROWALA</t>
  </si>
  <si>
    <t>BHOPALWALA - MALE</t>
  </si>
  <si>
    <t>verowala</t>
  </si>
  <si>
    <t>Ghulam Shabbir Cheema</t>
  </si>
  <si>
    <t>GHS JATHEKAY</t>
  </si>
  <si>
    <t>JAITHIKAY</t>
  </si>
  <si>
    <t>KHAS JAITHIKAY SAMBRIAL SIALKOT</t>
  </si>
  <si>
    <t>muhammad Khurshid Ghumman</t>
  </si>
  <si>
    <t>25379</t>
  </si>
  <si>
    <t>GGHS DOBURJI CHANDA SINGH</t>
  </si>
  <si>
    <t>Dburji Chandasingh</t>
  </si>
  <si>
    <t>dburji Chandasingh sambrial ,sialkot</t>
  </si>
  <si>
    <t>Copra</t>
  </si>
  <si>
    <t>Uzma Sanaullah</t>
  </si>
  <si>
    <t>27380</t>
  </si>
  <si>
    <t>25468</t>
  </si>
  <si>
    <t>GGHS WAN</t>
  </si>
  <si>
    <t>Wan</t>
  </si>
  <si>
    <t>govt girls high school wan, teh sambrial sialkot</t>
  </si>
  <si>
    <t>AFSAH NAWAZ</t>
  </si>
  <si>
    <t>23141</t>
  </si>
  <si>
    <t>we bring water from lake</t>
  </si>
  <si>
    <t>12034</t>
  </si>
  <si>
    <t>GMPS NAND PUR GHARBI</t>
  </si>
  <si>
    <t>Nand Pur Gharbi</t>
  </si>
  <si>
    <t>Nand Pur gharbi p/I verowala sambrial sialkot</t>
  </si>
  <si>
    <t>Rabia Rustam</t>
  </si>
  <si>
    <t>12052</t>
  </si>
  <si>
    <t>19001</t>
  </si>
  <si>
    <t>GGPS UMARKAY KALAN</t>
  </si>
  <si>
    <t>Umer Kay Kalan</t>
  </si>
  <si>
    <t>government girls primary schoolumerkay kala  tehsil sambrial district sialkot</t>
  </si>
  <si>
    <t>Iqra Hashmat</t>
  </si>
  <si>
    <t>25515</t>
  </si>
  <si>
    <t>GMPS KAKAY WALI</t>
  </si>
  <si>
    <t>KAKEWALI - FEMALE</t>
  </si>
  <si>
    <t>Kakeywali</t>
  </si>
  <si>
    <t>V.Kakeywali Sambrial</t>
  </si>
  <si>
    <t>MalkhanWala</t>
  </si>
  <si>
    <t>Ghazala Akhtar</t>
  </si>
  <si>
    <t>54480</t>
  </si>
  <si>
    <t>47980</t>
  </si>
  <si>
    <t>GMPS MALIAN WALA ARAIAN</t>
  </si>
  <si>
    <t>Malianwala Araian</t>
  </si>
  <si>
    <t>Sarankay</t>
  </si>
  <si>
    <t>Manzia Kausar</t>
  </si>
  <si>
    <t>7977</t>
  </si>
  <si>
    <t>8482</t>
  </si>
  <si>
    <t>20371</t>
  </si>
  <si>
    <t>25539</t>
  </si>
  <si>
    <t>GMPS KOT QADERDAD</t>
  </si>
  <si>
    <t>RANDHIR MORE - FEMALE</t>
  </si>
  <si>
    <t>Kot qadardad</t>
  </si>
  <si>
    <t>kot qadardad</t>
  </si>
  <si>
    <t>Kopra Kalaan</t>
  </si>
  <si>
    <t>19164</t>
  </si>
  <si>
    <t>20182</t>
  </si>
  <si>
    <t>25570</t>
  </si>
  <si>
    <t>GMPS UMARKAY KHURD</t>
  </si>
  <si>
    <t>Umerkaykhurd</t>
  </si>
  <si>
    <t>Umer k khurd</t>
  </si>
  <si>
    <t>Aqdas Riaz</t>
  </si>
  <si>
    <t>39463</t>
  </si>
  <si>
    <t>25585</t>
  </si>
  <si>
    <t>GPS DHAMIAN</t>
  </si>
  <si>
    <t>Dhamian</t>
  </si>
  <si>
    <t>moza dhamian village dhamian teh. samberyal distt, sialkot</t>
  </si>
  <si>
    <t>Sarankey</t>
  </si>
  <si>
    <t>Yasir Altaf</t>
  </si>
  <si>
    <t>11169</t>
  </si>
  <si>
    <t>GGPS DADU WALI</t>
  </si>
  <si>
    <t>Daduwali</t>
  </si>
  <si>
    <t>village daduwali tehsil sambrial distt sialkot</t>
  </si>
  <si>
    <t>Hafiza Zainab Arshad</t>
  </si>
  <si>
    <t>40576</t>
  </si>
  <si>
    <t>25595</t>
  </si>
  <si>
    <t>GHS NAROWAL</t>
  </si>
  <si>
    <t>circular road narowal</t>
  </si>
  <si>
    <t>174080</t>
  </si>
  <si>
    <t>25596</t>
  </si>
  <si>
    <t>GHS MUSLIM NAROWAL</t>
  </si>
  <si>
    <t>Govt.muslim High School Narowal</t>
  </si>
  <si>
    <t>Narowal City</t>
  </si>
  <si>
    <t>Zahid  Mehmood</t>
  </si>
  <si>
    <t>25598</t>
  </si>
  <si>
    <t>GHS JASSAR</t>
  </si>
  <si>
    <t>Jassar</t>
  </si>
  <si>
    <t>jassar Teh narowal district Narowal</t>
  </si>
  <si>
    <t>6455</t>
  </si>
  <si>
    <t>25599</t>
  </si>
  <si>
    <t>GHS DOMALA</t>
  </si>
  <si>
    <t>domala</t>
  </si>
  <si>
    <t>VPO DOMALA TEHSIL AND DISTT. NAROWAL</t>
  </si>
  <si>
    <t>DOMALA</t>
  </si>
  <si>
    <t>Arshad ali Buttar</t>
  </si>
  <si>
    <t>25606</t>
  </si>
  <si>
    <t>GHS CHANDERKE MONGOLEY</t>
  </si>
  <si>
    <t>Chanderke Mangoley</t>
  </si>
  <si>
    <t>village and post office chanderke mangoley, tehsil and district narowal</t>
  </si>
  <si>
    <t>Mangoley</t>
  </si>
  <si>
    <t>Ali Ahmad Basra</t>
  </si>
  <si>
    <t>18371</t>
  </si>
  <si>
    <t>54704</t>
  </si>
  <si>
    <t>25619</t>
  </si>
  <si>
    <t>GGHS SHAHABADIKE</t>
  </si>
  <si>
    <t>shahabdike</t>
  </si>
  <si>
    <t>Shahabdike</t>
  </si>
  <si>
    <t>Khan Khasa</t>
  </si>
  <si>
    <t>Sara Rafique</t>
  </si>
  <si>
    <t>injector</t>
  </si>
  <si>
    <t>25628</t>
  </si>
  <si>
    <t>GHS CHANDERKE RAJPUTAN</t>
  </si>
  <si>
    <t>p/o chanderke rajputan tehsil &amp; district narowal</t>
  </si>
  <si>
    <t>Chanderke RAJPUTAN</t>
  </si>
  <si>
    <t>MUHAMMAD SAGHIR</t>
  </si>
  <si>
    <t>39687</t>
  </si>
  <si>
    <t>25636</t>
  </si>
  <si>
    <t>GHS BATHAN WALA</t>
  </si>
  <si>
    <t>village bathanwala (narowal)</t>
  </si>
  <si>
    <t>25639</t>
  </si>
  <si>
    <t>GHS KHOKHAR WALI</t>
  </si>
  <si>
    <t>khokharwali</t>
  </si>
  <si>
    <t>chandarkemangoley</t>
  </si>
  <si>
    <t>47009</t>
  </si>
  <si>
    <t>53414</t>
  </si>
  <si>
    <t>25165</t>
  </si>
  <si>
    <t>GES KULLAH MANDIALA</t>
  </si>
  <si>
    <t>BADDOMALHI-MALE</t>
  </si>
  <si>
    <t>Kullah Mundyallah</t>
  </si>
  <si>
    <t>Village kullah mandiala Uc Bhainuan</t>
  </si>
  <si>
    <t>Bhainuan</t>
  </si>
  <si>
    <t>18749</t>
  </si>
  <si>
    <t>44313</t>
  </si>
  <si>
    <t>44042</t>
  </si>
  <si>
    <t>25657</t>
  </si>
  <si>
    <t>GGHS CHANDERKE MANGOLAY</t>
  </si>
  <si>
    <t>Chanderke Mangolay</t>
  </si>
  <si>
    <t>GGHS chanderke mangolay</t>
  </si>
  <si>
    <t>Mangoly</t>
  </si>
  <si>
    <t>Seemab Ilyas Warraich</t>
  </si>
  <si>
    <t>25679</t>
  </si>
  <si>
    <t>GPS TULWANDI KAHLWAN</t>
  </si>
  <si>
    <t>Talwandi Kahwan</t>
  </si>
  <si>
    <t>talwandi kahwan</t>
  </si>
  <si>
    <t>Talwandi Kahlaw</t>
  </si>
  <si>
    <t>Chanderke</t>
  </si>
  <si>
    <t>Sumaira Mushtaq</t>
  </si>
  <si>
    <t>25704</t>
  </si>
  <si>
    <t>GES GHAZIWAL KHURD</t>
  </si>
  <si>
    <t>DOMALA-MALE</t>
  </si>
  <si>
    <t>Ghaziwal khurd</t>
  </si>
  <si>
    <t>GhaIwal khurd</t>
  </si>
  <si>
    <t>bola bajwa</t>
  </si>
  <si>
    <t>Azhar ali</t>
  </si>
  <si>
    <t>GHS BOLA BAJWA</t>
  </si>
  <si>
    <t>BOLA BAJWA</t>
  </si>
  <si>
    <t>VILLAGE BOLA BAJWA  P/O KHAS BOLA BAJWA TEH &amp; DISTT NAROWAL.</t>
  </si>
  <si>
    <t>MUHAMMAD AZEEM</t>
  </si>
  <si>
    <t>25763</t>
  </si>
  <si>
    <t>GGHS MALOKEY</t>
  </si>
  <si>
    <t>Malokey</t>
  </si>
  <si>
    <t>malokey p/o same teh &amp; narowal</t>
  </si>
  <si>
    <t>Maddo</t>
  </si>
  <si>
    <t>Rahat Nazir</t>
  </si>
  <si>
    <t>GGES TALWANDI KAHLWAN</t>
  </si>
  <si>
    <t>Talwandi Kahlowan</t>
  </si>
  <si>
    <t>Talwandi kahlowan.P/o kanjrur. teh.NWL Distt.NWL</t>
  </si>
  <si>
    <t>Talwandikahlowan</t>
  </si>
  <si>
    <t>ChanderkayRajputan</t>
  </si>
  <si>
    <t>Sanum Manzoor</t>
  </si>
  <si>
    <t>11756</t>
  </si>
  <si>
    <t>46026</t>
  </si>
  <si>
    <t>25906</t>
  </si>
  <si>
    <t>GGPS TATLY</t>
  </si>
  <si>
    <t>Tatlay</t>
  </si>
  <si>
    <t>village tatlay near tatlay pull markaz talwandi bhindran, Narowal</t>
  </si>
  <si>
    <t>Nidokay</t>
  </si>
  <si>
    <t>Rabia Fiaz</t>
  </si>
  <si>
    <t>26165</t>
  </si>
  <si>
    <t>24611</t>
  </si>
  <si>
    <t>25914</t>
  </si>
  <si>
    <t>GGPS LUDDHER BE-CHARAGH</t>
  </si>
  <si>
    <t>Ludhar Be Charagh</t>
  </si>
  <si>
    <t>village ludhar be charagh post office pakhoke</t>
  </si>
  <si>
    <t>Itrat Pervaiz</t>
  </si>
  <si>
    <t>51827</t>
  </si>
  <si>
    <t>GGPS LALAY WALI</t>
  </si>
  <si>
    <t>Behnian</t>
  </si>
  <si>
    <t>Madiha Rabani</t>
  </si>
  <si>
    <t>29845</t>
  </si>
  <si>
    <t>24704</t>
  </si>
  <si>
    <t>25947</t>
  </si>
  <si>
    <t>GPS BUTTER</t>
  </si>
  <si>
    <t>buttar p/o kotli Muhammad siddique tehsil&amp;distt narowal</t>
  </si>
  <si>
    <t>Muhammad Mudassar</t>
  </si>
  <si>
    <t>25949</t>
  </si>
  <si>
    <t>GPS SEKHWAN</t>
  </si>
  <si>
    <t>Sekhwan</t>
  </si>
  <si>
    <t>sekhwan</t>
  </si>
  <si>
    <t>Muhammad  Sultan</t>
  </si>
  <si>
    <t>30250</t>
  </si>
  <si>
    <t>21005</t>
  </si>
  <si>
    <t>29101</t>
  </si>
  <si>
    <t>GPS NARING WALI</t>
  </si>
  <si>
    <t>Naring Wali</t>
  </si>
  <si>
    <t>Government Primary School Naring Wali</t>
  </si>
  <si>
    <t>Fleez Pur</t>
  </si>
  <si>
    <t>11799</t>
  </si>
  <si>
    <t>33799</t>
  </si>
  <si>
    <t>25971</t>
  </si>
  <si>
    <t>GPS OTHIAN</t>
  </si>
  <si>
    <t>25997</t>
  </si>
  <si>
    <t>GHS GUMTALA</t>
  </si>
  <si>
    <t>GUMTALA</t>
  </si>
  <si>
    <t>VILLAGE: GUMTALA P/O GUMTALA TEHSIL: SHAKARGARH DISTRICT: NAROWAL</t>
  </si>
  <si>
    <t>7759</t>
  </si>
  <si>
    <t>38124</t>
  </si>
  <si>
    <t>26026</t>
  </si>
  <si>
    <t>GGHS IKHLAS PUR</t>
  </si>
  <si>
    <t>ikhlaspur</t>
  </si>
  <si>
    <t>Tasneem Iqbal</t>
  </si>
  <si>
    <t>47119</t>
  </si>
  <si>
    <t>GGES BAHBRA GUJRAN</t>
  </si>
  <si>
    <t>Bhabra Gujran</t>
  </si>
  <si>
    <t>Govt Girls Elementary School Bhabra Gujran</t>
  </si>
  <si>
    <t>26050</t>
  </si>
  <si>
    <t>GGES KOTLA AFGHANAN</t>
  </si>
  <si>
    <t>kotla afghanan post office kanjrur tehsil shakargarh distt. narowal</t>
  </si>
  <si>
    <t>26055</t>
  </si>
  <si>
    <t>GGHS SURRIA GUJRAN</t>
  </si>
  <si>
    <t>GGHS sarriya gujran</t>
  </si>
  <si>
    <t>Sarriya Gujran</t>
  </si>
  <si>
    <t>GGHS SATOWAL</t>
  </si>
  <si>
    <t>satowal</t>
  </si>
  <si>
    <t>GGHS Satowal   teh  skg</t>
  </si>
  <si>
    <t>langh</t>
  </si>
  <si>
    <t>Amira Ansar</t>
  </si>
  <si>
    <t>11676</t>
  </si>
  <si>
    <t>26086</t>
  </si>
  <si>
    <t>GES CHHLAHA</t>
  </si>
  <si>
    <t>IKHLAS PUR - MALE</t>
  </si>
  <si>
    <t>Chhalla</t>
  </si>
  <si>
    <t>village challa, tehsil shakargarh.</t>
  </si>
  <si>
    <t>challa</t>
  </si>
  <si>
    <t>chhalla</t>
  </si>
  <si>
    <t>26097</t>
  </si>
  <si>
    <t>GMPS CHAK QAZIAN</t>
  </si>
  <si>
    <t>MASROOR - FEMALE</t>
  </si>
  <si>
    <t>Chak qazian</t>
  </si>
  <si>
    <t>Post office masroor village chak qazian</t>
  </si>
  <si>
    <t>Masroor</t>
  </si>
  <si>
    <t>muhammad Ilyas</t>
  </si>
  <si>
    <t>37697</t>
  </si>
  <si>
    <t>26113</t>
  </si>
  <si>
    <t>GPS JUTWAL GUJRAN</t>
  </si>
  <si>
    <t>Jatwal Gujjran</t>
  </si>
  <si>
    <t>jutwal gujran thsile shakargarh</t>
  </si>
  <si>
    <t>Jatwal Gujran</t>
  </si>
  <si>
    <t>Shafqat Ali</t>
  </si>
  <si>
    <t>26121</t>
  </si>
  <si>
    <t>GPS SHAH GHRIB</t>
  </si>
  <si>
    <t>Shah Ghareeb</t>
  </si>
  <si>
    <t>shahghareeb</t>
  </si>
  <si>
    <t>Muhammad Tanveer Jabbar</t>
  </si>
  <si>
    <t>26125</t>
  </si>
  <si>
    <t>GPS MANDIALA</t>
  </si>
  <si>
    <t>SHAH GHARIB NO.1 - MALE</t>
  </si>
  <si>
    <t>Village Mandiala p/o kanjrur tehsil shakagarh district Narowal</t>
  </si>
  <si>
    <t>26162</t>
  </si>
  <si>
    <t>GPS DHADWAL</t>
  </si>
  <si>
    <t>KOT NAINAN - MALE</t>
  </si>
  <si>
    <t>Dhadwal</t>
  </si>
  <si>
    <t>Dhadwal p/o Kot Nainan Shakar Garh NWL</t>
  </si>
  <si>
    <t>Kot Nainan</t>
  </si>
  <si>
    <t>Amar Hussain</t>
  </si>
  <si>
    <t>17530</t>
  </si>
  <si>
    <t>GES MANZOOR PURA</t>
  </si>
  <si>
    <t>Manzoorpura plat p/o kanjrur teh.shakargarh dist narowal</t>
  </si>
  <si>
    <t>Manzoorpura plat</t>
  </si>
  <si>
    <t>SALAMAT ALI</t>
  </si>
  <si>
    <t>10873</t>
  </si>
  <si>
    <t>17906</t>
  </si>
  <si>
    <t>26216</t>
  </si>
  <si>
    <t>GES DODHA</t>
  </si>
  <si>
    <t>Dodha</t>
  </si>
  <si>
    <t>37586</t>
  </si>
  <si>
    <t>26269</t>
  </si>
  <si>
    <t>GGPS PHALWARI</t>
  </si>
  <si>
    <t>Phalwari</t>
  </si>
  <si>
    <t>village phalwari post office shakargarh district narowal</t>
  </si>
  <si>
    <t>Jamila Kosar</t>
  </si>
  <si>
    <t>GGPS SOHAWARA</t>
  </si>
  <si>
    <t>Govt Girls Primary School Sohawara</t>
  </si>
  <si>
    <t>Sohawra</t>
  </si>
  <si>
    <t>Sadia Basheer</t>
  </si>
  <si>
    <t>GGPS CHAK BOOPA</t>
  </si>
  <si>
    <t>KOT NAINAN - FEMALE</t>
  </si>
  <si>
    <t>Chak Bhopa</t>
  </si>
  <si>
    <t>chak bhopa tehsil shakargarh</t>
  </si>
  <si>
    <t>Tayba Khanum</t>
  </si>
  <si>
    <t>48446</t>
  </si>
  <si>
    <t>26327</t>
  </si>
  <si>
    <t>GGPS TARAIL</t>
  </si>
  <si>
    <t>Trail</t>
  </si>
  <si>
    <t>kotnaina pind trail</t>
  </si>
  <si>
    <t>Kot Naina</t>
  </si>
  <si>
    <t>26362</t>
  </si>
  <si>
    <t>GGPS SARAJ</t>
  </si>
  <si>
    <t>siraj</t>
  </si>
  <si>
    <t>siraj p/o noorkot tehsil shakargarh fist narowal</t>
  </si>
  <si>
    <t>kallah</t>
  </si>
  <si>
    <t>Sadia Tahira</t>
  </si>
  <si>
    <t>26365</t>
  </si>
  <si>
    <t>GGPS KOTLI JATTAN</t>
  </si>
  <si>
    <t>village kotli jattan</t>
  </si>
  <si>
    <t>Aneela Akram</t>
  </si>
  <si>
    <t>26383</t>
  </si>
  <si>
    <t>GGPS FAZAL PUR</t>
  </si>
  <si>
    <t>MIR PUR-FEMALE</t>
  </si>
  <si>
    <t>Fazalpur</t>
  </si>
  <si>
    <t>vilage fazalpur p.o kanjror tehsil skhragarh distrct narowal</t>
  </si>
  <si>
    <t>Mailusailu</t>
  </si>
  <si>
    <t>Asia Khatoon</t>
  </si>
  <si>
    <t>GGPS ZAKRIA</t>
  </si>
  <si>
    <t>Zakria</t>
  </si>
  <si>
    <t>GGPS Zakria masroor, shakargarh</t>
  </si>
  <si>
    <t>54241</t>
  </si>
  <si>
    <t>26423</t>
  </si>
  <si>
    <t>GGPS TALWARA</t>
  </si>
  <si>
    <t>Talwara</t>
  </si>
  <si>
    <t>talawara p/o satowal teh shakargarh dist narowal</t>
  </si>
  <si>
    <t>Langan</t>
  </si>
  <si>
    <t>Zobia Ashraf</t>
  </si>
  <si>
    <t>26429</t>
  </si>
  <si>
    <t>GGMPS BHAWANI PUR</t>
  </si>
  <si>
    <t>Bhawanipur</t>
  </si>
  <si>
    <t>Village Bhawanipur p\ o Kanjrur Tehsil Shakargarh District Narowal.</t>
  </si>
  <si>
    <t>Malu Salu</t>
  </si>
  <si>
    <t>Tayyaba Sarwar</t>
  </si>
  <si>
    <t>26436</t>
  </si>
  <si>
    <t>GGPS MANPUR</t>
  </si>
  <si>
    <t>Manpur</t>
  </si>
  <si>
    <t>Village Manpur p/o Bastan tehsil Shakargarh district Narowal</t>
  </si>
  <si>
    <t>Naveeda Sharif</t>
  </si>
  <si>
    <t>43863</t>
  </si>
  <si>
    <t>GGPS KOTLI QANOOGO</t>
  </si>
  <si>
    <t>Kotli qanogoi</t>
  </si>
  <si>
    <t>Kotli qanogoi Teh Skg dist. Narowal</t>
  </si>
  <si>
    <t>Zanib B B</t>
  </si>
  <si>
    <t>28754</t>
  </si>
  <si>
    <t>26456</t>
  </si>
  <si>
    <t>GGMPS BLO KHANTANA</t>
  </si>
  <si>
    <t>Ballokhtana</t>
  </si>
  <si>
    <t>Ballokhtana p/o babral tehsil shakargarh</t>
  </si>
  <si>
    <t>Waqar Un Nisa</t>
  </si>
  <si>
    <t>26484</t>
  </si>
  <si>
    <t>GGPS KOT BACHNA</t>
  </si>
  <si>
    <t>Kot Bachna</t>
  </si>
  <si>
    <t>Kot bachna</t>
  </si>
  <si>
    <t>Langha</t>
  </si>
  <si>
    <t>Bushra Firdous</t>
  </si>
  <si>
    <t>6058</t>
  </si>
  <si>
    <t>26487</t>
  </si>
  <si>
    <t>GPS JHANGARWAN</t>
  </si>
  <si>
    <t>CHHAMAL-MALE</t>
  </si>
  <si>
    <t>Jhangarwan</t>
  </si>
  <si>
    <t>Village jhangarwan post office shahpur bhangu</t>
  </si>
  <si>
    <t>Nyla Tufail</t>
  </si>
  <si>
    <t>GPS GHONA</t>
  </si>
  <si>
    <t>vill,Ghona,p/o shah ghareeb,teh shakar gharh,dist Narowal</t>
  </si>
  <si>
    <t>Musarat Shaheen</t>
  </si>
  <si>
    <t>45819</t>
  </si>
  <si>
    <t>26508</t>
  </si>
  <si>
    <t>GGMPS GUJRAT</t>
  </si>
  <si>
    <t>village gujrat teh shakargarh dist.narowal.p.o pindi umra</t>
  </si>
  <si>
    <t>Rashida Amanat</t>
  </si>
  <si>
    <t>33684</t>
  </si>
  <si>
    <t>GPS KAKKAY WALI</t>
  </si>
  <si>
    <t>Kakkaywali</t>
  </si>
  <si>
    <t>kakkaywali P/O kanjroor</t>
  </si>
  <si>
    <t>Kakkaywli</t>
  </si>
  <si>
    <t>Shabeer  Hussain</t>
  </si>
  <si>
    <t>26524</t>
  </si>
  <si>
    <t>GHS AHAL GHUMANAN</t>
  </si>
  <si>
    <t>Ahal Ghumnan</t>
  </si>
  <si>
    <t>ahal ghumnan post office same</t>
  </si>
  <si>
    <t>zahid pervaiz</t>
  </si>
  <si>
    <t>2189</t>
  </si>
  <si>
    <t>GPS DERA KATU ANA</t>
  </si>
  <si>
    <t>SHEIKHUPURA-V- MALE</t>
  </si>
  <si>
    <t>kalokey</t>
  </si>
  <si>
    <t>GPS dera katu ana kalokey</t>
  </si>
  <si>
    <t>katu ana</t>
  </si>
  <si>
    <t>32458</t>
  </si>
  <si>
    <t>GGPS HIGHWAY COLONY</t>
  </si>
  <si>
    <t>Highway Colony</t>
  </si>
  <si>
    <t>GGPS Highway Colony</t>
  </si>
  <si>
    <t>Highway Colony city</t>
  </si>
  <si>
    <t>Urban-21</t>
  </si>
  <si>
    <t>Nusrat Shakeela</t>
  </si>
  <si>
    <t>32461</t>
  </si>
  <si>
    <t>GGPS BAR YARAN WALA</t>
  </si>
  <si>
    <t>Baryaranwala</t>
  </si>
  <si>
    <t>Baryaranwala p/o Bhikhi T&amp;D Sheikhupura</t>
  </si>
  <si>
    <t>Tanzeela Irshad</t>
  </si>
  <si>
    <t>54612</t>
  </si>
  <si>
    <t>GGPS JAHANGIR PURA</t>
  </si>
  <si>
    <t>Mirza Virka</t>
  </si>
  <si>
    <t>jahangir pura p\o mirzan virkan</t>
  </si>
  <si>
    <t>Jahangir Pura</t>
  </si>
  <si>
    <t>Ambreen Neelam</t>
  </si>
  <si>
    <t>32481</t>
  </si>
  <si>
    <t>GGHSS SHARAQPUR</t>
  </si>
  <si>
    <t>SALMA ANWAR</t>
  </si>
  <si>
    <t>5023</t>
  </si>
  <si>
    <t>32489</t>
  </si>
  <si>
    <t>GGHS KOT MAHMOOD</t>
  </si>
  <si>
    <t>KOT MAHMOOD</t>
  </si>
  <si>
    <t>kot Mahmood tehsil sharaqpur SKP</t>
  </si>
  <si>
    <t>Kot Mahmood</t>
  </si>
  <si>
    <t>Mamoona Khatoon</t>
  </si>
  <si>
    <t>GHS SHARAQPUR MAIN ROAD</t>
  </si>
  <si>
    <t>Sharaqpur</t>
  </si>
  <si>
    <t>sharaqpur sharif, teh Sharaqpur distt SKP</t>
  </si>
  <si>
    <t>Sarfraz Ahmad</t>
  </si>
  <si>
    <t>GES ROHRA</t>
  </si>
  <si>
    <t>SHARAQPUR-III - MALE</t>
  </si>
  <si>
    <t>ROhra</t>
  </si>
  <si>
    <t>Nadar Labana</t>
  </si>
  <si>
    <t>Shahid Qamar</t>
  </si>
  <si>
    <t>50601</t>
  </si>
  <si>
    <t>14918</t>
  </si>
  <si>
    <t>32623</t>
  </si>
  <si>
    <t>32511</t>
  </si>
  <si>
    <t>GES TREDDAY WALI</t>
  </si>
  <si>
    <t>treddy wali</t>
  </si>
  <si>
    <t>GES treddy wali</t>
  </si>
  <si>
    <t>mandiwala</t>
  </si>
  <si>
    <t>32512</t>
  </si>
  <si>
    <t>GPS KHERA</t>
  </si>
  <si>
    <t>Khera</t>
  </si>
  <si>
    <t>khera p/o chack no 17u.c.c tehsil shariqpur district sheikhupura</t>
  </si>
  <si>
    <t>Marh Bangwn</t>
  </si>
  <si>
    <t>Ehsan ULLAH</t>
  </si>
  <si>
    <t>32516</t>
  </si>
  <si>
    <t>GPS RAJIAN BHANGWAN</t>
  </si>
  <si>
    <t>Rajian Bhungwan</t>
  </si>
  <si>
    <t>Village: Rajian Bhungwan</t>
  </si>
  <si>
    <t>15472</t>
  </si>
  <si>
    <t>GPS DHAMKEY</t>
  </si>
  <si>
    <t>Dhamkey</t>
  </si>
  <si>
    <t>Village Dhamkey p/o Dhamkey Teh: Sharaqpur Disst: Sheikhura</t>
  </si>
  <si>
    <t>Naveed Abid</t>
  </si>
  <si>
    <t>32567</t>
  </si>
  <si>
    <t>GPS MAHTAM</t>
  </si>
  <si>
    <t>Mahtam</t>
  </si>
  <si>
    <t>Village Mahtam Tehsil &amp; Post Office Sharaqpur District Sheikhupura</t>
  </si>
  <si>
    <t>Tredawali</t>
  </si>
  <si>
    <t>32575</t>
  </si>
  <si>
    <t>GGPS GOHAR PUR SANI</t>
  </si>
  <si>
    <t>Sharaqpur Sharif</t>
  </si>
  <si>
    <t>ghorpur shani</t>
  </si>
  <si>
    <t>Ghorpur Shani</t>
  </si>
  <si>
    <t>Noreen Akhtar</t>
  </si>
  <si>
    <t>GGPS NAWAN KOT</t>
  </si>
  <si>
    <t>village Nawan kot Teh:Sharaqpur Dist: Sheikhupura</t>
  </si>
  <si>
    <t>Faizpur Kalan</t>
  </si>
  <si>
    <t>Bushra Shafi</t>
  </si>
  <si>
    <t>32587</t>
  </si>
  <si>
    <t>GGPS SIKHAN WALA</t>
  </si>
  <si>
    <t>GGPS sukhawala</t>
  </si>
  <si>
    <t>Sukhanwala</t>
  </si>
  <si>
    <t>Sadia Tufail</t>
  </si>
  <si>
    <t>40709</t>
  </si>
  <si>
    <t>32615</t>
  </si>
  <si>
    <t>GMMS MEER PUR</t>
  </si>
  <si>
    <t>Meerpur</t>
  </si>
  <si>
    <t>vill meerpur po dhamkey tehsil sharqpur DST sheikhupura</t>
  </si>
  <si>
    <t>Abrar Adil</t>
  </si>
  <si>
    <t>54789</t>
  </si>
  <si>
    <t>GGPS DERA DHERTHAN</t>
  </si>
  <si>
    <t>Dera Dhertan</t>
  </si>
  <si>
    <t>GGPS dera dhertan</t>
  </si>
  <si>
    <t>Salar Bhatian</t>
  </si>
  <si>
    <t>Rabia Irshad</t>
  </si>
  <si>
    <t>32639</t>
  </si>
  <si>
    <t>GHS MANGU TARU</t>
  </si>
  <si>
    <t>kot Bini das</t>
  </si>
  <si>
    <t>village mangu taru  p/o same nns</t>
  </si>
  <si>
    <t>mangu taru</t>
  </si>
  <si>
    <t>kot bini das</t>
  </si>
  <si>
    <t>waseem Akram</t>
  </si>
  <si>
    <t>3902</t>
  </si>
  <si>
    <t>6195</t>
  </si>
  <si>
    <t>GGHS MARTON PUR</t>
  </si>
  <si>
    <t>Martinpur</t>
  </si>
  <si>
    <t>Chak 371 Martinpur  Tehsil and District Nankana Sahib</t>
  </si>
  <si>
    <t>Mehwish Amanat</t>
  </si>
  <si>
    <t>32675</t>
  </si>
  <si>
    <t>GHS TECH KOT HUSSAIN KHAN</t>
  </si>
  <si>
    <t>KOT HUSSAIN KHAN</t>
  </si>
  <si>
    <t>VILLAGE KOT HUSSAIN KHAN TEH &amp; DISTRICT NANKANA SAHIB</t>
  </si>
  <si>
    <t>SYED ASAD UL HUSSNAIN</t>
  </si>
  <si>
    <t>44136</t>
  </si>
  <si>
    <t>32679</t>
  </si>
  <si>
    <t>GES NABI PUR PIRAN</t>
  </si>
  <si>
    <t>NABI PUR PIRAN-MALE</t>
  </si>
  <si>
    <t>Nabi Pur piran</t>
  </si>
  <si>
    <t>Nabi pur piran nankana sahib</t>
  </si>
  <si>
    <t>Nabi pur piran</t>
  </si>
  <si>
    <t>nabi pur piran</t>
  </si>
  <si>
    <t>GHS SYED WALA NANKANA</t>
  </si>
  <si>
    <t>colleges road Syed Wala tehsil and distt nankana sahib</t>
  </si>
  <si>
    <t>askar ali asghar</t>
  </si>
  <si>
    <t>41442</t>
  </si>
  <si>
    <t>49079</t>
  </si>
  <si>
    <t>32718</t>
  </si>
  <si>
    <t>GGHS CHAK 14/66</t>
  </si>
  <si>
    <t>chak no 14/66 NNS</t>
  </si>
  <si>
    <t>Chak No 14/66</t>
  </si>
  <si>
    <t>Malka Haji</t>
  </si>
  <si>
    <t>Shaista Ijaz</t>
  </si>
  <si>
    <t>35730</t>
  </si>
  <si>
    <t>32776</t>
  </si>
  <si>
    <t>GPS THATHA NAZIRIAN</t>
  </si>
  <si>
    <t>Thatha nazarian</t>
  </si>
  <si>
    <t>Thatha nazarian  post office Mandi Faizabad NNS</t>
  </si>
  <si>
    <t>14260</t>
  </si>
  <si>
    <t>13064</t>
  </si>
  <si>
    <t>32856</t>
  </si>
  <si>
    <t>GPS CHANDAR NAGAR GHARBI</t>
  </si>
  <si>
    <t>BAGGA CHAK NO.2-MALE</t>
  </si>
  <si>
    <t>Chak No 2</t>
  </si>
  <si>
    <t>chandar nagar gharbi</t>
  </si>
  <si>
    <t>Chandar Nagar Gharbi</t>
  </si>
  <si>
    <t>Chak 5</t>
  </si>
  <si>
    <t>32864</t>
  </si>
  <si>
    <t>GPS MEHER PUR</t>
  </si>
  <si>
    <t>Mehar Pur P/O Syedwala Teh &amp; Distt Nankana</t>
  </si>
  <si>
    <t>32865</t>
  </si>
  <si>
    <t>GPS MEMON SYED WALA</t>
  </si>
  <si>
    <t>Memon</t>
  </si>
  <si>
    <t>GPS memon markz syedwala the &amp;  Distt  Nankan</t>
  </si>
  <si>
    <t>ghulam hussain</t>
  </si>
  <si>
    <t>102274</t>
  </si>
  <si>
    <t>32871</t>
  </si>
  <si>
    <t>GPS HABOKE ZAREEN</t>
  </si>
  <si>
    <t>Haiboke Zareen</t>
  </si>
  <si>
    <t>Haboke zareen tehsil&amp;district nankana sahib.</t>
  </si>
  <si>
    <t>GPS QILA BAHAMAN SINGH</t>
  </si>
  <si>
    <t>Qila Bhama Singh</t>
  </si>
  <si>
    <t>Mozia Qila Bhama Singh P/O 63/10 Tehsil and district Nankana</t>
  </si>
  <si>
    <t>Zahid ali</t>
  </si>
  <si>
    <t>19441</t>
  </si>
  <si>
    <t>32941</t>
  </si>
  <si>
    <t>GMPS BAWARAY</t>
  </si>
  <si>
    <t>BUCHEKI - FEMALE</t>
  </si>
  <si>
    <t>Bawaray</t>
  </si>
  <si>
    <t>main bazaar bucheki</t>
  </si>
  <si>
    <t>GMPS MALIK ABAD</t>
  </si>
  <si>
    <t>Malik Abad</t>
  </si>
  <si>
    <t>malik abad</t>
  </si>
  <si>
    <t>Natha</t>
  </si>
  <si>
    <t>31030</t>
  </si>
  <si>
    <t>30714</t>
  </si>
  <si>
    <t>GPS GANGA PUR</t>
  </si>
  <si>
    <t>Ganga Pur</t>
  </si>
  <si>
    <t>Ganga pur Markaz mangta wala tehsil &amp; dist Nankana sahab</t>
  </si>
  <si>
    <t>Buchikipar</t>
  </si>
  <si>
    <t>13170</t>
  </si>
  <si>
    <t>33007</t>
  </si>
  <si>
    <t>dhuddian near more khunda</t>
  </si>
  <si>
    <t>Salim Pur Pacca</t>
  </si>
  <si>
    <t>Ishrat Ashraf</t>
  </si>
  <si>
    <t>7291</t>
  </si>
  <si>
    <t>33012</t>
  </si>
  <si>
    <t>GMPS MODEL NALI WALA</t>
  </si>
  <si>
    <t>NANKANA SHARQI - FEMALE</t>
  </si>
  <si>
    <t>Govt. girls P.S Naliwala</t>
  </si>
  <si>
    <t>Naliwala</t>
  </si>
  <si>
    <t>Dherey Da Wara</t>
  </si>
  <si>
    <t>42978</t>
  </si>
  <si>
    <t>33034</t>
  </si>
  <si>
    <t>GMPS KOT AHMAD KHAN</t>
  </si>
  <si>
    <t>Kot Ahmed</t>
  </si>
  <si>
    <t>Village Kot Ahmed Nankana Sahib</t>
  </si>
  <si>
    <t>Kot ahmed</t>
  </si>
  <si>
    <t>dhary da wara</t>
  </si>
  <si>
    <t>25226</t>
  </si>
  <si>
    <t>33058</t>
  </si>
  <si>
    <t>GGPS RAJAB</t>
  </si>
  <si>
    <t>SYED WALA - FEMALE</t>
  </si>
  <si>
    <t>Rajab</t>
  </si>
  <si>
    <t>RAJAB p/o Syedwala Markaz Syedwala Distt. Nankana Sahib</t>
  </si>
  <si>
    <t>17130</t>
  </si>
  <si>
    <t>5776</t>
  </si>
  <si>
    <t>33059</t>
  </si>
  <si>
    <t>GGPS CHAK 11/64</t>
  </si>
  <si>
    <t>SYED WALA (EAST) - FEMALE</t>
  </si>
  <si>
    <t>Syed Wala</t>
  </si>
  <si>
    <t>chak 11/64</t>
  </si>
  <si>
    <t>Chak 11/64</t>
  </si>
  <si>
    <t>Hyedarbad</t>
  </si>
  <si>
    <t>12980</t>
  </si>
  <si>
    <t>33067</t>
  </si>
  <si>
    <t>GGPS MODEL JARNAIL WALA</t>
  </si>
  <si>
    <t>WARBURTON - FEMALE</t>
  </si>
  <si>
    <t>Jernail Wala</t>
  </si>
  <si>
    <t>Warburton</t>
  </si>
  <si>
    <t>37 Jaslani</t>
  </si>
  <si>
    <t>Shazia Fatima</t>
  </si>
  <si>
    <t>17850</t>
  </si>
  <si>
    <t>11453</t>
  </si>
  <si>
    <t>33070</t>
  </si>
  <si>
    <t>GGPS BAGHTERA</t>
  </si>
  <si>
    <t>Chak no 576 baghtera</t>
  </si>
  <si>
    <t>Baghtera</t>
  </si>
  <si>
    <t>Warburton Gaon</t>
  </si>
  <si>
    <t>33074</t>
  </si>
  <si>
    <t>Tahli wala</t>
  </si>
  <si>
    <t>Miran Pure</t>
  </si>
  <si>
    <t>53353</t>
  </si>
  <si>
    <t>33075</t>
  </si>
  <si>
    <t>GGPS DOULAT PURA</t>
  </si>
  <si>
    <t>Dolat pur nankana sahib</t>
  </si>
  <si>
    <t>Tahira Ahmad</t>
  </si>
  <si>
    <t>16404</t>
  </si>
  <si>
    <t>33076</t>
  </si>
  <si>
    <t>GGPS DHOOP SARI</t>
  </si>
  <si>
    <t>ggps. dhoop  sari</t>
  </si>
  <si>
    <t>Dharay  Da Warah</t>
  </si>
  <si>
    <t>Misbah Bashir</t>
  </si>
  <si>
    <t>12930</t>
  </si>
  <si>
    <t>13464</t>
  </si>
  <si>
    <t>33088</t>
  </si>
  <si>
    <t>GGPS SHAHEEDI KOT</t>
  </si>
  <si>
    <t>BARKHURDAR-FEMALE</t>
  </si>
  <si>
    <t>Shaheedi Kot</t>
  </si>
  <si>
    <t>govt girls primary school shaheedi kot</t>
  </si>
  <si>
    <t>Shahida Mumtaz</t>
  </si>
  <si>
    <t>33095</t>
  </si>
  <si>
    <t>GGPS ZAFAR ABAD NANKANA</t>
  </si>
  <si>
    <t>NANKANA CITY 1-FEMALE</t>
  </si>
  <si>
    <t>Village Zafarabdad, Tehsil and District Nankana Sahib</t>
  </si>
  <si>
    <t>Sidra Khurshid</t>
  </si>
  <si>
    <t>33105</t>
  </si>
  <si>
    <t>Alyas Nagar</t>
  </si>
  <si>
    <t>Rufqa Rani</t>
  </si>
  <si>
    <t>7572</t>
  </si>
  <si>
    <t>33172</t>
  </si>
  <si>
    <t>GGHSS AHMAD PUR MANDI SAFDARABAD</t>
  </si>
  <si>
    <t>Safdaraad</t>
  </si>
  <si>
    <t>Govt Girls Higher Secondary School Safdaraad Tehsil Safdaraad District Sheikhupura</t>
  </si>
  <si>
    <t>Riffat Un Nissa</t>
  </si>
  <si>
    <t>33182</t>
  </si>
  <si>
    <t>GHS NAWAN PIND CHAK 78</t>
  </si>
  <si>
    <t>NAWANPIND CHAK 78/RB</t>
  </si>
  <si>
    <t>Mohammad Amjad Sharif</t>
  </si>
  <si>
    <t>48504</t>
  </si>
  <si>
    <t>33188</t>
  </si>
  <si>
    <t>GGHS ABDULLAH PUR KULAR</t>
  </si>
  <si>
    <t>Abdullah pur kolar</t>
  </si>
  <si>
    <t>abdullah pur kolar tehsil safdarabad district sheikhupura</t>
  </si>
  <si>
    <t>abdullah pur kolar</t>
  </si>
  <si>
    <t>Sajida Hussain</t>
  </si>
  <si>
    <t>40928</t>
  </si>
  <si>
    <t>33195</t>
  </si>
  <si>
    <t>GES CHAIT SINGH WALA</t>
  </si>
  <si>
    <t>Chait Singh Wala</t>
  </si>
  <si>
    <t>chait Singh Wala</t>
  </si>
  <si>
    <t>Jhandianwala</t>
  </si>
  <si>
    <t>33199</t>
  </si>
  <si>
    <t>GES A.V. SAFDARABAD</t>
  </si>
  <si>
    <t>safdarabad</t>
  </si>
  <si>
    <t>33211</t>
  </si>
  <si>
    <t>GGHS GOBIND GARH</t>
  </si>
  <si>
    <t>gghs gobind garh</t>
  </si>
  <si>
    <t>Rahat</t>
  </si>
  <si>
    <t>GPS SAWANKE</t>
  </si>
  <si>
    <t>sawanke</t>
  </si>
  <si>
    <t>Samsoon Masih</t>
  </si>
  <si>
    <t>8975</t>
  </si>
  <si>
    <t>33253</t>
  </si>
  <si>
    <t>GPS SALAR BHATTIAN</t>
  </si>
  <si>
    <t>SalarBhattian</t>
  </si>
  <si>
    <t>GPS Salar Bhattian p/o khanqah dogransafdarabad dist sheikhupura</t>
  </si>
  <si>
    <t>Zafar Ahmad Shahzada</t>
  </si>
  <si>
    <t>25771</t>
  </si>
  <si>
    <t>33263</t>
  </si>
  <si>
    <t>GPS JAND WALI</t>
  </si>
  <si>
    <t>Jand Wali</t>
  </si>
  <si>
    <t>Jand wali</t>
  </si>
  <si>
    <t>Ghulam Mohyuddin</t>
  </si>
  <si>
    <t>33266</t>
  </si>
  <si>
    <t>GES KEERA MANDI</t>
  </si>
  <si>
    <t>Kera Mandi</t>
  </si>
  <si>
    <t>elementary school keramandi</t>
  </si>
  <si>
    <t>Ch 13</t>
  </si>
  <si>
    <t>Chak 13</t>
  </si>
  <si>
    <t>33270</t>
  </si>
  <si>
    <t>GPS TARLIAWALE CHAK NO. 13/RB</t>
  </si>
  <si>
    <t>Tarlianwali</t>
  </si>
  <si>
    <t>tarlianwali chak no 13</t>
  </si>
  <si>
    <t>M Irfan</t>
  </si>
  <si>
    <t>14410</t>
  </si>
  <si>
    <t>33277</t>
  </si>
  <si>
    <t>GPS MANDIALA CHAK NO 20 RB</t>
  </si>
  <si>
    <t>Mandiala Chak no 20</t>
  </si>
  <si>
    <t>Burhan Ali</t>
  </si>
  <si>
    <t>33286</t>
  </si>
  <si>
    <t>GPS JHOK KHURD CHAK NO. 14/RB</t>
  </si>
  <si>
    <t>Jhok Khurd</t>
  </si>
  <si>
    <t>GPS jhok khurd</t>
  </si>
  <si>
    <t>Deouri</t>
  </si>
  <si>
    <t>52110</t>
  </si>
  <si>
    <t>33309</t>
  </si>
  <si>
    <t>GGPS MODEL ILLANWALI KARIAL</t>
  </si>
  <si>
    <t>Illanwali Karial</t>
  </si>
  <si>
    <t>government girl primary school Illanwali Karial</t>
  </si>
  <si>
    <t>Saba Noureen</t>
  </si>
  <si>
    <t>GGPS GILL WALA</t>
  </si>
  <si>
    <t>GILL WALA</t>
  </si>
  <si>
    <t>GILL WALA TEHSIL SAFDERABAD, SHEIKHUPURA</t>
  </si>
  <si>
    <t>JHANDAYAN WALI</t>
  </si>
  <si>
    <t>Zareena Andleeb</t>
  </si>
  <si>
    <t>GGPS KOT HAYAT KHAN</t>
  </si>
  <si>
    <t>Kot Hayat Khan</t>
  </si>
  <si>
    <t>kot hayat Khan</t>
  </si>
  <si>
    <t>Jhandia Wali</t>
  </si>
  <si>
    <t>Anam Tariq</t>
  </si>
  <si>
    <t>33331</t>
  </si>
  <si>
    <t>GGPS MODEL SAHOO WALA CHAK NO.4</t>
  </si>
  <si>
    <t>Safdrabad</t>
  </si>
  <si>
    <t>sahoowala check no 4</t>
  </si>
  <si>
    <t>Sahoowala Check No 4</t>
  </si>
  <si>
    <t>Pakeeza Ashfaq</t>
  </si>
  <si>
    <t>33368</t>
  </si>
  <si>
    <t>GHS KARTAR PURA CHAK 177/RB</t>
  </si>
  <si>
    <t>chak 177</t>
  </si>
  <si>
    <t>kartarpur chak no 177 r/B district nankana sahib</t>
  </si>
  <si>
    <t>chak no. 179 nodha</t>
  </si>
  <si>
    <t>Muhammad Ashiq</t>
  </si>
  <si>
    <t>2354</t>
  </si>
  <si>
    <t>33377</t>
  </si>
  <si>
    <t>GHS DALA NANGAL NO. 83/RB</t>
  </si>
  <si>
    <t>Dalla Nangal 83 RB</t>
  </si>
  <si>
    <t>Govt. High School Dalla Nangal Chak No 83/ RB Shahkot District Nankana Sahib</t>
  </si>
  <si>
    <t>Dalla Nangal 83 RB Tehsil Shahkot</t>
  </si>
  <si>
    <t>Rasoolpur ariyan Chak No. 82/RB</t>
  </si>
  <si>
    <t>MASUOOD ARSHAD</t>
  </si>
  <si>
    <t>23135</t>
  </si>
  <si>
    <t>22823</t>
  </si>
  <si>
    <t>33386</t>
  </si>
  <si>
    <t>GES SATHIALI KALAN NO. 25/RB</t>
  </si>
  <si>
    <t>SANGLA HILL SHARQI - MALE</t>
  </si>
  <si>
    <t>GES, Sathiali Kalan, Tehsil Sangla Hill, District Nankana Sahib</t>
  </si>
  <si>
    <t>13797</t>
  </si>
  <si>
    <t>38568</t>
  </si>
  <si>
    <t>37830</t>
  </si>
  <si>
    <t>54701</t>
  </si>
  <si>
    <t>GPS BHAGAT WALA CHAK NO 35</t>
  </si>
  <si>
    <t>Bhagat Wala</t>
  </si>
  <si>
    <t>Gps bhagat wala chak no 35/RB, Tehsile Shahkot District Nankana sahib</t>
  </si>
  <si>
    <t>Karkan Wahga</t>
  </si>
  <si>
    <t>54723</t>
  </si>
  <si>
    <t>GPS PAKHARIWAL</t>
  </si>
  <si>
    <t>Pakhariwal chak 32</t>
  </si>
  <si>
    <t>Jhugiyaan # 292</t>
  </si>
  <si>
    <t>Bushra Mushtaq</t>
  </si>
  <si>
    <t>52439</t>
  </si>
  <si>
    <t>33481</t>
  </si>
  <si>
    <t>GHS BHULLAIR 119 RB</t>
  </si>
  <si>
    <t>bhulair chak # 119/RB</t>
  </si>
  <si>
    <t>Bhulair 11/rB</t>
  </si>
  <si>
    <t>Bhulair 119/RB</t>
  </si>
  <si>
    <t>TAHIR GHAFOOR</t>
  </si>
  <si>
    <t>33483</t>
  </si>
  <si>
    <t>GHS PANDORIAN CHAK NO 122/RB</t>
  </si>
  <si>
    <t>Pandorian</t>
  </si>
  <si>
    <t>Pandorian Chak No: 122 Sangla Hill</t>
  </si>
  <si>
    <t>Pandorian Chak 122 r/b</t>
  </si>
  <si>
    <t>Muhammad Tahir Shahzad</t>
  </si>
  <si>
    <t>33504</t>
  </si>
  <si>
    <t>GGHS PANDORAIN</t>
  </si>
  <si>
    <t>Pandorian Chak No: 122 SAngla Hill</t>
  </si>
  <si>
    <t>ammara razaq</t>
  </si>
  <si>
    <t>11716</t>
  </si>
  <si>
    <t>36829</t>
  </si>
  <si>
    <t>16368</t>
  </si>
  <si>
    <t>33507</t>
  </si>
  <si>
    <t>GPS SANGLA HILL PURANA CHAPUR WARD NO. 4</t>
  </si>
  <si>
    <t>Model Town Sangla Hill</t>
  </si>
  <si>
    <t>MC Sangla Hill</t>
  </si>
  <si>
    <t>MUHAMMAD SIDDIQUE</t>
  </si>
  <si>
    <t>34958</t>
  </si>
  <si>
    <t>13887</t>
  </si>
  <si>
    <t>33564</t>
  </si>
  <si>
    <t>GGPS CHAHOOR KOTLI CHAK NO. 117/RB</t>
  </si>
  <si>
    <t>kotli</t>
  </si>
  <si>
    <t>Chahoor Muslim</t>
  </si>
  <si>
    <t>Hina Hassan</t>
  </si>
  <si>
    <t>33572</t>
  </si>
  <si>
    <t>GGPS MACHER COLONY</t>
  </si>
  <si>
    <t>macher colony</t>
  </si>
  <si>
    <t>macher colony sangla hill</t>
  </si>
  <si>
    <t>Marrar 45</t>
  </si>
  <si>
    <t>Uzma Sadia</t>
  </si>
  <si>
    <t>33579</t>
  </si>
  <si>
    <t>GHS MUSLIM PUL MOJ DARIYA OPP. SPORTS GROUND MULTAN</t>
  </si>
  <si>
    <t>Kalma Chowk Pul moj Darya</t>
  </si>
  <si>
    <t>Kalma Chowk</t>
  </si>
  <si>
    <t>Baghaya Langar Khan</t>
  </si>
  <si>
    <t>Shahida Parveen Anum</t>
  </si>
  <si>
    <t>33583</t>
  </si>
  <si>
    <t>GHS ISLAMIA HARAM GATE MULTAN</t>
  </si>
  <si>
    <t>WARD NO 49</t>
  </si>
  <si>
    <t>SHAH RISAL</t>
  </si>
  <si>
    <t>MUHAMMAD AFZAL KHAN</t>
  </si>
  <si>
    <t>GHS ATTA FAIZ-E-AAM MULTAN NEAR T.V. BOOSTER</t>
  </si>
  <si>
    <t>GHS Atta Faiz-e-Aam Near TV Booster Chowk Shah Abbas Multan</t>
  </si>
  <si>
    <t>Chowk Shah Abbas</t>
  </si>
  <si>
    <t>Gulzaib Colony</t>
  </si>
  <si>
    <t>GHS JOHAR MADINA COLONY MULTAN</t>
  </si>
  <si>
    <t>Taraf Dira</t>
  </si>
  <si>
    <t>Madina Colony Multan</t>
  </si>
  <si>
    <t>Nazimabad</t>
  </si>
  <si>
    <t>New Nazimabad</t>
  </si>
  <si>
    <t>Muhammad Naeem Tahir Khan</t>
  </si>
  <si>
    <t>14310</t>
  </si>
  <si>
    <t>Water Filtration Plant</t>
  </si>
  <si>
    <t>9579</t>
  </si>
  <si>
    <t>33602</t>
  </si>
  <si>
    <t>GHS RID P/O LAR BAHAWALPUR ROAD MULTAN</t>
  </si>
  <si>
    <t>BASTI RID</t>
  </si>
  <si>
    <t>RID</t>
  </si>
  <si>
    <t>33622</t>
  </si>
  <si>
    <t>GHSS LAB. MODEL CHUNGI NO.6  MULTAN</t>
  </si>
  <si>
    <t>Govt. Laboratory Model Higher Secondary School Chungi no.06 Bosan Road Multan</t>
  </si>
  <si>
    <t>Rana Javed Mustafa</t>
  </si>
  <si>
    <t>GHSS 40/3.R OKARA</t>
  </si>
  <si>
    <t>Chak/40/3r</t>
  </si>
  <si>
    <t>Chak40/3r</t>
  </si>
  <si>
    <t>39/3R</t>
  </si>
  <si>
    <t>GHS 51/3-R OKARA</t>
  </si>
  <si>
    <t>CHAK NO 51/3R</t>
  </si>
  <si>
    <t>CHAK NO 51/3R TEHSIL AND DISTRICT OKARA</t>
  </si>
  <si>
    <t>52/3R</t>
  </si>
  <si>
    <t>53072</t>
  </si>
  <si>
    <t>GGHSS CHAK NO.18/GD</t>
  </si>
  <si>
    <t>18/GD</t>
  </si>
  <si>
    <t>chak no 18/GD P/O  18G/D oka
T&amp;D Okara</t>
  </si>
  <si>
    <t>18GD</t>
  </si>
  <si>
    <t>53074</t>
  </si>
  <si>
    <t>GGHS SUTLEJ OKARA</t>
  </si>
  <si>
    <t>Gghs sutlej Okara</t>
  </si>
  <si>
    <t>Garden Town Okara</t>
  </si>
  <si>
    <t>razia atif</t>
  </si>
  <si>
    <t>53079</t>
  </si>
  <si>
    <t>GGHS CHAK NO. 52/2-L</t>
  </si>
  <si>
    <t>CHAK NO 52/2.L OKARA</t>
  </si>
  <si>
    <t>GGHS 52/2.L OKARA</t>
  </si>
  <si>
    <t>53114</t>
  </si>
  <si>
    <t>GGHSFateh pur</t>
  </si>
  <si>
    <t>Munaza Batool</t>
  </si>
  <si>
    <t>19896</t>
  </si>
  <si>
    <t>53122</t>
  </si>
  <si>
    <t>GGHS CHAK NO. 24/2.L</t>
  </si>
  <si>
    <t>24/2L</t>
  </si>
  <si>
    <t>24/2l RENALA KHURD DISTRICT OKARA</t>
  </si>
  <si>
    <t>24/2l</t>
  </si>
  <si>
    <t>Mubeen Akhtar</t>
  </si>
  <si>
    <t>GPS DOULAT SHAH</t>
  </si>
  <si>
    <t>Doulat Shah</t>
  </si>
  <si>
    <t>chack doulat Shah okara</t>
  </si>
  <si>
    <t>Chack Doulat Shah</t>
  </si>
  <si>
    <t>49673</t>
  </si>
  <si>
    <t>53245</t>
  </si>
  <si>
    <t>GPS BAMA ZARIN</t>
  </si>
  <si>
    <t>Bama Zaireen</t>
  </si>
  <si>
    <t>Bama zaireen p/o maroola</t>
  </si>
  <si>
    <t>53305</t>
  </si>
  <si>
    <t>GPS CHAK NO. 47/ 3-R</t>
  </si>
  <si>
    <t>GASHKORI - MALE</t>
  </si>
  <si>
    <t>47/3r</t>
  </si>
  <si>
    <t>chak no.47/3r</t>
  </si>
  <si>
    <t>48/3R</t>
  </si>
  <si>
    <t>8389</t>
  </si>
  <si>
    <t>53397</t>
  </si>
  <si>
    <t>GGPS 50/2.L</t>
  </si>
  <si>
    <t>GGPS 50/2L</t>
  </si>
  <si>
    <t>Kubra Bibi</t>
  </si>
  <si>
    <t>37484</t>
  </si>
  <si>
    <t>GGPS 48/2-L</t>
  </si>
  <si>
    <t>48/2L</t>
  </si>
  <si>
    <t>chack no 48/2L Okara</t>
  </si>
  <si>
    <t>48/2L Okara</t>
  </si>
  <si>
    <t>13354</t>
  </si>
  <si>
    <t>50628</t>
  </si>
  <si>
    <t>53527</t>
  </si>
  <si>
    <t>GGPS 31/2-L BASTI NAWAB WALA</t>
  </si>
  <si>
    <t>GGPS BASTI CHAHNAWAB WALA 31/2.L OKARA</t>
  </si>
  <si>
    <t>CHAK NO 31/2.L OKARA</t>
  </si>
  <si>
    <t>46489</t>
  </si>
  <si>
    <t>53530</t>
  </si>
  <si>
    <t>GMMS LABHAY SHAH</t>
  </si>
  <si>
    <t>Sadar Gogera</t>
  </si>
  <si>
    <t>Muhallah Laabhay Shah Sadar Gogera</t>
  </si>
  <si>
    <t>30328</t>
  </si>
  <si>
    <t>53535</t>
  </si>
  <si>
    <t>GMMS ABADI CHADHRAN</t>
  </si>
  <si>
    <t>27/GD</t>
  </si>
  <si>
    <t>Abadi chadhran 27/GD</t>
  </si>
  <si>
    <t>Abadi Chadhran 27GD</t>
  </si>
  <si>
    <t>19945</t>
  </si>
  <si>
    <t>18820</t>
  </si>
  <si>
    <t>53536</t>
  </si>
  <si>
    <t>GMMS CHAK NO. 29/GD</t>
  </si>
  <si>
    <t>29/gd</t>
  </si>
  <si>
    <t>CHAN PEER</t>
  </si>
  <si>
    <t>53538</t>
  </si>
  <si>
    <t>GMMS 17/4-L OKARA CANTT</t>
  </si>
  <si>
    <t>chak no 17/4. l okara cantt</t>
  </si>
  <si>
    <t>Chak No 17/4l Okara Cantt</t>
  </si>
  <si>
    <t>53539</t>
  </si>
  <si>
    <t>GMMS CHAK 43-A/4.L</t>
  </si>
  <si>
    <t>40/4-L-MALE</t>
  </si>
  <si>
    <t>Chack 43/A4L tahlo</t>
  </si>
  <si>
    <t>chak no 43/a 4L</t>
  </si>
  <si>
    <t>Chak No 43/A 4L</t>
  </si>
  <si>
    <t>35/2R</t>
  </si>
  <si>
    <t>53540</t>
  </si>
  <si>
    <t>GPS ADP DAULA</t>
  </si>
  <si>
    <t>DAULA</t>
  </si>
  <si>
    <t>MOUZA DAULA POST OFFICE JABOKA TEHSIL AND DISTRICT OKARA</t>
  </si>
  <si>
    <t>THATHA LAKHAN</t>
  </si>
  <si>
    <t>1178</t>
  </si>
  <si>
    <t>53576</t>
  </si>
  <si>
    <t>GGES CHAK NO.31/2-L</t>
  </si>
  <si>
    <t>chak no 31/2.l</t>
  </si>
  <si>
    <t>Farzana Naheed</t>
  </si>
  <si>
    <t>53594</t>
  </si>
  <si>
    <t>GHS K PLOT</t>
  </si>
  <si>
    <t>Chak K-Plot</t>
  </si>
  <si>
    <t>Chak K-Plot Tehsil Renala Khurd District Okara</t>
  </si>
  <si>
    <t>K-Plot</t>
  </si>
  <si>
    <t>4/1-AL</t>
  </si>
  <si>
    <t>Nadeem Ahsan Hashmi</t>
  </si>
  <si>
    <t>13415</t>
  </si>
  <si>
    <t>GPS MIAN PEER BUKHSH</t>
  </si>
  <si>
    <t>Mouza boolay wala tehsil Jampur post office Mohammed Pur</t>
  </si>
  <si>
    <t>GPS DAHAY WALA</t>
  </si>
  <si>
    <t>rasoolpur adda dera road</t>
  </si>
  <si>
    <t>Allah Abad Sharki</t>
  </si>
  <si>
    <t>Babur Ashraf</t>
  </si>
  <si>
    <t>51464</t>
  </si>
  <si>
    <t>13469</t>
  </si>
  <si>
    <t>GPS HAJI MIR HAZAR KALYA</t>
  </si>
  <si>
    <t>NOOR PUR - MALE</t>
  </si>
  <si>
    <t>Muhammad Horra</t>
  </si>
  <si>
    <t>Mouza Muhammad Horra</t>
  </si>
  <si>
    <t>Meer Hazar Kalya</t>
  </si>
  <si>
    <t>Noor Pur Manjhu Wala</t>
  </si>
  <si>
    <t>Muhammad Amaan Ullah</t>
  </si>
  <si>
    <t>13478</t>
  </si>
  <si>
    <t>GPS RAKH GHOUS PUR</t>
  </si>
  <si>
    <t>MEERAN PUR - MALE</t>
  </si>
  <si>
    <t>Haji Pur Markaz Miran Pur</t>
  </si>
  <si>
    <t>moza haji pur tehseel jam pur distt. rajan pur</t>
  </si>
  <si>
    <t>Bast Jam Khuda Bux</t>
  </si>
  <si>
    <t>13486</t>
  </si>
  <si>
    <t>GPS BASTI QASAB MUD PHATTI</t>
  </si>
  <si>
    <t>Raqba noushehra</t>
  </si>
  <si>
    <t>basti Hussain Bux Jiskani</t>
  </si>
  <si>
    <t>Hussain Bux Jiskani</t>
  </si>
  <si>
    <t>Noshehra Gharbi</t>
  </si>
  <si>
    <t>Naveed Shahid</t>
  </si>
  <si>
    <t>13490</t>
  </si>
  <si>
    <t>GPS BASTI MANJHANI</t>
  </si>
  <si>
    <t>Basti Hanbhi</t>
  </si>
  <si>
    <t>Allahwasaya Azhar</t>
  </si>
  <si>
    <t>4002</t>
  </si>
  <si>
    <t>GPS KOLOI WALA P/O DAJAL</t>
  </si>
  <si>
    <t>KOLOI WALA - MALE</t>
  </si>
  <si>
    <t>KALOI WALA</t>
  </si>
  <si>
    <t>MAOZA KALOI WALA POST DAJAL TEH JAMPUR DIST RAJANPUR</t>
  </si>
  <si>
    <t>BASTI KHADIM HUSSAIN KALERI</t>
  </si>
  <si>
    <t>Nazik Hussain</t>
  </si>
  <si>
    <t>3977</t>
  </si>
  <si>
    <t>13494</t>
  </si>
  <si>
    <t>GPS MUHAMMAD PUR GAMO WALA</t>
  </si>
  <si>
    <t>BASTI LASHARI - MALE</t>
  </si>
  <si>
    <t>Nasirpur</t>
  </si>
  <si>
    <t>nasirpur p/o Muhammad pur</t>
  </si>
  <si>
    <t>GPS JAMAL ABAD P/O DAJAL</t>
  </si>
  <si>
    <t>13514</t>
  </si>
  <si>
    <t>GPS NEELI LAKRI</t>
  </si>
  <si>
    <t>Grozen</t>
  </si>
  <si>
    <t>GPS NEELI LAKRRI</t>
  </si>
  <si>
    <t>Basti Peer Bux</t>
  </si>
  <si>
    <t>Trible Area</t>
  </si>
  <si>
    <t>talai</t>
  </si>
  <si>
    <t>GPS SADIQUE ABAD KALOI</t>
  </si>
  <si>
    <t>Kaloi Wala</t>
  </si>
  <si>
    <t>kaloi Wala p/o dajal Teh. Jampur. Dist Rajanpur</t>
  </si>
  <si>
    <t>Khurshid Ahmad</t>
  </si>
  <si>
    <t>13521</t>
  </si>
  <si>
    <t>GPS SHAH ALI BOHAR</t>
  </si>
  <si>
    <t>Raqba Dodyani</t>
  </si>
  <si>
    <t>Maoza Raqba Dodyani u/c Thul Ali Muhammad Tehcil Jampur District Rajanpur</t>
  </si>
  <si>
    <t>Basti Abdul Ghafar Khosa</t>
  </si>
  <si>
    <t>13523</t>
  </si>
  <si>
    <t>GPS LAL KHAN</t>
  </si>
  <si>
    <t>basti lal khan Tibbi Lundan tehsil jampur district rajanpur</t>
  </si>
  <si>
    <t>13525</t>
  </si>
  <si>
    <t>GPS RAQBA LUNDAN NO. 1</t>
  </si>
  <si>
    <t>Raqba lundan</t>
  </si>
  <si>
    <t>raqba lundan tehsil jampur district rajanpur</t>
  </si>
  <si>
    <t>Shafqat Fareed</t>
  </si>
  <si>
    <t>4004</t>
  </si>
  <si>
    <t>GPS DIRIGRI</t>
  </si>
  <si>
    <t>LUNDI SAIDAN - MALE</t>
  </si>
  <si>
    <t>Drigri</t>
  </si>
  <si>
    <t>drigri p/o lundi saidan jampur rajanpur</t>
  </si>
  <si>
    <t>Abdul Lateef</t>
  </si>
  <si>
    <t>Rainy water</t>
  </si>
  <si>
    <t>44505</t>
  </si>
  <si>
    <t>13535</t>
  </si>
  <si>
    <t>GPS THUL SAIDAN</t>
  </si>
  <si>
    <t>Thul Said Khan</t>
  </si>
  <si>
    <t>basti laal baksh thul saidaan markaz lundi saidaan jampur</t>
  </si>
  <si>
    <t>Basti Laal Baksh</t>
  </si>
  <si>
    <t>GPS KOTLI JAMAL</t>
  </si>
  <si>
    <t>Kotli jamal</t>
  </si>
  <si>
    <t>kotli jamal</t>
  </si>
  <si>
    <t>Muhammad Sherdil</t>
  </si>
  <si>
    <t>32244</t>
  </si>
  <si>
    <t>GPS BAMBLI</t>
  </si>
  <si>
    <t>Bambli</t>
  </si>
  <si>
    <t>MAUZA BAMBLI POST OFFICE LAL GARH TEHSILE JAMPUR DISTT.RAJANPUR</t>
  </si>
  <si>
    <t>HARRAND</t>
  </si>
  <si>
    <t>13542</t>
  </si>
  <si>
    <t>GPS BASTI SAID KHAN</t>
  </si>
  <si>
    <t>Garkana Waziri</t>
  </si>
  <si>
    <t>basti fateh Muhammad pitafi p/o harrand</t>
  </si>
  <si>
    <t>Basti Fateh Muhammad</t>
  </si>
  <si>
    <t>13546</t>
  </si>
  <si>
    <t>GPS THUL SAID KHAN</t>
  </si>
  <si>
    <t>Basti Said Khan</t>
  </si>
  <si>
    <t>basti Said Khan</t>
  </si>
  <si>
    <t>Basti Zarr Khan</t>
  </si>
  <si>
    <t>caregiver</t>
  </si>
  <si>
    <t>13548</t>
  </si>
  <si>
    <t>GPS BAKHI  DI MAIRH</t>
  </si>
  <si>
    <t>Garkana Wazeeri</t>
  </si>
  <si>
    <t>BASTI AHMED KHAN</t>
  </si>
  <si>
    <t>Basti Ahmed Khan</t>
  </si>
  <si>
    <t>GPS THUL ALI MUHAMMAD</t>
  </si>
  <si>
    <t>Thull Ali Muhammad tehsil jampur distt rajanpur</t>
  </si>
  <si>
    <t>13551</t>
  </si>
  <si>
    <t>GPS KHULCHAS</t>
  </si>
  <si>
    <t>Khalchas</t>
  </si>
  <si>
    <t>tribal area rajanpur</t>
  </si>
  <si>
    <t>MuhAMMAD SADIQ</t>
  </si>
  <si>
    <t>pool</t>
  </si>
  <si>
    <t>GPS SONMA</t>
  </si>
  <si>
    <t>gps sonma basti maril</t>
  </si>
  <si>
    <t>Sonma</t>
  </si>
  <si>
    <t>WAH LASHARI</t>
  </si>
  <si>
    <t>Mohamad Younis YounisYounisYounisYounisYounisYounisYounisYounisYounisYounisYounis</t>
  </si>
  <si>
    <t>GGPS KAPER WALA</t>
  </si>
  <si>
    <t>p/o rasulpur teh jampur distt rajanpur</t>
  </si>
  <si>
    <t>Luhaarwala</t>
  </si>
  <si>
    <t>Asmat Kouser</t>
  </si>
  <si>
    <t>GPS CHAK NO 48/F</t>
  </si>
  <si>
    <t>5/FW</t>
  </si>
  <si>
    <t>CHAK NO 5/FW MOCHI PURA BASTI</t>
  </si>
  <si>
    <t>MOCHIPURA</t>
  </si>
  <si>
    <t>CHAK NO 5/FW</t>
  </si>
  <si>
    <t>GGHS BASTI PHULARA</t>
  </si>
  <si>
    <t>gghs phulara</t>
  </si>
  <si>
    <t>10087</t>
  </si>
  <si>
    <t>36195</t>
  </si>
  <si>
    <t>GGHS CHAK NO 282 HR</t>
  </si>
  <si>
    <t>282/hr</t>
  </si>
  <si>
    <t>281/hr</t>
  </si>
  <si>
    <t>Najma Nasreen</t>
  </si>
  <si>
    <t>GGHSS CHAK NO 319 HR</t>
  </si>
  <si>
    <t>GGHSS,chak 319HR, Marot, tehsil Fort Abbas</t>
  </si>
  <si>
    <t>Rizwana Naz</t>
  </si>
  <si>
    <t>61940</t>
  </si>
  <si>
    <t>GPS CHAK 306/HR</t>
  </si>
  <si>
    <t>FTS-XIII-MALE</t>
  </si>
  <si>
    <t>Chak 306/HR</t>
  </si>
  <si>
    <t>Chak No 306/HR Tehsil Fort Abbas District Bahawal Nagar</t>
  </si>
  <si>
    <t>Chak No 306/HR</t>
  </si>
  <si>
    <t>Chak No 304/HR</t>
  </si>
  <si>
    <t>GPS CHAK NO 300 HR</t>
  </si>
  <si>
    <t>Govt Primary School 300/HR p/o Chak no 302/HR</t>
  </si>
  <si>
    <t>chak No 300/HR</t>
  </si>
  <si>
    <t>chak no 304/HR</t>
  </si>
  <si>
    <t>Mohammad Riaz</t>
  </si>
  <si>
    <t>24070</t>
  </si>
  <si>
    <t>GGHS MASYAL</t>
  </si>
  <si>
    <t>masyal,pasrur</t>
  </si>
  <si>
    <t>Madeeha Batool</t>
  </si>
  <si>
    <t>51277</t>
  </si>
  <si>
    <t>24086</t>
  </si>
  <si>
    <t>GES UDO FATAH</t>
  </si>
  <si>
    <t>PASRUR - MALE</t>
  </si>
  <si>
    <t>Uddo Fatah</t>
  </si>
  <si>
    <t>v p.o Uddo Fatah Teh Pasrur Distt Sialkot</t>
  </si>
  <si>
    <t>Pejokey</t>
  </si>
  <si>
    <t>Intizar Ali</t>
  </si>
  <si>
    <t>54588</t>
  </si>
  <si>
    <t>44181</t>
  </si>
  <si>
    <t>24096</t>
  </si>
  <si>
    <t>GGHS CHICHER WALI</t>
  </si>
  <si>
    <t>v.p.o.chicherwali tehsil pasrur district sialkot</t>
  </si>
  <si>
    <t>Uzma Abdul Rashid</t>
  </si>
  <si>
    <t>24098</t>
  </si>
  <si>
    <t>GGES MIAN HARPAL</t>
  </si>
  <si>
    <t>Mian Harpal</t>
  </si>
  <si>
    <t>Village mian harpal P/O Panj Garain bajwa Teh. Pasrur, District. Sialkot</t>
  </si>
  <si>
    <t>Aansa Mahmood</t>
  </si>
  <si>
    <t>27163</t>
  </si>
  <si>
    <t>24106</t>
  </si>
  <si>
    <t>GGHS LANGAY</t>
  </si>
  <si>
    <t>langay</t>
  </si>
  <si>
    <t>govt girls high school langay</t>
  </si>
  <si>
    <t>malipur</t>
  </si>
  <si>
    <t>Abida Bano</t>
  </si>
  <si>
    <t>54860</t>
  </si>
  <si>
    <t>41140</t>
  </si>
  <si>
    <t>5273</t>
  </si>
  <si>
    <t>24111</t>
  </si>
  <si>
    <t>GGPS CHAK MACHANA</t>
  </si>
  <si>
    <t>DUGRI HARIAN - FEMALE</t>
  </si>
  <si>
    <t>Chak Machana</t>
  </si>
  <si>
    <t>village chak machana post office chahoor</t>
  </si>
  <si>
    <t>Zareena Kousar</t>
  </si>
  <si>
    <t>24176</t>
  </si>
  <si>
    <t>GPS NO. 2 PASRUR CITY</t>
  </si>
  <si>
    <t>mohallah dehsiyali pasrur</t>
  </si>
  <si>
    <t>Muncipal Committe Pasrur</t>
  </si>
  <si>
    <t>Zeeshan Imtiaz</t>
  </si>
  <si>
    <t>13470</t>
  </si>
  <si>
    <t>GPS TAVERIAN WALA</t>
  </si>
  <si>
    <t>Tawarianwala</t>
  </si>
  <si>
    <t>village tawarianwala teh.&amp;post office pasrur dist sialkot</t>
  </si>
  <si>
    <t>Musa Pur</t>
  </si>
  <si>
    <t>35780</t>
  </si>
  <si>
    <t>24198</t>
  </si>
  <si>
    <t>GPS DADU BAJWA</t>
  </si>
  <si>
    <t>Dadu Bajwa</t>
  </si>
  <si>
    <t>village dadu bajwa tehsil pasrur</t>
  </si>
  <si>
    <t>Talwandi Anait Khan</t>
  </si>
  <si>
    <t>Muhammad Almas Butt</t>
  </si>
  <si>
    <t>54160</t>
  </si>
  <si>
    <t>GPS SODIAN</t>
  </si>
  <si>
    <t>Sodian</t>
  </si>
  <si>
    <t>Bhagowal sialkot</t>
  </si>
  <si>
    <t>Balagan</t>
  </si>
  <si>
    <t>Muhammad Nafees</t>
  </si>
  <si>
    <t>24215</t>
  </si>
  <si>
    <t>GPS SODAGAR PURA</t>
  </si>
  <si>
    <t>Sodagarpura</t>
  </si>
  <si>
    <t>village sodagarpura tehsil pasrur dstt sialkot</t>
  </si>
  <si>
    <t>Qila Kalarwala</t>
  </si>
  <si>
    <t>Shahid Ahmed</t>
  </si>
  <si>
    <t>24219</t>
  </si>
  <si>
    <t>GPS BASU PANU</t>
  </si>
  <si>
    <t>basu panu</t>
  </si>
  <si>
    <t>Basu Panu</t>
  </si>
  <si>
    <t>Pejoke</t>
  </si>
  <si>
    <t>24227</t>
  </si>
  <si>
    <t>GPS ALAWAL PUR</t>
  </si>
  <si>
    <t>Alwalpur</t>
  </si>
  <si>
    <t>govt. primary school alwal pur markaz qila kalrwala tehsil pasrur distt. sialkot</t>
  </si>
  <si>
    <t>24294</t>
  </si>
  <si>
    <t>GMPS SALEEM KAY</t>
  </si>
  <si>
    <t>MALI PUR - FEMALE</t>
  </si>
  <si>
    <t>Saleemkay</t>
  </si>
  <si>
    <t>saleemkay</t>
  </si>
  <si>
    <t>5275</t>
  </si>
  <si>
    <t>24301</t>
  </si>
  <si>
    <t>GGES KOTLI SYEDAN</t>
  </si>
  <si>
    <t>KAPOR PUR - FEMALE</t>
  </si>
  <si>
    <t>Govt Girls elementry school kotly syedan</t>
  </si>
  <si>
    <t>Kotly Syedan</t>
  </si>
  <si>
    <t>Hooria Zafar</t>
  </si>
  <si>
    <t>24235</t>
  </si>
  <si>
    <t>44446</t>
  </si>
  <si>
    <t>24304</t>
  </si>
  <si>
    <t>GGPS MATEKAY</t>
  </si>
  <si>
    <t>Mattey key</t>
  </si>
  <si>
    <t>Village Mattey key P.O Chawinda Teh Pasrur Distt Sialkot</t>
  </si>
  <si>
    <t>Kapoor pur</t>
  </si>
  <si>
    <t>AQSA SABOOHI</t>
  </si>
  <si>
    <t>GMPS SARANG PUR</t>
  </si>
  <si>
    <t>Ssrangpur</t>
  </si>
  <si>
    <t>gmps sarangpur</t>
  </si>
  <si>
    <t>Sarangpur</t>
  </si>
  <si>
    <t>24314</t>
  </si>
  <si>
    <t>GGPS GLO KOT</t>
  </si>
  <si>
    <t>Golokot</t>
  </si>
  <si>
    <t>Bushra Hameed</t>
  </si>
  <si>
    <t>14834</t>
  </si>
  <si>
    <t>27817</t>
  </si>
  <si>
    <t>24322</t>
  </si>
  <si>
    <t>GGPS JALO WALI</t>
  </si>
  <si>
    <t>ALHAR - FEMALE</t>
  </si>
  <si>
    <t>Jalowali</t>
  </si>
  <si>
    <t>p./o Chawinda vill jalowali teh pasrur dis sialkot</t>
  </si>
  <si>
    <t>Alhar</t>
  </si>
  <si>
    <t>RiFFAT UROOJ</t>
  </si>
  <si>
    <t>36242</t>
  </si>
  <si>
    <t>4487</t>
  </si>
  <si>
    <t>3647</t>
  </si>
  <si>
    <t>24331</t>
  </si>
  <si>
    <t>GGPS KOTLI JANDRAN</t>
  </si>
  <si>
    <t>KHANANWALI - FEMALE</t>
  </si>
  <si>
    <t>Kotli Jandran</t>
  </si>
  <si>
    <t>Kotli jandran</t>
  </si>
  <si>
    <t>Khanawali</t>
  </si>
  <si>
    <t>Shameem Akhtar</t>
  </si>
  <si>
    <t>24002</t>
  </si>
  <si>
    <t>41055</t>
  </si>
  <si>
    <t>24342</t>
  </si>
  <si>
    <t>GGPS NAKHNAL</t>
  </si>
  <si>
    <t>Nakhnal</t>
  </si>
  <si>
    <t>Tshsil pasrur dist.Sailkot</t>
  </si>
  <si>
    <t>20380</t>
  </si>
  <si>
    <t>43521</t>
  </si>
  <si>
    <t>24347</t>
  </si>
  <si>
    <t>GGPS KAKHAN WALI</t>
  </si>
  <si>
    <t>illand po kakhanwali teh pasrur dist sialkot</t>
  </si>
  <si>
    <t>Kakhanwali</t>
  </si>
  <si>
    <t>Chahr Bajwa</t>
  </si>
  <si>
    <t>Hafiza Nighat</t>
  </si>
  <si>
    <t>24349</t>
  </si>
  <si>
    <t>GMPS KAMAL PUR BAJWA</t>
  </si>
  <si>
    <t>Kamalpur Bajwa</t>
  </si>
  <si>
    <t>kamalpur bajwa P/O  chawinda tehsil pasrur distt Sialkot</t>
  </si>
  <si>
    <t>Kapoorpur</t>
  </si>
  <si>
    <t>Saima Shamim</t>
  </si>
  <si>
    <t>3274</t>
  </si>
  <si>
    <t>42820</t>
  </si>
  <si>
    <t>GMPS JABOKAY</t>
  </si>
  <si>
    <t>Jabokay</t>
  </si>
  <si>
    <t>tehsil pasrur Distt Sialkot P.O box Qila ahmda abad</t>
  </si>
  <si>
    <t>Tahseen Sana</t>
  </si>
  <si>
    <t>24377</t>
  </si>
  <si>
    <t>GMPS LALAY WALI</t>
  </si>
  <si>
    <t>lalywali</t>
  </si>
  <si>
    <t>Lalywali</t>
  </si>
  <si>
    <t>Alharh</t>
  </si>
  <si>
    <t>Iram Javed</t>
  </si>
  <si>
    <t>5758</t>
  </si>
  <si>
    <t>24378</t>
  </si>
  <si>
    <t>GMPS SANGAT PUR</t>
  </si>
  <si>
    <t>Sangatpur Pur</t>
  </si>
  <si>
    <t>sangatpur pur</t>
  </si>
  <si>
    <t>24382</t>
  </si>
  <si>
    <t>same</t>
  </si>
  <si>
    <t>SAMINA RAUF</t>
  </si>
  <si>
    <t>30241</t>
  </si>
  <si>
    <t>5422</t>
  </si>
  <si>
    <t>24403</t>
  </si>
  <si>
    <t>GGPS SHEHRIK</t>
  </si>
  <si>
    <t>BAJRA GARHI - FEMALE</t>
  </si>
  <si>
    <t>Shehrik</t>
  </si>
  <si>
    <t>village shehrik PO bajra garhi tehsile pasrur dist sialkot</t>
  </si>
  <si>
    <t>Zubeda Munawar</t>
  </si>
  <si>
    <t>24413</t>
  </si>
  <si>
    <t>GMPS DATA BRAHMNAH</t>
  </si>
  <si>
    <t>Data Brahmnah</t>
  </si>
  <si>
    <t>data brahmnah p.o &amp; tehsil pasrur district sialkot</t>
  </si>
  <si>
    <t>24415</t>
  </si>
  <si>
    <t>GGPS BHULLAR RUHI WALA</t>
  </si>
  <si>
    <t>BAN BAJWA - FEMALE</t>
  </si>
  <si>
    <t>Bhullar Rohi Wala</t>
  </si>
  <si>
    <t>village bhullar rohi wala post office kul bajwa thsil pasrur district sialkot</t>
  </si>
  <si>
    <t>Noreen Mushtaq</t>
  </si>
  <si>
    <t>20129</t>
  </si>
  <si>
    <t>22064</t>
  </si>
  <si>
    <t>24444</t>
  </si>
  <si>
    <t>GGPS KOTLI HAJI PUR</t>
  </si>
  <si>
    <t>Kotli Haji Pur</t>
  </si>
  <si>
    <t>kotli haji pur post office pasrur tehsil pasrur dist.sialkot</t>
  </si>
  <si>
    <t>Ruby Tabassum</t>
  </si>
  <si>
    <t>GGPS OUDANGAL</t>
  </si>
  <si>
    <t>Oudangal</t>
  </si>
  <si>
    <t>G.G.P.S Oudangal</t>
  </si>
  <si>
    <t>Uzma Iqbal Zafar</t>
  </si>
  <si>
    <t>16578</t>
  </si>
  <si>
    <t>24462</t>
  </si>
  <si>
    <t>GMPS CHAK HASHMIAN QURASHIAN</t>
  </si>
  <si>
    <t>TAKHAT PUR - FEMALE</t>
  </si>
  <si>
    <t>Chak Hashmian Quaishian</t>
  </si>
  <si>
    <t>chak Hashmian</t>
  </si>
  <si>
    <t>Chak Hashmian Querashian</t>
  </si>
  <si>
    <t>Takhat Pur</t>
  </si>
  <si>
    <t>GMPS JAMKAY DHENDSA</t>
  </si>
  <si>
    <t>Jamkay Dendisa</t>
  </si>
  <si>
    <t>jamkay dendisa</t>
  </si>
  <si>
    <t>Mizna Nawaz</t>
  </si>
  <si>
    <t>GMPS KOTLI TARAR</t>
  </si>
  <si>
    <t>Kotli Tarar</t>
  </si>
  <si>
    <t>Village kotli Trar, PO Qila Kalarwala, Teh. Pasrur</t>
  </si>
  <si>
    <t>Saima Intizar</t>
  </si>
  <si>
    <t>25180</t>
  </si>
  <si>
    <t>21585</t>
  </si>
  <si>
    <t>24487</t>
  </si>
  <si>
    <t>GGES BHAROKAY</t>
  </si>
  <si>
    <t>Bharokay</t>
  </si>
  <si>
    <t>GMES bharokay po klaswala tehsil pasrur distt.sialkot</t>
  </si>
  <si>
    <t>Faiza Ashfaq</t>
  </si>
  <si>
    <t>17740</t>
  </si>
  <si>
    <t>24488</t>
  </si>
  <si>
    <t>GGPS BHELO MUTTO</t>
  </si>
  <si>
    <t>Bhelo Mutto</t>
  </si>
  <si>
    <t>Bhelo Mutto po qila kalar wala Teh  pasrurr Dist sialkot</t>
  </si>
  <si>
    <t>Ghatyalian</t>
  </si>
  <si>
    <t>Sana Saleem</t>
  </si>
  <si>
    <t>20980</t>
  </si>
  <si>
    <t>24491</t>
  </si>
  <si>
    <t>GGPS LAKHENKAY</t>
  </si>
  <si>
    <t>PAJOKAY - FEMALE</t>
  </si>
  <si>
    <t>LAkhankay</t>
  </si>
  <si>
    <t>Lakhankay</t>
  </si>
  <si>
    <t>Baby Tabasum</t>
  </si>
  <si>
    <t>GGPS KOT GONDAL</t>
  </si>
  <si>
    <t>Kot Gondal</t>
  </si>
  <si>
    <t>kot gondal p o ghatalian teh pasrur dist sialkot</t>
  </si>
  <si>
    <t>Noreen Aslam</t>
  </si>
  <si>
    <t>24522</t>
  </si>
  <si>
    <t>GMPS RASOOL PUR KAKAY ZIAN</t>
  </si>
  <si>
    <t>TALWANDI INAYAT KHAN - FEMALE</t>
  </si>
  <si>
    <t>Rasool Pur Kakay Zian</t>
  </si>
  <si>
    <t>rasool pur kakay zian</t>
  </si>
  <si>
    <t>Sadia Sarwar</t>
  </si>
  <si>
    <t>24537</t>
  </si>
  <si>
    <t>GGPS RATA JHATOOL</t>
  </si>
  <si>
    <t>po box ratta Jathol</t>
  </si>
  <si>
    <t>Pajoky</t>
  </si>
  <si>
    <t>Shabnam Naseer</t>
  </si>
  <si>
    <t>GGPS BERTHAL</t>
  </si>
  <si>
    <t>PRAIL - FEMALE</t>
  </si>
  <si>
    <t>BERTHAL</t>
  </si>
  <si>
    <t>GGPS BERTHAL TEH PASRUR DISTT SIALKOT</t>
  </si>
  <si>
    <t>PRAIL</t>
  </si>
  <si>
    <t>Surryia Akhter</t>
  </si>
  <si>
    <t>29326</t>
  </si>
  <si>
    <t>32209</t>
  </si>
  <si>
    <t>GMPS CHAK MARAL</t>
  </si>
  <si>
    <t>SABAZ PEER - FEMALE</t>
  </si>
  <si>
    <t>Chak Marl</t>
  </si>
  <si>
    <t>Chak Marl P.O Bakho Bhatti Teh Pasrur Dist Sialkot</t>
  </si>
  <si>
    <t>50299</t>
  </si>
  <si>
    <t>24631</t>
  </si>
  <si>
    <t>GMPS THEKRIAL</t>
  </si>
  <si>
    <t>THEKRIAL</t>
  </si>
  <si>
    <t>VILLAGE THEKRIAL P.O. CHARWA TEHSIL PASRUR DISTRICT SIALKOT</t>
  </si>
  <si>
    <t>MUHAMMAD ILYAS</t>
  </si>
  <si>
    <t>7339</t>
  </si>
  <si>
    <t>24648</t>
  </si>
  <si>
    <t>GGPS GARHI MEHAY</t>
  </si>
  <si>
    <t>KINGRA - FEMALE</t>
  </si>
  <si>
    <t>Garhy Mahy</t>
  </si>
  <si>
    <t>district sialkot tahseel pasrur po box sabazkot garhi mahay</t>
  </si>
  <si>
    <t>Shagufta Bano</t>
  </si>
  <si>
    <t>24670</t>
  </si>
  <si>
    <t>GGPS CHAK ATMA RAM</t>
  </si>
  <si>
    <t>Chak Atma Ram</t>
  </si>
  <si>
    <t>district sialkot tehsil pasrur p/o bene sulehrian village chak atma ram</t>
  </si>
  <si>
    <t>Humera</t>
  </si>
  <si>
    <t>24671</t>
  </si>
  <si>
    <t>GGPS CM BAN BAJWA</t>
  </si>
  <si>
    <t>Ban Bajwa</t>
  </si>
  <si>
    <t>Fatima Akram</t>
  </si>
  <si>
    <t>46793</t>
  </si>
  <si>
    <t>GHSS CHRISTIAN SIALKOT CANTT.</t>
  </si>
  <si>
    <t>Cantt Sialkot</t>
  </si>
  <si>
    <t>GCHSS SLK Cantt ,Near Ghanta Garh Chowk, Sialkot Cantt.</t>
  </si>
  <si>
    <t>24816</t>
  </si>
  <si>
    <t>cantonment water filter</t>
  </si>
  <si>
    <t>GHSS IQBAL MEMORIAL GOHAD PUR</t>
  </si>
  <si>
    <t>gohad pur p/o same</t>
  </si>
  <si>
    <t>gohad pur</t>
  </si>
  <si>
    <t>nazir hussain</t>
  </si>
  <si>
    <t>GGHSS MODEL TOWN SIALKOT</t>
  </si>
  <si>
    <t>MODEL TOWN, SIALKOT.</t>
  </si>
  <si>
    <t>SAIMA MUBARAK</t>
  </si>
  <si>
    <t>filtered water</t>
  </si>
  <si>
    <t>24688</t>
  </si>
  <si>
    <t>GHS COMPREHENSIVE SIALKOT</t>
  </si>
  <si>
    <t>jammu road sialkot</t>
  </si>
  <si>
    <t>Ahmad Pura</t>
  </si>
  <si>
    <t>MUMTAZ AHMED</t>
  </si>
  <si>
    <t>GHS MARAKEWAL</t>
  </si>
  <si>
    <t>marakiwal</t>
  </si>
  <si>
    <t>attiq-ur-Rehman</t>
  </si>
  <si>
    <t>12510</t>
  </si>
  <si>
    <t>GHS MALKAY KALAN</t>
  </si>
  <si>
    <t>Malkay Kalan</t>
  </si>
  <si>
    <t>Village Malkay Kalan Sialkot</t>
  </si>
  <si>
    <t>GHS RASOOL PUR BHALIAN</t>
  </si>
  <si>
    <t>rasoolpur bhallian sialkot</t>
  </si>
  <si>
    <t>GHS RASOOLPUR BHALLIAN SIALKOT</t>
  </si>
  <si>
    <t>rasoolpur bhallian</t>
  </si>
  <si>
    <t>RASOOLPUR BHALLIAN</t>
  </si>
  <si>
    <t>KHAN MUHAMMAD BAJWA</t>
  </si>
  <si>
    <t>24708</t>
  </si>
  <si>
    <t>GHSS PHUKLIAN</t>
  </si>
  <si>
    <t>pHUKLIAN</t>
  </si>
  <si>
    <t>PHUKLIAN</t>
  </si>
  <si>
    <t>mehmood ahmed jajja</t>
  </si>
  <si>
    <t>12773</t>
  </si>
  <si>
    <t>24711</t>
  </si>
  <si>
    <t>GHS KAMAN WALA</t>
  </si>
  <si>
    <t>KAMMANWALA</t>
  </si>
  <si>
    <t>VILLAGE AND POST OFFICE KAMMANWALA, TEHSIL AND DISTRICT SIALKOT</t>
  </si>
  <si>
    <t>41429</t>
  </si>
  <si>
    <t>24713</t>
  </si>
  <si>
    <t>GHS LADHAR</t>
  </si>
  <si>
    <t>GHS Ladhar vario Road Teh &amp; Disst Sialkot</t>
  </si>
  <si>
    <t>MUHAMMAD PERVEEZ</t>
  </si>
  <si>
    <t>29413</t>
  </si>
  <si>
    <t>24714</t>
  </si>
  <si>
    <t>GHS GUNNA KALAN</t>
  </si>
  <si>
    <t>GUNNA KALAN</t>
  </si>
  <si>
    <t>VPO GUNNA KALAN</t>
  </si>
  <si>
    <t>PARAG PUR</t>
  </si>
  <si>
    <t>shabir ahmed raza</t>
  </si>
  <si>
    <t>9175</t>
  </si>
  <si>
    <t>32029</t>
  </si>
  <si>
    <t>10226</t>
  </si>
  <si>
    <t>24717</t>
  </si>
  <si>
    <t>GHS KALA GHUMNA</t>
  </si>
  <si>
    <t>KALA GHUMMANA</t>
  </si>
  <si>
    <t>VILLAGE KALA GHUMNA   POST OFFICE KAPOORWALI  TEHSIL AND DISTRICT SIALKOT</t>
  </si>
  <si>
    <t>WEST KALA GHUMNA</t>
  </si>
  <si>
    <t>KAPOORWALI</t>
  </si>
  <si>
    <t>Sami Ahmed</t>
  </si>
  <si>
    <t>22360</t>
  </si>
  <si>
    <t>51323</t>
  </si>
  <si>
    <t>24726</t>
  </si>
  <si>
    <t>GGHS BHARTH</t>
  </si>
  <si>
    <t>govt girls high school bharth sialkot</t>
  </si>
  <si>
    <t>bharth</t>
  </si>
  <si>
    <t>ZARINA SHAHID</t>
  </si>
  <si>
    <t>40528</t>
  </si>
  <si>
    <t>24730</t>
  </si>
  <si>
    <t>GGHSS HEAD MARALA</t>
  </si>
  <si>
    <t>dhallay wali</t>
  </si>
  <si>
    <t>NAND PUR, ARMY COLONY, NEAR HBL MARALA</t>
  </si>
  <si>
    <t>nand pur</t>
  </si>
  <si>
    <t>HEAD MARALA</t>
  </si>
  <si>
    <t>FARINA ILYAS</t>
  </si>
  <si>
    <t>24732</t>
  </si>
  <si>
    <t>GGHSS ZANIB KOTLI LOHARAN WEST</t>
  </si>
  <si>
    <t>kotli loharan west</t>
  </si>
  <si>
    <t>govt zaniab girls higher secondary school kotli loharan west sialkot.</t>
  </si>
  <si>
    <t>waheeda tasneem</t>
  </si>
  <si>
    <t>24738</t>
  </si>
  <si>
    <t>GGHS AHMADIA SIALKOT</t>
  </si>
  <si>
    <t>Govt.Ahmadia girls high school,Sialkot.</t>
  </si>
  <si>
    <t>Khalida Raana Mir</t>
  </si>
  <si>
    <t>24740</t>
  </si>
  <si>
    <t>GGHS MIR HASSAN SIALKOT</t>
  </si>
  <si>
    <t>GGHS Mir Hassan Shah Syedan Sialkot</t>
  </si>
  <si>
    <t>Shah Syedan</t>
  </si>
  <si>
    <t>RIFFAT KHURSHID</t>
  </si>
  <si>
    <t>Water filteration plant</t>
  </si>
  <si>
    <t>13772</t>
  </si>
  <si>
    <t>24760</t>
  </si>
  <si>
    <t>GHS KOTLI AMIR ALI</t>
  </si>
  <si>
    <t>Kotli Amir Ali Sialkot</t>
  </si>
  <si>
    <t>Kotli Amir ali Tehsil and District Sialkot</t>
  </si>
  <si>
    <t>Kotli Amir Ali</t>
  </si>
  <si>
    <t>Basharat Ullah Cheema</t>
  </si>
  <si>
    <t>Filter</t>
  </si>
  <si>
    <t>6645</t>
  </si>
  <si>
    <t>24761</t>
  </si>
  <si>
    <t>GES KOT MANDIAN WALA</t>
  </si>
  <si>
    <t>SADDAR - MALE</t>
  </si>
  <si>
    <t>kot Mandianwala Sialkot</t>
  </si>
  <si>
    <t>Dheera Sandha</t>
  </si>
  <si>
    <t>Faisal Kamran</t>
  </si>
  <si>
    <t>24772</t>
  </si>
  <si>
    <t>GGHS NAJWAL</t>
  </si>
  <si>
    <t>Najwal</t>
  </si>
  <si>
    <t>vill p.o.  najwal</t>
  </si>
  <si>
    <t>maqsooda bi bi</t>
  </si>
  <si>
    <t>50686</t>
  </si>
  <si>
    <t>24774</t>
  </si>
  <si>
    <t>GGHS MINDHERWAL</t>
  </si>
  <si>
    <t>Mindherwal</t>
  </si>
  <si>
    <t>village and post office mindherwal t/d sialkot</t>
  </si>
  <si>
    <t>9456</t>
  </si>
  <si>
    <t>13118</t>
  </si>
  <si>
    <t>24787</t>
  </si>
  <si>
    <t>GGHS BHANES</t>
  </si>
  <si>
    <t>Bhanes bajwat</t>
  </si>
  <si>
    <t>Bhanes</t>
  </si>
  <si>
    <t>Nazia Rafique</t>
  </si>
  <si>
    <t>23063</t>
  </si>
  <si>
    <t>19063</t>
  </si>
  <si>
    <t>24798</t>
  </si>
  <si>
    <t>GGHS ZAHOORA</t>
  </si>
  <si>
    <t>zahoora</t>
  </si>
  <si>
    <t>village &amp; p.o zahoora sialkot</t>
  </si>
  <si>
    <t>village zahoora</t>
  </si>
  <si>
    <t>pindi panjoran</t>
  </si>
  <si>
    <t>51980</t>
  </si>
  <si>
    <t>28670</t>
  </si>
  <si>
    <t>24805</t>
  </si>
  <si>
    <t>GGHS PARTAN WALI</t>
  </si>
  <si>
    <t>Partanwali sialkot</t>
  </si>
  <si>
    <t>Ayesha Ishaq</t>
  </si>
  <si>
    <t>24817</t>
  </si>
  <si>
    <t>GGHS MALKAY KALAN</t>
  </si>
  <si>
    <t>village malkay kalan,sialkot</t>
  </si>
  <si>
    <t>RUKHSANA KOUSAR</t>
  </si>
  <si>
    <t>20938</t>
  </si>
  <si>
    <t>32028</t>
  </si>
  <si>
    <t>24852</t>
  </si>
  <si>
    <t>GPS CHAK KALA</t>
  </si>
  <si>
    <t>CHAKRALA - MALE</t>
  </si>
  <si>
    <t>Chak Kala</t>
  </si>
  <si>
    <t>village Chak Kala</t>
  </si>
  <si>
    <t>Mongher</t>
  </si>
  <si>
    <t>Muhammad Sajjad Sarwar</t>
  </si>
  <si>
    <t>4220</t>
  </si>
  <si>
    <t>GPS KOTLI RANJHAN</t>
  </si>
  <si>
    <t>Kotli Ranjhan</t>
  </si>
  <si>
    <t>Kotli Ranjhan PO Chakrala Head Marala Sialkot</t>
  </si>
  <si>
    <t>18940</t>
  </si>
  <si>
    <t>4112</t>
  </si>
  <si>
    <t>24878</t>
  </si>
  <si>
    <t>GHS NAJWAL</t>
  </si>
  <si>
    <t>Govt. Boys High School Najwal Sialkot</t>
  </si>
  <si>
    <t>Chak Jogu</t>
  </si>
  <si>
    <t>Shiv Ram Ashraf</t>
  </si>
  <si>
    <t>8835</t>
  </si>
  <si>
    <t>GPS KAPOORO WALI</t>
  </si>
  <si>
    <t>UGGOKI - MALE</t>
  </si>
  <si>
    <t>kapoorowali po khas</t>
  </si>
  <si>
    <t>Kapoorowali</t>
  </si>
  <si>
    <t>Muhammad Rashid</t>
  </si>
  <si>
    <t>49238</t>
  </si>
  <si>
    <t>43318</t>
  </si>
  <si>
    <t>24930</t>
  </si>
  <si>
    <t>GES KOTLI BHUTTA</t>
  </si>
  <si>
    <t>Kotli Bhutta</t>
  </si>
  <si>
    <t>village kotli bhutta uggoki sialkot</t>
  </si>
  <si>
    <t>Bhagwal Awaan</t>
  </si>
  <si>
    <t>Ahmad Rehan</t>
  </si>
  <si>
    <t>GGPS KALA HARAWAN</t>
  </si>
  <si>
    <t>Kalaharawan</t>
  </si>
  <si>
    <t>kalaharawan dist &amp; teh Sialkot, p.o Sialkot</t>
  </si>
  <si>
    <t>Rasool Pur Bhalliyan</t>
  </si>
  <si>
    <t>Sadia Firdaus</t>
  </si>
  <si>
    <t>GMPS MAQUABAR</t>
  </si>
  <si>
    <t>Moqabar</t>
  </si>
  <si>
    <t>vill Moqabar P/O city Sialkot Teh &amp;Distt Sialkot</t>
  </si>
  <si>
    <t>Farkhanda Sarwar</t>
  </si>
  <si>
    <t>31693</t>
  </si>
  <si>
    <t>30549</t>
  </si>
  <si>
    <t>24974</t>
  </si>
  <si>
    <t>GMPS BHOJ PUR</t>
  </si>
  <si>
    <t>Bhoj pur</t>
  </si>
  <si>
    <t>village bhojpur p/o cantt Teh&amp;Distt Sialkot</t>
  </si>
  <si>
    <t>Langeriali</t>
  </si>
  <si>
    <t>Sobia Kousar</t>
  </si>
  <si>
    <t>3417</t>
  </si>
  <si>
    <t>24992</t>
  </si>
  <si>
    <t>GGPS JASPAL KOTLI</t>
  </si>
  <si>
    <t>BHAGOWAL - FEMALE</t>
  </si>
  <si>
    <t>Jaspal Kotli</t>
  </si>
  <si>
    <t>jaspal kotli</t>
  </si>
  <si>
    <t>Rasool Pot Bhalian</t>
  </si>
  <si>
    <t>Sakeena Begum</t>
  </si>
  <si>
    <t>GMPS SUDHAR WALI</t>
  </si>
  <si>
    <t>Sudharwali</t>
  </si>
  <si>
    <t>village sudharwali p.o Badiana Teh Dist sialkot</t>
  </si>
  <si>
    <t>Tayyiba Kabir</t>
  </si>
  <si>
    <t>53511</t>
  </si>
  <si>
    <t>25009</t>
  </si>
  <si>
    <t>GGPS DHALAY WALI</t>
  </si>
  <si>
    <t>HEAD MARALA - FEMALE</t>
  </si>
  <si>
    <t>Dhalley Wali</t>
  </si>
  <si>
    <t>Dhalley wali head marala</t>
  </si>
  <si>
    <t>Sadia Khanam</t>
  </si>
  <si>
    <t>22196</t>
  </si>
  <si>
    <t>40756</t>
  </si>
  <si>
    <t>21839</t>
  </si>
  <si>
    <t>25011</t>
  </si>
  <si>
    <t>GMPS CHUR CHAK</t>
  </si>
  <si>
    <t>chour chak</t>
  </si>
  <si>
    <t>village chour chak</t>
  </si>
  <si>
    <t>machrala</t>
  </si>
  <si>
    <t>saima Tabassum</t>
  </si>
  <si>
    <t>35506</t>
  </si>
  <si>
    <t>25021</t>
  </si>
  <si>
    <t>GGPS ROMAL SYEDAN</t>
  </si>
  <si>
    <t>Romal Syedan</t>
  </si>
  <si>
    <t>vill Romal syedan p.o kotli loharan teh and distt sialkot</t>
  </si>
  <si>
    <t>8245</t>
  </si>
  <si>
    <t>34152</t>
  </si>
  <si>
    <t>GMMS NAWAB CHAKAR KE</t>
  </si>
  <si>
    <t>Nawab Chakar Kay</t>
  </si>
  <si>
    <t>Nawab chakar kay</t>
  </si>
  <si>
    <t>NAWAB CHAKAR KAY</t>
  </si>
  <si>
    <t>53543</t>
  </si>
  <si>
    <t>GMMS SDP ARAZI BAHAR SHAH</t>
  </si>
  <si>
    <t>ARAZI BAHAR SHAH</t>
  </si>
  <si>
    <t>MOUZA ARAZI BAHAR SHAH P.O JANDRAKA TEHSIL &amp; DISTRICT OKARA</t>
  </si>
  <si>
    <t>ARAZI BAHAR  SHAH</t>
  </si>
  <si>
    <t>LAKHAN</t>
  </si>
  <si>
    <t>53557</t>
  </si>
  <si>
    <t>GGPS MC ZAFAR COLONY</t>
  </si>
  <si>
    <t>GGPS Zafar Colony Okara</t>
  </si>
  <si>
    <t>Zafar colony</t>
  </si>
  <si>
    <t>Zafar Colony</t>
  </si>
  <si>
    <t>35635</t>
  </si>
  <si>
    <t>53579</t>
  </si>
  <si>
    <t>GHS PILOT MILITARY FARM</t>
  </si>
  <si>
    <t>HEAD QUARTER MILITARY FAM OKARA</t>
  </si>
  <si>
    <t>GOVT HIGH SCHOOL MLITARY FARM OKARA</t>
  </si>
  <si>
    <t>4/4-L</t>
  </si>
  <si>
    <t>CH.INDRIAS BHATTI</t>
  </si>
  <si>
    <t>53586</t>
  </si>
  <si>
    <t>GHSS RENALA KHURD</t>
  </si>
  <si>
    <t>SHER GARH ROAD RENALA KHURD</t>
  </si>
  <si>
    <t>Mc RENALA KHURD</t>
  </si>
  <si>
    <t>53590</t>
  </si>
  <si>
    <t>GHS 12 1L OKARA</t>
  </si>
  <si>
    <t>12/1-L</t>
  </si>
  <si>
    <t>CHAK NO. 12/1-L, TEH. RENALA KHURD, DISTT. OKARA</t>
  </si>
  <si>
    <t>MUHAMMAD AYUB</t>
  </si>
  <si>
    <t>53591</t>
  </si>
  <si>
    <t>GHS CHAK NO 20-1AL</t>
  </si>
  <si>
    <t>CHAK.NO.20/1.A.L.RENALA KHURD OKARA</t>
  </si>
  <si>
    <t>GOVT HIGH SCHOOL CHAK.NO.20/1.A.L.RENALA KHURD OKARA</t>
  </si>
  <si>
    <t>CHAK.NO.25/1A.L</t>
  </si>
  <si>
    <t>53606</t>
  </si>
  <si>
    <t>GHS 7-1R FAUJIAN</t>
  </si>
  <si>
    <t>Chak 7/1R</t>
  </si>
  <si>
    <t>Chak # 7/1.R Faujian</t>
  </si>
  <si>
    <t>Muhammad Ajaz</t>
  </si>
  <si>
    <t>39285</t>
  </si>
  <si>
    <t>53615</t>
  </si>
  <si>
    <t>GGHS BAMABALA</t>
  </si>
  <si>
    <t>Bamabala</t>
  </si>
  <si>
    <t>bamabala p/o same</t>
  </si>
  <si>
    <t>Zunera Nazir</t>
  </si>
  <si>
    <t>54221</t>
  </si>
  <si>
    <t>53636</t>
  </si>
  <si>
    <t>GGHS RENALA CITY</t>
  </si>
  <si>
    <t>GOVT. GIRLS HIGH SCHOOL (CITY) RENALA KHURD OKARA</t>
  </si>
  <si>
    <t>RENALA KHURD CITY</t>
  </si>
  <si>
    <t>GHULAM MUTAHIRA</t>
  </si>
  <si>
    <t>53746</t>
  </si>
  <si>
    <t>GMPS 20 A-2L  (ALEEM TOWN)</t>
  </si>
  <si>
    <t>Renala</t>
  </si>
  <si>
    <t>GMPS Aleem Town Renala khurd</t>
  </si>
  <si>
    <t>20/A-2-L</t>
  </si>
  <si>
    <t>Renala Khurd 2</t>
  </si>
  <si>
    <t>53824</t>
  </si>
  <si>
    <t>GGPS HAYAT PUR</t>
  </si>
  <si>
    <t>Chuchak</t>
  </si>
  <si>
    <t>G.g.p.s hayat Pur</t>
  </si>
  <si>
    <t>Mariam bibi</t>
  </si>
  <si>
    <t>50701</t>
  </si>
  <si>
    <t>49206</t>
  </si>
  <si>
    <t>53834</t>
  </si>
  <si>
    <t>GGES 28/2L</t>
  </si>
  <si>
    <t>KISAN-FEMALE</t>
  </si>
  <si>
    <t>28/2L</t>
  </si>
  <si>
    <t>chak#28/2L</t>
  </si>
  <si>
    <t>Hina Gilani</t>
  </si>
  <si>
    <t>12615</t>
  </si>
  <si>
    <t>GMMS LEHRASAB TOWN RENALA KHURD</t>
  </si>
  <si>
    <t>Lahrasab Town</t>
  </si>
  <si>
    <t>lahrasb town Renala khurd</t>
  </si>
  <si>
    <t>City Renala Khurd</t>
  </si>
  <si>
    <t>2119</t>
  </si>
  <si>
    <t>5167</t>
  </si>
  <si>
    <t>53836</t>
  </si>
  <si>
    <t>GMMS CHAK NO 12-1/AL KARKNI</t>
  </si>
  <si>
    <t>Karkni</t>
  </si>
  <si>
    <t>G.M.M.S chak no.12/1AL karkni</t>
  </si>
  <si>
    <t>12/1AL Karkni</t>
  </si>
  <si>
    <t>11/1AL</t>
  </si>
  <si>
    <t>53839</t>
  </si>
  <si>
    <t>GMMS MOPAL KEY</t>
  </si>
  <si>
    <t>Mopalkey</t>
  </si>
  <si>
    <t>Moza Mopalkey, P/O Same, Teh. Renala Khurd, Distt. Okara</t>
  </si>
  <si>
    <t>Liaqat Ali S/O Rashid Ahmad</t>
  </si>
  <si>
    <t>53849</t>
  </si>
  <si>
    <t>GES 11/1-AL</t>
  </si>
  <si>
    <t>chak no 11/1.a.l</t>
  </si>
  <si>
    <t>Chak No 11/1AL</t>
  </si>
  <si>
    <t>mazaffar Qadar</t>
  </si>
  <si>
    <t>19776</t>
  </si>
  <si>
    <t>54924</t>
  </si>
  <si>
    <t>GHS COMPREHENSIVE BAHAWALNAGAR</t>
  </si>
  <si>
    <t>Jalwala Road Bahawal Nagar</t>
  </si>
  <si>
    <t>ABDUS SALAM</t>
  </si>
  <si>
    <t>6625</t>
  </si>
  <si>
    <t>GPS RAHIMIA DUNGA BUNGA</t>
  </si>
  <si>
    <t>Dunga Bashnoian</t>
  </si>
  <si>
    <t>Near Masjid Mahajreen Dunga Bunga</t>
  </si>
  <si>
    <t>DUNGA BUNGA</t>
  </si>
  <si>
    <t>MC DUNGA BUNGA</t>
  </si>
  <si>
    <t>GPS AZIZ DIN</t>
  </si>
  <si>
    <t>Aziz Din</t>
  </si>
  <si>
    <t>Aziz din</t>
  </si>
  <si>
    <t>31274</t>
  </si>
  <si>
    <t>GGPS MC JUNIOR MODEL MALI PURA</t>
  </si>
  <si>
    <t>C D G Girls Primary School Mali Pura  Lahore</t>
  </si>
  <si>
    <t>Mali Pura</t>
  </si>
  <si>
    <t>ShamimAkhtar</t>
  </si>
  <si>
    <t>GHS CDG SHAHDARA TOWN</t>
  </si>
  <si>
    <t>shahdara</t>
  </si>
  <si>
    <t>Near Bus Stop Shahdara Town Lahore</t>
  </si>
  <si>
    <t>Ladhy Shah</t>
  </si>
  <si>
    <t>SYED AZHAR HUSSAIN</t>
  </si>
  <si>
    <t>31309</t>
  </si>
  <si>
    <t>GHS CDG TEZAB AHATA</t>
  </si>
  <si>
    <t>Tezab Ahata</t>
  </si>
  <si>
    <t>City District Govt. Boys High School, Tezab Ahata, Lahore</t>
  </si>
  <si>
    <t>Sultanpura</t>
  </si>
  <si>
    <t>Raza Haider</t>
  </si>
  <si>
    <t>39747</t>
  </si>
  <si>
    <t>10610</t>
  </si>
  <si>
    <t>31311</t>
  </si>
  <si>
    <t>GHS CDG SANDA KALAN</t>
  </si>
  <si>
    <t>Main Bazar Near Chandni Chowk Sanda Kalan Lahore</t>
  </si>
  <si>
    <t>Main Bazar Sanda Kalan</t>
  </si>
  <si>
    <t>Masood Akhtar</t>
  </si>
  <si>
    <t>34347</t>
  </si>
  <si>
    <t>31312</t>
  </si>
  <si>
    <t>GHS CDG ISLAM PURA KRISHAN NAGAR</t>
  </si>
  <si>
    <t>CDG Boys High School Islampura Krishan Nagar Lahore</t>
  </si>
  <si>
    <t>JAVID ALI</t>
  </si>
  <si>
    <t>8505</t>
  </si>
  <si>
    <t>31313</t>
  </si>
  <si>
    <t>GHS CDG GOWALMANDI</t>
  </si>
  <si>
    <t>Gowalmandi Lahore</t>
  </si>
  <si>
    <t>Muhammad Tanvir Akbar</t>
  </si>
  <si>
    <t>31316</t>
  </si>
  <si>
    <t>GHS CDG JAHANGIR ABAD MISRI SHAH LAHORE</t>
  </si>
  <si>
    <t>CDG Boys High School Jahangir Abad Misri Shah Lhr</t>
  </si>
  <si>
    <t>Faiz Bagh</t>
  </si>
  <si>
    <t>Syed Raza Muhammad Shah</t>
  </si>
  <si>
    <t>31331</t>
  </si>
  <si>
    <t>GGHS CDG FACTORY AREA SHAHDARA</t>
  </si>
  <si>
    <t>C.D.G Girls High School Factory Area Shahdara Lahore</t>
  </si>
  <si>
    <t>saadia Shahzad</t>
  </si>
  <si>
    <t>31348</t>
  </si>
  <si>
    <t>GGHS SHER SHAH COLONY LAHORE</t>
  </si>
  <si>
    <t>A block sher Shah colony</t>
  </si>
  <si>
    <t>Sher Shah Colony</t>
  </si>
  <si>
    <t>Bhobtiyan</t>
  </si>
  <si>
    <t>27081</t>
  </si>
  <si>
    <t>40740</t>
  </si>
  <si>
    <t>54159</t>
  </si>
  <si>
    <t>GPS HAVELI SOHAN SOHAN SING</t>
  </si>
  <si>
    <t>Bhuchoki Mahja</t>
  </si>
  <si>
    <t>Jhalar sohan Singh Bhuchoki Mahja Raiwind Lahore</t>
  </si>
  <si>
    <t>Babalyana Ottar</t>
  </si>
  <si>
    <t>Parvaiz Mahmood</t>
  </si>
  <si>
    <t>54084</t>
  </si>
  <si>
    <t>GHS 531-A GULSHAN RAVI</t>
  </si>
  <si>
    <t>A Block Gulshan e Ravi</t>
  </si>
  <si>
    <t>531-A gulshan ravi , Lahore</t>
  </si>
  <si>
    <t>Gulshan  e Ravi</t>
  </si>
  <si>
    <t>Muhammad Shakeel</t>
  </si>
  <si>
    <t>31351</t>
  </si>
  <si>
    <t>GHS KOT PINDI DAS</t>
  </si>
  <si>
    <t>kot pindi das</t>
  </si>
  <si>
    <t>ghs kot pindi das</t>
  </si>
  <si>
    <t>shakir ali qureshi</t>
  </si>
  <si>
    <t>40806</t>
  </si>
  <si>
    <t>5424</t>
  </si>
  <si>
    <t>31354</t>
  </si>
  <si>
    <t>GHS KALA SHAH KAKU</t>
  </si>
  <si>
    <t>kala shah kaku</t>
  </si>
  <si>
    <t>shamky</t>
  </si>
  <si>
    <t>31355</t>
  </si>
  <si>
    <t>GHS BURJ ATTARI FEROZWALA</t>
  </si>
  <si>
    <t>Burj Attari Tehsil Ferozwala district Sheikhupura</t>
  </si>
  <si>
    <t>31361</t>
  </si>
  <si>
    <t>GHS NIZAM PUR DHACCA VILLAGE</t>
  </si>
  <si>
    <t>gHS nizam pura dhaka tehsil ferozwala SKP</t>
  </si>
  <si>
    <t>nizam pura dhaka</t>
  </si>
  <si>
    <t>muhammad iqbal kharl</t>
  </si>
  <si>
    <t>31362</t>
  </si>
  <si>
    <t>GHS SARDAR MODEL KOT ABDUL MALIK</t>
  </si>
  <si>
    <t>KOT ABDUL MALIK</t>
  </si>
  <si>
    <t>GOVERNMENT BOYS HIGH SCHOOL, KOT ABDUL MALIK.</t>
  </si>
  <si>
    <t>ABU ALKHAIR</t>
  </si>
  <si>
    <t>ch. Maqbool Hussain</t>
  </si>
  <si>
    <t>17567</t>
  </si>
  <si>
    <t>GGES WANDALA DIAL SHAH</t>
  </si>
  <si>
    <t>wandala dial shah</t>
  </si>
  <si>
    <t>Wandala Dial Shah</t>
  </si>
  <si>
    <t>Robina Akhter</t>
  </si>
  <si>
    <t>GPS CHAK NO 41</t>
  </si>
  <si>
    <t>FEROZWALA-III - MALE</t>
  </si>
  <si>
    <t>Chak 41</t>
  </si>
  <si>
    <t>Chak 41 UCC, Teh. Ferozewala, Distt. Sheikhupura</t>
  </si>
  <si>
    <t>38112</t>
  </si>
  <si>
    <t>31434</t>
  </si>
  <si>
    <t>GPS BUKAN WAL</t>
  </si>
  <si>
    <t>Bukanwal</t>
  </si>
  <si>
    <t>p/o baghbanpura bukanwal</t>
  </si>
  <si>
    <t>Bherth</t>
  </si>
  <si>
    <t>Sajjid Bashir</t>
  </si>
  <si>
    <t>31438</t>
  </si>
  <si>
    <t>GPS LABAN WALA</t>
  </si>
  <si>
    <t>lubanwala</t>
  </si>
  <si>
    <t>Irfan Siddique</t>
  </si>
  <si>
    <t>31479</t>
  </si>
  <si>
    <t>GGPS MODEL BHULAY DASAN WAL</t>
  </si>
  <si>
    <t>village bhullay</t>
  </si>
  <si>
    <t>Bhullay Dassan</t>
  </si>
  <si>
    <t>farkhanda parveen</t>
  </si>
  <si>
    <t>42780</t>
  </si>
  <si>
    <t>11228</t>
  </si>
  <si>
    <t>31495</t>
  </si>
  <si>
    <t>GPS NIZAM PUR DHAKA</t>
  </si>
  <si>
    <t>Sharqpur Khurd</t>
  </si>
  <si>
    <t>Bahar colony kot abdul maliktehsil ferozawala district sheikhupura</t>
  </si>
  <si>
    <t>Bahar Colony Kot Abdul Malik</t>
  </si>
  <si>
    <t>Bahar Colony</t>
  </si>
  <si>
    <t>Usman Ali</t>
  </si>
  <si>
    <t>31518</t>
  </si>
  <si>
    <t>GGHSS NANGAL SAHDAN</t>
  </si>
  <si>
    <t>NANGAL SAHDAN</t>
  </si>
  <si>
    <t>VILLAGE NANGAL SAHDAN TEHSILE MURIDKE DISTRICT SHEIKHUPURA</t>
  </si>
  <si>
    <t>SHAFQAT MUNIR</t>
  </si>
  <si>
    <t>31519</t>
  </si>
  <si>
    <t>GGHSS MURIDKE</t>
  </si>
  <si>
    <t>muridke town</t>
  </si>
  <si>
    <t>GOVT. GIRLS HIGHER SECONDARY SCHOOL NEAR RAILWAY CROSSING MURIDKE</t>
  </si>
  <si>
    <t>MURIDKE TOWN</t>
  </si>
  <si>
    <t>GHAZALA SHAHEEN</t>
  </si>
  <si>
    <t>31521</t>
  </si>
  <si>
    <t>GHS GHARIAL KALAN</t>
  </si>
  <si>
    <t>GHARIAL KALAN</t>
  </si>
  <si>
    <t>GHARIAL KALAN P/O SAME TEHSIL  MURIDKE DISTRICT  SHEIKHUPURA</t>
  </si>
  <si>
    <t>ZEERICK AZEEM</t>
  </si>
  <si>
    <t>11553</t>
  </si>
  <si>
    <t>31522</t>
  </si>
  <si>
    <t>GHS QILA MASSETAH MURIDKE</t>
  </si>
  <si>
    <t>Qila Maseeta Muridke</t>
  </si>
  <si>
    <t>qila Maseeeta</t>
  </si>
  <si>
    <t>noon</t>
  </si>
  <si>
    <t>ISHTIAQ AHMAD</t>
  </si>
  <si>
    <t>31523</t>
  </si>
  <si>
    <t>GHS KHUTHIALA VIRKAN</t>
  </si>
  <si>
    <t>Kuthiala Virkan</t>
  </si>
  <si>
    <t>kuthiala virkan</t>
  </si>
  <si>
    <t>Fiaz ali sherazi</t>
  </si>
  <si>
    <t>31528</t>
  </si>
  <si>
    <t>Ferozabad Narang</t>
  </si>
  <si>
    <t>Narang Urban</t>
  </si>
  <si>
    <t>DR HABIB AMJAD</t>
  </si>
  <si>
    <t>1613</t>
  </si>
  <si>
    <t>31529</t>
  </si>
  <si>
    <t>GHS KIRTO</t>
  </si>
  <si>
    <t>kirto</t>
  </si>
  <si>
    <t>village kirto post office pandori tehsil muridke district sheikhupura</t>
  </si>
  <si>
    <t>Kirto</t>
  </si>
  <si>
    <t>ADNAN FAISAL</t>
  </si>
  <si>
    <t>10296</t>
  </si>
  <si>
    <t>31532</t>
  </si>
  <si>
    <t>GGHS MARDANA</t>
  </si>
  <si>
    <t>Mardana</t>
  </si>
  <si>
    <t>mardana Sharif p/o narang mandi</t>
  </si>
  <si>
    <t>Mmahta Soja</t>
  </si>
  <si>
    <t>Zubia Jamil</t>
  </si>
  <si>
    <t>2.36946e+007</t>
  </si>
  <si>
    <t>12635</t>
  </si>
  <si>
    <t>9535</t>
  </si>
  <si>
    <t>37972</t>
  </si>
  <si>
    <t>31534</t>
  </si>
  <si>
    <t>GGHS GHARIAL KALAN</t>
  </si>
  <si>
    <t>Gharial Kalan</t>
  </si>
  <si>
    <t>Village Gharial Kalan</t>
  </si>
  <si>
    <t>Munaza Mustafa</t>
  </si>
  <si>
    <t>54320</t>
  </si>
  <si>
    <t>31546</t>
  </si>
  <si>
    <t>GES JATRIKE</t>
  </si>
  <si>
    <t>MURIDKE-II - MALE</t>
  </si>
  <si>
    <t>Jatrike</t>
  </si>
  <si>
    <t>jatrike</t>
  </si>
  <si>
    <t>Garyial Kalan</t>
  </si>
  <si>
    <t>Saifullah Jathol</t>
  </si>
  <si>
    <t>7115</t>
  </si>
  <si>
    <t>31548</t>
  </si>
  <si>
    <t>GES MARDANA</t>
  </si>
  <si>
    <t>mardana tehsil muridkay,sheikhupura</t>
  </si>
  <si>
    <t>Mehta Suja</t>
  </si>
  <si>
    <t>Mian Ijaz Ahmad</t>
  </si>
  <si>
    <t>36774</t>
  </si>
  <si>
    <t>27608</t>
  </si>
  <si>
    <t>9166</t>
  </si>
  <si>
    <t>31563</t>
  </si>
  <si>
    <t>GGHS NANGAL KASOWAL</t>
  </si>
  <si>
    <t>Nangal Kaswala</t>
  </si>
  <si>
    <t>GGHS NANGAL KASWALA</t>
  </si>
  <si>
    <t>6864</t>
  </si>
  <si>
    <t>GGES PAKHIALA HALQA KALA</t>
  </si>
  <si>
    <t>Pakhyala</t>
  </si>
  <si>
    <t>PAKHYALA</t>
  </si>
  <si>
    <t>Sajida Yasmeen</t>
  </si>
  <si>
    <t>2974</t>
  </si>
  <si>
    <t>31630</t>
  </si>
  <si>
    <t>GPS NANGAL ESSA</t>
  </si>
  <si>
    <t>MURIDKE-VI - MALE</t>
  </si>
  <si>
    <t>Nangal Essa</t>
  </si>
  <si>
    <t>nangal essa</t>
  </si>
  <si>
    <t>Nangal Sadah</t>
  </si>
  <si>
    <t>21085</t>
  </si>
  <si>
    <t>31632</t>
  </si>
  <si>
    <t>GPS NANGAL KAS WAL</t>
  </si>
  <si>
    <t>nangal kaswala</t>
  </si>
  <si>
    <t>31647</t>
  </si>
  <si>
    <t>GPS KAJLAY</t>
  </si>
  <si>
    <t>MURIDKE-III - MALE</t>
  </si>
  <si>
    <t>Kajlay</t>
  </si>
  <si>
    <t>kajlay</t>
  </si>
  <si>
    <t>Mehta Sooja</t>
  </si>
  <si>
    <t>Imram Hussain</t>
  </si>
  <si>
    <t>31652</t>
  </si>
  <si>
    <t>GPS JAJOGIL</t>
  </si>
  <si>
    <t>Jajogil</t>
  </si>
  <si>
    <t>village jajogill</t>
  </si>
  <si>
    <t>Mohammad Shakeel Ahmad</t>
  </si>
  <si>
    <t>54856</t>
  </si>
  <si>
    <t>31689</t>
  </si>
  <si>
    <t>GPS MUHAMMADI WALA</t>
  </si>
  <si>
    <t>MURIDKE-I - MALE</t>
  </si>
  <si>
    <t>Muhammadi Wala</t>
  </si>
  <si>
    <t>gps muhammadi wala post office Narang Mandi teh Muridke diss Sheikhupura</t>
  </si>
  <si>
    <t>Ladheykey</t>
  </si>
  <si>
    <t>12628</t>
  </si>
  <si>
    <t>3848</t>
  </si>
  <si>
    <t>GPS RATTA PIRAN</t>
  </si>
  <si>
    <t>MURIDKE-IX - MALE</t>
  </si>
  <si>
    <t>Ratta Gujjra</t>
  </si>
  <si>
    <t>ratta gujra</t>
  </si>
  <si>
    <t>Ratta Gujra</t>
  </si>
  <si>
    <t>31718</t>
  </si>
  <si>
    <t>GPS KOTLI KOROTANA</t>
  </si>
  <si>
    <t>Kotli Korotana</t>
  </si>
  <si>
    <t>mUHAMMAD hUSSAIN</t>
  </si>
  <si>
    <t>31775</t>
  </si>
  <si>
    <t>GGPS BHUDDAN KE</t>
  </si>
  <si>
    <t>Jalil Town</t>
  </si>
  <si>
    <t>29 km GT road muridke jalil town pakae</t>
  </si>
  <si>
    <t>Bhudhanky</t>
  </si>
  <si>
    <t>Nangalsadan</t>
  </si>
  <si>
    <t>Maryam Yousaf</t>
  </si>
  <si>
    <t>GGPS AWAAN MUSLIM</t>
  </si>
  <si>
    <t>Awan MUSlim</t>
  </si>
  <si>
    <t>via Narang Mandi awan muslim</t>
  </si>
  <si>
    <t>Awan MUSliMUSlim</t>
  </si>
  <si>
    <t>Surrya Sultana</t>
  </si>
  <si>
    <t>37343</t>
  </si>
  <si>
    <t>31813</t>
  </si>
  <si>
    <t>GGPS BHOOCH</t>
  </si>
  <si>
    <t>Bhooch</t>
  </si>
  <si>
    <t>Bhooch p.o hatcher teh Muridke Distt. sheikhupura</t>
  </si>
  <si>
    <t>Ghryal</t>
  </si>
  <si>
    <t>Munazza Batool</t>
  </si>
  <si>
    <t>31830</t>
  </si>
  <si>
    <t>GGPS SURMENDANI</t>
  </si>
  <si>
    <t>Surmendani</t>
  </si>
  <si>
    <t>Village Surmendani tehsil Muridke district sheikhupura</t>
  </si>
  <si>
    <t>Gharyal Kalan</t>
  </si>
  <si>
    <t>Aroosha Bajwa</t>
  </si>
  <si>
    <t>31836</t>
  </si>
  <si>
    <t>MURIDKE-VII - MALE</t>
  </si>
  <si>
    <t>Nangal sahdan</t>
  </si>
  <si>
    <t>Hussain Poor</t>
  </si>
  <si>
    <t>Hafiz Tahir mahmood</t>
  </si>
  <si>
    <t>45256</t>
  </si>
  <si>
    <t>31843</t>
  </si>
  <si>
    <t>GPS GHARIAL KALAN</t>
  </si>
  <si>
    <t>Gharial Kalan P/O Same</t>
  </si>
  <si>
    <t>Mohsin Ali Chand</t>
  </si>
  <si>
    <t>31863</t>
  </si>
  <si>
    <t>GPS LOHARAN WALA</t>
  </si>
  <si>
    <t>Loharanwala</t>
  </si>
  <si>
    <t>Lambre</t>
  </si>
  <si>
    <t>24607</t>
  </si>
  <si>
    <t>31864</t>
  </si>
  <si>
    <t>GHS JANDIALA KALSAN</t>
  </si>
  <si>
    <t>JANDIALA KALSAN, P.O NARANG MANDI, TEHSIL MURIDKEY DISTRICT SHEIKHUPURA</t>
  </si>
  <si>
    <t>Ratta Gujran</t>
  </si>
  <si>
    <t>MUHAMMAD KAMRAN SIDDIQUI</t>
  </si>
  <si>
    <t>39975</t>
  </si>
  <si>
    <t>31866</t>
  </si>
  <si>
    <t>GHSS AJNIAN WALA SHIEKHUPURA</t>
  </si>
  <si>
    <t>ajnainwala</t>
  </si>
  <si>
    <t>GOVT. PUBLIC HIGHER SECODNARY SCHOOL AJNAINWALA</t>
  </si>
  <si>
    <t>AJNAINWALA</t>
  </si>
  <si>
    <t>AJANIANWALA</t>
  </si>
  <si>
    <t>DR.TARIQ RIAZ</t>
  </si>
  <si>
    <t>31868</t>
  </si>
  <si>
    <t>GGHSS CHISHT NAGAR FAROOQ ABAD</t>
  </si>
  <si>
    <t>GGHSS Chisht nagar farooqabad</t>
  </si>
  <si>
    <t>Chisht Nagar Farooqabad</t>
  </si>
  <si>
    <t>Muncipal Comeett</t>
  </si>
  <si>
    <t>Kaneez Fatima Zaidi</t>
  </si>
  <si>
    <t>31871</t>
  </si>
  <si>
    <t>GHS TARIQ SHEIKHUPURA</t>
  </si>
  <si>
    <t>civil line sheikhupura</t>
  </si>
  <si>
    <t>Sheikhupura Urban 2</t>
  </si>
  <si>
    <t>Karim Bakhash</t>
  </si>
  <si>
    <t>23738</t>
  </si>
  <si>
    <t>31876</t>
  </si>
  <si>
    <t>GHS RASALA CHAK NO. 4</t>
  </si>
  <si>
    <t>Ghs rasala chak no 4</t>
  </si>
  <si>
    <t>Rasala Chak 4</t>
  </si>
  <si>
    <t>Bahuman</t>
  </si>
  <si>
    <t>Dr Zulfiqar Ali</t>
  </si>
  <si>
    <t>31890</t>
  </si>
  <si>
    <t>GHS MANAWALA P/O MANAWALA</t>
  </si>
  <si>
    <t>mananwala</t>
  </si>
  <si>
    <t>city mananwla</t>
  </si>
  <si>
    <t>city mananwala</t>
  </si>
  <si>
    <t>MUHAMMAD YAR SIALVI</t>
  </si>
  <si>
    <t>7245</t>
  </si>
  <si>
    <t>31893</t>
  </si>
  <si>
    <t>GHS JANDIALA SHER KHAN</t>
  </si>
  <si>
    <t>JANDIALA SHER KHAN</t>
  </si>
  <si>
    <t>MOHALLA REHMAN PURA</t>
  </si>
  <si>
    <t>WARIS SHAH</t>
  </si>
  <si>
    <t>31894</t>
  </si>
  <si>
    <t>GHSS COMPREHENSIVE SHEIKHUPURA</t>
  </si>
  <si>
    <t>Moh. Rasool nagar near Railway station SKP</t>
  </si>
  <si>
    <t>Moh. Rasool Nagar SKP</t>
  </si>
  <si>
    <t>GHS MALLIAN KALAN</t>
  </si>
  <si>
    <t>Malian Kalan</t>
  </si>
  <si>
    <t>Rana Ehsan ul Haq</t>
  </si>
  <si>
    <t>31912</t>
  </si>
  <si>
    <t>GGHS MC MODEL AKBER BAZAR SHEIKHUPURA</t>
  </si>
  <si>
    <t>Govt MC Model Girls High school Akbar Bazar skp</t>
  </si>
  <si>
    <t>Jinnah  Park Urban -5</t>
  </si>
  <si>
    <t>32220</t>
  </si>
  <si>
    <t>GPS MURADAY KALAN</t>
  </si>
  <si>
    <t>muraday kalam</t>
  </si>
  <si>
    <t>31919</t>
  </si>
  <si>
    <t>GES MC ALLAMA IQBAL PARK</t>
  </si>
  <si>
    <t>IQBAL PARK</t>
  </si>
  <si>
    <t>KHADIM HUSSAIN ROAD SHEIKHUPURA</t>
  </si>
  <si>
    <t>MUHAMMAD SHAFIQUE TAHIR</t>
  </si>
  <si>
    <t>31922</t>
  </si>
  <si>
    <t>GES BHATTAL</t>
  </si>
  <si>
    <t>Village Bathal</t>
  </si>
  <si>
    <t>GES Bathal</t>
  </si>
  <si>
    <t>Bathal</t>
  </si>
  <si>
    <t>Bharian Wala</t>
  </si>
  <si>
    <t>54894</t>
  </si>
  <si>
    <t>35066</t>
  </si>
  <si>
    <t>GHS MAHMON WALI</t>
  </si>
  <si>
    <t>MAHMONWALI</t>
  </si>
  <si>
    <t>GHS MAHMONWALI, TEH&amp;DISTT. SHEIKHUPURA</t>
  </si>
  <si>
    <t>TIBBI HUMBOO</t>
  </si>
  <si>
    <t>RANA ADEEL ARIF</t>
  </si>
  <si>
    <t>23206</t>
  </si>
  <si>
    <t>31938</t>
  </si>
  <si>
    <t>GES ESHERKE</t>
  </si>
  <si>
    <t>SHEIKHUPURA-XV - MALE</t>
  </si>
  <si>
    <t>Easherkey</t>
  </si>
  <si>
    <t>village easherkey</t>
  </si>
  <si>
    <t>Usman Sarwar</t>
  </si>
  <si>
    <t>31973</t>
  </si>
  <si>
    <t>GGHS VEERKA BATH</t>
  </si>
  <si>
    <t>govt Girls High School Veerka Bath SKP</t>
  </si>
  <si>
    <t>veerka bath</t>
  </si>
  <si>
    <t>keeley</t>
  </si>
  <si>
    <t>Sonia  Anam</t>
  </si>
  <si>
    <t>31992</t>
  </si>
  <si>
    <t>GGHS CHICHO KI MALIAN</t>
  </si>
  <si>
    <t>CHICHO KI MALIAN</t>
  </si>
  <si>
    <t>CHICHO KI MALIAN P/O MANOPUR</t>
  </si>
  <si>
    <t>32001</t>
  </si>
  <si>
    <t>GES MC MOHALLAH QADIR ABAD SHAH COLONY</t>
  </si>
  <si>
    <t>Mohallah Qadirabad Qadirabad</t>
  </si>
  <si>
    <t>Mohallah Qadirabad Sheikhupura.</t>
  </si>
  <si>
    <t>Bhadru</t>
  </si>
  <si>
    <t>Sheikhupura Urban2</t>
  </si>
  <si>
    <t>GPS JEVAN PURA KALAN</t>
  </si>
  <si>
    <t>Jevan Pura Kalan</t>
  </si>
  <si>
    <t>Haji Amnat Ali</t>
  </si>
  <si>
    <t>GPS CHAK NO. 9 UCC</t>
  </si>
  <si>
    <t>9 Chak</t>
  </si>
  <si>
    <t>chak no 9 sharaqpur road sheikhupura</t>
  </si>
  <si>
    <t>Waqas Riaz</t>
  </si>
  <si>
    <t>49427</t>
  </si>
  <si>
    <t>25953</t>
  </si>
  <si>
    <t>32063</t>
  </si>
  <si>
    <t>GPS MAKKI KOHNA</t>
  </si>
  <si>
    <t>Makki Kohna</t>
  </si>
  <si>
    <t>Makki kohna</t>
  </si>
  <si>
    <t>32245</t>
  </si>
  <si>
    <t>GGPS MALOWAL</t>
  </si>
  <si>
    <t>maloval</t>
  </si>
  <si>
    <t>Bariavala</t>
  </si>
  <si>
    <t>Tayyaba Mehmood</t>
  </si>
  <si>
    <t>32289</t>
  </si>
  <si>
    <t>GGPS THATHA QALANDAR SHAH</t>
  </si>
  <si>
    <t>Thatha Qalander Shah</t>
  </si>
  <si>
    <t>thatha qalander shah</t>
  </si>
  <si>
    <t>Sumera Sarwar</t>
  </si>
  <si>
    <t>GGPS JHENDA KOHNA</t>
  </si>
  <si>
    <t>Jhenda Kohna</t>
  </si>
  <si>
    <t>jhenda kohna teh and disst sheikhupura</t>
  </si>
  <si>
    <t>Maki 460</t>
  </si>
  <si>
    <t>Aleena Shabbir</t>
  </si>
  <si>
    <t>31053</t>
  </si>
  <si>
    <t>32341</t>
  </si>
  <si>
    <t>Farhat Nazir</t>
  </si>
  <si>
    <t>32346</t>
  </si>
  <si>
    <t>GGPS MOJAHID NAGAR</t>
  </si>
  <si>
    <t>Mujahid Nagar</t>
  </si>
  <si>
    <t>mujahid Nagar</t>
  </si>
  <si>
    <t>Tahira Ambar</t>
  </si>
  <si>
    <t>2122</t>
  </si>
  <si>
    <t>32422</t>
  </si>
  <si>
    <t>GGPS MC MUSLIM GUNJ</t>
  </si>
  <si>
    <t>gg ps mc muslim gunj sheikhupura</t>
  </si>
  <si>
    <t>Urban Muslim Gunj</t>
  </si>
  <si>
    <t>39959</t>
  </si>
  <si>
    <t>42315</t>
  </si>
  <si>
    <t>GGCMS DARNOIAN</t>
  </si>
  <si>
    <t>village darnoian tehsil kotli sattian rwp</t>
  </si>
  <si>
    <t>Darnoain</t>
  </si>
  <si>
    <t>TmC</t>
  </si>
  <si>
    <t>NEELUM YOUNIS</t>
  </si>
  <si>
    <t>stream</t>
  </si>
  <si>
    <t>4123</t>
  </si>
  <si>
    <t>5072</t>
  </si>
  <si>
    <t>42331</t>
  </si>
  <si>
    <t>GHS KANGAR</t>
  </si>
  <si>
    <t>Govt.High School Kangar Tehsil Gujar Khan RWP.</t>
  </si>
  <si>
    <t>39385</t>
  </si>
  <si>
    <t>42367</t>
  </si>
  <si>
    <t>GHS KALIAM AWAN</t>
  </si>
  <si>
    <t>kaliam awan</t>
  </si>
  <si>
    <t>VPO Kaliam awan tehsil gujarkhan district rawalpindi</t>
  </si>
  <si>
    <t>SAGHAR AYAZ AWAN</t>
  </si>
  <si>
    <t>GGHS JATLI</t>
  </si>
  <si>
    <t>JATLI</t>
  </si>
  <si>
    <t>vpo jatli teh gujar khan rwp</t>
  </si>
  <si>
    <t>SALMA NAUREEN</t>
  </si>
  <si>
    <t>GGES NARALI</t>
  </si>
  <si>
    <t>Narali</t>
  </si>
  <si>
    <t>V.P.O Narali</t>
  </si>
  <si>
    <t>Tayyaba Arif</t>
  </si>
  <si>
    <t>42459</t>
  </si>
  <si>
    <t>GGHSS CHAHARI KALIAL</t>
  </si>
  <si>
    <t>CHEHARI Kalyal KALYAL</t>
  </si>
  <si>
    <t>GGHSS CHEHARI KALYAL</t>
  </si>
  <si>
    <t>CHEHARI KALYAL</t>
  </si>
  <si>
    <t>GHUNGRILLA</t>
  </si>
  <si>
    <t>ABIDA PARVEEN</t>
  </si>
  <si>
    <t>5893</t>
  </si>
  <si>
    <t>GPS SAHAL KHINGER</t>
  </si>
  <si>
    <t>GUJAR KHAN -MALE</t>
  </si>
  <si>
    <t>sahal khinger</t>
  </si>
  <si>
    <t>jaroratial</t>
  </si>
  <si>
    <t>Muhammad Waheed Akhtar</t>
  </si>
  <si>
    <t>5892</t>
  </si>
  <si>
    <t>42505</t>
  </si>
  <si>
    <t>GPS SOHAWA MIRZA</t>
  </si>
  <si>
    <t>BEWAL-MALE</t>
  </si>
  <si>
    <t>Sohawa Mirza</t>
  </si>
  <si>
    <t>Village &amp;Po Sohawa Mirza</t>
  </si>
  <si>
    <t>Muhammad Akhlaq</t>
  </si>
  <si>
    <t>22493</t>
  </si>
  <si>
    <t>18795</t>
  </si>
  <si>
    <t>41559</t>
  </si>
  <si>
    <t>5854</t>
  </si>
  <si>
    <t>42515</t>
  </si>
  <si>
    <t>GPS MODEL MORA BIJJINAL</t>
  </si>
  <si>
    <t>CHANGA BANGIAL -FEMALE</t>
  </si>
  <si>
    <t>Daryal</t>
  </si>
  <si>
    <t>GMPS MORHA BAJINIAL</t>
  </si>
  <si>
    <t>Morha Bajnial</t>
  </si>
  <si>
    <t>14673</t>
  </si>
  <si>
    <t>48274</t>
  </si>
  <si>
    <t>42549</t>
  </si>
  <si>
    <t>GPS PRTALI KHURD</t>
  </si>
  <si>
    <t>DAULTALA - MALE</t>
  </si>
  <si>
    <t>Prtali Khurd</t>
  </si>
  <si>
    <t>partali khurd p/o Dehra Muslim G.khan Rwp</t>
  </si>
  <si>
    <t>Partali Khurd</t>
  </si>
  <si>
    <t>Krunb Ilyas</t>
  </si>
  <si>
    <t>Samina Sabir</t>
  </si>
  <si>
    <t>9067</t>
  </si>
  <si>
    <t>29423</t>
  </si>
  <si>
    <t>42637</t>
  </si>
  <si>
    <t>GGPS MOHRA FIROZAN</t>
  </si>
  <si>
    <t>Aheer</t>
  </si>
  <si>
    <t>mohra ferozan teh Gujar Khan</t>
  </si>
  <si>
    <t>Mohra Ferozan</t>
  </si>
  <si>
    <t>Jand Mehloo</t>
  </si>
  <si>
    <t>32387</t>
  </si>
  <si>
    <t>65552</t>
  </si>
  <si>
    <t>GPS MODEL MOHRI BARSAL</t>
  </si>
  <si>
    <t>Mohri Barsal</t>
  </si>
  <si>
    <t>v&amp;p mohri barsal</t>
  </si>
  <si>
    <t>Jero Ratyal</t>
  </si>
  <si>
    <t>Sumera Aslam</t>
  </si>
  <si>
    <t>42646</t>
  </si>
  <si>
    <t>GPS MODEL NALLA MALKAN</t>
  </si>
  <si>
    <t>Dara Kial</t>
  </si>
  <si>
    <t>Village Nalla Malkan p. O dara kial Tehsil Gujar Khan District Rawalpindi</t>
  </si>
  <si>
    <t>Nalla Malkan</t>
  </si>
  <si>
    <t>Aneela Saghir</t>
  </si>
  <si>
    <t>38018</t>
  </si>
  <si>
    <t>GGPS DHOK RAJGAN</t>
  </si>
  <si>
    <t>Jeroratiyal</t>
  </si>
  <si>
    <t>PS Dhok Rajgan</t>
  </si>
  <si>
    <t>Dhok Rajgan</t>
  </si>
  <si>
    <t>Asma Karamat</t>
  </si>
  <si>
    <t>5862</t>
  </si>
  <si>
    <t>42732</t>
  </si>
  <si>
    <t>GGPS MODEL KALARYALA</t>
  </si>
  <si>
    <t>PUNJGRAN -FEMALE</t>
  </si>
  <si>
    <t>Kallaryalla</t>
  </si>
  <si>
    <t>VPo Kallaryalla tehsil gujar Khan district rwp</t>
  </si>
  <si>
    <t>Punjgran</t>
  </si>
  <si>
    <t>Nosheen Raza</t>
  </si>
  <si>
    <t>26640</t>
  </si>
  <si>
    <t>8153</t>
  </si>
  <si>
    <t>42747</t>
  </si>
  <si>
    <t>GGPS MOHRA FATIMA</t>
  </si>
  <si>
    <t>Mohra Fatima</t>
  </si>
  <si>
    <t>village and p.o Mohra Fatima tehsil gujar khan distt rawalpindi</t>
  </si>
  <si>
    <t>Sobia Shaheen</t>
  </si>
  <si>
    <t>40697</t>
  </si>
  <si>
    <t>42751</t>
  </si>
  <si>
    <t>GGPS MODEL CHAKKI</t>
  </si>
  <si>
    <t>district Rawalpindi tehsil gujarkhan village chakki p/o machhia</t>
  </si>
  <si>
    <t>Tanzeela Batool</t>
  </si>
  <si>
    <t>44816</t>
  </si>
  <si>
    <t>42777</t>
  </si>
  <si>
    <t>GMPS BEGWAL</t>
  </si>
  <si>
    <t>BEGWAL</t>
  </si>
  <si>
    <t>village Begwal P/o Sasral Tehsil Gujarkhan District Rawalpindi</t>
  </si>
  <si>
    <t>HUMA ZAIB</t>
  </si>
  <si>
    <t>8458</t>
  </si>
  <si>
    <t>44683</t>
  </si>
  <si>
    <t>5863</t>
  </si>
  <si>
    <t>42795</t>
  </si>
  <si>
    <t>GGPS DHOK BHAWAL KHAN</t>
  </si>
  <si>
    <t>SAHANG -FEMALE</t>
  </si>
  <si>
    <t>DK Bahawal Khan</t>
  </si>
  <si>
    <t>distt rwp teh G khan PO Mandra</t>
  </si>
  <si>
    <t>Dk bahawal Khan</t>
  </si>
  <si>
    <t>Mandra</t>
  </si>
  <si>
    <t>Shamaila Kanwal</t>
  </si>
  <si>
    <t>32520</t>
  </si>
  <si>
    <t>27613</t>
  </si>
  <si>
    <t>42823</t>
  </si>
  <si>
    <t>GGPS POTHI</t>
  </si>
  <si>
    <t>vill pothi.po pothi.teh gujar khan.dist rwp</t>
  </si>
  <si>
    <t>SHAFAQ FAROOQ</t>
  </si>
  <si>
    <t>42833</t>
  </si>
  <si>
    <t>GPS DHOK HAJJIAN</t>
  </si>
  <si>
    <t>Manjotha</t>
  </si>
  <si>
    <t>GujarKhan</t>
  </si>
  <si>
    <t>Dhoke Hajjian</t>
  </si>
  <si>
    <t>Zubair Ahmed</t>
  </si>
  <si>
    <t>community</t>
  </si>
  <si>
    <t>42899</t>
  </si>
  <si>
    <t>GGHS TREEL</t>
  </si>
  <si>
    <t>Treel</t>
  </si>
  <si>
    <t>vill Treel, P. O Treel,Teh Kallar Syedan, Distt rwp</t>
  </si>
  <si>
    <t>10032</t>
  </si>
  <si>
    <t>41502</t>
  </si>
  <si>
    <t>GHSS ISLAMIA NO. 1 MURREE ROAD RAWALPINDI</t>
  </si>
  <si>
    <t>Arya mohallah</t>
  </si>
  <si>
    <t>CHAMAN ZAR</t>
  </si>
  <si>
    <t>Azeem Altaf Hashmi</t>
  </si>
  <si>
    <t>92752</t>
  </si>
  <si>
    <t>41509</t>
  </si>
  <si>
    <t>GHS COMPREHENSIVE RAWALPINDI</t>
  </si>
  <si>
    <t>Farooq e Azam Road Dhoke Kashmirian Rwp</t>
  </si>
  <si>
    <t>mirza akhlaq ahmed baig</t>
  </si>
  <si>
    <t>60167</t>
  </si>
  <si>
    <t>41519</t>
  </si>
  <si>
    <t>GHSS LOCO SHED</t>
  </si>
  <si>
    <t>Mungtal</t>
  </si>
  <si>
    <t>GOVT HIGHER SECONDARY SCHOOL LOCO SHED RAWALPINDI</t>
  </si>
  <si>
    <t>Mumgtal</t>
  </si>
  <si>
    <t>DHOKE MANGTAL</t>
  </si>
  <si>
    <t>MUSHTAQ AHMED SIAL</t>
  </si>
  <si>
    <t>GGHS NOOR ISLAMIA RWP</t>
  </si>
  <si>
    <t>Sattelite Town</t>
  </si>
  <si>
    <t>Saidpur Road, opposite Rasheed nursing home, Rwp</t>
  </si>
  <si>
    <t>Asghar Mall Scheme</t>
  </si>
  <si>
    <t>Tayyaba Rehana</t>
  </si>
  <si>
    <t>41520</t>
  </si>
  <si>
    <t>GHS MADRISA MILLIA ISLAMIA S.TOWN RAWALPINDI</t>
  </si>
  <si>
    <t>Katrian</t>
  </si>
  <si>
    <t>Govt Madrasa Millia Islamia High School SATELLITE Town Rawalpindi</t>
  </si>
  <si>
    <t>Dr. Muhammad Naeem Ullah Bajwa</t>
  </si>
  <si>
    <t>28743</t>
  </si>
  <si>
    <t>41526</t>
  </si>
  <si>
    <t>GHS ZIA-UL-ALOOM RAJA BAZAR</t>
  </si>
  <si>
    <t>Rawalpindi City</t>
  </si>
  <si>
    <t>Ghs zia ul uloom, raja bazar, rawalpindi</t>
  </si>
  <si>
    <t>Raja Bazar</t>
  </si>
  <si>
    <t>Purana Qilla</t>
  </si>
  <si>
    <t>Sheikh Tariq Husssin</t>
  </si>
  <si>
    <t>41602</t>
  </si>
  <si>
    <t>GGHS MUSLIM MURREE ROAD</t>
  </si>
  <si>
    <t>GGHS MUSLIM MURREE ROAD RWP</t>
  </si>
  <si>
    <t>LIAQUAT ROAD</t>
  </si>
  <si>
    <t>Sobia Amjad</t>
  </si>
  <si>
    <t>3034</t>
  </si>
  <si>
    <t>41543</t>
  </si>
  <si>
    <t>GHS MIRA MOHRA</t>
  </si>
  <si>
    <t>maira mohra</t>
  </si>
  <si>
    <t>village &amp; p/o maira mohra. chakbeli khan road. tehsil &amp; district rawalpindi.</t>
  </si>
  <si>
    <t>Maira Mohra</t>
  </si>
  <si>
    <t>42095</t>
  </si>
  <si>
    <t>GGHS KHADIJA</t>
  </si>
  <si>
    <t>govt khadija Girls high school ( Mohallah  Raja Sultan Rwp )</t>
  </si>
  <si>
    <t>moh Raja sultan</t>
  </si>
  <si>
    <t>IFFAT NASIM</t>
  </si>
  <si>
    <t>GGHS PAK ISLAMIA NO.1</t>
  </si>
  <si>
    <t>R-315 jhangi mohalla RWP</t>
  </si>
  <si>
    <t>jhangi mohalla</t>
  </si>
  <si>
    <t>shah Chan Charagh</t>
  </si>
  <si>
    <t>41582</t>
  </si>
  <si>
    <t>GGHS PAK ISLAMIA NO.3</t>
  </si>
  <si>
    <t>G. PAK ISLAMIA G/H/S NO. 3 JAHANGIRABAD RWP</t>
  </si>
  <si>
    <t>KARTARPURA</t>
  </si>
  <si>
    <t>saeeda muzaffar</t>
  </si>
  <si>
    <t>5910</t>
  </si>
  <si>
    <t>41614</t>
  </si>
  <si>
    <t>GES MUSLIM GULSHAN ABAD</t>
  </si>
  <si>
    <t>SHAKRIAL-MALE</t>
  </si>
  <si>
    <t>Akal Ghar</t>
  </si>
  <si>
    <t>gulshanabad rwp</t>
  </si>
  <si>
    <t>Gunjmandi</t>
  </si>
  <si>
    <t>Sajid  Masud</t>
  </si>
  <si>
    <t>GGHS JHANDA CHICHI</t>
  </si>
  <si>
    <t>R.W.P</t>
  </si>
  <si>
    <t>GOVT. GIRLS HIGH SCHOOL JHANDA CHICHI NEW CIVIL LINE RAWALPINDI</t>
  </si>
  <si>
    <t>JHANDA CHICHI</t>
  </si>
  <si>
    <t>SOBIA CHAUDHRY</t>
  </si>
  <si>
    <t>6246</t>
  </si>
  <si>
    <t>10137</t>
  </si>
  <si>
    <t>41657</t>
  </si>
  <si>
    <t>GGES NEW TOWN F- BLOCK</t>
  </si>
  <si>
    <t>new Katarian RWP</t>
  </si>
  <si>
    <t>F-block</t>
  </si>
  <si>
    <t>1.17975e+007</t>
  </si>
  <si>
    <t>41662</t>
  </si>
  <si>
    <t>GGES MC QASIM ABAD</t>
  </si>
  <si>
    <t>Qasimabad</t>
  </si>
  <si>
    <t>GGES MC Qasimabad Rwp</t>
  </si>
  <si>
    <t>41664</t>
  </si>
  <si>
    <t>GGHS TAKHAT PARI</t>
  </si>
  <si>
    <t>GGHS TAKHT PARI RAWALPINDI</t>
  </si>
  <si>
    <t>TAKHT PARI</t>
  </si>
  <si>
    <t>nadia shahbaz</t>
  </si>
  <si>
    <t>41669</t>
  </si>
  <si>
    <t>GGES DHAKALA</t>
  </si>
  <si>
    <t>Dhakala</t>
  </si>
  <si>
    <t>dhakala</t>
  </si>
  <si>
    <t>Sagri</t>
  </si>
  <si>
    <t>Shabana Nazeer</t>
  </si>
  <si>
    <t>4982</t>
  </si>
  <si>
    <t>37337</t>
  </si>
  <si>
    <t>32513</t>
  </si>
  <si>
    <t>41689</t>
  </si>
  <si>
    <t>Mial</t>
  </si>
  <si>
    <t>GGHS MIAL, RAWALPINDI</t>
  </si>
  <si>
    <t>mial</t>
  </si>
  <si>
    <t>parial</t>
  </si>
  <si>
    <t>Naima Tahir</t>
  </si>
  <si>
    <t>47441</t>
  </si>
  <si>
    <t>41709</t>
  </si>
  <si>
    <t>GPS TANVEER-UL-ISLAM DHOKE HUKAM DAD RWP</t>
  </si>
  <si>
    <t>Hukam Dad</t>
  </si>
  <si>
    <t>NE 2208,ST 18, DHOKE HUKAM DAD RWP</t>
  </si>
  <si>
    <t>Dhoke Hukam Dad</t>
  </si>
  <si>
    <t>22932</t>
  </si>
  <si>
    <t>41733</t>
  </si>
  <si>
    <t>GPS MAIRA KHURD</t>
  </si>
  <si>
    <t>CHAKRI-MALE</t>
  </si>
  <si>
    <t>Maira Khurd</t>
  </si>
  <si>
    <t>Teh/Distt Rawalpindi p/o and village Maira khurd</t>
  </si>
  <si>
    <t>Ranyal</t>
  </si>
  <si>
    <t>Rafhat Perveen</t>
  </si>
  <si>
    <t>23026</t>
  </si>
  <si>
    <t>41735</t>
  </si>
  <si>
    <t>GMPS PIND RANJHA</t>
  </si>
  <si>
    <t>Village pind ranjha tehsil rawalpindi</t>
  </si>
  <si>
    <t>Pind ranjha</t>
  </si>
  <si>
    <t>18761</t>
  </si>
  <si>
    <t>20176</t>
  </si>
  <si>
    <t>41740</t>
  </si>
  <si>
    <t>GMPS PIHAL</t>
  </si>
  <si>
    <t>BAGGA SHEIKHAN-FEMALE</t>
  </si>
  <si>
    <t>Piyal</t>
  </si>
  <si>
    <t>village piyal p/o jhatta hathial rawalpindi</t>
  </si>
  <si>
    <t>Tayba Sabir</t>
  </si>
  <si>
    <t>11691</t>
  </si>
  <si>
    <t>46912</t>
  </si>
  <si>
    <t>2827</t>
  </si>
  <si>
    <t>41742</t>
  </si>
  <si>
    <t>GMPS SAMLAL</t>
  </si>
  <si>
    <t>BASSALI - FEMALE</t>
  </si>
  <si>
    <t>Samlal</t>
  </si>
  <si>
    <t>village khas samlal</t>
  </si>
  <si>
    <t>Sadaf Gill</t>
  </si>
  <si>
    <t>GPS GHORA GUJRAN</t>
  </si>
  <si>
    <t>BASSALI MALE</t>
  </si>
  <si>
    <t>Gohra Gujran</t>
  </si>
  <si>
    <t>Gohra Gujran Po  
     pind  jhatla   Rawalpindi</t>
  </si>
  <si>
    <t>Takhat Pari</t>
  </si>
  <si>
    <t>27777</t>
  </si>
  <si>
    <t>41816</t>
  </si>
  <si>
    <t>GES GHLIA KALLAN</t>
  </si>
  <si>
    <t>Gheela Kalan</t>
  </si>
  <si>
    <t>Village Gheela Kalan, Post Office Chakri, Rawalpindi.</t>
  </si>
  <si>
    <t>Raja Ali Afzal Janjua</t>
  </si>
  <si>
    <t>41766</t>
  </si>
  <si>
    <t>GPS BANGIAL SAWAN</t>
  </si>
  <si>
    <t>Bangial Sawan</t>
  </si>
  <si>
    <t>vill bangial sawan p/o bassali teh / distt rwp</t>
  </si>
  <si>
    <t>Bassali</t>
  </si>
  <si>
    <t>Azhar Mahmood</t>
  </si>
  <si>
    <t>24044</t>
  </si>
  <si>
    <t>GES CHANI ALAM SHER</t>
  </si>
  <si>
    <t>CHANI ALAM SHER</t>
  </si>
  <si>
    <t>VILLAGE AND POST OFFICE CHANI ALAM SHER</t>
  </si>
  <si>
    <t>TAHIR ANJUM</t>
  </si>
  <si>
    <t>41771</t>
  </si>
  <si>
    <t>GPS DHOK HAMMIT</t>
  </si>
  <si>
    <t>JHATTA HATHIAL-MALE</t>
  </si>
  <si>
    <t>Dhoke Himmat</t>
  </si>
  <si>
    <t>3579</t>
  </si>
  <si>
    <t>9846</t>
  </si>
  <si>
    <t>32754</t>
  </si>
  <si>
    <t>41782</t>
  </si>
  <si>
    <t>GPS DEGAL</t>
  </si>
  <si>
    <t>degal</t>
  </si>
  <si>
    <t>village degal adyala road rwp</t>
  </si>
  <si>
    <t>Shahida Naureen</t>
  </si>
  <si>
    <t>2195</t>
  </si>
  <si>
    <t>7012</t>
  </si>
  <si>
    <t>41758</t>
  </si>
  <si>
    <t>GPS DHOK MUNSHI</t>
  </si>
  <si>
    <t>Dk Munshi Khan</t>
  </si>
  <si>
    <t>Dhoke munshi khan</t>
  </si>
  <si>
    <t>Naveed Ishrat</t>
  </si>
  <si>
    <t>41823</t>
  </si>
  <si>
    <t>GMPS KALI PARI</t>
  </si>
  <si>
    <t>Kali Pari</t>
  </si>
  <si>
    <t>Village Kali pari,Post office bhall, Rawalpindi</t>
  </si>
  <si>
    <t>Maria Kokeb</t>
  </si>
  <si>
    <t>272252</t>
  </si>
  <si>
    <t>boring well</t>
  </si>
  <si>
    <t>41834</t>
  </si>
  <si>
    <t>GMPS MORJHANG</t>
  </si>
  <si>
    <t>Morjhang</t>
  </si>
  <si>
    <t>village Morjhang post office Rupper kalan</t>
  </si>
  <si>
    <t>Iram Bibi</t>
  </si>
  <si>
    <t>41858</t>
  </si>
  <si>
    <t>village gangal p.o tatral</t>
  </si>
  <si>
    <t>Mehnaz Begum</t>
  </si>
  <si>
    <t>GGPS TIMBER RATIAL</t>
  </si>
  <si>
    <t>Timber Ratial</t>
  </si>
  <si>
    <t>village Timber ratial po kaliam Awan tehsil rawalpindi district rawalpindi</t>
  </si>
  <si>
    <t>Robina Bibi</t>
  </si>
  <si>
    <t>26397</t>
  </si>
  <si>
    <t>41904</t>
  </si>
  <si>
    <t>GGES JUMMAT MUGHAL</t>
  </si>
  <si>
    <t>jhammat Mughal</t>
  </si>
  <si>
    <t>MUNEEBA MUNIR</t>
  </si>
  <si>
    <t>41914</t>
  </si>
  <si>
    <t>GGES MERA MOHRA</t>
  </si>
  <si>
    <t>Mera Mohra</t>
  </si>
  <si>
    <t>village and PO box Mera Mohra, Rawalpindi</t>
  </si>
  <si>
    <t>Ruth Alter</t>
  </si>
  <si>
    <t>6805</t>
  </si>
  <si>
    <t>11143</t>
  </si>
  <si>
    <t>41936</t>
  </si>
  <si>
    <t>GGES JHARKI</t>
  </si>
  <si>
    <t>Jharaki</t>
  </si>
  <si>
    <t>vill and p/o jharaki</t>
  </si>
  <si>
    <t>Jhrakai</t>
  </si>
  <si>
    <t>Hinza Amjad</t>
  </si>
  <si>
    <t>7139</t>
  </si>
  <si>
    <t>24025</t>
  </si>
  <si>
    <t>GMPS LADIAN</t>
  </si>
  <si>
    <t>ladian</t>
  </si>
  <si>
    <t>Ladian</t>
  </si>
  <si>
    <t>Sabiha Yasmin</t>
  </si>
  <si>
    <t>GGPS LAKHAN</t>
  </si>
  <si>
    <t>ggps lakhan chakri road rwp</t>
  </si>
  <si>
    <t>Danish Amjad</t>
  </si>
  <si>
    <t>41966</t>
  </si>
  <si>
    <t>GGPS MODEL CHAKRAN</t>
  </si>
  <si>
    <t>KOLIAN HAMEED-FEMALE</t>
  </si>
  <si>
    <t>Chakran</t>
  </si>
  <si>
    <t>village chakran p/o Kolian hameed</t>
  </si>
  <si>
    <t>28140</t>
  </si>
  <si>
    <t>41972</t>
  </si>
  <si>
    <t>GMPS DHUMMA</t>
  </si>
  <si>
    <t>Dhumma</t>
  </si>
  <si>
    <t>village dhumma post office hajj complex</t>
  </si>
  <si>
    <t>Nabila Abbasi</t>
  </si>
  <si>
    <t>43775</t>
  </si>
  <si>
    <t>47540</t>
  </si>
  <si>
    <t>41990</t>
  </si>
  <si>
    <t>GMPS CHOKAR</t>
  </si>
  <si>
    <t>VPO CHOKAR RAWALPINDI</t>
  </si>
  <si>
    <t>Chokar</t>
  </si>
  <si>
    <t>Chountra</t>
  </si>
  <si>
    <t>saleema sadia</t>
  </si>
  <si>
    <t>GMPS JASWAL</t>
  </si>
  <si>
    <t>CHAKRI -FEMALE</t>
  </si>
  <si>
    <t>village jaswal post offices Tatral teh &amp; District RWP</t>
  </si>
  <si>
    <t>GHULAM KALSOOM</t>
  </si>
  <si>
    <t>GPS PIND NOSHERAY</t>
  </si>
  <si>
    <t>Pind Nosheray</t>
  </si>
  <si>
    <t>village pind nosheri tehsile taxila</t>
  </si>
  <si>
    <t>Thata Khalil</t>
  </si>
  <si>
    <t>Fakhar Mehmood</t>
  </si>
  <si>
    <t>26204</t>
  </si>
  <si>
    <t>25967</t>
  </si>
  <si>
    <t>25780</t>
  </si>
  <si>
    <t>42081</t>
  </si>
  <si>
    <t>village paswal teh taxila, rwp</t>
  </si>
  <si>
    <t>Thatta Khalil</t>
  </si>
  <si>
    <t>saira yasmeen</t>
  </si>
  <si>
    <t>D-17 housing society</t>
  </si>
  <si>
    <t>13272</t>
  </si>
  <si>
    <t>12940</t>
  </si>
  <si>
    <t>33556</t>
  </si>
  <si>
    <t>42085</t>
  </si>
  <si>
    <t>GPS BAJAR (BOYS)</t>
  </si>
  <si>
    <t>Bajar taxila</t>
  </si>
  <si>
    <t>Lab Thathu</t>
  </si>
  <si>
    <t>Inayat ul Haq</t>
  </si>
  <si>
    <t>36723</t>
  </si>
  <si>
    <t>42091</t>
  </si>
  <si>
    <t>GPS DHOK DURAB</t>
  </si>
  <si>
    <t>entrance village thatha khalil dhok durab tahsil taxila</t>
  </si>
  <si>
    <t>Dhok Durab</t>
  </si>
  <si>
    <t>local tuwell</t>
  </si>
  <si>
    <t>GGPS KOLIAN HAMID</t>
  </si>
  <si>
    <t>WAH CANTT - FEMALE</t>
  </si>
  <si>
    <t>p.o hmc village kolian</t>
  </si>
  <si>
    <t>Ghari Afghanna</t>
  </si>
  <si>
    <t>Ishrat Tahira</t>
  </si>
  <si>
    <t>4663</t>
  </si>
  <si>
    <t>35718</t>
  </si>
  <si>
    <t>42118</t>
  </si>
  <si>
    <t>GGPS DHOK SIDU</t>
  </si>
  <si>
    <t>Dhook Saidu</t>
  </si>
  <si>
    <t>dhook saidu Taxila</t>
  </si>
  <si>
    <t>Nusrat Bibi</t>
  </si>
  <si>
    <t>6557</t>
  </si>
  <si>
    <t>GHS MALOOT SATTIAN</t>
  </si>
  <si>
    <t>Village &amp; P/O Mirzapur, Mallot Sattian, Tehsil Kotli Sattian, District Rawalpindi.</t>
  </si>
  <si>
    <t>46442</t>
  </si>
  <si>
    <t>GES KARORE</t>
  </si>
  <si>
    <t>karore bala</t>
  </si>
  <si>
    <t>karore bala kotli sattian rawalpindi</t>
  </si>
  <si>
    <t>karore</t>
  </si>
  <si>
    <t>Mansoor Ahmed Abbasi</t>
  </si>
  <si>
    <t>39445</t>
  </si>
  <si>
    <t>42176</t>
  </si>
  <si>
    <t>GGHS MOHRI</t>
  </si>
  <si>
    <t>Karore rural</t>
  </si>
  <si>
    <t>gghs mohri kotli sattian Rawalpindi</t>
  </si>
  <si>
    <t>40002</t>
  </si>
  <si>
    <t>GGHS THOON</t>
  </si>
  <si>
    <t>government girls high school, thoon,kotli sattian.</t>
  </si>
  <si>
    <t>Thoon</t>
  </si>
  <si>
    <t>Bhattian</t>
  </si>
  <si>
    <t>Qudsia Hussan</t>
  </si>
  <si>
    <t>28865</t>
  </si>
  <si>
    <t>GPS ASKEER</t>
  </si>
  <si>
    <t>Askeer</t>
  </si>
  <si>
    <t>moza askeer village mori tehseel kotli sattian district rawalpindi</t>
  </si>
  <si>
    <t>Ehtisham Raja</t>
  </si>
  <si>
    <t>4155</t>
  </si>
  <si>
    <t>42193</t>
  </si>
  <si>
    <t>GMPS BISSA</t>
  </si>
  <si>
    <t>KARORE - FEMALE</t>
  </si>
  <si>
    <t>Bissa</t>
  </si>
  <si>
    <t>village Bissa.pro karor</t>
  </si>
  <si>
    <t>Karor</t>
  </si>
  <si>
    <t>Saqiba Jabeen</t>
  </si>
  <si>
    <t>chashm</t>
  </si>
  <si>
    <t>42195</t>
  </si>
  <si>
    <t>GES BRAWARA</t>
  </si>
  <si>
    <t>Malot Sattian</t>
  </si>
  <si>
    <t>brawara malot sattian tehsil kotli sattian district rawalpindi</t>
  </si>
  <si>
    <t>Brawara</t>
  </si>
  <si>
    <t>Afaq Khalid</t>
  </si>
  <si>
    <t>17809</t>
  </si>
  <si>
    <t>18636</t>
  </si>
  <si>
    <t>42208</t>
  </si>
  <si>
    <t>GES NAMB DARA</t>
  </si>
  <si>
    <t>Anwali</t>
  </si>
  <si>
    <t>Anwali,kotli Sattian,Rawalpindi</t>
  </si>
  <si>
    <t>Maillot Sattian</t>
  </si>
  <si>
    <t>Pervaiz Akhtar</t>
  </si>
  <si>
    <t>47511</t>
  </si>
  <si>
    <t>GPS KALLAN</t>
  </si>
  <si>
    <t>Kallan Basand</t>
  </si>
  <si>
    <t>kallan basand</t>
  </si>
  <si>
    <t>Kallan</t>
  </si>
  <si>
    <t>Nazish Jamil</t>
  </si>
  <si>
    <t>GPS KARI AURANGA</t>
  </si>
  <si>
    <t>Korina Kalan</t>
  </si>
  <si>
    <t>dhoke gihal vlg  korina kallan p\o and tehsil
 Kotli sattain</t>
  </si>
  <si>
    <t>Gihal</t>
  </si>
  <si>
    <t>Mallot</t>
  </si>
  <si>
    <t>6415</t>
  </si>
  <si>
    <t>GPS KARL</t>
  </si>
  <si>
    <t>Karl</t>
  </si>
  <si>
    <t>Village Karl Tehsil Kotli Sattian</t>
  </si>
  <si>
    <t>TMC Kotli Sattian</t>
  </si>
  <si>
    <t>16687</t>
  </si>
  <si>
    <t>5901</t>
  </si>
  <si>
    <t>42229</t>
  </si>
  <si>
    <t>GPS KOTLI SATTIAN</t>
  </si>
  <si>
    <t>LEHTRAR -MALE</t>
  </si>
  <si>
    <t>sirmandal</t>
  </si>
  <si>
    <t>village kotli sattian,P.O Kotli sattian tehsil kotli sattian, dist rawalpindi</t>
  </si>
  <si>
    <t>kotli sattian</t>
  </si>
  <si>
    <t>farhana shabbir</t>
  </si>
  <si>
    <t>42235</t>
  </si>
  <si>
    <t>GGPS KAHNI</t>
  </si>
  <si>
    <t>Kallan Bsand</t>
  </si>
  <si>
    <t>village Kahni post office aryari</t>
  </si>
  <si>
    <t>Kahni</t>
  </si>
  <si>
    <t>Krore</t>
  </si>
  <si>
    <t>Nahida Shaheen</t>
  </si>
  <si>
    <t>42238</t>
  </si>
  <si>
    <t>GGPS KALLAN</t>
  </si>
  <si>
    <t>village kallan p.o kallan Bassand Tehsil kotli sattian Dist Rwp</t>
  </si>
  <si>
    <t>Kallan Bassand</t>
  </si>
  <si>
    <t>Shagufta Naz</t>
  </si>
  <si>
    <t>42245</t>
  </si>
  <si>
    <t>GGPS LOWER DHIR KOT SATTIAN</t>
  </si>
  <si>
    <t>Lower Dheer Kot</t>
  </si>
  <si>
    <t>lower Dheer kot Sattian p.of Dheer kot Sattian teh kotli sattian</t>
  </si>
  <si>
    <t>Dheer Kot Kthwalan</t>
  </si>
  <si>
    <t>Dheer Kot Sattian</t>
  </si>
  <si>
    <t>42292</t>
  </si>
  <si>
    <t>GGPS CHEWIRA</t>
  </si>
  <si>
    <t>KOTLI SATTIAN - FEMALE</t>
  </si>
  <si>
    <t>Chewra</t>
  </si>
  <si>
    <t>vill chewra kotli sattian</t>
  </si>
  <si>
    <t>Sumaira Begum</t>
  </si>
  <si>
    <t>21168</t>
  </si>
  <si>
    <t>20124</t>
  </si>
  <si>
    <t>42683</t>
  </si>
  <si>
    <t>42252</t>
  </si>
  <si>
    <t>GMPS MOUCHA</t>
  </si>
  <si>
    <t>BHATTIAN -FEMALE</t>
  </si>
  <si>
    <t>village moucha, post office karore, kotli sattian Rawalpindi.</t>
  </si>
  <si>
    <t>Moucha</t>
  </si>
  <si>
    <t>Saima Yasir</t>
  </si>
  <si>
    <t>tap</t>
  </si>
  <si>
    <t>11259</t>
  </si>
  <si>
    <t>42257</t>
  </si>
  <si>
    <t>GGPS OJNA</t>
  </si>
  <si>
    <t>MALLOT SATTIANS - FEMALE</t>
  </si>
  <si>
    <t>Ojna</t>
  </si>
  <si>
    <t>GGPS ojna p.o mirza por tehsil kotli sattian dist rwp</t>
  </si>
  <si>
    <t>Aqsa Parveen</t>
  </si>
  <si>
    <t>2708</t>
  </si>
  <si>
    <t>42283</t>
  </si>
  <si>
    <t>GGES BARIAN PETHORA</t>
  </si>
  <si>
    <t>Barian</t>
  </si>
  <si>
    <t>GGES Barian Pethora</t>
  </si>
  <si>
    <t>Yasreen Akhtar</t>
  </si>
  <si>
    <t>24563</t>
  </si>
  <si>
    <t>15957</t>
  </si>
  <si>
    <t>42285</t>
  </si>
  <si>
    <t>GGPS BEGAL</t>
  </si>
  <si>
    <t>Waghal Chajjana</t>
  </si>
  <si>
    <t>gmps begal</t>
  </si>
  <si>
    <t>Begal</t>
  </si>
  <si>
    <t>Zanaib Bibi</t>
  </si>
  <si>
    <t>42291</t>
  </si>
  <si>
    <t>GGPS CHAJANA KHAS</t>
  </si>
  <si>
    <t>vilage chajana p/dhanda teh kotli sattian distt Rwp</t>
  </si>
  <si>
    <t>Robia Kousar</t>
  </si>
  <si>
    <t>41129</t>
  </si>
  <si>
    <t>42294</t>
  </si>
  <si>
    <t>GGPS DANNA NARRAT</t>
  </si>
  <si>
    <t>Po box dhanda teh kotli sattiyan dist rwp</t>
  </si>
  <si>
    <t>Danna narat bilgaran</t>
  </si>
  <si>
    <t>Water pipe line</t>
  </si>
  <si>
    <t>11389</t>
  </si>
  <si>
    <t>42301</t>
  </si>
  <si>
    <t>GGPS GULYAL</t>
  </si>
  <si>
    <t>Vil gulyal po mallot sattian teh kotli sattian dis rwp</t>
  </si>
  <si>
    <t>Saima Kousar</t>
  </si>
  <si>
    <t>8929</t>
  </si>
  <si>
    <t>42304</t>
  </si>
  <si>
    <t>GGPS KAMRA NO 1</t>
  </si>
  <si>
    <t>village kamra post office kahuti tehsil kotlisattian.</t>
  </si>
  <si>
    <t>Rozia Naz</t>
  </si>
  <si>
    <t>GGES KARL</t>
  </si>
  <si>
    <t>Village karl p/o kottli sattian district rawalpindi</t>
  </si>
  <si>
    <t>Tmc</t>
  </si>
  <si>
    <t>Ammara Zulfiqar</t>
  </si>
  <si>
    <t>39969</t>
  </si>
  <si>
    <t>GPS DHOK KAWA</t>
  </si>
  <si>
    <t>HAZRO 1 - MALE</t>
  </si>
  <si>
    <t>Muraria</t>
  </si>
  <si>
    <t>Dhoke Kawa  Teh Hazro Distt Attock</t>
  </si>
  <si>
    <t>Dhoke Kawa</t>
  </si>
  <si>
    <t>Tanweer Ahmed</t>
  </si>
  <si>
    <t>37628</t>
  </si>
  <si>
    <t>31090</t>
  </si>
  <si>
    <t>30428</t>
  </si>
  <si>
    <t>662</t>
  </si>
  <si>
    <t>40052</t>
  </si>
  <si>
    <t>GHSS MC ISLAMIA JHELUM</t>
  </si>
  <si>
    <t>MUHAMMADI CHOWK</t>
  </si>
  <si>
    <t>GOVT. MC ISLAMIA HIGHER SECONDARY SCHOOL JHELUM</t>
  </si>
  <si>
    <t>ISLAMIA SCHOOL</t>
  </si>
  <si>
    <t>JHELUM CITY</t>
  </si>
  <si>
    <t>RANA MUHAMMAD AZAM KHAN</t>
  </si>
  <si>
    <t>40053</t>
  </si>
  <si>
    <t>GHS COMPREHENSIVE JHELUM</t>
  </si>
  <si>
    <t>Old GT Road Jhelum</t>
  </si>
  <si>
    <t>4563</t>
  </si>
  <si>
    <t>40068</t>
  </si>
  <si>
    <t>GGHSS NO.1 JHELUM</t>
  </si>
  <si>
    <t>g.g.h.s.s no 01 jhelum civil line near Imam bargah jhelum</t>
  </si>
  <si>
    <t>City Jhelum</t>
  </si>
  <si>
    <t>Safia Cheema</t>
  </si>
  <si>
    <t>40083</t>
  </si>
  <si>
    <t>GHS KASHMIR COLONY JHELUM</t>
  </si>
  <si>
    <t>kashmir colony</t>
  </si>
  <si>
    <t>ghs kashmir colony jhelum</t>
  </si>
  <si>
    <t>Mazhar Hussain Chaudhri</t>
  </si>
  <si>
    <t>40094</t>
  </si>
  <si>
    <t>GES CHAK JAMAL</t>
  </si>
  <si>
    <t>GHARMALA - MALE</t>
  </si>
  <si>
    <t>chak jamal</t>
  </si>
  <si>
    <t>Village Chak Jamal tehsil and district Jhelum</t>
  </si>
  <si>
    <t>54142</t>
  </si>
  <si>
    <t>10081</t>
  </si>
  <si>
    <t>40098</t>
  </si>
  <si>
    <t>GGHS KASHMIR COLONY</t>
  </si>
  <si>
    <t>KASHMIR COLONY</t>
  </si>
  <si>
    <t>GOVT.GIRLS HIGH SCHOOL KASHMIR COLONY JHELUM</t>
  </si>
  <si>
    <t>JADA</t>
  </si>
  <si>
    <t>NOREEN FAZAL</t>
  </si>
  <si>
    <t>8476</t>
  </si>
  <si>
    <t>25861</t>
  </si>
  <si>
    <t>24055</t>
  </si>
  <si>
    <t>17860</t>
  </si>
  <si>
    <t>40102</t>
  </si>
  <si>
    <t>GGHS PAKHWAL</t>
  </si>
  <si>
    <t>pakhwal</t>
  </si>
  <si>
    <t>G.G.H.S  Nai Abadi Pakhwal</t>
  </si>
  <si>
    <t>ghazala perveen</t>
  </si>
  <si>
    <t>10404</t>
  </si>
  <si>
    <t>40166</t>
  </si>
  <si>
    <t>GPS KIRRI AFGHANA</t>
  </si>
  <si>
    <t>Kirri</t>
  </si>
  <si>
    <t>village kirri afghan p/o chack doulat tehsil&amp; distt Jhelum</t>
  </si>
  <si>
    <t>Kirri Afghana</t>
  </si>
  <si>
    <t>Bokan</t>
  </si>
  <si>
    <t>Fatima Bukhari</t>
  </si>
  <si>
    <t>8803</t>
  </si>
  <si>
    <t>53924</t>
  </si>
  <si>
    <t>40169</t>
  </si>
  <si>
    <t>GPS MAKDOOM PUR BAILY</t>
  </si>
  <si>
    <t>Langer Pur</t>
  </si>
  <si>
    <t>village Langer pur baili p.o. kala dev teh &amp;distt Jhelum!</t>
  </si>
  <si>
    <t>Makhdoom Pur Baily</t>
  </si>
  <si>
    <t>40179</t>
  </si>
  <si>
    <t>GPS BAILY BHARWAL</t>
  </si>
  <si>
    <t>Beli Bahar Wal</t>
  </si>
  <si>
    <t>village Beli BaharWal  Jhelum post office nougran</t>
  </si>
  <si>
    <t>Kotla Faqeer</t>
  </si>
  <si>
    <t>Moin Anwer</t>
  </si>
  <si>
    <t>40192</t>
  </si>
  <si>
    <t>GGPS NO. 4 KALA GUJRAN</t>
  </si>
  <si>
    <t>GGPS NO 4 KALA GUJRAN JHELUM</t>
  </si>
  <si>
    <t>Nida Rafique</t>
  </si>
  <si>
    <t>40193</t>
  </si>
  <si>
    <t>GGES NO. 2 KALA GUJRAN</t>
  </si>
  <si>
    <t>GGES NO.2 KALA GUJRAN</t>
  </si>
  <si>
    <t>50944</t>
  </si>
  <si>
    <t>14896</t>
  </si>
  <si>
    <t>35639</t>
  </si>
  <si>
    <t>40222</t>
  </si>
  <si>
    <t>GMPS KOT BASIRA</t>
  </si>
  <si>
    <t>kotbasira</t>
  </si>
  <si>
    <t>vpo Kotbasira teh jhelum distt jhelum</t>
  </si>
  <si>
    <t>kot basira</t>
  </si>
  <si>
    <t>50217</t>
  </si>
  <si>
    <t>40274</t>
  </si>
  <si>
    <t>GPS DHOK FIRDOUS</t>
  </si>
  <si>
    <t>JHELUM - MALE</t>
  </si>
  <si>
    <t>Dhok Firdous Jhelum</t>
  </si>
  <si>
    <t>dhok firdous jhelum</t>
  </si>
  <si>
    <t>Dhok Firdous</t>
  </si>
  <si>
    <t>Tayaba Jabeen</t>
  </si>
  <si>
    <t>45360</t>
  </si>
  <si>
    <t>40289</t>
  </si>
  <si>
    <t>GHS WAGH</t>
  </si>
  <si>
    <t>Wagh</t>
  </si>
  <si>
    <t>vpo wagh jhelum</t>
  </si>
  <si>
    <t>Jalalpur Sharif</t>
  </si>
  <si>
    <t>Abdulrauf</t>
  </si>
  <si>
    <t>40336</t>
  </si>
  <si>
    <t>GPS DHOK NOORA</t>
  </si>
  <si>
    <t>LILLA - MALE</t>
  </si>
  <si>
    <t>Dhok noora</t>
  </si>
  <si>
    <t>dhok noora p do khan jhelum</t>
  </si>
  <si>
    <t>Dhok Noora</t>
  </si>
  <si>
    <t>25080</t>
  </si>
  <si>
    <t>40338</t>
  </si>
  <si>
    <t>GPS PIR KHARA</t>
  </si>
  <si>
    <t>Pir khara</t>
  </si>
  <si>
    <t>village pir khara post office Lilla tehsil Pind dadan khan district jhelum</t>
  </si>
  <si>
    <t>TANVEER AHMAD</t>
  </si>
  <si>
    <t>11013</t>
  </si>
  <si>
    <t>49429</t>
  </si>
  <si>
    <t>40348</t>
  </si>
  <si>
    <t>GPS MALYAR</t>
  </si>
  <si>
    <t>Kot Lakhyal</t>
  </si>
  <si>
    <t>GPS Malyar Tehsil Pind dadan khan District Jhelum</t>
  </si>
  <si>
    <t>Karam Ali</t>
  </si>
  <si>
    <t>40350</t>
  </si>
  <si>
    <t>GPS LANGER</t>
  </si>
  <si>
    <t>langer</t>
  </si>
  <si>
    <t>vpo Langar tensile pind dadan khan district jhelum</t>
  </si>
  <si>
    <t>Faisal Iqbal</t>
  </si>
  <si>
    <t>19340</t>
  </si>
  <si>
    <t>40390</t>
  </si>
  <si>
    <t>GPS KAYRALA JALIP</t>
  </si>
  <si>
    <t>Karyala Jalip</t>
  </si>
  <si>
    <t>Karyala jalip</t>
  </si>
  <si>
    <t>Mehmood Ahmad</t>
  </si>
  <si>
    <t>40397</t>
  </si>
  <si>
    <t>GPS ISMAIL WAL</t>
  </si>
  <si>
    <t>CHAK SHADI - MALE</t>
  </si>
  <si>
    <t>Ismailwal</t>
  </si>
  <si>
    <t>po gharib wal cement factory tehsil pind dadan khan district jhelum</t>
  </si>
  <si>
    <t>Sauwal</t>
  </si>
  <si>
    <t>M Arshid</t>
  </si>
  <si>
    <t>11960</t>
  </si>
  <si>
    <t>40442</t>
  </si>
  <si>
    <t>GMPS NAGIAL</t>
  </si>
  <si>
    <t>JALALPUR SHARIF - FEMALE</t>
  </si>
  <si>
    <t>vpo Nagial tehsil p. d.khan  district jhelum</t>
  </si>
  <si>
    <t>Jalal Pur Sharf</t>
  </si>
  <si>
    <t>Zareena Akhtar</t>
  </si>
  <si>
    <t>40460</t>
  </si>
  <si>
    <t>GGPS JUTTANA NO.1</t>
  </si>
  <si>
    <t>Jotana1</t>
  </si>
  <si>
    <t>GGPSNo1Jotana village  jotana. tehsil.  pond dadan khan district. Jhelum</t>
  </si>
  <si>
    <t>Jotana</t>
  </si>
  <si>
    <t>isra feen</t>
  </si>
  <si>
    <t>17974</t>
  </si>
  <si>
    <t>30048</t>
  </si>
  <si>
    <t>10914</t>
  </si>
  <si>
    <t>40465</t>
  </si>
  <si>
    <t>GGMPS WARA PHAPHRA</t>
  </si>
  <si>
    <t>GUJJAR-FEMALE</t>
  </si>
  <si>
    <t>Wara Phaphra</t>
  </si>
  <si>
    <t>vpo wara phaphra district jhelum tehsil pd khan</t>
  </si>
  <si>
    <t>Maleeha Farman</t>
  </si>
  <si>
    <t>42342</t>
  </si>
  <si>
    <t>37880</t>
  </si>
  <si>
    <t>40494</t>
  </si>
  <si>
    <t>GMPS SEHOTRA</t>
  </si>
  <si>
    <t>Sehotra</t>
  </si>
  <si>
    <t>Village Sehotra Tahseel Pind Dadan khan District Jhelum</t>
  </si>
  <si>
    <t>Firdous Bashir</t>
  </si>
  <si>
    <t>46944</t>
  </si>
  <si>
    <t>40501</t>
  </si>
  <si>
    <t>GGPS KULIWAL</t>
  </si>
  <si>
    <t>Dhoke Kuliwal</t>
  </si>
  <si>
    <t>Dhoke Kuliwal P O Khewra Tehsil PDKhan Distt Jhelum</t>
  </si>
  <si>
    <t>MC P D Khan</t>
  </si>
  <si>
    <t>Aasima Batool</t>
  </si>
  <si>
    <t>Bore water</t>
  </si>
  <si>
    <t>13611</t>
  </si>
  <si>
    <t>40503</t>
  </si>
  <si>
    <t>GMPS WARA BULAND KHAN</t>
  </si>
  <si>
    <t>Wara Buland Khan</t>
  </si>
  <si>
    <t>GMPS Wara Buland Khan 
Village Wara Buland Khan P.O.Box office Khewra
Tehsil P.D.Khan
Dist Jhelum</t>
  </si>
  <si>
    <t>Khewra 2</t>
  </si>
  <si>
    <t>Sabah Rubab</t>
  </si>
  <si>
    <t>23961</t>
  </si>
  <si>
    <t>40511</t>
  </si>
  <si>
    <t>GGMPS MANDHAR</t>
  </si>
  <si>
    <t>TOBHA-FEMALE</t>
  </si>
  <si>
    <t>Gmps Mandhar</t>
  </si>
  <si>
    <t>Sidra Anwar</t>
  </si>
  <si>
    <t>18678</t>
  </si>
  <si>
    <t>21591</t>
  </si>
  <si>
    <t>40536</t>
  </si>
  <si>
    <t>GGHS MC KHEWRA</t>
  </si>
  <si>
    <t>Mc Khewra</t>
  </si>
  <si>
    <t>Fehmida Akhtar</t>
  </si>
  <si>
    <t>40537</t>
  </si>
  <si>
    <t>GGMPS JUNDARAAN</t>
  </si>
  <si>
    <t>Jandran</t>
  </si>
  <si>
    <t>Village Jandran PO Malyar Tehsil P.D Khan Distt Jhelum</t>
  </si>
  <si>
    <t>Afshan Yasin</t>
  </si>
  <si>
    <t>9165</t>
  </si>
  <si>
    <t>46063</t>
  </si>
  <si>
    <t>40543</t>
  </si>
  <si>
    <t>GMPS CHANIDH</t>
  </si>
  <si>
    <t>Chanadh</t>
  </si>
  <si>
    <t>village chanadh po nagial teh p d khan district Jhelum</t>
  </si>
  <si>
    <t>Raheela Rafiq</t>
  </si>
  <si>
    <t>8711</t>
  </si>
  <si>
    <t>45488</t>
  </si>
  <si>
    <t>40548</t>
  </si>
  <si>
    <t>GGHSS DOMELI</t>
  </si>
  <si>
    <t>govt.girls higher secondary school domeli</t>
  </si>
  <si>
    <t>MUSRAT YASMIN</t>
  </si>
  <si>
    <t>GHS BARA GOWAH</t>
  </si>
  <si>
    <t>Baragowah</t>
  </si>
  <si>
    <t>GHS Baragowah Sohawa Jhelum</t>
  </si>
  <si>
    <t>JAMIL ASIF</t>
  </si>
  <si>
    <t>39296</t>
  </si>
  <si>
    <t>GHS KAROUNTA</t>
  </si>
  <si>
    <t>Karounta</t>
  </si>
  <si>
    <t>village: karounta, Post Office: Karounta, tehsil: sohawa, District Jhelum</t>
  </si>
  <si>
    <t>Muhammad Tausif</t>
  </si>
  <si>
    <t>18127</t>
  </si>
  <si>
    <t>40565</t>
  </si>
  <si>
    <t>GGHS SURGDHAN</t>
  </si>
  <si>
    <t>Govt. Girls High School Surgdhan Tehsil Sohawa Distt. Jhelum</t>
  </si>
  <si>
    <t>Ghausia Bibi</t>
  </si>
  <si>
    <t>40569</t>
  </si>
  <si>
    <t>GGHS LEHRI</t>
  </si>
  <si>
    <t>GOVT GIRLS HIGH SCHOOL LEHRI TEH SOHAWA DISTT JHELUM</t>
  </si>
  <si>
    <t>RUBINA ANWAAR KIYANI</t>
  </si>
  <si>
    <t>7664</t>
  </si>
  <si>
    <t>40571</t>
  </si>
  <si>
    <t>GGHS BARA GOWAH</t>
  </si>
  <si>
    <t>GGHS Baragowah P/O Baragwoah Tehsil Sohawa Distt. Jhelum</t>
  </si>
  <si>
    <t>norin akhtar</t>
  </si>
  <si>
    <t>water supply scheme</t>
  </si>
  <si>
    <t>41162</t>
  </si>
  <si>
    <t>GMPS NAI ABADI SOHAWA</t>
  </si>
  <si>
    <t>mohalla nai abadi ward no 5 post office sohawa teh sohawa distt jhelum</t>
  </si>
  <si>
    <t>Sadaf Kayani</t>
  </si>
  <si>
    <t>36416</t>
  </si>
  <si>
    <t>38298</t>
  </si>
  <si>
    <t>40592</t>
  </si>
  <si>
    <t>GGHS JHANGI MISRI</t>
  </si>
  <si>
    <t>Jhangi Misri</t>
  </si>
  <si>
    <t>GGES Jhangi Misri P. O Miani Bala tehsil Sohawa district jhelum</t>
  </si>
  <si>
    <t>Nazara Nousheen</t>
  </si>
  <si>
    <t>50014</t>
  </si>
  <si>
    <t>40619</t>
  </si>
  <si>
    <t>GPS DHUDI PARI</t>
  </si>
  <si>
    <t>Dhudi Pari</t>
  </si>
  <si>
    <t>Village Dhudi Pari P.o Tehsil Sohawa District Jhelum</t>
  </si>
  <si>
    <t>Shahid mahmood</t>
  </si>
  <si>
    <t>on payment</t>
  </si>
  <si>
    <t>44015</t>
  </si>
  <si>
    <t>35305</t>
  </si>
  <si>
    <t>40625</t>
  </si>
  <si>
    <t>GPS POTHA</t>
  </si>
  <si>
    <t>potha</t>
  </si>
  <si>
    <t>Potha Teh .Sohawa Distt.Jhelum</t>
  </si>
  <si>
    <t>Potha</t>
  </si>
  <si>
    <t>Muhammad Ehsan</t>
  </si>
  <si>
    <t>feaching  near a house</t>
  </si>
  <si>
    <t>37764</t>
  </si>
  <si>
    <t>GPS KHUMBAH</t>
  </si>
  <si>
    <t>Kumba</t>
  </si>
  <si>
    <t>GPS kumba po domeli</t>
  </si>
  <si>
    <t>54929</t>
  </si>
  <si>
    <t>GPS KOHALA</t>
  </si>
  <si>
    <t>Kohala</t>
  </si>
  <si>
    <t>kohala Teh Sohawa Dist Jhelum</t>
  </si>
  <si>
    <t>Umer nawaz</t>
  </si>
  <si>
    <t>watercooler</t>
  </si>
  <si>
    <t>4253</t>
  </si>
  <si>
    <t>40795</t>
  </si>
  <si>
    <t>GGPS RAWATRA</t>
  </si>
  <si>
    <t>UMRAL-FEMALE</t>
  </si>
  <si>
    <t>Rawatra</t>
  </si>
  <si>
    <t>Vill-rawatra po-lehri teh-sohawa distt jhelum</t>
  </si>
  <si>
    <t>Samreen Umer</t>
  </si>
  <si>
    <t>GGPS DHOK NAGIAL</t>
  </si>
  <si>
    <t>JAJIAL - FEMALE</t>
  </si>
  <si>
    <t>Pind Gulandazan</t>
  </si>
  <si>
    <t>Dhoke nagial p/o tatroot tehsil sohawa district jhelum</t>
  </si>
  <si>
    <t>Dhoke Nagial</t>
  </si>
  <si>
    <t>Haleema  Sadia</t>
  </si>
  <si>
    <t>8722</t>
  </si>
  <si>
    <t>40851</t>
  </si>
  <si>
    <t>GHS ROHTAS</t>
  </si>
  <si>
    <t>rohtas</t>
  </si>
  <si>
    <t>gHS  ROHTAS TEHSIL DINA DISTRICT  JHELUM</t>
  </si>
  <si>
    <t>BADLOT</t>
  </si>
  <si>
    <t>40854</t>
  </si>
  <si>
    <t>GHS MAIRA</t>
  </si>
  <si>
    <t>MAIRA</t>
  </si>
  <si>
    <t>40857</t>
  </si>
  <si>
    <t>GGHS MANGOLA</t>
  </si>
  <si>
    <t>Mangola</t>
  </si>
  <si>
    <t>govt.girls high school mangola tehsil dina dist.jhelum</t>
  </si>
  <si>
    <t>Mughlabad</t>
  </si>
  <si>
    <t>rabia ayub</t>
  </si>
  <si>
    <t>31930</t>
  </si>
  <si>
    <t>40880</t>
  </si>
  <si>
    <t>GGES GAGGAR KALAN</t>
  </si>
  <si>
    <t>Gaggar Kalan</t>
  </si>
  <si>
    <t>village gaggar kalan tehsil dina distt jhelum</t>
  </si>
  <si>
    <t>Tayyba Parveen</t>
  </si>
  <si>
    <t>22027</t>
  </si>
  <si>
    <t>23250</t>
  </si>
  <si>
    <t>40947</t>
  </si>
  <si>
    <t>GGPS KOTHA</t>
  </si>
  <si>
    <t>village Kotha thasil Dina District jhelum</t>
  </si>
  <si>
    <t>Badllot</t>
  </si>
  <si>
    <t>Irum Javed</t>
  </si>
  <si>
    <t>42676</t>
  </si>
  <si>
    <t>GMPS DHARYALA</t>
  </si>
  <si>
    <t>Dharyala</t>
  </si>
  <si>
    <t>village Dharyala Tehsil Dina District Jhelum</t>
  </si>
  <si>
    <t>Firdous Iftakhar</t>
  </si>
  <si>
    <t>10857</t>
  </si>
  <si>
    <t>GGPS MONA PIND</t>
  </si>
  <si>
    <t>Mona Pind</t>
  </si>
  <si>
    <t>vil &amp; p.o Mona pind Teh &amp; Distt Jhelum</t>
  </si>
  <si>
    <t>Nabeela Rahat</t>
  </si>
  <si>
    <t>20080</t>
  </si>
  <si>
    <t>GGPS MATIAL</t>
  </si>
  <si>
    <t>Matial</t>
  </si>
  <si>
    <t>village Matial post office Baragran tehsil Dina district Jhelum</t>
  </si>
  <si>
    <t>Ghar Mahal</t>
  </si>
  <si>
    <t>Memoona Anwar</t>
  </si>
  <si>
    <t>31008</t>
  </si>
  <si>
    <t>24508</t>
  </si>
  <si>
    <t>40999</t>
  </si>
  <si>
    <t>GGES DHOK PADHAL</t>
  </si>
  <si>
    <t>Dhok Padhal</t>
  </si>
  <si>
    <t>village and post office dhok padhal tehsil Dina District jhelu</t>
  </si>
  <si>
    <t>48034</t>
  </si>
  <si>
    <t>43464</t>
  </si>
  <si>
    <t>41002</t>
  </si>
  <si>
    <t>GMPS BODLA</t>
  </si>
  <si>
    <t>Bodla</t>
  </si>
  <si>
    <t>village Bodla p/o kotyam</t>
  </si>
  <si>
    <t>Mehreen Un  Nisa</t>
  </si>
  <si>
    <t>24423</t>
  </si>
  <si>
    <t>30450</t>
  </si>
  <si>
    <t>32812</t>
  </si>
  <si>
    <t>41003</t>
  </si>
  <si>
    <t>GGHS DHANYALA</t>
  </si>
  <si>
    <t>Dhanyala</t>
  </si>
  <si>
    <t>govt.Girl's High School dhanyala Tehsil dina district (JHELUM)</t>
  </si>
  <si>
    <t>dhanyala</t>
  </si>
  <si>
    <t>17042</t>
  </si>
  <si>
    <t>41006</t>
  </si>
  <si>
    <t>GGPS PIND RAJWAL</t>
  </si>
  <si>
    <t>Pind Rajwal</t>
  </si>
  <si>
    <t>pind rajwal p/o pind rajwal the. dina distt. jhelum</t>
  </si>
  <si>
    <t>Saima Yasmeen Anjum</t>
  </si>
  <si>
    <t>18326</t>
  </si>
  <si>
    <t>20197</t>
  </si>
  <si>
    <t>36581</t>
  </si>
  <si>
    <t>4698</t>
  </si>
  <si>
    <t>41103</t>
  </si>
  <si>
    <t>GPS LASS</t>
  </si>
  <si>
    <t>BEOR - MALE</t>
  </si>
  <si>
    <t>Lass</t>
  </si>
  <si>
    <t>gps lass moza lass village beore</t>
  </si>
  <si>
    <t>Muhammad Ishtiaq</t>
  </si>
  <si>
    <t>17688</t>
  </si>
  <si>
    <t>41111</t>
  </si>
  <si>
    <t>GPS NALA KHAIRA</t>
  </si>
  <si>
    <t>Nalakhaira</t>
  </si>
  <si>
    <t>dhoke nalakhaira village saweeri P.O Khalil tehsil Kahuta Rawalpindi</t>
  </si>
  <si>
    <t>Saweeri</t>
  </si>
  <si>
    <t>Muhammad Fayaz Satti</t>
  </si>
  <si>
    <t>41127</t>
  </si>
  <si>
    <t>GMPS SOHA</t>
  </si>
  <si>
    <t>Soha</t>
  </si>
  <si>
    <t>Village soha post office punjar tehsil kahuta district rawalpindi</t>
  </si>
  <si>
    <t>41212</t>
  </si>
  <si>
    <t>GGPS SUNDAL</t>
  </si>
  <si>
    <t>village sundal,p.o.box beor,tehsil kahuta,dist rawalpindi</t>
  </si>
  <si>
    <t>Sundal</t>
  </si>
  <si>
    <t>Robina Shahzad</t>
  </si>
  <si>
    <t>10344</t>
  </si>
  <si>
    <t>20344</t>
  </si>
  <si>
    <t>41246</t>
  </si>
  <si>
    <t>GMPS KOT</t>
  </si>
  <si>
    <t>Koot</t>
  </si>
  <si>
    <t>village Koot Tehsil kahuta District Rawalpindi</t>
  </si>
  <si>
    <t>Lubna Qaddus</t>
  </si>
  <si>
    <t>6499</t>
  </si>
  <si>
    <t>41297</t>
  </si>
  <si>
    <t>GGHS ALIOT</t>
  </si>
  <si>
    <t>GGHS ALIOT  TEH MURREE</t>
  </si>
  <si>
    <t>Potha Sharief</t>
  </si>
  <si>
    <t>Saiqa  Gul Chaman</t>
  </si>
  <si>
    <t>18662</t>
  </si>
  <si>
    <t>41314</t>
  </si>
  <si>
    <t>GPS NUMBLE DANNA</t>
  </si>
  <si>
    <t>ANGOORI - MALE</t>
  </si>
  <si>
    <t>Nimble Dana</t>
  </si>
  <si>
    <t>village namble,p/o murree,tensile murree,dist rawalpindi</t>
  </si>
  <si>
    <t>Namble</t>
  </si>
  <si>
    <t>water pipe line</t>
  </si>
  <si>
    <t>GPS PALLI</t>
  </si>
  <si>
    <t>village palli post office Ghora Gali tahseel Murree district Rawalpindi</t>
  </si>
  <si>
    <t>Palli</t>
  </si>
  <si>
    <t>Muhammad Khawar</t>
  </si>
  <si>
    <t>wellspring</t>
  </si>
  <si>
    <t>3298</t>
  </si>
  <si>
    <t>41325</t>
  </si>
  <si>
    <t>GMPS SAMLI BHARAMAL</t>
  </si>
  <si>
    <t>Sambli Behramall</t>
  </si>
  <si>
    <t>Sambli Behramall murree</t>
  </si>
  <si>
    <t>Angori</t>
  </si>
  <si>
    <t>Munira Ghafoor</t>
  </si>
  <si>
    <t>chashama</t>
  </si>
  <si>
    <t>41331</t>
  </si>
  <si>
    <t>GPS SOHAWA PHAPHIRAL</t>
  </si>
  <si>
    <t>MURREE - MALE</t>
  </si>
  <si>
    <t>Phaphril</t>
  </si>
  <si>
    <t>village and post office Phaphril Dhook Sohawa</t>
  </si>
  <si>
    <t>Musyarhi</t>
  </si>
  <si>
    <t>Azhar Mushtaq</t>
  </si>
  <si>
    <t>6580</t>
  </si>
  <si>
    <t>41342</t>
  </si>
  <si>
    <t>GMPS GOHRA</t>
  </si>
  <si>
    <t>JHIKA GALLI - FEMALE</t>
  </si>
  <si>
    <t>Gohra</t>
  </si>
  <si>
    <t>Village Gohra P/O Phaphril Teh Murree Dist RWP</t>
  </si>
  <si>
    <t>Farheen hafeez</t>
  </si>
  <si>
    <t>36903</t>
  </si>
  <si>
    <t>41347</t>
  </si>
  <si>
    <t>GPS JANDAT</t>
  </si>
  <si>
    <t>RAWAT-MALE</t>
  </si>
  <si>
    <t>Pehranna</t>
  </si>
  <si>
    <t>village Jandat P.O Bann Tehsil Murree District Rawalpindi</t>
  </si>
  <si>
    <t>Jandat</t>
  </si>
  <si>
    <t>Waseem Kousar</t>
  </si>
  <si>
    <t>41427</t>
  </si>
  <si>
    <t>GGPS UPPER DEHLA</t>
  </si>
  <si>
    <t>Upper Dehla</t>
  </si>
  <si>
    <t>Village.Upper Dehla.p/o.kashmiry bazar.Tehsil.Murree.,markaz.Bhurban.District.Rawalpindi</t>
  </si>
  <si>
    <t>Khalida Azad</t>
  </si>
  <si>
    <t>41348</t>
  </si>
  <si>
    <t>GPS JAWA</t>
  </si>
  <si>
    <t>Jawa</t>
  </si>
  <si>
    <t>village jawa po bansragali tehsil murree district rawalpindi</t>
  </si>
  <si>
    <t>Ghoragali</t>
  </si>
  <si>
    <t>Muhammad Jalil</t>
  </si>
  <si>
    <t>through pipe line</t>
  </si>
  <si>
    <t>12748</t>
  </si>
  <si>
    <t>41378</t>
  </si>
  <si>
    <t>GPS BANDI (RAWAT)</t>
  </si>
  <si>
    <t>Bandi PO box kashmiri Bazar murree</t>
  </si>
  <si>
    <t>Rawat</t>
  </si>
  <si>
    <t>48325</t>
  </si>
  <si>
    <t>GPS BHANATTI</t>
  </si>
  <si>
    <t>Bhanatti</t>
  </si>
  <si>
    <t>Po Dhanda Tehseel Murree</t>
  </si>
  <si>
    <t>Habib Ur Rehman</t>
  </si>
  <si>
    <t>45791</t>
  </si>
  <si>
    <t>GHS ALYOT</t>
  </si>
  <si>
    <t>aliot</t>
  </si>
  <si>
    <t>GOVT. BOYS MODEL HIGH SCHOOL ALIOT MURREE</t>
  </si>
  <si>
    <t>Model village ALIOT</t>
  </si>
  <si>
    <t>POTHA SHARIF</t>
  </si>
  <si>
    <t>5877</t>
  </si>
  <si>
    <t>41412</t>
  </si>
  <si>
    <t>GGPS NUMB ROMAL NO 1</t>
  </si>
  <si>
    <t>Numbromall</t>
  </si>
  <si>
    <t>village numbromall p\o phagwari tehsil Mureee</t>
  </si>
  <si>
    <t>16640</t>
  </si>
  <si>
    <t>41447</t>
  </si>
  <si>
    <t>GGPS SOUNH</t>
  </si>
  <si>
    <t>Mehangal</t>
  </si>
  <si>
    <t>village sounh PO Box khas Bhanatti Tehsil Murree District Rawalpindi</t>
  </si>
  <si>
    <t>Sounh</t>
  </si>
  <si>
    <t>carrying</t>
  </si>
  <si>
    <t>41458</t>
  </si>
  <si>
    <t>GGPS CHINOTA</t>
  </si>
  <si>
    <t>Chinota</t>
  </si>
  <si>
    <t>village chinota p.o gulehra gali tehsil murree distt Rwp</t>
  </si>
  <si>
    <t>Mubeena Shabir</t>
  </si>
  <si>
    <t>barancle</t>
  </si>
  <si>
    <t>41482</t>
  </si>
  <si>
    <t>GMPS SEHR</t>
  </si>
  <si>
    <t>Parhana</t>
  </si>
  <si>
    <t>Village Sehr p/o Bann tehsil  Murree  District Rawalpindi</t>
  </si>
  <si>
    <t>Sehr P/o Bann Tehsil Murree District Rwp</t>
  </si>
  <si>
    <t>Raheem BIBI</t>
  </si>
  <si>
    <t>13013</t>
  </si>
  <si>
    <t>42901</t>
  </si>
  <si>
    <t>GPS MOHRA BAKHTAN</t>
  </si>
  <si>
    <t>GUFF- MALE</t>
  </si>
  <si>
    <t>Mohra Bakhtan</t>
  </si>
  <si>
    <t>village &amp; PO mohra bakhtan tehsil kallar syedan</t>
  </si>
  <si>
    <t>Aysha Ali</t>
  </si>
  <si>
    <t>5874</t>
  </si>
  <si>
    <t>42903</t>
  </si>
  <si>
    <t>GMPS DHOK MUGHLAN</t>
  </si>
  <si>
    <t>SAMOTE -FEMALE</t>
  </si>
  <si>
    <t>Takkal</t>
  </si>
  <si>
    <t>Dhoke mughlan, takkal, Kallar Syedan, Rawalpindi</t>
  </si>
  <si>
    <t>Choha Khalsa</t>
  </si>
  <si>
    <t>Fozia Aziz</t>
  </si>
  <si>
    <t>GPS DOBERAN KALAN</t>
  </si>
  <si>
    <t>NALA MUSALMANA - MALE</t>
  </si>
  <si>
    <t>Doberan Kalan</t>
  </si>
  <si>
    <t>Doberan kalan</t>
  </si>
  <si>
    <t>Faheem Razzaq</t>
  </si>
  <si>
    <t>18020</t>
  </si>
  <si>
    <t>GPS SAMTHI</t>
  </si>
  <si>
    <t>Kandyari</t>
  </si>
  <si>
    <t>village samthi pobox thoha khalsa tehsil kallar Syedan district rawalpindi</t>
  </si>
  <si>
    <t>Samthi</t>
  </si>
  <si>
    <t>Yasir Nazir</t>
  </si>
  <si>
    <t>water supply2</t>
  </si>
  <si>
    <t>42938</t>
  </si>
  <si>
    <t>GPS GHOI</t>
  </si>
  <si>
    <t>Ghoi</t>
  </si>
  <si>
    <t>village Ghoi P O Bagh Jameri Teh Kallar Syedan Distt Rawalpindi</t>
  </si>
  <si>
    <t>Nulamuslimana</t>
  </si>
  <si>
    <t>Raja Muhammad Aeitzaz Ahsan</t>
  </si>
  <si>
    <t>15878</t>
  </si>
  <si>
    <t>42953</t>
  </si>
  <si>
    <t>GPS MAKK</t>
  </si>
  <si>
    <t>KALLAR SYEDAN - MALE</t>
  </si>
  <si>
    <t>Makk</t>
  </si>
  <si>
    <t>Sana Muzaffar</t>
  </si>
  <si>
    <t>16976</t>
  </si>
  <si>
    <t>GGES MOHRA BAKHTAN</t>
  </si>
  <si>
    <t>BESHANDOTE - FEMALE</t>
  </si>
  <si>
    <t>vpo mohra bakhtan teh kallar syedan distt rawalpindi</t>
  </si>
  <si>
    <t>Robina  Ishtiaq</t>
  </si>
  <si>
    <t>43018</t>
  </si>
  <si>
    <t>GGPS BUTTER</t>
  </si>
  <si>
    <t>Bishandot</t>
  </si>
  <si>
    <t>village butter po sagri teh kallar syedan dist rwp</t>
  </si>
  <si>
    <t>Ggpsbutter</t>
  </si>
  <si>
    <t>Maria Ahmed</t>
  </si>
  <si>
    <t>43062</t>
  </si>
  <si>
    <t>GHS DHUDIAL</t>
  </si>
  <si>
    <t>vpo dhudial Teh. &amp; Distt. Chakwal.</t>
  </si>
  <si>
    <t>ghulam shabbir awan</t>
  </si>
  <si>
    <t>43069</t>
  </si>
  <si>
    <t>GHS HASOLA</t>
  </si>
  <si>
    <t>Hasola</t>
  </si>
  <si>
    <t>VPO Hasola, Tehsil &amp; Distt Chakwal</t>
  </si>
  <si>
    <t>Padshahan</t>
  </si>
  <si>
    <t>khalid javed</t>
  </si>
  <si>
    <t>43091</t>
  </si>
  <si>
    <t>GHS DULLAH</t>
  </si>
  <si>
    <t>vpo dullah</t>
  </si>
  <si>
    <t>Ubaid Ur Rehman</t>
  </si>
  <si>
    <t>43093</t>
  </si>
  <si>
    <t>GHS NARANG CHAKWAL</t>
  </si>
  <si>
    <t>Naang</t>
  </si>
  <si>
    <t>vpo Narang Teh &amp; distt chakwal</t>
  </si>
  <si>
    <t>Dulah</t>
  </si>
  <si>
    <t>irfan khursheed</t>
  </si>
  <si>
    <t>GGHS NO. 2 CHAKWAL</t>
  </si>
  <si>
    <t>mohalla line park chakwal</t>
  </si>
  <si>
    <t>Chakwal 1</t>
  </si>
  <si>
    <t>GGHS MUREED CHAKWAL</t>
  </si>
  <si>
    <t>mureed</t>
  </si>
  <si>
    <t>vPO mureed</t>
  </si>
  <si>
    <t>Falak Naz</t>
  </si>
  <si>
    <t>10174</t>
  </si>
  <si>
    <t>43106</t>
  </si>
  <si>
    <t>GGHS DHAB PARI</t>
  </si>
  <si>
    <t>dhab pari</t>
  </si>
  <si>
    <t>vpo dhab pari tehsil &amp; distt chakwal</t>
  </si>
  <si>
    <t>her char dhab</t>
  </si>
  <si>
    <t>Rizwana Tallat</t>
  </si>
  <si>
    <t>44435</t>
  </si>
  <si>
    <t>43118</t>
  </si>
  <si>
    <t>GHS KHOKHAR ZER</t>
  </si>
  <si>
    <t>Khokhar Zar</t>
  </si>
  <si>
    <t>vpi khokhar zar teh and distt chakwal</t>
  </si>
  <si>
    <t>48540</t>
  </si>
  <si>
    <t>53719</t>
  </si>
  <si>
    <t>43121</t>
  </si>
  <si>
    <t>GHS THOHA BAHADUR</t>
  </si>
  <si>
    <t>Thoha Bahadur</t>
  </si>
  <si>
    <t>VPO Thoha Bahadur Chakwal</t>
  </si>
  <si>
    <t>52651</t>
  </si>
  <si>
    <t>34610</t>
  </si>
  <si>
    <t>43123</t>
  </si>
  <si>
    <t>GHS SADWAL</t>
  </si>
  <si>
    <t>Odherwal</t>
  </si>
  <si>
    <t>Faraz Hussain</t>
  </si>
  <si>
    <t>41496</t>
  </si>
  <si>
    <t>43125</t>
  </si>
  <si>
    <t>GHS JANGA</t>
  </si>
  <si>
    <t>Janga</t>
  </si>
  <si>
    <t>v.P.O Janga Teh. &amp; Distt. Chakwal</t>
  </si>
  <si>
    <t>Shakeel Ahmed</t>
  </si>
  <si>
    <t>GHS KHARA</t>
  </si>
  <si>
    <t>Khara</t>
  </si>
  <si>
    <t>VPO Khara Teh &amp; Distt Chakwal</t>
  </si>
  <si>
    <t>Qazi Zafar Abbas</t>
  </si>
  <si>
    <t>35056</t>
  </si>
  <si>
    <t>48405</t>
  </si>
  <si>
    <t>43143</t>
  </si>
  <si>
    <t>GHS CHAK MALOOK</t>
  </si>
  <si>
    <t>Chakmalook</t>
  </si>
  <si>
    <t>Village &amp; Post Office Chakmalook Tehsil &amp; District Chakwal.</t>
  </si>
  <si>
    <t>Muhammad Imran Munir</t>
  </si>
  <si>
    <t>48396</t>
  </si>
  <si>
    <t>43147</t>
  </si>
  <si>
    <t>GHS MEHRO PEELO</t>
  </si>
  <si>
    <t>mehro peelo</t>
  </si>
  <si>
    <t>GHS mehro Peelo chakwal</t>
  </si>
  <si>
    <t>thanil kamal</t>
  </si>
  <si>
    <t>Shaukat Mehmood</t>
  </si>
  <si>
    <t>53231</t>
  </si>
  <si>
    <t>43154</t>
  </si>
  <si>
    <t>GGHS MOHALLA GHOSIA CHAKWAL</t>
  </si>
  <si>
    <t>GGHS MOHALLA GHOUSIA DHOKE FEROZE CHAKWAL</t>
  </si>
  <si>
    <t>MOHALLA DHOKE FEROZE</t>
  </si>
  <si>
    <t>Mussarat Sultana</t>
  </si>
  <si>
    <t>8665</t>
  </si>
  <si>
    <t>43173</t>
  </si>
  <si>
    <t>GGES DHOK TAHLIAN</t>
  </si>
  <si>
    <t>DEWALIAN-FEMALE</t>
  </si>
  <si>
    <t>Dhok Tahlian</t>
  </si>
  <si>
    <t>vpo Dhok Tahlian</t>
  </si>
  <si>
    <t>Mehmooda Begum</t>
  </si>
  <si>
    <t>33540</t>
  </si>
  <si>
    <t>GGHS SHAH PUR SYEDAN</t>
  </si>
  <si>
    <t>shahpur Syedan</t>
  </si>
  <si>
    <t>GGHS SHAHPUR SYEDAN teh &amp; distt chakwal</t>
  </si>
  <si>
    <t>CHOA GANJ ALI SHAH</t>
  </si>
  <si>
    <t>Samreen Arshad</t>
  </si>
  <si>
    <t>23411</t>
  </si>
  <si>
    <t>30141</t>
  </si>
  <si>
    <t>31279</t>
  </si>
  <si>
    <t>43203</t>
  </si>
  <si>
    <t>GGHS FARID KASSAR</t>
  </si>
  <si>
    <t>Farid Kassar</t>
  </si>
  <si>
    <t>vpo farid kassar tehsil and district chakwal</t>
  </si>
  <si>
    <t>Chak Umra</t>
  </si>
  <si>
    <t>Rizwana yasmin</t>
  </si>
  <si>
    <t>GGHS JAMALWAL</t>
  </si>
  <si>
    <t>Jamalwal</t>
  </si>
  <si>
    <t>VPO Jamalwal Teshil and District Chakwal</t>
  </si>
  <si>
    <t>Balo Kassar</t>
  </si>
  <si>
    <t>SHAHNAZ NAHEED</t>
  </si>
  <si>
    <t>52450</t>
  </si>
  <si>
    <t>54401</t>
  </si>
  <si>
    <t>43240</t>
  </si>
  <si>
    <t>GPS BHATTIAN WALI</t>
  </si>
  <si>
    <t>Bhatianwali</t>
  </si>
  <si>
    <t>Village Bhattian Wali Teh Distt Chakwal</t>
  </si>
  <si>
    <t>Bhatinwali</t>
  </si>
  <si>
    <t>Choa Gang Ali Shah</t>
  </si>
  <si>
    <t>Muhammad Jahangir</t>
  </si>
  <si>
    <t>8720</t>
  </si>
  <si>
    <t>43284</t>
  </si>
  <si>
    <t>GES CHAK KHARAK</t>
  </si>
  <si>
    <t>KHOTIAN-MALE</t>
  </si>
  <si>
    <t>vpo chak kharak</t>
  </si>
  <si>
    <t>Bananas Khan</t>
  </si>
  <si>
    <t>13933</t>
  </si>
  <si>
    <t>43330</t>
  </si>
  <si>
    <t>GPS PIND</t>
  </si>
  <si>
    <t>Pind</t>
  </si>
  <si>
    <t>pind tehsil chakwal</t>
  </si>
  <si>
    <t>Thanil  Kamal</t>
  </si>
  <si>
    <t>LIAQUAT ALI KHAN</t>
  </si>
  <si>
    <t>17770</t>
  </si>
  <si>
    <t>46963</t>
  </si>
  <si>
    <t>49581</t>
  </si>
  <si>
    <t>30179</t>
  </si>
  <si>
    <t>GGHS MODEL SAMANABAD</t>
  </si>
  <si>
    <t>GOVT. MODEL GIRLS HIGH SCHOOL SAMANABAD LAHORE</t>
  </si>
  <si>
    <t>Doongi Ground Samanabad</t>
  </si>
  <si>
    <t>Shabnam Iqbal</t>
  </si>
  <si>
    <t>GGHS MODERN QILA GUJAR SINGH</t>
  </si>
  <si>
    <t>qila gujjar singh</t>
  </si>
  <si>
    <t>Qila Gujjar Singh</t>
  </si>
  <si>
    <t>Miss Nusrat Jehan</t>
  </si>
  <si>
    <t>4518</t>
  </si>
  <si>
    <t>30181</t>
  </si>
  <si>
    <t>GGHSS PRACTISING TOWNSHIP</t>
  </si>
  <si>
    <t>Govt. Practicing Girls Higher Secondary School, Sadiq Chowk, Township Lahore</t>
  </si>
  <si>
    <t>B Block Township</t>
  </si>
  <si>
    <t>FARZANA NOREEN</t>
  </si>
  <si>
    <t>15255</t>
  </si>
  <si>
    <t>30190</t>
  </si>
  <si>
    <t>GGHS PILOT WAHDAT COLONY</t>
  </si>
  <si>
    <t>wahdat colony lhr</t>
  </si>
  <si>
    <t>new muslim town</t>
  </si>
  <si>
    <t>Asmat jahan</t>
  </si>
  <si>
    <t>337500</t>
  </si>
  <si>
    <t>2648</t>
  </si>
  <si>
    <t>30209</t>
  </si>
  <si>
    <t>GES DULLO KHURD</t>
  </si>
  <si>
    <t>KAMHAN - MALE</t>
  </si>
  <si>
    <t>DULLO KHURD</t>
  </si>
  <si>
    <t>GOVT. ELEMENTARY SCHOOL DULLO KHURD LAHORE</t>
  </si>
  <si>
    <t>DULLOKHURD</t>
  </si>
  <si>
    <t>Mushtaq Ahmed Khan</t>
  </si>
  <si>
    <t>30228</t>
  </si>
  <si>
    <t>GGHS CHANDRAI</t>
  </si>
  <si>
    <t>Chandrai</t>
  </si>
  <si>
    <t>Rakh Chandrai</t>
  </si>
  <si>
    <t>snober afzal</t>
  </si>
  <si>
    <t>40007</t>
  </si>
  <si>
    <t>GGHS GANGA ICE FACTORY GULBERG</t>
  </si>
  <si>
    <t>Govt Girls High school ganga Ice factory Gulberg 2 lahore</t>
  </si>
  <si>
    <t>Ghous-ul-Azam Colony</t>
  </si>
  <si>
    <t>Alia Rqfique</t>
  </si>
  <si>
    <t>12787</t>
  </si>
  <si>
    <t>30231</t>
  </si>
  <si>
    <t>GGES TOWNSHIP A-2</t>
  </si>
  <si>
    <t>Govt. Girls Middle School A/2 Township Lahore</t>
  </si>
  <si>
    <t>Naseera Hameed</t>
  </si>
  <si>
    <t>50819</t>
  </si>
  <si>
    <t>30234</t>
  </si>
  <si>
    <t>GGHS GREEN TOWN</t>
  </si>
  <si>
    <t>Green Town</t>
  </si>
  <si>
    <t>govt.girls high school block 3 sector D II green town lhr</t>
  </si>
  <si>
    <t>sajida tahir</t>
  </si>
  <si>
    <t>30238</t>
  </si>
  <si>
    <t>GGES KARBATH</t>
  </si>
  <si>
    <t>HAIR - FEMALE</t>
  </si>
  <si>
    <t>Govt girls middle school karbath lahore</t>
  </si>
  <si>
    <t>Karbath</t>
  </si>
  <si>
    <t>Hair</t>
  </si>
  <si>
    <t>Saira Noshaba Jabeen</t>
  </si>
  <si>
    <t>GGHS HADYARA LAHORE CANTT</t>
  </si>
  <si>
    <t>Hadyara</t>
  </si>
  <si>
    <t>Govt Girls High School Hadyara lahore Cantt</t>
  </si>
  <si>
    <t>Syeda Riffat Sabri</t>
  </si>
  <si>
    <t>30261</t>
  </si>
  <si>
    <t>GGHS PAF BASE IQBAL CAMP LAHORE</t>
  </si>
  <si>
    <t>Aziz Bhatti</t>
  </si>
  <si>
    <t>GGHS IQBAL CAMP PAF BASE LHR CANTT</t>
  </si>
  <si>
    <t>LHR Cantt</t>
  </si>
  <si>
    <t>Cantonment</t>
  </si>
  <si>
    <t>SARA BANO</t>
  </si>
  <si>
    <t>49997</t>
  </si>
  <si>
    <t>GGHS RAM PURA JAGIR</t>
  </si>
  <si>
    <t>GGHSRAMPURAJAGEER</t>
  </si>
  <si>
    <t>RAMPURA</t>
  </si>
  <si>
    <t>NAJMA SULTANA</t>
  </si>
  <si>
    <t>ELECTRIC COOLER</t>
  </si>
  <si>
    <t>30266</t>
  </si>
  <si>
    <t>GGHS SUTAR MILLS</t>
  </si>
  <si>
    <t>sootermills Lahore</t>
  </si>
  <si>
    <t>sooter mills</t>
  </si>
  <si>
    <t>handu gujjar</t>
  </si>
  <si>
    <t>Salma Sajid</t>
  </si>
  <si>
    <t>30352</t>
  </si>
  <si>
    <t>GPS ABADI HAYAT SHAH</t>
  </si>
  <si>
    <t>Awan Dhaiwala</t>
  </si>
  <si>
    <t>Abadi Hayat Shah vilage</t>
  </si>
  <si>
    <t>Abadi Hayat Shah</t>
  </si>
  <si>
    <t>Muhammad Hassaan</t>
  </si>
  <si>
    <t>30354</t>
  </si>
  <si>
    <t>GPS BHATTE SULTAN PURA</t>
  </si>
  <si>
    <t>JALLO - MALE</t>
  </si>
  <si>
    <t>Village Bhatte P.O Bata Put Lahore</t>
  </si>
  <si>
    <t>Bhatte</t>
  </si>
  <si>
    <t>Dograi Kalan</t>
  </si>
  <si>
    <t>Muhammad Umair Butt</t>
  </si>
  <si>
    <t>14145</t>
  </si>
  <si>
    <t>13090</t>
  </si>
  <si>
    <t>30375</t>
  </si>
  <si>
    <t>GPS THATHA THARRAN</t>
  </si>
  <si>
    <t>Thatha tarran</t>
  </si>
  <si>
    <t>village thatha tarran</t>
  </si>
  <si>
    <t>thatha tarran</t>
  </si>
  <si>
    <t>4671</t>
  </si>
  <si>
    <t>30403</t>
  </si>
  <si>
    <t>GPS DEV KHURD</t>
  </si>
  <si>
    <t>Deo Khurd</t>
  </si>
  <si>
    <t>GPS dev khurd Lahore</t>
  </si>
  <si>
    <t>Dev Khurd</t>
  </si>
  <si>
    <t>Kmahan</t>
  </si>
  <si>
    <t>Tahir Mahmood khan</t>
  </si>
  <si>
    <t>30407</t>
  </si>
  <si>
    <t>GPS KHANO HARNI</t>
  </si>
  <si>
    <t>BADOKI-MALE</t>
  </si>
  <si>
    <t>Khano Harni</t>
  </si>
  <si>
    <t>village khano harni tehsil model town lhr</t>
  </si>
  <si>
    <t>Khano  Harni</t>
  </si>
  <si>
    <t>Sarraich</t>
  </si>
  <si>
    <t>MEHMOODUL HASSAN</t>
  </si>
  <si>
    <t>GPS KEET</t>
  </si>
  <si>
    <t>Keet</t>
  </si>
  <si>
    <t>moaza keet</t>
  </si>
  <si>
    <t>Saraich</t>
  </si>
  <si>
    <t>30434</t>
  </si>
  <si>
    <t>GES GOHAWA</t>
  </si>
  <si>
    <t>GOHAWA</t>
  </si>
  <si>
    <t>GOHAWA BEDIAN ROAD LAHORE CANTT</t>
  </si>
  <si>
    <t>9 CANTT BOARD</t>
  </si>
  <si>
    <t>Anwar Ul Haq</t>
  </si>
  <si>
    <t>30473</t>
  </si>
  <si>
    <t>GPS SANGAT PURA</t>
  </si>
  <si>
    <t>BEDIAN-MALE</t>
  </si>
  <si>
    <t>Sangat Pura</t>
  </si>
  <si>
    <t>village sangat pura</t>
  </si>
  <si>
    <t>Muhammad Riaz Yousaf</t>
  </si>
  <si>
    <t>13998</t>
  </si>
  <si>
    <t>30503</t>
  </si>
  <si>
    <t>GHS BAGRIAN GREEN TOWN</t>
  </si>
  <si>
    <t>bagrian</t>
  </si>
  <si>
    <t>bagrian green town lahore</t>
  </si>
  <si>
    <t>Rashid Ahmad Bhatti</t>
  </si>
  <si>
    <t>25081</t>
  </si>
  <si>
    <t>GGPS APWA CANAL BANK WALTON LAHORE</t>
  </si>
  <si>
    <t>street no. 5, Madina colony, Walton  lahore</t>
  </si>
  <si>
    <t>Canal Bank</t>
  </si>
  <si>
    <t>Safia Begam</t>
  </si>
  <si>
    <t>11005</t>
  </si>
  <si>
    <t>GGHS JAHMAN</t>
  </si>
  <si>
    <t>village jahman</t>
  </si>
  <si>
    <t>Misbah-Ul-Ain</t>
  </si>
  <si>
    <t>30192</t>
  </si>
  <si>
    <t>GGPS MINHALA KHURD</t>
  </si>
  <si>
    <t>Minhala kalan</t>
  </si>
  <si>
    <t>Farah Saeed</t>
  </si>
  <si>
    <t>15390</t>
  </si>
  <si>
    <t>51490</t>
  </si>
  <si>
    <t>30587</t>
  </si>
  <si>
    <t>GGPS SOHARWARDIA</t>
  </si>
  <si>
    <t>BAGHBANPURA - FEMALE</t>
  </si>
  <si>
    <t>Rasheed Pura</t>
  </si>
  <si>
    <t>Soharwardia Girls primary school Rasheed pura lahore</t>
  </si>
  <si>
    <t>Rasheed pura lahore</t>
  </si>
  <si>
    <t>Rasheed pura</t>
  </si>
  <si>
    <t>Shahida Naseem</t>
  </si>
  <si>
    <t>3336</t>
  </si>
  <si>
    <t>30601</t>
  </si>
  <si>
    <t>GGPS WARA SATAR SHAH</t>
  </si>
  <si>
    <t>FATEH GHARH - FEMALE</t>
  </si>
  <si>
    <t>Wara Sattar Shah</t>
  </si>
  <si>
    <t>wara satar shah lahore</t>
  </si>
  <si>
    <t>wara sattar shah</t>
  </si>
  <si>
    <t>salamatpura</t>
  </si>
  <si>
    <t>52468</t>
  </si>
  <si>
    <t>30611</t>
  </si>
  <si>
    <t>GGPS JINDRA DAIRY</t>
  </si>
  <si>
    <t>Jindra Dairy</t>
  </si>
  <si>
    <t>jindra dairy</t>
  </si>
  <si>
    <t>Lcb</t>
  </si>
  <si>
    <t>Shazia Kiran</t>
  </si>
  <si>
    <t>30617</t>
  </si>
  <si>
    <t>GGPS JHUGIAN ALPHA</t>
  </si>
  <si>
    <t>Jhugian Alpha</t>
  </si>
  <si>
    <t>Jhugian alpha new airport road Lahore cantt</t>
  </si>
  <si>
    <t>CB</t>
  </si>
  <si>
    <t>6170</t>
  </si>
  <si>
    <t>20474</t>
  </si>
  <si>
    <t>19274</t>
  </si>
  <si>
    <t>30644</t>
  </si>
  <si>
    <t>GGPS GANJAY SINDHU</t>
  </si>
  <si>
    <t>villsge Ganjay Sindhu</t>
  </si>
  <si>
    <t>village ganjay sindhu</t>
  </si>
  <si>
    <t>awan dhayewala</t>
  </si>
  <si>
    <t>sehrish hameed</t>
  </si>
  <si>
    <t>GGES KACHA</t>
  </si>
  <si>
    <t>KAHANA - FEMALE</t>
  </si>
  <si>
    <t>kachha</t>
  </si>
  <si>
    <t>gGES KACHHA VILLAGE LAHORE</t>
  </si>
  <si>
    <t>HALLOKI</t>
  </si>
  <si>
    <t>Qamarunisa</t>
  </si>
  <si>
    <t>22975</t>
  </si>
  <si>
    <t>GGPS LAKHOKY</t>
  </si>
  <si>
    <t>Lakhoky</t>
  </si>
  <si>
    <t>Lakhoky Lahore</t>
  </si>
  <si>
    <t>5550</t>
  </si>
  <si>
    <t>30693</t>
  </si>
  <si>
    <t>GGPS AHLLO</t>
  </si>
  <si>
    <t>Ahloo</t>
  </si>
  <si>
    <t>village Ahloo kahna nau feroz pur road lahore</t>
  </si>
  <si>
    <t>Dhaloki</t>
  </si>
  <si>
    <t>Bushra Behram</t>
  </si>
  <si>
    <t>23530</t>
  </si>
  <si>
    <t>GHS F.D. MODEL GARDEN TOWN</t>
  </si>
  <si>
    <t>45/A, Tipu Block Garden Town Lahore</t>
  </si>
  <si>
    <t>Dr Irfan Ul Haq</t>
  </si>
  <si>
    <t>6512</t>
  </si>
  <si>
    <t>54687</t>
  </si>
  <si>
    <t>30778</t>
  </si>
  <si>
    <t>GPS CDG MADHO LAL HUSSAIN BAGHBAN PURA</t>
  </si>
  <si>
    <t>Shafi street Baghbanpura</t>
  </si>
  <si>
    <t>Madholaal Hussain</t>
  </si>
  <si>
    <t>Saima Altaf</t>
  </si>
  <si>
    <t>39490</t>
  </si>
  <si>
    <t>30811</t>
  </si>
  <si>
    <t>GHS CDG SALAMAT PURA</t>
  </si>
  <si>
    <t>Salamatpura</t>
  </si>
  <si>
    <t>Takia Salamatpura</t>
  </si>
  <si>
    <t>Shaukat Rashid</t>
  </si>
  <si>
    <t>30813</t>
  </si>
  <si>
    <t>GHS CDG RAILWAY PAKKAY QUARTERS MUGHAL PURA</t>
  </si>
  <si>
    <t>Daras Baray Mian, Mughalpura, Lahore</t>
  </si>
  <si>
    <t>Daras Narayan Mian</t>
  </si>
  <si>
    <t>44660</t>
  </si>
  <si>
    <t>30817</t>
  </si>
  <si>
    <t>GHS CDG GUJAR COLONY JORAY PULL</t>
  </si>
  <si>
    <t>Jora Pul</t>
  </si>
  <si>
    <t>Gujjar Colony, Joray Pul, Zarar Shaheed Road Lahore Cantt</t>
  </si>
  <si>
    <t>Ranger Headquarter</t>
  </si>
  <si>
    <t>43708</t>
  </si>
  <si>
    <t>30824</t>
  </si>
  <si>
    <t>GHS CDG GULISTAN COLONY MUSTAFA ABAD</t>
  </si>
  <si>
    <t>cdg boys high school gulistan colony mustafa Abad lhr</t>
  </si>
  <si>
    <t>Madni Muhala  Mustafa Abad</t>
  </si>
  <si>
    <t>30835</t>
  </si>
  <si>
    <t>GGHS CDG FATEH GARH MUGHAL PURA</t>
  </si>
  <si>
    <t>CDG GHS FATEH GARH LAHORE</t>
  </si>
  <si>
    <t>Fateh garh</t>
  </si>
  <si>
    <t>FATEH GARH</t>
  </si>
  <si>
    <t>jameela parveen</t>
  </si>
  <si>
    <t>GHS SECTOR D-1 TOWNSHIP</t>
  </si>
  <si>
    <t>Govt. High School block no. 2 Sector D-1 Township Lahore</t>
  </si>
  <si>
    <t>30862</t>
  </si>
  <si>
    <t>GGHS MALIK PUR NEAR AIRPORT</t>
  </si>
  <si>
    <t>O</t>
  </si>
  <si>
    <t>Malik pur lahore cantt near new Airport Lahore</t>
  </si>
  <si>
    <t>samina naheed</t>
  </si>
  <si>
    <t>54256</t>
  </si>
  <si>
    <t>GGES GURUMANGET NAU ABAD</t>
  </si>
  <si>
    <t>Grumangat Nauabad</t>
  </si>
  <si>
    <t>GGES Grumangat Nauabad Lahore.</t>
  </si>
  <si>
    <t>Dhalluki</t>
  </si>
  <si>
    <t>Sumaira sarwar</t>
  </si>
  <si>
    <t>54699</t>
  </si>
  <si>
    <t>GGHS 45- CHENAB BLOCK ALLAMA IQBAL TOWN</t>
  </si>
  <si>
    <t>Allama Iqbal Town Allama Iqbal Town</t>
  </si>
  <si>
    <t>45-chenab block , allama iqbal town, lhr</t>
  </si>
  <si>
    <t>TAHIRA NAUSHAD</t>
  </si>
  <si>
    <t>30863</t>
  </si>
  <si>
    <t>GGHSS RAVI ROAD (NEAR DATA DARBAR)</t>
  </si>
  <si>
    <t>Ravi Road, Lahore</t>
  </si>
  <si>
    <t>Peer Makki</t>
  </si>
  <si>
    <t>Mrs. Humaira Shahid</t>
  </si>
  <si>
    <t>30865</t>
  </si>
  <si>
    <t>GGHSS CHUNG MULTAN ROAD</t>
  </si>
  <si>
    <t>chung</t>
  </si>
  <si>
    <t>GGHSS chung multan road lahore</t>
  </si>
  <si>
    <t>12048</t>
  </si>
  <si>
    <t>30870</t>
  </si>
  <si>
    <t>GHS RAIWIND ROAD LHR</t>
  </si>
  <si>
    <t>ghs raiwind</t>
  </si>
  <si>
    <t>27450</t>
  </si>
  <si>
    <t>19543</t>
  </si>
  <si>
    <t>30871</t>
  </si>
  <si>
    <t>GHS SHAD BAGH</t>
  </si>
  <si>
    <t>amir road shadbagh lahore</t>
  </si>
  <si>
    <t>Shadbagh</t>
  </si>
  <si>
    <t>Fazal Park</t>
  </si>
  <si>
    <t>MUHAMMAD SHAHID IQBAL</t>
  </si>
  <si>
    <t>46035</t>
  </si>
  <si>
    <t>30877</t>
  </si>
  <si>
    <t>GHS ISLAMIA KHAZANA GATE LOWER MALL LAHORE</t>
  </si>
  <si>
    <t>Sant Nagar</t>
  </si>
  <si>
    <t>lower mall road, lahore</t>
  </si>
  <si>
    <t>Sant nagar</t>
  </si>
  <si>
    <t>sant ngar</t>
  </si>
  <si>
    <t>Shahid Abbas</t>
  </si>
  <si>
    <t>30881</t>
  </si>
  <si>
    <t>GHS AWAN TOWN</t>
  </si>
  <si>
    <t>Ahmad Block Awan Town</t>
  </si>
  <si>
    <t>Mustafa Park</t>
  </si>
  <si>
    <t>48440</t>
  </si>
  <si>
    <t>48105</t>
  </si>
  <si>
    <t>30882</t>
  </si>
  <si>
    <t>GHS CHISHTIA ISLAM PURA LAHORE</t>
  </si>
  <si>
    <t>Govt.. Chishtia High School Islampura lahore</t>
  </si>
  <si>
    <t>Muhammad  Aslam</t>
  </si>
  <si>
    <t>27708</t>
  </si>
  <si>
    <t>6989</t>
  </si>
  <si>
    <t>30884</t>
  </si>
  <si>
    <t>GHS COMMUNITY MOZANG BEGUM ROAD</t>
  </si>
  <si>
    <t>noor SHAH road mozang lahore</t>
  </si>
  <si>
    <t>Nasir Abbas Bukhari</t>
  </si>
  <si>
    <t>30887</t>
  </si>
  <si>
    <t>GHS ISLAMIA CHAH MIRAN</t>
  </si>
  <si>
    <t>al mumtaz road chah miran lahore</t>
  </si>
  <si>
    <t>al mumtaz road</t>
  </si>
  <si>
    <t>wasanpura</t>
  </si>
  <si>
    <t>Azmat Ullah Shah</t>
  </si>
  <si>
    <t>30890</t>
  </si>
  <si>
    <t>GHS  ISLAMIA MULTAN ROAD</t>
  </si>
  <si>
    <t>GOVT ISLAMIA HIGH SCHOOL MULTAN ROAD LAHORE NEAR CHOWK YATEEM KHANA LAHORE</t>
  </si>
  <si>
    <t>SODIWAL</t>
  </si>
  <si>
    <t>MUHAMMAD SHAHBAZ</t>
  </si>
  <si>
    <t>30892</t>
  </si>
  <si>
    <t>GHS ISLAMIA SHERANWALA GATE</t>
  </si>
  <si>
    <t>Sheranwala</t>
  </si>
  <si>
    <t>sheranwala gate lahore</t>
  </si>
  <si>
    <t>Azam Market</t>
  </si>
  <si>
    <t>muhammad anwaar khan</t>
  </si>
  <si>
    <t>38701</t>
  </si>
  <si>
    <t>30894</t>
  </si>
  <si>
    <t>GHSS MOZANG LAHORE</t>
  </si>
  <si>
    <t>Govt. Higher Secondary School Mozang, Lahore</t>
  </si>
  <si>
    <t>Mr. Israr Ali</t>
  </si>
  <si>
    <t>30899</t>
  </si>
  <si>
    <t>GHS PUBLIC MODEL NAIN SUKH SHAHDARA</t>
  </si>
  <si>
    <t>govt. public model hs nain sukh shahdra lhr</t>
  </si>
  <si>
    <t>nain sukh</t>
  </si>
  <si>
    <t>begum kot</t>
  </si>
  <si>
    <t>muhammad latif nadeem</t>
  </si>
  <si>
    <t>10350</t>
  </si>
  <si>
    <t>GHS ALI RAZA ABAD</t>
  </si>
  <si>
    <t>ali raza abad raiwind road lahore</t>
  </si>
  <si>
    <t>26979</t>
  </si>
  <si>
    <t>GHS CHUNG MULTAN ROAD</t>
  </si>
  <si>
    <t>CHUNG</t>
  </si>
  <si>
    <t>GOVT.HIGH SCHOOL CHUNG MULTAN ROAD LAHORE</t>
  </si>
  <si>
    <t>30908</t>
  </si>
  <si>
    <t>GHSS MARAKA QUARTERS MULTAN ROAD</t>
  </si>
  <si>
    <t>Maraka Quarters Multan Road Lahore</t>
  </si>
  <si>
    <t>Maraka Quarters</t>
  </si>
  <si>
    <t>Muhammad Bakhtiar</t>
  </si>
  <si>
    <t>30913</t>
  </si>
  <si>
    <t>GHS SHAHDARA</t>
  </si>
  <si>
    <t>near maqbara noor jahan shahdara</t>
  </si>
  <si>
    <t>qazi park</t>
  </si>
  <si>
    <t>Mehboob Elahi</t>
  </si>
  <si>
    <t>9266</t>
  </si>
  <si>
    <t>GGHSS LADY MACLAGAN LODGE ROAD OLD ANARKALI</t>
  </si>
  <si>
    <t>DATA TOWN</t>
  </si>
  <si>
    <t>GGHSS LADY MACLAGAN LODGE ROAD ANARKALI</t>
  </si>
  <si>
    <t>OLD ANARKALI</t>
  </si>
  <si>
    <t>FARAH KHAN</t>
  </si>
  <si>
    <t>22842</t>
  </si>
  <si>
    <t>GGHS TALIM UL BINAT SHESHA MOTI BAZAR LAHORE</t>
  </si>
  <si>
    <t>Ghumti Bazar</t>
  </si>
  <si>
    <t>Govt taleem ul binat high school shisha moti bazar lahore</t>
  </si>
  <si>
    <t>Sooter Mandi</t>
  </si>
  <si>
    <t>GGHS WAFAQI COLONY LAHORE</t>
  </si>
  <si>
    <t>JOHAR TOWN</t>
  </si>
  <si>
    <t>94 FG WAFAQI COLONY, LAHORE</t>
  </si>
  <si>
    <t>JOHAR TROWN</t>
  </si>
  <si>
    <t>farzana makhdoom</t>
  </si>
  <si>
    <t>47062</t>
  </si>
  <si>
    <t>6029</t>
  </si>
  <si>
    <t>30937</t>
  </si>
  <si>
    <t>GGHS HAVELI KABLI MILL AZAM CLOTH MARKET LAHORE</t>
  </si>
  <si>
    <t>Govt. Girls High School Haveli Kabli Mal Azam Market Lahore</t>
  </si>
  <si>
    <t>FOUZIA IBRAHIM</t>
  </si>
  <si>
    <t>46649</t>
  </si>
  <si>
    <t>30942</t>
  </si>
  <si>
    <t>GGHS MILLI DAR UL ATFAL RAJ GARH ROAD LAHORE</t>
  </si>
  <si>
    <t>govt milli dar UL atfal ghs rajgarh LHR.</t>
  </si>
  <si>
    <t>Dr Shoukat Iqbal</t>
  </si>
  <si>
    <t>30950</t>
  </si>
  <si>
    <t>GGHS MODEL GULSHAN RAVI G BLOCK</t>
  </si>
  <si>
    <t>Gulshan-e-Ravi</t>
  </si>
  <si>
    <t>GGHS gulshan-e-Ravi 541 g block.</t>
  </si>
  <si>
    <t>gulshan-e-Ravi</t>
  </si>
  <si>
    <t>serish talib</t>
  </si>
  <si>
    <t>GES AMRATSER LINK RAVI ROAD</t>
  </si>
  <si>
    <t>shamas pura link ravi road lhr</t>
  </si>
  <si>
    <t>Town</t>
  </si>
  <si>
    <t>Auqaf Colony</t>
  </si>
  <si>
    <t>ILYAS AHMED</t>
  </si>
  <si>
    <t>27085</t>
  </si>
  <si>
    <t>GHS HANJAR WAL</t>
  </si>
  <si>
    <t>Hanjerwal</t>
  </si>
  <si>
    <t>hanjerwal multan road lahore</t>
  </si>
  <si>
    <t>Ehsan Bari</t>
  </si>
  <si>
    <t>30967</t>
  </si>
  <si>
    <t>GES KHAWAJA MODEL SHAHDARA</t>
  </si>
  <si>
    <t>shahdara town lahore</t>
  </si>
  <si>
    <t>Ladhay Shah</t>
  </si>
  <si>
    <t>54110</t>
  </si>
  <si>
    <t>30970</t>
  </si>
  <si>
    <t>GES MUGHLIA PARK SHAHDARA LAHORE</t>
  </si>
  <si>
    <t>Fatah Pori</t>
  </si>
  <si>
    <t>GES Mughlia park</t>
  </si>
  <si>
    <t>Mughlia Park</t>
  </si>
  <si>
    <t>Qila Jahangir</t>
  </si>
  <si>
    <t>Sameena Butt</t>
  </si>
  <si>
    <t>30980</t>
  </si>
  <si>
    <t>GGHS BHOBTIAN</t>
  </si>
  <si>
    <t>Bhobattian</t>
  </si>
  <si>
    <t>GGHS BHOBATTIAN .RAIWIND ROAD LAHORE</t>
  </si>
  <si>
    <t>Bhobattian Pind</t>
  </si>
  <si>
    <t>Sobia Samreen</t>
  </si>
  <si>
    <t>GPS NAUMANIA BUND ROAD</t>
  </si>
  <si>
    <t>Abu Bakar Siddiq Colony</t>
  </si>
  <si>
    <t>Abu Bakar Siddiq Colony Bund Road Lhr.</t>
  </si>
  <si>
    <t>Qaisar Fayyaz</t>
  </si>
  <si>
    <t>31106</t>
  </si>
  <si>
    <t>GPS FARRUKH MODEL SWAMI NAGAR</t>
  </si>
  <si>
    <t>LAHORE KHAS - MALE</t>
  </si>
  <si>
    <t>Swami Nagar</t>
  </si>
  <si>
    <t>swami nagar road Lahore</t>
  </si>
  <si>
    <t>Tazab Ahata</t>
  </si>
  <si>
    <t>Sheikh Muhammad Bilawal</t>
  </si>
  <si>
    <t>2658</t>
  </si>
  <si>
    <t>GGES KHANA NEPAL</t>
  </si>
  <si>
    <t>CHUNG - FEMALE</t>
  </si>
  <si>
    <t>Khana Nepal</t>
  </si>
  <si>
    <t>Khana Nepal Village</t>
  </si>
  <si>
    <t>Arrayan</t>
  </si>
  <si>
    <t>Mahjabeen Tabassum</t>
  </si>
  <si>
    <t>31130</t>
  </si>
  <si>
    <t>GGES ISLAMIA JUNIOR MODEL SHERAN WALA GATE</t>
  </si>
  <si>
    <t>Sheranwala Gate</t>
  </si>
  <si>
    <t>GGES ISLAMIA JUNIOR MODEL SHERANWALA GATE LAHORE</t>
  </si>
  <si>
    <t>Azam Cloth Market</t>
  </si>
  <si>
    <t>14109</t>
  </si>
  <si>
    <t>15271</t>
  </si>
  <si>
    <t>19645</t>
  </si>
  <si>
    <t>27028</t>
  </si>
  <si>
    <t>GGES ISLAMIA MODEL MIDDLE SCHOOL, RAILWAY ROAD, LAHORE</t>
  </si>
  <si>
    <t>Branderth Road</t>
  </si>
  <si>
    <t>railway road</t>
  </si>
  <si>
    <t>Sare Sultan</t>
  </si>
  <si>
    <t>Mst Rizwana Kokab</t>
  </si>
  <si>
    <t>29681</t>
  </si>
  <si>
    <t>GGES JUNIOR MUSLIM MODEL NO.1 URDU BAZAR</t>
  </si>
  <si>
    <t>new anarkali</t>
  </si>
  <si>
    <t>40  urdu bazar lahore</t>
  </si>
  <si>
    <t>Mrs Shazia Riasat</t>
  </si>
  <si>
    <t>31144</t>
  </si>
  <si>
    <t>GGPS MOHAMMAD PURA RAIWIND</t>
  </si>
  <si>
    <t>GGPS Muhammad Pura tehsil Raiwind</t>
  </si>
  <si>
    <t>GGPS QILA ZULFIQAR</t>
  </si>
  <si>
    <t>Rakh Khamba</t>
  </si>
  <si>
    <t>GGPS Qila Zulfiqar</t>
  </si>
  <si>
    <t>Qila Zulfiqar</t>
  </si>
  <si>
    <t>21390</t>
  </si>
  <si>
    <t>31169</t>
  </si>
  <si>
    <t>GGPS THOKAR NIAZ BAIG</t>
  </si>
  <si>
    <t>Naiz Baig</t>
  </si>
  <si>
    <t>Naiz Baig Multan road lhr</t>
  </si>
  <si>
    <t>Rashida Qsmar</t>
  </si>
  <si>
    <t>34290</t>
  </si>
  <si>
    <t>31170</t>
  </si>
  <si>
    <t>GGES MUSLIM JUNIOR MODEL RAJ GARH</t>
  </si>
  <si>
    <t>rajgarh road lahore</t>
  </si>
  <si>
    <t>Tehmina Iqbal</t>
  </si>
  <si>
    <t>31174</t>
  </si>
  <si>
    <t>GGES JR.MODEL 1ST SHIFT AWAN TOWN</t>
  </si>
  <si>
    <t>madina colony kharak</t>
  </si>
  <si>
    <t>Non</t>
  </si>
  <si>
    <t>31176</t>
  </si>
  <si>
    <t>GGES MODEL MADRASSA-TUL-BANAT LAKE ROAD</t>
  </si>
  <si>
    <t>Mazang</t>
  </si>
  <si>
    <t>15 lake road lahore</t>
  </si>
  <si>
    <t>City Lahore</t>
  </si>
  <si>
    <t>GGPS HAMMAD COLONY NEW SHAD BAGH</t>
  </si>
  <si>
    <t>Hammad Colony</t>
  </si>
  <si>
    <t>Ggps new shad bagh hammad colony lahore</t>
  </si>
  <si>
    <t>Bhaghat Pura</t>
  </si>
  <si>
    <t>Shafqat Rani</t>
  </si>
  <si>
    <t>22379</t>
  </si>
  <si>
    <t>31187</t>
  </si>
  <si>
    <t>GGPS MUSLIM COLONY SHAHDARA</t>
  </si>
  <si>
    <t>Imamia Colony shahdra Lahore</t>
  </si>
  <si>
    <t>Javed Park</t>
  </si>
  <si>
    <t>Kubra Ali Asghar</t>
  </si>
  <si>
    <t>18468</t>
  </si>
  <si>
    <t>GGES MODEL BAGH MUNSHI LADHA.</t>
  </si>
  <si>
    <t>Shish Mehal</t>
  </si>
  <si>
    <t>Bagh Munshi Ladha Kacha Ravi Road Lahore</t>
  </si>
  <si>
    <t>Samina Hafeez</t>
  </si>
  <si>
    <t>7489</t>
  </si>
  <si>
    <t>31198</t>
  </si>
  <si>
    <t>GGPS BHAI KOT</t>
  </si>
  <si>
    <t>RAIWIND - FEMALE</t>
  </si>
  <si>
    <t>GGPS Bhaikot</t>
  </si>
  <si>
    <t>Samia Amir</t>
  </si>
  <si>
    <t>GPS MODEL  MUQADDAM SINGWALA</t>
  </si>
  <si>
    <t>SUNDER-FEMALE</t>
  </si>
  <si>
    <t>Gujjarpura Mera</t>
  </si>
  <si>
    <t>mera gujjarpura village bahria town overcees B extension</t>
  </si>
  <si>
    <t>mera gujjarpura</t>
  </si>
  <si>
    <t>maraka</t>
  </si>
  <si>
    <t>Mehwish Zahid</t>
  </si>
  <si>
    <t>31214</t>
  </si>
  <si>
    <t>GGHS SUNDER MULTAN ROAD LAHORE</t>
  </si>
  <si>
    <t>sundar</t>
  </si>
  <si>
    <t>sundar multan road lahore</t>
  </si>
  <si>
    <t>sham k bhatian</t>
  </si>
  <si>
    <t>mrs. kaniz akhtar awan d/o ali hussain</t>
  </si>
  <si>
    <t>31248</t>
  </si>
  <si>
    <t>GPS JUNIOR MODEL RATTIGAN ROAD LHR</t>
  </si>
  <si>
    <t>DJB Town</t>
  </si>
  <si>
    <t>Rattigan Road lhr</t>
  </si>
  <si>
    <t>Toheed Park</t>
  </si>
  <si>
    <t>Sobia Kausar</t>
  </si>
  <si>
    <t>31249</t>
  </si>
  <si>
    <t>GPS JUGGIAN KHANAKE P/O SUNDER</t>
  </si>
  <si>
    <t>Rangeel Pur</t>
  </si>
  <si>
    <t>Jhuggian khaneki Rangeel pur road Sundar Lahore</t>
  </si>
  <si>
    <t>Jhuggian Khaneki</t>
  </si>
  <si>
    <t>43539</t>
  </si>
  <si>
    <t>GGHS GAH</t>
  </si>
  <si>
    <t>Gah Begal</t>
  </si>
  <si>
    <t>vpo gah tehsil &amp; distt chakwal</t>
  </si>
  <si>
    <t>water pump,govt water supp</t>
  </si>
  <si>
    <t>GGES MODEL OLD FRUIT MARKET 2-MORIA PUL LUNDA BAZAR</t>
  </si>
  <si>
    <t>Govt girls model middle school old fruit market</t>
  </si>
  <si>
    <t>Saraiye Sultan</t>
  </si>
  <si>
    <t>samina muzammil</t>
  </si>
  <si>
    <t>32331</t>
  </si>
  <si>
    <t>42889</t>
  </si>
  <si>
    <t>GGES JUNIOR MODEL AWAN TOWN 2nd SHIFT LAHORE</t>
  </si>
  <si>
    <t>Govt.Girls Junior Model Middle School 2nd shift Awan Town Lahore.</t>
  </si>
  <si>
    <t>Zakia Ameer</t>
  </si>
  <si>
    <t>38415</t>
  </si>
  <si>
    <t>31267</t>
  </si>
  <si>
    <t>GGHS CDG QILA LACHMAN SINGH</t>
  </si>
  <si>
    <t>qila lachman singh</t>
  </si>
  <si>
    <t>qila lachman singh ravi road lahore</t>
  </si>
  <si>
    <t>Perveen Ashiq</t>
  </si>
  <si>
    <t>43438</t>
  </si>
  <si>
    <t>GGPS MOHRI POTHHA</t>
  </si>
  <si>
    <t>Mohri Potha</t>
  </si>
  <si>
    <t>vill mohri potha p/o ghazial teh/ distt chakwal</t>
  </si>
  <si>
    <t>Naveeda Ambrin Asghar</t>
  </si>
  <si>
    <t>28241</t>
  </si>
  <si>
    <t>44055</t>
  </si>
  <si>
    <t>43442</t>
  </si>
  <si>
    <t>GGPS BAN AMIR KHATOON P/O DHOK TAHKLIAN</t>
  </si>
  <si>
    <t>Ban Amir Khatoon</t>
  </si>
  <si>
    <t>ban amir khatoon po jhatla disst chakwal</t>
  </si>
  <si>
    <t>19487</t>
  </si>
  <si>
    <t>43476</t>
  </si>
  <si>
    <t>GGPS GHUKAL</t>
  </si>
  <si>
    <t>ghukal</t>
  </si>
  <si>
    <t>village Ghukal p/o Saigolabad teh/district chakwal</t>
  </si>
  <si>
    <t>khotian</t>
  </si>
  <si>
    <t>Shumaila Naseem</t>
  </si>
  <si>
    <t>15580</t>
  </si>
  <si>
    <t>GGCMES DEWALIAN</t>
  </si>
  <si>
    <t>Dewalian</t>
  </si>
  <si>
    <t>vpo dewalian teh &amp; distance chakwal</t>
  </si>
  <si>
    <t>Choa Gunj Ali Shah</t>
  </si>
  <si>
    <t>Sumera Nawaz</t>
  </si>
  <si>
    <t>mezail motor</t>
  </si>
  <si>
    <t>36286</t>
  </si>
  <si>
    <t>43492</t>
  </si>
  <si>
    <t>GGHS JAND KHANZADA</t>
  </si>
  <si>
    <t>jand khanzada p/0 dohman  tehsil&amp;dist chakwal</t>
  </si>
  <si>
    <t>Nurjus Khatoon</t>
  </si>
  <si>
    <t>GGPS DHOK RAJA</t>
  </si>
  <si>
    <t>Dhok Raja</t>
  </si>
  <si>
    <t>v.p.o Dullah village Dhok Raja Tehsil and district chakwal</t>
  </si>
  <si>
    <t>Tarannum Naz</t>
  </si>
  <si>
    <t>8357</t>
  </si>
  <si>
    <t>43543</t>
  </si>
  <si>
    <t>GGPS MIRWAL</t>
  </si>
  <si>
    <t>PADSHAHAN-FEMALE</t>
  </si>
  <si>
    <t>Mirwal</t>
  </si>
  <si>
    <t>Village Mirwal p/o Dhudial Teh &amp; Distt Chakwal</t>
  </si>
  <si>
    <t>Mehfooz-un-nisa</t>
  </si>
  <si>
    <t>8299</t>
  </si>
  <si>
    <t>50004</t>
  </si>
  <si>
    <t>44601</t>
  </si>
  <si>
    <t>GGCMHS DOREY</t>
  </si>
  <si>
    <t>Doray</t>
  </si>
  <si>
    <t>vpo doray</t>
  </si>
  <si>
    <t>Dorsy</t>
  </si>
  <si>
    <t>Asiya Sultana</t>
  </si>
  <si>
    <t>61619</t>
  </si>
  <si>
    <t>water motor source</t>
  </si>
  <si>
    <t>50994</t>
  </si>
  <si>
    <t>43588</t>
  </si>
  <si>
    <t>GGES FIM KASSAR</t>
  </si>
  <si>
    <t>fim kassar</t>
  </si>
  <si>
    <t>vPO FIM KASSAR TEHSIL AND DISTT CHAKWAL</t>
  </si>
  <si>
    <t>siral</t>
  </si>
  <si>
    <t>14229</t>
  </si>
  <si>
    <t>43598</t>
  </si>
  <si>
    <t>GMMS DHOK PANAH</t>
  </si>
  <si>
    <t>dhoke panah</t>
  </si>
  <si>
    <t>village dhoke panah PO dullah tehsil and district chakwal</t>
  </si>
  <si>
    <t>Dhoke Panah</t>
  </si>
  <si>
    <t>warwal</t>
  </si>
  <si>
    <t>MUHAMMAD ZAHOOR KHAN</t>
  </si>
  <si>
    <t>43608</t>
  </si>
  <si>
    <t>GGPS HIRAJ PONARANG</t>
  </si>
  <si>
    <t>village haraj v p o narang chakwal</t>
  </si>
  <si>
    <t>Furhan Batool Syed</t>
  </si>
  <si>
    <t>13136</t>
  </si>
  <si>
    <t>43619</t>
  </si>
  <si>
    <t>GHS GAH</t>
  </si>
  <si>
    <t>GAH</t>
  </si>
  <si>
    <t>VPO GAH TEH AND DISTT CHAKWAL</t>
  </si>
  <si>
    <t>BEGAL</t>
  </si>
  <si>
    <t>Azhar Hussain</t>
  </si>
  <si>
    <t>5338</t>
  </si>
  <si>
    <t>14958</t>
  </si>
  <si>
    <t>31690</t>
  </si>
  <si>
    <t>43626</t>
  </si>
  <si>
    <t>GHS BHAGTAL</t>
  </si>
  <si>
    <t>Bhagtal</t>
  </si>
  <si>
    <t>VPO Bhagtal Tehsil Talangang District Chakwal</t>
  </si>
  <si>
    <t>Pera Fatehhal</t>
  </si>
  <si>
    <t>ABDUR REHMAN</t>
  </si>
  <si>
    <t>43629</t>
  </si>
  <si>
    <t>GHS WANHAR</t>
  </si>
  <si>
    <t>WANHAR</t>
  </si>
  <si>
    <t>wanhar</t>
  </si>
  <si>
    <t>bidhar</t>
  </si>
  <si>
    <t>mohammad aatif usman</t>
  </si>
  <si>
    <t>43631</t>
  </si>
  <si>
    <t>GHS MULTAN KHURD</t>
  </si>
  <si>
    <t>Multan Khurd</t>
  </si>
  <si>
    <t>vpo Multan Khurd</t>
  </si>
  <si>
    <t>zia ul Haq</t>
  </si>
  <si>
    <t>45215</t>
  </si>
  <si>
    <t>43639</t>
  </si>
  <si>
    <t>GHS NO. 1 TALAGANG</t>
  </si>
  <si>
    <t>Govt. high school no. 1 talagang</t>
  </si>
  <si>
    <t>talagang</t>
  </si>
  <si>
    <t>MUHAMMAD JAWAD ABBAS</t>
  </si>
  <si>
    <t>29006</t>
  </si>
  <si>
    <t>43642</t>
  </si>
  <si>
    <t>GHSS CHINJI</t>
  </si>
  <si>
    <t>muhammad asif</t>
  </si>
  <si>
    <t>43654</t>
  </si>
  <si>
    <t>GGHS NO. 1 TALAGANG</t>
  </si>
  <si>
    <t>w/NO 5 CHAKWAL ROAD TALAGANG</t>
  </si>
  <si>
    <t>Mc Talagang</t>
  </si>
  <si>
    <t>SURYYA KHANAM</t>
  </si>
  <si>
    <t>GGHS PACHNAND</t>
  </si>
  <si>
    <t>PACHNAND</t>
  </si>
  <si>
    <t>VPO PACHNAND TEHSIL LAWA DISTT CHAKWAL</t>
  </si>
  <si>
    <t>PACHNAND MOHALLA BALY</t>
  </si>
  <si>
    <t>SUGHRA</t>
  </si>
  <si>
    <t>8032</t>
  </si>
  <si>
    <t>48973</t>
  </si>
  <si>
    <t>43675</t>
  </si>
  <si>
    <t>GHS DHOK MUSAHIB</t>
  </si>
  <si>
    <t>Dhoke Musahib</t>
  </si>
  <si>
    <t>Vpo Dhoke musahib</t>
  </si>
  <si>
    <t>arshad iqbal</t>
  </si>
  <si>
    <t>15696</t>
  </si>
  <si>
    <t>46678</t>
  </si>
  <si>
    <t>43677</t>
  </si>
  <si>
    <t>GHS JABBI SHAH DILAWAR</t>
  </si>
  <si>
    <t>JABBI SHAH DILAWAR</t>
  </si>
  <si>
    <t>P/O Jabbi shah dilawar teh talagang dist chakwal</t>
  </si>
  <si>
    <t>JABBI SHAH DILAWSR</t>
  </si>
  <si>
    <t>JABBI SHAHDILWWAR</t>
  </si>
  <si>
    <t>suhail ahmed</t>
  </si>
  <si>
    <t>43684</t>
  </si>
  <si>
    <t>GHS DHURNAL</t>
  </si>
  <si>
    <t>Govt. high school no2 dhurnal tehsil lawa distt chakwal</t>
  </si>
  <si>
    <t>Sultan Zakria Saqib</t>
  </si>
  <si>
    <t>43701</t>
  </si>
  <si>
    <t>GGHS KOT GULLAH</t>
  </si>
  <si>
    <t>vpo kotgullah</t>
  </si>
  <si>
    <t>Aisha Zubair</t>
  </si>
  <si>
    <t>378125</t>
  </si>
  <si>
    <t>43719</t>
  </si>
  <si>
    <t>GGHS NAKKA KAHUT</t>
  </si>
  <si>
    <t>nakka kahut</t>
  </si>
  <si>
    <t>vpo nakka kahut tehsil: talgang district: chakwal</t>
  </si>
  <si>
    <t>humaira yasmeen</t>
  </si>
  <si>
    <t>15988</t>
  </si>
  <si>
    <t>29068</t>
  </si>
  <si>
    <t>43770</t>
  </si>
  <si>
    <t>GPS DHOK KEHNAT</t>
  </si>
  <si>
    <t>DHURNAL-MALE</t>
  </si>
  <si>
    <t>Gattal</t>
  </si>
  <si>
    <t>GPS Kenhat Gattal</t>
  </si>
  <si>
    <t>Saima Sattar</t>
  </si>
  <si>
    <t>31268</t>
  </si>
  <si>
    <t>43778</t>
  </si>
  <si>
    <t>GPS DHOK NARGHEA</t>
  </si>
  <si>
    <t>Narigha</t>
  </si>
  <si>
    <t>village narigha po dhurnal teh tehsil laws district chakwal</t>
  </si>
  <si>
    <t>Adnan Anjum</t>
  </si>
  <si>
    <t>10019</t>
  </si>
  <si>
    <t>19710</t>
  </si>
  <si>
    <t>43798</t>
  </si>
  <si>
    <t>GES KANHAT</t>
  </si>
  <si>
    <t>PICHNAND-MALE</t>
  </si>
  <si>
    <t>Kanhat</t>
  </si>
  <si>
    <t>Village Kanhat, P.O Pichnand, Tehsil Lawa, District Chakwal</t>
  </si>
  <si>
    <t>Pichnand</t>
  </si>
  <si>
    <t>GPS JHALLI</t>
  </si>
  <si>
    <t>Jhalli</t>
  </si>
  <si>
    <t>Dhoke Jhalli</t>
  </si>
  <si>
    <t>9227</t>
  </si>
  <si>
    <t>51441</t>
  </si>
  <si>
    <t>49989</t>
  </si>
  <si>
    <t>GPS LABH SINGH WEST</t>
  </si>
  <si>
    <t>Labh  Singh West</t>
  </si>
  <si>
    <t>Labh Singh West P/O Roda Singh</t>
  </si>
  <si>
    <t>Labh Singh West</t>
  </si>
  <si>
    <t>Tokoo Rampura</t>
  </si>
  <si>
    <t>Mazhar Faiz</t>
  </si>
  <si>
    <t>Water collars</t>
  </si>
  <si>
    <t>50008</t>
  </si>
  <si>
    <t>GPS MAMUKA HITHAR</t>
  </si>
  <si>
    <t>Mamuka Uttar</t>
  </si>
  <si>
    <t>Basti Mamuka Uttar, Posts Office Chack Sarkari,  Tehsil and District Bahawalnagar</t>
  </si>
  <si>
    <t>GPS BASTI JHADUWAN</t>
  </si>
  <si>
    <t>Fateh Kot</t>
  </si>
  <si>
    <t>BASTI JHADUWAN MARKAZ NO.07BAHAWAL NAGAR</t>
  </si>
  <si>
    <t>BASTI JHADUWAN</t>
  </si>
  <si>
    <t>SHEIKH MUHAMMAD SHAFIQUE</t>
  </si>
  <si>
    <t>49624</t>
  </si>
  <si>
    <t>39628</t>
  </si>
  <si>
    <t>5636</t>
  </si>
  <si>
    <t>GMPS SUNDAR BISHNOIAN</t>
  </si>
  <si>
    <t>BWN.15-FEMALE</t>
  </si>
  <si>
    <t>Sunder Bishnoian</t>
  </si>
  <si>
    <t>Govt  .mps sunder bisnoian p/o donga bonga  BWN</t>
  </si>
  <si>
    <t>Soonda</t>
  </si>
  <si>
    <t>Sughra Khanum</t>
  </si>
  <si>
    <t>GGPS MEHRAM DHUDY</t>
  </si>
  <si>
    <t>Balla Arain</t>
  </si>
  <si>
    <t>mehram. dhudy</t>
  </si>
  <si>
    <t>Mehram Dhuddy</t>
  </si>
  <si>
    <t>Malikpura</t>
  </si>
  <si>
    <t>GMPS KHALIQA RAZIQIA</t>
  </si>
  <si>
    <t>Madrassa Khalqia Razaqia Dunga Bunga</t>
  </si>
  <si>
    <t>GPS MUSLAY NAJMA ABAD</t>
  </si>
  <si>
    <t>Takhat Mahal Hitharh</t>
  </si>
  <si>
    <t>Basti Najma Abad P/O Madrissa Tehsil and District Bahawalnagar</t>
  </si>
  <si>
    <t>Najma Abad</t>
  </si>
  <si>
    <t>Ahmad Bakhsh Snattaka</t>
  </si>
  <si>
    <t>GPS 89/15-L BHENI GARWAHAN, MIAN CHANNU</t>
  </si>
  <si>
    <t>MOHSIN WAL - MALE</t>
  </si>
  <si>
    <t>Bhani Garwahan</t>
  </si>
  <si>
    <t>GPS 89/15L Bhaini Garwhan P/O 64/15L Teh..mianchannu</t>
  </si>
  <si>
    <t>89/15L</t>
  </si>
  <si>
    <t>Chak# 89/15L</t>
  </si>
  <si>
    <t>4806</t>
  </si>
  <si>
    <t>GPS 52/15-L MIAN CHANNU</t>
  </si>
  <si>
    <t>52 15 L</t>
  </si>
  <si>
    <t>GPS  52 15 L  Mian Channu</t>
  </si>
  <si>
    <t>52 15 L Mian Channu</t>
  </si>
  <si>
    <t>57 15 L</t>
  </si>
  <si>
    <t>Hassan Ikram Butt</t>
  </si>
  <si>
    <t>GHS ISLAMIA JAHANIAN, JAHANIAN</t>
  </si>
  <si>
    <t>Jalal abad Colony Jahanian</t>
  </si>
  <si>
    <t>Jalal Abad Colony Jahanian</t>
  </si>
  <si>
    <t>MC Urbane</t>
  </si>
  <si>
    <t>muhammad yousaf</t>
  </si>
  <si>
    <t>30768</t>
  </si>
  <si>
    <t>37735</t>
  </si>
  <si>
    <t>GHS 127/10-R, JAHANIAN</t>
  </si>
  <si>
    <t>Chack no. 127/10.R Jahanian</t>
  </si>
  <si>
    <t>127/10.R</t>
  </si>
  <si>
    <t>127.10/R</t>
  </si>
  <si>
    <t>Muhammad Farhat Abbass</t>
  </si>
  <si>
    <t>16512</t>
  </si>
  <si>
    <t>37835</t>
  </si>
  <si>
    <t>GMPS 129/10-R, JAHANIAN</t>
  </si>
  <si>
    <t>Chak 129/10R</t>
  </si>
  <si>
    <t>cak129/10.R jahanian khanewal</t>
  </si>
  <si>
    <t>Chak129/10R</t>
  </si>
  <si>
    <t>Alisherwahn</t>
  </si>
  <si>
    <t>Sumera Ali</t>
  </si>
  <si>
    <t>50101</t>
  </si>
  <si>
    <t>GMPS QURESHI WALA, P/O THATHA SADIQ ABAD, JAHANIAN</t>
  </si>
  <si>
    <t>Thatha</t>
  </si>
  <si>
    <t>chah qureshi wala p/O khas thatha sadiqabad</t>
  </si>
  <si>
    <t>Qureshiwala</t>
  </si>
  <si>
    <t>Maria Talib</t>
  </si>
  <si>
    <t>54448</t>
  </si>
  <si>
    <t>34866</t>
  </si>
  <si>
    <t>37869</t>
  </si>
  <si>
    <t>GMES 109/10-R, JAHANIAN</t>
  </si>
  <si>
    <t>109/10r</t>
  </si>
  <si>
    <t>chak No. 109/10r jhania</t>
  </si>
  <si>
    <t>Chak 109/10r</t>
  </si>
  <si>
    <t>Sabahat Hameed</t>
  </si>
  <si>
    <t>37873</t>
  </si>
  <si>
    <t>GMPS 174/10-R MUHARAN WALA, JAHANIAN</t>
  </si>
  <si>
    <t>GMPS174/10R</t>
  </si>
  <si>
    <t>Bobby Bashir</t>
  </si>
  <si>
    <t>14438</t>
  </si>
  <si>
    <t>19851</t>
  </si>
  <si>
    <t>37925</t>
  </si>
  <si>
    <t>GHS GOGRAN</t>
  </si>
  <si>
    <t>P/O Gogran Tehsil and District Lodhran</t>
  </si>
  <si>
    <t>MALIK GHULAM MUSTAFA BARJEES</t>
  </si>
  <si>
    <t>28042</t>
  </si>
  <si>
    <t>GHS ADAM WAHAN</t>
  </si>
  <si>
    <t>Adda Adam Wahin, Bahawalpur Road, Lodhran</t>
  </si>
  <si>
    <t>muhammad afzal</t>
  </si>
  <si>
    <t>21324</t>
  </si>
  <si>
    <t>GHS SALSADAR</t>
  </si>
  <si>
    <t>Salsadar</t>
  </si>
  <si>
    <t>BASTI SALSADAR MOZA SALSADAR</t>
  </si>
  <si>
    <t>SALSADAR</t>
  </si>
  <si>
    <t>SYED MUHAMMAD ANSAR SHAH</t>
  </si>
  <si>
    <t>37934</t>
  </si>
  <si>
    <t>GHS LAHORI TEH LODRAAN</t>
  </si>
  <si>
    <t>mauza &amp; UC Lahori tehsil&amp;district lodhran p/o gila wala</t>
  </si>
  <si>
    <t>Rao Abdul Jabbar</t>
  </si>
  <si>
    <t>37939</t>
  </si>
  <si>
    <t>GGHS LODHRAN</t>
  </si>
  <si>
    <t>Gangway Wala</t>
  </si>
  <si>
    <t>Near Zila Council Lodhran</t>
  </si>
  <si>
    <t>Gangway Wala Lodhran</t>
  </si>
  <si>
    <t>64687</t>
  </si>
  <si>
    <t>37941</t>
  </si>
  <si>
    <t>GES FAIZ ABAD</t>
  </si>
  <si>
    <t>LODHRAN - MALE</t>
  </si>
  <si>
    <t>sandhi wala</t>
  </si>
  <si>
    <t>ward No 22 Municipal Committee Lodhran</t>
  </si>
  <si>
    <t>railway station</t>
  </si>
  <si>
    <t>Shaukat Farid</t>
  </si>
  <si>
    <t>5381</t>
  </si>
  <si>
    <t>GES BALHEEM ABAD MOUZA PUGAL WARI</t>
  </si>
  <si>
    <t>BHUTAJI - MALE</t>
  </si>
  <si>
    <t>pugalwari</t>
  </si>
  <si>
    <t>basti Sair wala moza pugalwari</t>
  </si>
  <si>
    <t>sair Wala</t>
  </si>
  <si>
    <t>Malik KARAM HUSSAIN</t>
  </si>
  <si>
    <t>9757</t>
  </si>
  <si>
    <t>37964</t>
  </si>
  <si>
    <t>GGES HAVELI NASEER KHAN</t>
  </si>
  <si>
    <t>basti arain haveli naseer khan</t>
  </si>
  <si>
    <t>114350</t>
  </si>
  <si>
    <t>37966</t>
  </si>
  <si>
    <t>GGHS GOGRAN</t>
  </si>
  <si>
    <t>GGHS Gogran</t>
  </si>
  <si>
    <t>SHUMAILA RIAZ</t>
  </si>
  <si>
    <t>9902</t>
  </si>
  <si>
    <t>12896</t>
  </si>
  <si>
    <t>38061</t>
  </si>
  <si>
    <t>GGES THATHI SAMEEJA</t>
  </si>
  <si>
    <t>Basti Thathi Sameja, Tehsil and District Lodhran.</t>
  </si>
  <si>
    <t>Farhat yasmeen</t>
  </si>
  <si>
    <t>35724</t>
  </si>
  <si>
    <t>38075</t>
  </si>
  <si>
    <t>GGPS 94/M</t>
  </si>
  <si>
    <t>BHUTAJI - FEMALE</t>
  </si>
  <si>
    <t>Bhtaji</t>
  </si>
  <si>
    <t>govt. girls primary school 94/M</t>
  </si>
  <si>
    <t>Chak 94/M</t>
  </si>
  <si>
    <t>Bhutaji</t>
  </si>
  <si>
    <t>Shazia Nasreen</t>
  </si>
  <si>
    <t>38102</t>
  </si>
  <si>
    <t>GGPS SALAH MAHEY</t>
  </si>
  <si>
    <t>Bhuteji</t>
  </si>
  <si>
    <t>G.Gp/s saleh meh bhteji post office gogran .lodhran</t>
  </si>
  <si>
    <t>Saleh Meh</t>
  </si>
  <si>
    <t>Bushra Ishfaq</t>
  </si>
  <si>
    <t>38158</t>
  </si>
  <si>
    <t>GMES DERA JAND</t>
  </si>
  <si>
    <t>dera jand</t>
  </si>
  <si>
    <t>GMESchool dera jand</t>
  </si>
  <si>
    <t>Koukab Nasreen</t>
  </si>
  <si>
    <t>38182</t>
  </si>
  <si>
    <t>GMES HALEEM WALA</t>
  </si>
  <si>
    <t>Mujaldi Wala</t>
  </si>
  <si>
    <t>Government Model Elementary school Haleem Wala</t>
  </si>
  <si>
    <t>Haleem Wala</t>
  </si>
  <si>
    <t>Thathi Smaija</t>
  </si>
  <si>
    <t>Sidrah Yousaf</t>
  </si>
  <si>
    <t>33598</t>
  </si>
  <si>
    <t>38192</t>
  </si>
  <si>
    <t>GGPS QAAZI WALA</t>
  </si>
  <si>
    <t>Sikandr Wala</t>
  </si>
  <si>
    <t>Basti darigah moza sikandar wala lodhran</t>
  </si>
  <si>
    <t>Bsti Darigah</t>
  </si>
  <si>
    <t>38241</t>
  </si>
  <si>
    <t>GHS MC SOCIAL KEHROR PACCA</t>
  </si>
  <si>
    <t>Patwarian Wala, Kahror Pacca</t>
  </si>
  <si>
    <t>Patwarian wala</t>
  </si>
  <si>
    <t>rizwan ali</t>
  </si>
  <si>
    <t>38259</t>
  </si>
  <si>
    <t>GPS MIRAN PUR</t>
  </si>
  <si>
    <t>KARORPACCA - MALE</t>
  </si>
  <si>
    <t>Beela Wahga</t>
  </si>
  <si>
    <t>Basti miran Pur, Miuza Beela Wahga, Khair Pur Road Kahror Pacca, Lodhran</t>
  </si>
  <si>
    <t>Muhammad Naeem Akhtar</t>
  </si>
  <si>
    <t>46025</t>
  </si>
  <si>
    <t>38311</t>
  </si>
  <si>
    <t>GGPS BURHAN PUR KEHROR PACCA</t>
  </si>
  <si>
    <t>GAHI MAMMAR - FEMALE</t>
  </si>
  <si>
    <t>Burhanpur</t>
  </si>
  <si>
    <t>Basti Islam pur Kehrorpacca</t>
  </si>
  <si>
    <t>BASTI ISLAM PUR</t>
  </si>
  <si>
    <t>Burhan Pur</t>
  </si>
  <si>
    <t>Naila Rani</t>
  </si>
  <si>
    <t>38351</t>
  </si>
  <si>
    <t>GMPS BASTI KHUDAI NO.2</t>
  </si>
  <si>
    <t>Dakhna Gharoo</t>
  </si>
  <si>
    <t>basti khudai</t>
  </si>
  <si>
    <t>Aisha Makkl</t>
  </si>
  <si>
    <t>48685</t>
  </si>
  <si>
    <t>38354</t>
  </si>
  <si>
    <t>GGPS TILOK PUR PO AMEER PUR SADAT</t>
  </si>
  <si>
    <t>Hardo  Thaheem</t>
  </si>
  <si>
    <t>basti Tilokpur po of box amir pur sadat</t>
  </si>
  <si>
    <t>Tilok  Pur</t>
  </si>
  <si>
    <t>Amir Pur Sadat</t>
  </si>
  <si>
    <t>Bano Bukhari</t>
  </si>
  <si>
    <t>GGPS WAHAND SARMANI</t>
  </si>
  <si>
    <t>KARORPACCA - FEMALE</t>
  </si>
  <si>
    <t>Wahind Sarmani</t>
  </si>
  <si>
    <t>ggps Wahind sarmani</t>
  </si>
  <si>
    <t>Jind Peer</t>
  </si>
  <si>
    <t>Farida Abad</t>
  </si>
  <si>
    <t>Fozia Khan</t>
  </si>
  <si>
    <t>38425</t>
  </si>
  <si>
    <t>GHS 356/WB</t>
  </si>
  <si>
    <t>Chak No. 356/WB</t>
  </si>
  <si>
    <t>Chak No. 356/WB Tehsil Dunyapur District Lodhran</t>
  </si>
  <si>
    <t>Chak No. 360/WB</t>
  </si>
  <si>
    <t>11787</t>
  </si>
  <si>
    <t>38903</t>
  </si>
  <si>
    <t>38428</t>
  </si>
  <si>
    <t>GHS NOOR GARH</t>
  </si>
  <si>
    <t>Mouza Noor garh tehsil dunyapur(Lodhran)</t>
  </si>
  <si>
    <t>NOOR GARH</t>
  </si>
  <si>
    <t>Teachers Not Available</t>
  </si>
  <si>
    <t>GGHS 360/WB</t>
  </si>
  <si>
    <t>gghs360/wb tehsil dunyapur district lodhran</t>
  </si>
  <si>
    <t>PAKEEZA HUSSAIN</t>
  </si>
  <si>
    <t>41815</t>
  </si>
  <si>
    <t>38488</t>
  </si>
  <si>
    <t>GES NO 1 DUNYA PUR</t>
  </si>
  <si>
    <t>DUNYAPUR - MALE</t>
  </si>
  <si>
    <t>Dunya pur</t>
  </si>
  <si>
    <t>Muhammad Izhar Ul Haq</t>
  </si>
  <si>
    <t>38525</t>
  </si>
  <si>
    <t>GPS CHAK NO 33/M</t>
  </si>
  <si>
    <t>Chak33/m</t>
  </si>
  <si>
    <t>Chak no:33/M</t>
  </si>
  <si>
    <t>33/m</t>
  </si>
  <si>
    <t>35/m</t>
  </si>
  <si>
    <t>9915</t>
  </si>
  <si>
    <t>38561</t>
  </si>
  <si>
    <t>GPS DAISI WALA</t>
  </si>
  <si>
    <t>Moza Dasi</t>
  </si>
  <si>
    <t>moza dasi,thesil dnyapur district lodhran</t>
  </si>
  <si>
    <t>Basti Dasi</t>
  </si>
  <si>
    <t>386wb</t>
  </si>
  <si>
    <t>Asif Hussain</t>
  </si>
  <si>
    <t>29821</t>
  </si>
  <si>
    <t>11532</t>
  </si>
  <si>
    <t>38573</t>
  </si>
  <si>
    <t>GPS CHAK NO. 380/WB</t>
  </si>
  <si>
    <t>CHAK NO. 380/WB</t>
  </si>
  <si>
    <t>GOVT. PRIMARY SCHOOL CHAK NO. 380/WB TEHSIL DUNYAPUR DISTRICT LODHRAN</t>
  </si>
  <si>
    <t>CHAK NO. 384/WB</t>
  </si>
  <si>
    <t>KHURRAM SHAHZAD</t>
  </si>
  <si>
    <t>38654</t>
  </si>
  <si>
    <t>GGPS 289 WB PO QUTAB PUR</t>
  </si>
  <si>
    <t>chak no. 289/w.b</t>
  </si>
  <si>
    <t>Chak No. 289/W.B tehsil dunyapur district lodhran</t>
  </si>
  <si>
    <t>Chak No. 289/W.B</t>
  </si>
  <si>
    <t>noor garh</t>
  </si>
  <si>
    <t>Amina Fakhra</t>
  </si>
  <si>
    <t>GGPS 241 WB</t>
  </si>
  <si>
    <t>ZAKHIRA - FEMALE</t>
  </si>
  <si>
    <t>241/wb</t>
  </si>
  <si>
    <t>chak 241/wb  dunya pur</t>
  </si>
  <si>
    <t>Chak no 241/wb</t>
  </si>
  <si>
    <t>Yasmeen Parveen</t>
  </si>
  <si>
    <t>GGPS BOHAR LANGAH</t>
  </si>
  <si>
    <t>Bohar Langah</t>
  </si>
  <si>
    <t>moza bohar Langah near sardarpur jhendir</t>
  </si>
  <si>
    <t>Anam Khalil</t>
  </si>
  <si>
    <t>38675</t>
  </si>
  <si>
    <t>GMPS 323 WB</t>
  </si>
  <si>
    <t>CHAK NO. 342/WB - FEMALE</t>
  </si>
  <si>
    <t>323wb</t>
  </si>
  <si>
    <t>323wb.teh Dunyapur.distt lodhran</t>
  </si>
  <si>
    <t>Sultan Ayub qatal</t>
  </si>
  <si>
    <t>27700</t>
  </si>
  <si>
    <t>38682</t>
  </si>
  <si>
    <t>GGPS 285-87 WB</t>
  </si>
  <si>
    <t>tehsil duniapur district lodhran chack 285.87 wb</t>
  </si>
  <si>
    <t>28587 Wb</t>
  </si>
  <si>
    <t>Noorgarh</t>
  </si>
  <si>
    <t>Nishat Sheerin</t>
  </si>
  <si>
    <t>motorb pump</t>
  </si>
  <si>
    <t>GGPS 2/M</t>
  </si>
  <si>
    <t>chak 2/m p/o Sardarpur Jhandir Teh. Duniyapur Distt. Lodhran.</t>
  </si>
  <si>
    <t>7497</t>
  </si>
  <si>
    <t>38699</t>
  </si>
  <si>
    <t>GGPS 38/M</t>
  </si>
  <si>
    <t>38/m</t>
  </si>
  <si>
    <t>chak # 38/m dunyapur lodhran</t>
  </si>
  <si>
    <t>Chak # 38/m</t>
  </si>
  <si>
    <t>Dunyapur Dehi</t>
  </si>
  <si>
    <t>Fazilat Rani</t>
  </si>
  <si>
    <t>52332</t>
  </si>
  <si>
    <t>38792</t>
  </si>
  <si>
    <t>GHS FAQIR ABAD</t>
  </si>
  <si>
    <t>GHS FAQIRABAD  ATTOCK</t>
  </si>
  <si>
    <t>GHULAM SABBIR</t>
  </si>
  <si>
    <t>GMPS 390/WB</t>
  </si>
  <si>
    <t>Chak No 390wb</t>
  </si>
  <si>
    <t>gmps 390 wb tehsil dunya pur district lodhran</t>
  </si>
  <si>
    <t>MAKHDOOM Aali</t>
  </si>
  <si>
    <t>Bushra Naseem</t>
  </si>
  <si>
    <t>38724</t>
  </si>
  <si>
    <t>GGPS CHOUHAN GURDARI LAL</t>
  </si>
  <si>
    <t>Josran</t>
  </si>
  <si>
    <t>chouhan gurdari lal</t>
  </si>
  <si>
    <t>Chouhan Gurdari Lal</t>
  </si>
  <si>
    <t>GGPS 374/EAST 374/WB</t>
  </si>
  <si>
    <t>374/wb East</t>
  </si>
  <si>
    <t>chak 374/wb east tehseel dunyapur district lodhran</t>
  </si>
  <si>
    <t>374 /Wb</t>
  </si>
  <si>
    <t>Naheed Koser</t>
  </si>
  <si>
    <t>5062</t>
  </si>
  <si>
    <t>38742</t>
  </si>
  <si>
    <t>GGPS 369/WB NO.2</t>
  </si>
  <si>
    <t>69 Mor Colony</t>
  </si>
  <si>
    <t>chak No 369 wb tehsil dunyapur district lodhran</t>
  </si>
  <si>
    <t>369 WBWB</t>
  </si>
  <si>
    <t>353 WB</t>
  </si>
  <si>
    <t>NAIK BIBI</t>
  </si>
  <si>
    <t>14389</t>
  </si>
  <si>
    <t>4685</t>
  </si>
  <si>
    <t>38773</t>
  </si>
  <si>
    <t>GGHS ATTOCK NO.2</t>
  </si>
  <si>
    <t>Attock Cantt.</t>
  </si>
  <si>
    <t>Govt. Girls High School No. 2 Attock Cantt.</t>
  </si>
  <si>
    <t>M2</t>
  </si>
  <si>
    <t>Sajida Iffat Mukhtar</t>
  </si>
  <si>
    <t>38820</t>
  </si>
  <si>
    <t>GPS MADROTA</t>
  </si>
  <si>
    <t>madrota</t>
  </si>
  <si>
    <t>village madrota</t>
  </si>
  <si>
    <t>Saqib Hussain</t>
  </si>
  <si>
    <t>25674</t>
  </si>
  <si>
    <t>25420</t>
  </si>
  <si>
    <t>40089</t>
  </si>
  <si>
    <t>GPS BARYAR</t>
  </si>
  <si>
    <t>Baryar</t>
  </si>
  <si>
    <t>baryar</t>
  </si>
  <si>
    <t>Sharoze Shakir</t>
  </si>
  <si>
    <t>20798</t>
  </si>
  <si>
    <t>33841</t>
  </si>
  <si>
    <t>38886</t>
  </si>
  <si>
    <t>GGHS BARYAR</t>
  </si>
  <si>
    <t>GGHS BARYAR ATTOCK</t>
  </si>
  <si>
    <t>SHEENBAGH</t>
  </si>
  <si>
    <t>Fouzia Nosheen</t>
  </si>
  <si>
    <t>39047</t>
  </si>
  <si>
    <t>GHS GALI JAGEER</t>
  </si>
  <si>
    <t>Gali Jageer</t>
  </si>
  <si>
    <t>Village Gali Jageer, Tehsil Fateh Jang, District Attock.</t>
  </si>
  <si>
    <t>amjad mehmood</t>
  </si>
  <si>
    <t>9827</t>
  </si>
  <si>
    <t>Water Tanker</t>
  </si>
  <si>
    <t>43709</t>
  </si>
  <si>
    <t>39054</t>
  </si>
  <si>
    <t>GES PAGH</t>
  </si>
  <si>
    <t>KOT FATEH KHAN - MALE</t>
  </si>
  <si>
    <t>Pagh</t>
  </si>
  <si>
    <t>Village Pagh Tehsil Fateh Jang</t>
  </si>
  <si>
    <t>Gali Jagir</t>
  </si>
  <si>
    <t>18268</t>
  </si>
  <si>
    <t>43606</t>
  </si>
  <si>
    <t>39144</t>
  </si>
  <si>
    <t>GGES MAKI DHOK</t>
  </si>
  <si>
    <t>MAKI DHOAK</t>
  </si>
  <si>
    <t>VILLAGE &amp; PO MAIKI DHOAK,TEHSIL FATEH JANG</t>
  </si>
  <si>
    <t>MAIKI DHOAK</t>
  </si>
  <si>
    <t>Shakeela Nasir</t>
  </si>
  <si>
    <t>from well out side of school</t>
  </si>
  <si>
    <t>11382</t>
  </si>
  <si>
    <t>39157</t>
  </si>
  <si>
    <t>GGES BURAJ</t>
  </si>
  <si>
    <t>Buraj</t>
  </si>
  <si>
    <t>village Buraj</t>
  </si>
  <si>
    <t>Shah Rae Assad Up Allah</t>
  </si>
  <si>
    <t>Sadia Naheed</t>
  </si>
  <si>
    <t>39158</t>
  </si>
  <si>
    <t>GGPS DOHRIAN</t>
  </si>
  <si>
    <t>Bajal</t>
  </si>
  <si>
    <t>dohrian, markaz kot fateh Khan ,tehsil fateh jang ,dist Attock</t>
  </si>
  <si>
    <t>Dohrian</t>
  </si>
  <si>
    <t>Hafiza  Syeda Sana Fatima Naqvi</t>
  </si>
  <si>
    <t>4340</t>
  </si>
  <si>
    <t>18032</t>
  </si>
  <si>
    <t>48032</t>
  </si>
  <si>
    <t>39164</t>
  </si>
  <si>
    <t>GGPS ZAMEEN BAJAL</t>
  </si>
  <si>
    <t>Kot Bala</t>
  </si>
  <si>
    <t>Zamin Bajal</t>
  </si>
  <si>
    <t>37070</t>
  </si>
  <si>
    <t>1773</t>
  </si>
  <si>
    <t>GPS GANGA WALI</t>
  </si>
  <si>
    <t>PINDI GHEB - MALE</t>
  </si>
  <si>
    <t>Gangawali</t>
  </si>
  <si>
    <t>GPS gangawali</t>
  </si>
  <si>
    <t>39346</t>
  </si>
  <si>
    <t>GGPS THATTI NOOR AHMED SHAH</t>
  </si>
  <si>
    <t>Thati Noor Ahmed Shah</t>
  </si>
  <si>
    <t>Thati noor ahmed shah</t>
  </si>
  <si>
    <t>Shahzadi Bibi</t>
  </si>
  <si>
    <t>missile motor</t>
  </si>
  <si>
    <t>18419</t>
  </si>
  <si>
    <t>26959</t>
  </si>
  <si>
    <t>39404</t>
  </si>
  <si>
    <t>GGHS CHAKKI</t>
  </si>
  <si>
    <t>gghs chakkI vpo chakki tehsil pindi gheb district attock</t>
  </si>
  <si>
    <t>SHAHIDA SHARIF</t>
  </si>
  <si>
    <t>39409</t>
  </si>
  <si>
    <t>GGPS UTRAN</t>
  </si>
  <si>
    <t>utran</t>
  </si>
  <si>
    <t>GGPS  utran THE  pindigheb distt  attock</t>
  </si>
  <si>
    <t>ghareebwal</t>
  </si>
  <si>
    <t>Sadaf Rafique</t>
  </si>
  <si>
    <t>8385</t>
  </si>
  <si>
    <t>GGPS DHOK MALIKAN(MAIRA SHARIF)</t>
  </si>
  <si>
    <t>Nihad</t>
  </si>
  <si>
    <t>dhok malikan near nilhad maira shrif</t>
  </si>
  <si>
    <t>Sidra Noor</t>
  </si>
  <si>
    <t>4278</t>
  </si>
  <si>
    <t>5322</t>
  </si>
  <si>
    <t>33938</t>
  </si>
  <si>
    <t>Ganga Wali</t>
  </si>
  <si>
    <t>village Hussain Abad Teh Pindi Gheb Attock</t>
  </si>
  <si>
    <t>GES TOOT</t>
  </si>
  <si>
    <t>Toot</t>
  </si>
  <si>
    <t>vill toot tehsil pindi gheb distt  Attock</t>
  </si>
  <si>
    <t>Abid Ali Khan</t>
  </si>
  <si>
    <t>6082</t>
  </si>
  <si>
    <t>52200</t>
  </si>
  <si>
    <t>54708</t>
  </si>
  <si>
    <t>GPS DHOK CHATTAH</t>
  </si>
  <si>
    <t>GBPS Dk. Chattah</t>
  </si>
  <si>
    <t>Dk Chattah</t>
  </si>
  <si>
    <t>AAMIR SALEEM</t>
  </si>
  <si>
    <t>13167</t>
  </si>
  <si>
    <t>27764</t>
  </si>
  <si>
    <t>39489</t>
  </si>
  <si>
    <t>GGHS THATTA</t>
  </si>
  <si>
    <t>THATTA</t>
  </si>
  <si>
    <t>V P O GOVT GIRLS HIGH SCHOOL THATTA</t>
  </si>
  <si>
    <t>Thatta</t>
  </si>
  <si>
    <t>JAMIL AKHTAR</t>
  </si>
  <si>
    <t>39498</t>
  </si>
  <si>
    <t>GHS NAKKA AFGHANA</t>
  </si>
  <si>
    <t>Nakkaafghanan</t>
  </si>
  <si>
    <t>village nakkaafghanan teh jand District Attock</t>
  </si>
  <si>
    <t>Mohammad Naeem Sabir</t>
  </si>
  <si>
    <t>12998</t>
  </si>
  <si>
    <t>39499</t>
  </si>
  <si>
    <t>GHS PINDI SARHAL</t>
  </si>
  <si>
    <t>Pindi Sarhal</t>
  </si>
  <si>
    <t>vpo pindi sarhal jand attock</t>
  </si>
  <si>
    <t>Jamil Ahmed Adil</t>
  </si>
  <si>
    <t>8075</t>
  </si>
  <si>
    <t>39510</t>
  </si>
  <si>
    <t>GPS JAND NO.3</t>
  </si>
  <si>
    <t>JAND - MALE</t>
  </si>
  <si>
    <t>moh langar Khana jand</t>
  </si>
  <si>
    <t>sunawar jan</t>
  </si>
  <si>
    <t>46614</t>
  </si>
  <si>
    <t>39561</t>
  </si>
  <si>
    <t>GES MIRWAL</t>
  </si>
  <si>
    <t>KHUNDA - MALE</t>
  </si>
  <si>
    <t>village Mirwal Teh.Jand Distt.Attock</t>
  </si>
  <si>
    <t>Shahzad Ahmad</t>
  </si>
  <si>
    <t>38228</t>
  </si>
  <si>
    <t>39577</t>
  </si>
  <si>
    <t>GPS BAJU WALA</t>
  </si>
  <si>
    <t>Bajuwala</t>
  </si>
  <si>
    <t>Bajuwala  (Bhatiot)  Teh;Jand Attock</t>
  </si>
  <si>
    <t>Basal</t>
  </si>
  <si>
    <t>Jasia Bibi</t>
  </si>
  <si>
    <t>from mosque</t>
  </si>
  <si>
    <t>7160</t>
  </si>
  <si>
    <t>39589</t>
  </si>
  <si>
    <t>GPS MINHALI</t>
  </si>
  <si>
    <t>DOMAIL - MALE</t>
  </si>
  <si>
    <t>P.O Kali dili village minhali tehsil Jand district Attock</t>
  </si>
  <si>
    <t>Minhali</t>
  </si>
  <si>
    <t>Nazar Abbas Shah</t>
  </si>
  <si>
    <t>39631</t>
  </si>
  <si>
    <t>GGPS MOHALLAH GORA JAND</t>
  </si>
  <si>
    <t>JAND - FEMALE</t>
  </si>
  <si>
    <t>mohalla gora jand tehsil jand district attock</t>
  </si>
  <si>
    <t>Qamar Sultan</t>
  </si>
  <si>
    <t>46998</t>
  </si>
  <si>
    <t>1756</t>
  </si>
  <si>
    <t>39666</t>
  </si>
  <si>
    <t>GGPS DHOK NAKKA</t>
  </si>
  <si>
    <t>SAGHRI - FEMALE</t>
  </si>
  <si>
    <t>Nakka</t>
  </si>
  <si>
    <t>vpo pindsultani tehsail jand distt attock</t>
  </si>
  <si>
    <t>Farhat Jahan</t>
  </si>
  <si>
    <t>39669</t>
  </si>
  <si>
    <t>GGPS GULYAL KALAN</t>
  </si>
  <si>
    <t>LANGAR - FEMALE</t>
  </si>
  <si>
    <t>Gulial Kalan</t>
  </si>
  <si>
    <t>gulial kalan</t>
  </si>
  <si>
    <t>Chappri</t>
  </si>
  <si>
    <t>Ghulam Sughra</t>
  </si>
  <si>
    <t>52134</t>
  </si>
  <si>
    <t>39718</t>
  </si>
  <si>
    <t>GMES AMAN PUR TARAP</t>
  </si>
  <si>
    <t>CHHEB - FEMALE</t>
  </si>
  <si>
    <t>Aman Pur</t>
  </si>
  <si>
    <t>VPO Aman Pur Tehsil Jand District Attock</t>
  </si>
  <si>
    <t>39756</t>
  </si>
  <si>
    <t>GGPS DHOK AWAN ABAD</t>
  </si>
  <si>
    <t>ggpsawanabad</t>
  </si>
  <si>
    <t>Zarqa Bibi</t>
  </si>
  <si>
    <t>arranged</t>
  </si>
  <si>
    <t>39797</t>
  </si>
  <si>
    <t>GGHS BHALLAR JOGI</t>
  </si>
  <si>
    <t>Bhallar Jogi</t>
  </si>
  <si>
    <t>vpo bhallar jogi, Teshil Hassanabdal, District Attock</t>
  </si>
  <si>
    <t>ASMAT NASEEM</t>
  </si>
  <si>
    <t>GGPS DHOK KALLO PIND</t>
  </si>
  <si>
    <t>BHALAR JOGI - FEMALE</t>
  </si>
  <si>
    <t>Kanwa</t>
  </si>
  <si>
    <t>village dhok kallo pind tehsil Hassan abdal district attock</t>
  </si>
  <si>
    <t>Dhok Kallo Pind</t>
  </si>
  <si>
    <t>Bhalar Jogi</t>
  </si>
  <si>
    <t>Mariam Akhter</t>
  </si>
  <si>
    <t>electric motr boring</t>
  </si>
  <si>
    <t>9168</t>
  </si>
  <si>
    <t>33284</t>
  </si>
  <si>
    <t>31020</t>
  </si>
  <si>
    <t>39896</t>
  </si>
  <si>
    <t>GHS MULLAN MANSOOR</t>
  </si>
  <si>
    <t>GBHS MULLAN MANSOOR, TEHSIL HAZRO, DISTRICT ATTOCK</t>
  </si>
  <si>
    <t>Tahir Mehmood Siddiqui</t>
  </si>
  <si>
    <t>39916</t>
  </si>
  <si>
    <t>GGHS HAZRO NO.2 (NAWAZ SHARIF)</t>
  </si>
  <si>
    <t>Peerdad</t>
  </si>
  <si>
    <t>Mohallah Abdul post office hazro tehsil hazro</t>
  </si>
  <si>
    <t>Hamida Tauseef</t>
  </si>
  <si>
    <t>11972</t>
  </si>
  <si>
    <t>GGHS CHAK NO. 14/G</t>
  </si>
  <si>
    <t>14G CHISHTIAN</t>
  </si>
  <si>
    <t>14G</t>
  </si>
  <si>
    <t>SHAGUFTA NOREEN</t>
  </si>
  <si>
    <t>GGPS DULLAH BHUDERA</t>
  </si>
  <si>
    <t>Dullah Bhudera</t>
  </si>
  <si>
    <t>GGPS dullah bhudera</t>
  </si>
  <si>
    <t>Tayyaba Shahzadi</t>
  </si>
  <si>
    <t>38083</t>
  </si>
  <si>
    <t>GMPS CHAK NO. 1/G</t>
  </si>
  <si>
    <t>1/g</t>
  </si>
  <si>
    <t>gmps1/g</t>
  </si>
  <si>
    <t>4/g</t>
  </si>
  <si>
    <t>GMMS GULL SHAH</t>
  </si>
  <si>
    <t>old chishtian teh chishtian distt bahawalnagar</t>
  </si>
  <si>
    <t>muhammad nazir</t>
  </si>
  <si>
    <t>GMMS MIR GARH</t>
  </si>
  <si>
    <t>FTS-XII-MALE</t>
  </si>
  <si>
    <t>Mir Garh</t>
  </si>
  <si>
    <t>mir garh</t>
  </si>
  <si>
    <t>290 HR</t>
  </si>
  <si>
    <t>Muhammad Aslam Naz</t>
  </si>
  <si>
    <t>GPS CHAK 288/HR</t>
  </si>
  <si>
    <t>288//hr</t>
  </si>
  <si>
    <t>chak no.288/h.r</t>
  </si>
  <si>
    <t>288/hr</t>
  </si>
  <si>
    <t>Meer Garh</t>
  </si>
  <si>
    <t>Farrakh Mahtab</t>
  </si>
  <si>
    <t>GMMS CHAK 292/HR</t>
  </si>
  <si>
    <t>292 Hr</t>
  </si>
  <si>
    <t>chak no 292 hr</t>
  </si>
  <si>
    <t>289 Hr</t>
  </si>
  <si>
    <t>Muhammad Saqib Rafiq</t>
  </si>
  <si>
    <t>GPS CHAK 296/HR BASTI MURAD</t>
  </si>
  <si>
    <t>Basti Murad Chahl</t>
  </si>
  <si>
    <t>Chak 296/ HR Basti Murad Chahl</t>
  </si>
  <si>
    <t>Chak 296/ HR A</t>
  </si>
  <si>
    <t>289/ HR Meer Garh</t>
  </si>
  <si>
    <t>Qaiser Abbas</t>
  </si>
  <si>
    <t>GGHSS FAQIR WALI</t>
  </si>
  <si>
    <t>ahmad nagar faqirwali</t>
  </si>
  <si>
    <t>Ahmadnagar Faqirwali</t>
  </si>
  <si>
    <t>MRS. QAMAR-UN-NISA</t>
  </si>
  <si>
    <t>971014</t>
  </si>
  <si>
    <t>12309</t>
  </si>
  <si>
    <t>GHS MC HAROON ABAD</t>
  </si>
  <si>
    <t>H.M GHS MC Haroon ABad</t>
  </si>
  <si>
    <t>Haroonaad</t>
  </si>
  <si>
    <t>gulshan Iqbal</t>
  </si>
  <si>
    <t>tanveer hussain</t>
  </si>
  <si>
    <t>GGHS CHAK NO.38/3-R</t>
  </si>
  <si>
    <t>38/3R</t>
  </si>
  <si>
    <t>chak no 38/3R</t>
  </si>
  <si>
    <t>38/R</t>
  </si>
  <si>
    <t>42/3R</t>
  </si>
  <si>
    <t>Asia khatoon</t>
  </si>
  <si>
    <t>290129</t>
  </si>
  <si>
    <t>GMMS HEAD 7 R</t>
  </si>
  <si>
    <t>158/7r</t>
  </si>
  <si>
    <t>Head 7r</t>
  </si>
  <si>
    <t>158 7r</t>
  </si>
  <si>
    <t>164 7r</t>
  </si>
  <si>
    <t>Samia Qadir</t>
  </si>
  <si>
    <t>27405</t>
  </si>
  <si>
    <t>GES CHAK NO. 160/7-R</t>
  </si>
  <si>
    <t>160/7r</t>
  </si>
  <si>
    <t>chak no 160/7.r</t>
  </si>
  <si>
    <t>Chak 160/7r</t>
  </si>
  <si>
    <t>164/7r</t>
  </si>
  <si>
    <t>Maqsood Hussain</t>
  </si>
  <si>
    <t>GPS CHAK 432/6-R</t>
  </si>
  <si>
    <t>HDN-17-MALE</t>
  </si>
  <si>
    <t>Chak  432/6 R E</t>
  </si>
  <si>
    <t>Chak No.432/6R E</t>
  </si>
  <si>
    <t>432/ 6 R E</t>
  </si>
  <si>
    <t>Chak No 432/ 6 R W</t>
  </si>
  <si>
    <t>26966</t>
  </si>
  <si>
    <t>41387</t>
  </si>
  <si>
    <t>GGPS 50/4R (N)</t>
  </si>
  <si>
    <t>50/4R N</t>
  </si>
  <si>
    <t>50/4RN</t>
  </si>
  <si>
    <t>GGPS CHAK NO 133/6-R (E)</t>
  </si>
  <si>
    <t>HDN-19-FEMALE</t>
  </si>
  <si>
    <t>133/6-r</t>
  </si>
  <si>
    <t>chak no 133/6-r azafi basti</t>
  </si>
  <si>
    <t>iqra Basharat</t>
  </si>
  <si>
    <t>GGPS CHAK NO. 46/3R AB</t>
  </si>
  <si>
    <t>HND-8-FEMALE</t>
  </si>
  <si>
    <t>46/3r</t>
  </si>
  <si>
    <t>GGPS 46/3r HND district BWN</t>
  </si>
  <si>
    <t>23-24/3r</t>
  </si>
  <si>
    <t>Aisha Tahir</t>
  </si>
  <si>
    <t>52038</t>
  </si>
  <si>
    <t>GMPS 24/EB POST OFFICE 28/EB</t>
  </si>
  <si>
    <t>TARIKHNI - FEMALE</t>
  </si>
  <si>
    <t>24 EB</t>
  </si>
  <si>
    <t>chk no 24/e.b</t>
  </si>
  <si>
    <t>chak no 34 EB</t>
  </si>
  <si>
    <t>Asia Sattar</t>
  </si>
  <si>
    <t>10950</t>
  </si>
  <si>
    <t>11668</t>
  </si>
  <si>
    <t>52071</t>
  </si>
  <si>
    <t>GMPS 27 KB BAZAZ</t>
  </si>
  <si>
    <t>27kb Bazaz</t>
  </si>
  <si>
    <t>gmps27/kb bazaz</t>
  </si>
  <si>
    <t>27/KB Bazaz</t>
  </si>
  <si>
    <t>Jamoon bodla</t>
  </si>
  <si>
    <t>52206</t>
  </si>
  <si>
    <t>GGPS MEHMOOD PUR</t>
  </si>
  <si>
    <t>RANG SHAH - FEMALE</t>
  </si>
  <si>
    <t>Mehmodpur</t>
  </si>
  <si>
    <t>mehmoodpur tehseel arifwala ,distt pakpattan</t>
  </si>
  <si>
    <t>Mehmoodpur</t>
  </si>
  <si>
    <t>Jeevanshah</t>
  </si>
  <si>
    <t>Shaheen Mirza</t>
  </si>
  <si>
    <t>54646</t>
  </si>
  <si>
    <t>GGPS MADHU FEROZ KA</t>
  </si>
  <si>
    <t>QABOOLA 1- FEMALE</t>
  </si>
  <si>
    <t>MADHU Feroz Ka FEROZKA</t>
  </si>
  <si>
    <t>MADHU FEROZKA</t>
  </si>
  <si>
    <t>JAMOON BODLA</t>
  </si>
  <si>
    <t>Shumyla Anjum</t>
  </si>
  <si>
    <t>6404</t>
  </si>
  <si>
    <t>46485</t>
  </si>
  <si>
    <t>52219</t>
  </si>
  <si>
    <t>GHS MANCHRIAN</t>
  </si>
  <si>
    <t>mancharian</t>
  </si>
  <si>
    <t>village &amp; p/o mancharian, tehsil depalpur, distt. okara</t>
  </si>
  <si>
    <t>52229</t>
  </si>
  <si>
    <t>GHSS SHER GARH</t>
  </si>
  <si>
    <t>MUHAMMAD SAJJAD ASLAM</t>
  </si>
  <si>
    <t>GHSS MANDI AHAMD ABAD</t>
  </si>
  <si>
    <t>52236</t>
  </si>
  <si>
    <t>GHS WASAWEY WALA</t>
  </si>
  <si>
    <t>Muhammad Zareen Abid</t>
  </si>
  <si>
    <t>GHS JAITH PUR</t>
  </si>
  <si>
    <t>Jaithpur</t>
  </si>
  <si>
    <t>jaithpur</t>
  </si>
  <si>
    <t>DR NIAZ AHMAD</t>
  </si>
  <si>
    <t>52281</t>
  </si>
  <si>
    <t>GHS LADHEY WAL</t>
  </si>
  <si>
    <t>Ladheywal</t>
  </si>
  <si>
    <t>koi ki bahawal</t>
  </si>
  <si>
    <t>GGES ROHEELA TAIJEKA (Under NGO)</t>
  </si>
  <si>
    <t>Roheela Taijeka</t>
  </si>
  <si>
    <t>Roheel Taijeka Tehsil Depalpur District Okara</t>
  </si>
  <si>
    <t>Qudsia Mushtaq</t>
  </si>
  <si>
    <t>25424</t>
  </si>
  <si>
    <t>52461</t>
  </si>
  <si>
    <t>mozha mahtam hujra</t>
  </si>
  <si>
    <t>Dhol Chohar</t>
  </si>
  <si>
    <t>Qurban Ali</t>
  </si>
  <si>
    <t>12499</t>
  </si>
  <si>
    <t>2422</t>
  </si>
  <si>
    <t>52490</t>
  </si>
  <si>
    <t>GPS KOAKAY BAHWAL</t>
  </si>
  <si>
    <t>BASIR PUR - MALE</t>
  </si>
  <si>
    <t>kui ki bahawal</t>
  </si>
  <si>
    <t>Rub Nawaz</t>
  </si>
  <si>
    <t>GPS KABIAN WALI</t>
  </si>
  <si>
    <t>BHOMAN SHAH - MALE</t>
  </si>
  <si>
    <t>Khbianwali</t>
  </si>
  <si>
    <t>khbianwali</t>
  </si>
  <si>
    <t>Koe Ki Bahawal</t>
  </si>
  <si>
    <t>Muhammad Ashtaf</t>
  </si>
  <si>
    <t>27911</t>
  </si>
  <si>
    <t>6139</t>
  </si>
  <si>
    <t>52551</t>
  </si>
  <si>
    <t>GPS 5-SP SIKHAN WALA</t>
  </si>
  <si>
    <t>CHAMBA-MALE</t>
  </si>
  <si>
    <t>3sp</t>
  </si>
  <si>
    <t>GPS 5sp sikhanwala</t>
  </si>
  <si>
    <t>5sp Sikhanwala</t>
  </si>
  <si>
    <t>Mushtaq ahmad</t>
  </si>
  <si>
    <t>37439</t>
  </si>
  <si>
    <t>52554</t>
  </si>
  <si>
    <t>GPS TARSANGI SHARIF</t>
  </si>
  <si>
    <t>Tarsangi Sharif</t>
  </si>
  <si>
    <t>head sulemanki road tasangi sharif</t>
  </si>
  <si>
    <t>KHALID MAHMOOD CHISHTI</t>
  </si>
  <si>
    <t>7063</t>
  </si>
  <si>
    <t>45303</t>
  </si>
  <si>
    <t>52556</t>
  </si>
  <si>
    <t>GPS HAIDER ABAD</t>
  </si>
  <si>
    <t>Haider Abad</t>
  </si>
  <si>
    <t>GPS haiderabad</t>
  </si>
  <si>
    <t>Chak Haiderabad</t>
  </si>
  <si>
    <t>rashid iqbal</t>
  </si>
  <si>
    <t>GMPS LALOO GUDAR(Under NGO)</t>
  </si>
  <si>
    <t>GMPS Lalu Gudar</t>
  </si>
  <si>
    <t>Govt. Model Primary School Laloo Guddar Tehseel Depalpur District Okara</t>
  </si>
  <si>
    <t>Lalu Guddar</t>
  </si>
  <si>
    <t>Maimoona Akbar</t>
  </si>
  <si>
    <t>52715</t>
  </si>
  <si>
    <t>GGPS ESRA KAMBOH</t>
  </si>
  <si>
    <t>Kanduwal</t>
  </si>
  <si>
    <t>Raza Raheem</t>
  </si>
  <si>
    <t>52755</t>
  </si>
  <si>
    <t>GGPS KOAKAY BAHAWAL</t>
  </si>
  <si>
    <t>Koyki Bahawal</t>
  </si>
  <si>
    <t>koyki bahawal tahsil Depalpur distt Okara</t>
  </si>
  <si>
    <t>Koyki Bahawel</t>
  </si>
  <si>
    <t>Shaheen Noor Muhammad</t>
  </si>
  <si>
    <t>32081</t>
  </si>
  <si>
    <t>52779</t>
  </si>
  <si>
    <t>GGPS CHISHTI QUTAB DIN</t>
  </si>
  <si>
    <t>Chishti Qutab Din</t>
  </si>
  <si>
    <t>Chishti qutab din p/o basir pur tehsil depal pur district  okara</t>
  </si>
  <si>
    <t>Qila Dewa Singh</t>
  </si>
  <si>
    <t>Shamaila Bashir</t>
  </si>
  <si>
    <t>15683</t>
  </si>
  <si>
    <t>11957</t>
  </si>
  <si>
    <t>47906</t>
  </si>
  <si>
    <t>GGPS CANAL COLONY PIPLAN</t>
  </si>
  <si>
    <t>Piplan Pakka</t>
  </si>
  <si>
    <t>ggps canal colony liaquatabad tehsill piplan distt mianwali</t>
  </si>
  <si>
    <t>47924</t>
  </si>
  <si>
    <t>GMPS CHAK NO 9 DB</t>
  </si>
  <si>
    <t>Chak 9db</t>
  </si>
  <si>
    <t>chak no 9 db tehsil piplan district mianwali</t>
  </si>
  <si>
    <t>Hernoli Rural</t>
  </si>
  <si>
    <t>Hina Tabbasum</t>
  </si>
  <si>
    <t>3984</t>
  </si>
  <si>
    <t>GGPS KACHA NOSHERA</t>
  </si>
  <si>
    <t>KACHA GUJRAT-FEMALE</t>
  </si>
  <si>
    <t>Kacha Noshera</t>
  </si>
  <si>
    <t>kacha Noshera Tehsil piplan District Mianwali</t>
  </si>
  <si>
    <t>Kacha Gujrat</t>
  </si>
  <si>
    <t>Shahida Iqbal</t>
  </si>
  <si>
    <t>GMPS KANALAN WALA</t>
  </si>
  <si>
    <t>village kanyalan wala p o jhamtanwala</t>
  </si>
  <si>
    <t>Kanyalan Wala</t>
  </si>
  <si>
    <t>Harnoli Rural</t>
  </si>
  <si>
    <t>Sara</t>
  </si>
  <si>
    <t>50880</t>
  </si>
  <si>
    <t>50834</t>
  </si>
  <si>
    <t>GMPS CHAK NO.15 DB</t>
  </si>
  <si>
    <t>Chkno 15db</t>
  </si>
  <si>
    <t>15db tehseel piplan distt mianwali</t>
  </si>
  <si>
    <t>Chackno 15db</t>
  </si>
  <si>
    <t>Vitchvinbala</t>
  </si>
  <si>
    <t>Nabila Rafique</t>
  </si>
  <si>
    <t>3971</t>
  </si>
  <si>
    <t>47976</t>
  </si>
  <si>
    <t>GMPS CHAK NO 20 DB</t>
  </si>
  <si>
    <t>HARNOLI-FEMALE</t>
  </si>
  <si>
    <t>Chak no 20db</t>
  </si>
  <si>
    <t>chak no 20db</t>
  </si>
  <si>
    <t>Chak No 20db</t>
  </si>
  <si>
    <t>Vichve Bala</t>
  </si>
  <si>
    <t>Asma Rani</t>
  </si>
  <si>
    <t>48058</t>
  </si>
  <si>
    <t>GHS CHAK NO.26 NB</t>
  </si>
  <si>
    <t>CHAK NO. 26 NB</t>
  </si>
  <si>
    <t>CHAK NO. 26 NB, TEHSIL BHALWAL. DISTRICT SARGODHA</t>
  </si>
  <si>
    <t>CHAK NO. 15 SB</t>
  </si>
  <si>
    <t>Muhammad Shafi Malik</t>
  </si>
  <si>
    <t>9855</t>
  </si>
  <si>
    <t>48087</t>
  </si>
  <si>
    <t>GGHS CHAK NO.10 NB</t>
  </si>
  <si>
    <t>CHAK 10 NB</t>
  </si>
  <si>
    <t>gghs 10nb bhalwal</t>
  </si>
  <si>
    <t>Chak 10 Nb</t>
  </si>
  <si>
    <t>Uzma Jabeen</t>
  </si>
  <si>
    <t>33341</t>
  </si>
  <si>
    <t>48160</t>
  </si>
  <si>
    <t>GGHS RATTO KALA</t>
  </si>
  <si>
    <t>Rattokala</t>
  </si>
  <si>
    <t>P.O.BOX RATTOKALA</t>
  </si>
  <si>
    <t>Irum Saba</t>
  </si>
  <si>
    <t>2321</t>
  </si>
  <si>
    <t>48205</t>
  </si>
  <si>
    <t>GPS CHAK NO.11 ML</t>
  </si>
  <si>
    <t>PURANA BHALWAL - MALE</t>
  </si>
  <si>
    <t>Nabi Shah Balla</t>
  </si>
  <si>
    <t>Govt primary school chak no 11 Ml,Bhalwal</t>
  </si>
  <si>
    <t>Chak No 11 ML Bhalwal</t>
  </si>
  <si>
    <t>Chak No 13 Nb</t>
  </si>
  <si>
    <t>19705</t>
  </si>
  <si>
    <t>18290</t>
  </si>
  <si>
    <t>25029</t>
  </si>
  <si>
    <t>48344</t>
  </si>
  <si>
    <t>GPS CHAK NO.1 NB GAKHRA</t>
  </si>
  <si>
    <t>PHULARWAN - MALE</t>
  </si>
  <si>
    <t>Chak No. 1 NB  Gakhra</t>
  </si>
  <si>
    <t>Chak#1 NB Gakhra Phularwan</t>
  </si>
  <si>
    <t>Chak No. 1 NB Gakhra</t>
  </si>
  <si>
    <t>Muhammad Faiz Ul Hassan</t>
  </si>
  <si>
    <t>42568</t>
  </si>
  <si>
    <t>48349</t>
  </si>
  <si>
    <t>GPS CHAK NO.6 ML</t>
  </si>
  <si>
    <t>Thati Noor</t>
  </si>
  <si>
    <t>Chak No.6 M L Teh.Bhalwal District Sargodha</t>
  </si>
  <si>
    <t>Chak 6 M L</t>
  </si>
  <si>
    <t>Thatti Noor</t>
  </si>
  <si>
    <t>Pervez Ahmad</t>
  </si>
  <si>
    <t>48474</t>
  </si>
  <si>
    <t>GMPS CHAK NO.11/NB</t>
  </si>
  <si>
    <t>PURANA BHALWAL - FEMALE</t>
  </si>
  <si>
    <t>Purana Bhalwal</t>
  </si>
  <si>
    <t>11 Nb,bhalwal</t>
  </si>
  <si>
    <t>11 Nb Bhalwal</t>
  </si>
  <si>
    <t>10 Nb Bhalwal</t>
  </si>
  <si>
    <t>Meher Un Nisa</t>
  </si>
  <si>
    <t>5999</t>
  </si>
  <si>
    <t>9101</t>
  </si>
  <si>
    <t>48750</t>
  </si>
  <si>
    <t>GHS COMPREHENSIVE SARGODHA</t>
  </si>
  <si>
    <t>satellite town</t>
  </si>
  <si>
    <t>govt. COMPREHENSIVE BOYS HIGH SCHOOL SATELLITE TOWN BLOCK A SARGODHA</t>
  </si>
  <si>
    <t>block a</t>
  </si>
  <si>
    <t>SHAMSHER TOWN</t>
  </si>
  <si>
    <t>Sajid Hameed</t>
  </si>
  <si>
    <t>10423</t>
  </si>
  <si>
    <t>48756</t>
  </si>
  <si>
    <t>GHS CHAK NO.17 SB TANGOWALI</t>
  </si>
  <si>
    <t>Tangowali</t>
  </si>
  <si>
    <t>chak no.17 SB Tangowali sargodha</t>
  </si>
  <si>
    <t>Insar Abbas</t>
  </si>
  <si>
    <t>48759</t>
  </si>
  <si>
    <t>GHS CHAK NO.90 SB SGD</t>
  </si>
  <si>
    <t>Chak 90 SB</t>
  </si>
  <si>
    <t>Chak 90 SB Sargodha</t>
  </si>
  <si>
    <t>Chak 36 SB</t>
  </si>
  <si>
    <t>Haider Ali Kazmi</t>
  </si>
  <si>
    <t>48760</t>
  </si>
  <si>
    <t>GHS CHAK NO.99 NB</t>
  </si>
  <si>
    <t>CHAK NO 99 NB SARGODHA</t>
  </si>
  <si>
    <t>GHS CHAK 99 NB SARGODHA</t>
  </si>
  <si>
    <t>CHAK100 NB SARGODHA</t>
  </si>
  <si>
    <t>Naeem Umer</t>
  </si>
  <si>
    <t>48811</t>
  </si>
  <si>
    <t>GGHS CHAK NO.79 NB</t>
  </si>
  <si>
    <t>Chak 79 Nb</t>
  </si>
  <si>
    <t>gghs chak 79 nb Sargodha</t>
  </si>
  <si>
    <t>Chak 79 nb</t>
  </si>
  <si>
    <t>Shahnaz Ali</t>
  </si>
  <si>
    <t>48835</t>
  </si>
  <si>
    <t>GES CHAK NO.89 NB</t>
  </si>
  <si>
    <t>SARGODHA SADAR - MALE</t>
  </si>
  <si>
    <t>Chak 89</t>
  </si>
  <si>
    <t>chak 89 nb</t>
  </si>
  <si>
    <t>Chak 89 Nb</t>
  </si>
  <si>
    <t>Hafiz Mohammad Gulzar</t>
  </si>
  <si>
    <t>48874</t>
  </si>
  <si>
    <t>GGES CHAK NO.53 SB</t>
  </si>
  <si>
    <t>PULL 111-SB - FEMALE</t>
  </si>
  <si>
    <t>53 SB</t>
  </si>
  <si>
    <t>chak no. 53 sb tehsil and district sargodha</t>
  </si>
  <si>
    <t>53 Sb</t>
  </si>
  <si>
    <t>105 52 Sb</t>
  </si>
  <si>
    <t>Anam Naseer</t>
  </si>
  <si>
    <t>22893</t>
  </si>
  <si>
    <t>24893</t>
  </si>
  <si>
    <t>48889</t>
  </si>
  <si>
    <t>GGES CHAK NO.96 SB</t>
  </si>
  <si>
    <t>ANWAR ABAD - FEMALE</t>
  </si>
  <si>
    <t>Chak No 96 SB</t>
  </si>
  <si>
    <t>chak no. 96 sb sargodha</t>
  </si>
  <si>
    <t>Chak 96 Sb Sargodha</t>
  </si>
  <si>
    <t>Chak 96 Sb</t>
  </si>
  <si>
    <t>Riffat Aslam</t>
  </si>
  <si>
    <t>8870</t>
  </si>
  <si>
    <t>48911</t>
  </si>
  <si>
    <t>GGES CHAK NO.28 NB</t>
  </si>
  <si>
    <t>AJNALA - FEMALE</t>
  </si>
  <si>
    <t>28nb</t>
  </si>
  <si>
    <t>28 nb sargodha</t>
  </si>
  <si>
    <t>Robina Irfan</t>
  </si>
  <si>
    <t>7810</t>
  </si>
  <si>
    <t>48981</t>
  </si>
  <si>
    <t>GPS CHAK NO.95 SB</t>
  </si>
  <si>
    <t>95 SB</t>
  </si>
  <si>
    <t>chak no 95 SB Sargodha</t>
  </si>
  <si>
    <t>Chak 95 SB</t>
  </si>
  <si>
    <t>Chak 96 SB</t>
  </si>
  <si>
    <t>Muhammad Tahir Hassan</t>
  </si>
  <si>
    <t>3111</t>
  </si>
  <si>
    <t>48985</t>
  </si>
  <si>
    <t>GPS CHAK NO.97 SB</t>
  </si>
  <si>
    <t>NEW SATELLITE TOWN - MALE</t>
  </si>
  <si>
    <t>Chak 97 Sb</t>
  </si>
  <si>
    <t>colony chak 97 SB sargodha</t>
  </si>
  <si>
    <t>96 Sb</t>
  </si>
  <si>
    <t>Shahid Riaz</t>
  </si>
  <si>
    <t>28409</t>
  </si>
  <si>
    <t>48994</t>
  </si>
  <si>
    <t>GPS CHAK NO.76 SB</t>
  </si>
  <si>
    <t>BHAGTAN WALA - MALE</t>
  </si>
  <si>
    <t>Chak 76sb</t>
  </si>
  <si>
    <t>chak 76  sb main bhagtanwala road sargodha</t>
  </si>
  <si>
    <t>Chak 76 Sb</t>
  </si>
  <si>
    <t>Chak 74sb</t>
  </si>
  <si>
    <t>Waqas Saleem</t>
  </si>
  <si>
    <t>9445</t>
  </si>
  <si>
    <t>36801</t>
  </si>
  <si>
    <t>32893</t>
  </si>
  <si>
    <t>48996</t>
  </si>
  <si>
    <t>GPS CHAK NO.74 SB</t>
  </si>
  <si>
    <t>Chak 74 Sb</t>
  </si>
  <si>
    <t>chak no 74 sb sargodha</t>
  </si>
  <si>
    <t>46834</t>
  </si>
  <si>
    <t>GGPS MANZOOR ABAD ISA KHEL</t>
  </si>
  <si>
    <t>KHAGLAN WALA-FEMALE</t>
  </si>
  <si>
    <t>village ghallykhel teh isakhel distt mianwali</t>
  </si>
  <si>
    <t>Ghallykhel</t>
  </si>
  <si>
    <t>Iffat Bibi</t>
  </si>
  <si>
    <t>13242</t>
  </si>
  <si>
    <t>46885</t>
  </si>
  <si>
    <t>GGPS KUTKI BERONI NO. 2</t>
  </si>
  <si>
    <t>KOT CHANDANA-FEMALE</t>
  </si>
  <si>
    <t>Kotki Beroni</t>
  </si>
  <si>
    <t>GGPS kotki beroni no 2</t>
  </si>
  <si>
    <t>Nawan Sher</t>
  </si>
  <si>
    <t>Saima Asmat</t>
  </si>
  <si>
    <t>10580</t>
  </si>
  <si>
    <t>3904</t>
  </si>
  <si>
    <t>46904</t>
  </si>
  <si>
    <t>GGPS CHAH KALLUAN WALA</t>
  </si>
  <si>
    <t>KAMMAR MUSHANI NO.2-FEMALE</t>
  </si>
  <si>
    <t>chahkalluanwala</t>
  </si>
  <si>
    <t>Chahkalluanwala</t>
  </si>
  <si>
    <t>NIGHAT FATIMA</t>
  </si>
  <si>
    <t>46908</t>
  </si>
  <si>
    <t>GMPS MEHR SHAH WALI NO. 2</t>
  </si>
  <si>
    <t>Trag Sharqi</t>
  </si>
  <si>
    <t>Ranjhy wala Trag sharqi</t>
  </si>
  <si>
    <t>Fehmida Naz</t>
  </si>
  <si>
    <t>3890</t>
  </si>
  <si>
    <t>GGPS HAJI AHMED ARAIN WALA</t>
  </si>
  <si>
    <t>TRAG SHARIF-FEMALE</t>
  </si>
  <si>
    <t>Gharbi</t>
  </si>
  <si>
    <t>moh naiyan wala Trag teh Isa khel distt mianwali</t>
  </si>
  <si>
    <t>Naiyan Wala</t>
  </si>
  <si>
    <t>19775</t>
  </si>
  <si>
    <t>GMPS SULTAN ABAD</t>
  </si>
  <si>
    <t>SULTAN KHEL NO.1-FEMALE</t>
  </si>
  <si>
    <t>Sultan Khel</t>
  </si>
  <si>
    <t>Village sultan wala p/o makarwal</t>
  </si>
  <si>
    <t>18576</t>
  </si>
  <si>
    <t>46957</t>
  </si>
  <si>
    <t>GGPS VANJARI</t>
  </si>
  <si>
    <t>KAMMAR MUSHANI NO.3-FEMALE</t>
  </si>
  <si>
    <t>vanjari</t>
  </si>
  <si>
    <t>ggps vanjari mohala malik abad po kamar mushani teh essa khel mianwali</t>
  </si>
  <si>
    <t>NARGES AZIZ</t>
  </si>
  <si>
    <t>46978</t>
  </si>
  <si>
    <t>GPS KALOO WALA</t>
  </si>
  <si>
    <t>China Pora</t>
  </si>
  <si>
    <t>Qately wala isa khel mianwali po Trag</t>
  </si>
  <si>
    <t>Qately Wala</t>
  </si>
  <si>
    <t>Kalur Sharif</t>
  </si>
  <si>
    <t>46983</t>
  </si>
  <si>
    <t>GPS PHITO KHELAN WALA</t>
  </si>
  <si>
    <t>Manda  Khel</t>
  </si>
  <si>
    <t>po mandakhel  GPS  pathukhelan  wala</t>
  </si>
  <si>
    <t>Pathukhelan  Wala</t>
  </si>
  <si>
    <t>Mandakhel</t>
  </si>
  <si>
    <t>KALEEM ULLAH</t>
  </si>
  <si>
    <t>GPS ALI KHELAN WALA WANDHA</t>
  </si>
  <si>
    <t>KAMMAR MUSHANI NO.2-MALE</t>
  </si>
  <si>
    <t>mohallahbali khelan wala kamar mushani mianwali</t>
  </si>
  <si>
    <t>Alikhelan Wala</t>
  </si>
  <si>
    <t>Sajid Habib Khan</t>
  </si>
  <si>
    <t>46991</t>
  </si>
  <si>
    <t>GPS MEHR KHAN WALA</t>
  </si>
  <si>
    <t>Sultan Khel Gharbi</t>
  </si>
  <si>
    <t>GPS Mehr khanwala</t>
  </si>
  <si>
    <t>Mehr Khanwala</t>
  </si>
  <si>
    <t>Muhammad Farooq Khan</t>
  </si>
  <si>
    <t>neighbor 's cooperation</t>
  </si>
  <si>
    <t>52930</t>
  </si>
  <si>
    <t>47012</t>
  </si>
  <si>
    <t>GHS COMPREHENSIVE MIANWALI</t>
  </si>
  <si>
    <t>near gpo chowk MIANWALI</t>
  </si>
  <si>
    <t>Yarukhel</t>
  </si>
  <si>
    <t>FAIZ MUHAMMAD KHOSA</t>
  </si>
  <si>
    <t>47051</t>
  </si>
  <si>
    <t>GHSS LABORATORY (ATTACH WITH GCET (M) MIANWALI)</t>
  </si>
  <si>
    <t>Taro Khel</t>
  </si>
  <si>
    <t>watta khel road mwi</t>
  </si>
  <si>
    <t>Wanhi Ghundwali</t>
  </si>
  <si>
    <t>6088</t>
  </si>
  <si>
    <t>4546</t>
  </si>
  <si>
    <t>47074</t>
  </si>
  <si>
    <t>GES DHER UMAID ALI SHAH</t>
  </si>
  <si>
    <t>DHER UMAID ALI SHAH-MALE</t>
  </si>
  <si>
    <t>Dher Umaid Ali shah</t>
  </si>
  <si>
    <t>Dher Umaid Ali</t>
  </si>
  <si>
    <t>Masroor Hussain</t>
  </si>
  <si>
    <t>18599</t>
  </si>
  <si>
    <t>GPS MC MOHALLAH HASHIM SHAH</t>
  </si>
  <si>
    <t>Yaro Khel Packa</t>
  </si>
  <si>
    <t>mohallah Hashim shah mianwali</t>
  </si>
  <si>
    <t>Hashim Shah</t>
  </si>
  <si>
    <t>Misnwali</t>
  </si>
  <si>
    <t>47145</t>
  </si>
  <si>
    <t>GPS KHAN ZAMAN WALA</t>
  </si>
  <si>
    <t>MIANWALI RURAL-MALE</t>
  </si>
  <si>
    <t>Ahmad Khan Wala</t>
  </si>
  <si>
    <t>Maharn wala Teh &amp; dist Mianwali</t>
  </si>
  <si>
    <t>Shahbazkhel</t>
  </si>
  <si>
    <t>Tufail Ahmed</t>
  </si>
  <si>
    <t>40892</t>
  </si>
  <si>
    <t>53262</t>
  </si>
  <si>
    <t>47155</t>
  </si>
  <si>
    <t>GPS KHAN MOHAMMAD WALA</t>
  </si>
  <si>
    <t>SHADIA-MALE</t>
  </si>
  <si>
    <t>gps khan muhammad wala</t>
  </si>
  <si>
    <t>38499</t>
  </si>
  <si>
    <t>4537</t>
  </si>
  <si>
    <t>47182</t>
  </si>
  <si>
    <t>GPS CHAK NO. 30 DB</t>
  </si>
  <si>
    <t>MUZAFAR PUR-MALE</t>
  </si>
  <si>
    <t>Chak 30DB</t>
  </si>
  <si>
    <t>Chak No.30 DB</t>
  </si>
  <si>
    <t>Chak 30 DB</t>
  </si>
  <si>
    <t>Wan Bachran 2</t>
  </si>
  <si>
    <t>41315</t>
  </si>
  <si>
    <t>48713</t>
  </si>
  <si>
    <t>4536</t>
  </si>
  <si>
    <t>47203</t>
  </si>
  <si>
    <t>GPS MADDI KHEL</t>
  </si>
  <si>
    <t>MUSA KHEL-MALE</t>
  </si>
  <si>
    <t>Musa khel</t>
  </si>
  <si>
    <t>maddi khel</t>
  </si>
  <si>
    <t>Maddi khel</t>
  </si>
  <si>
    <t>Muhammad Ziaullah</t>
  </si>
  <si>
    <t>47209</t>
  </si>
  <si>
    <t>GPS SOHRAB KHELAN WALA</t>
  </si>
  <si>
    <t>CHHIDRU-MALE</t>
  </si>
  <si>
    <t>Chhidru</t>
  </si>
  <si>
    <t>Wanda khatkian Wala p.o chhidru Mianwali</t>
  </si>
  <si>
    <t>Khatkian Wala</t>
  </si>
  <si>
    <t>Amir Muhammad Khan</t>
  </si>
  <si>
    <t>47216</t>
  </si>
  <si>
    <t>GPS KHALAS KHEL</t>
  </si>
  <si>
    <t>Musakhel</t>
  </si>
  <si>
    <t>mohallah khalas khel</t>
  </si>
  <si>
    <t>Muhammad Kamran Shakeel</t>
  </si>
  <si>
    <t>47217</t>
  </si>
  <si>
    <t>GPS YARI KHEL</t>
  </si>
  <si>
    <t>musakhel</t>
  </si>
  <si>
    <t>MUSA KHEL</t>
  </si>
  <si>
    <t>Musakhel Mianwali</t>
  </si>
  <si>
    <t>mushtaq ahmed</t>
  </si>
  <si>
    <t>47218</t>
  </si>
  <si>
    <t>GPS PAR WANDHI</t>
  </si>
  <si>
    <t>Mohallah Parwandhi P/O Musakhel Tehsil &amp; Distt. Mianwali</t>
  </si>
  <si>
    <t>UC Musa Khel</t>
  </si>
  <si>
    <t>Muhammad Imtiaz Khan</t>
  </si>
  <si>
    <t>47225</t>
  </si>
  <si>
    <t>GPS DHOK GORORI</t>
  </si>
  <si>
    <t>namal</t>
  </si>
  <si>
    <t>Garori</t>
  </si>
  <si>
    <t>Samiullah</t>
  </si>
  <si>
    <t>47251</t>
  </si>
  <si>
    <t>GPS PAI KHEL</t>
  </si>
  <si>
    <t>PAI KHEL-MALE</t>
  </si>
  <si>
    <t>Paikhel</t>
  </si>
  <si>
    <t>MOHALLA kibi khel P/o Pai khel Tehseel and district Mianwali</t>
  </si>
  <si>
    <t>UC Paikhel</t>
  </si>
  <si>
    <t>Khalid Hameed Khan</t>
  </si>
  <si>
    <t>33746</t>
  </si>
  <si>
    <t>47255</t>
  </si>
  <si>
    <t>GPS JANU KHEL</t>
  </si>
  <si>
    <t>Pai Khel</t>
  </si>
  <si>
    <t>GPS JANU KHEL TEH AND DIST MIANWALI</t>
  </si>
  <si>
    <t>Janu Khel</t>
  </si>
  <si>
    <t>Ashfaq Ahmad Khan</t>
  </si>
  <si>
    <t>42249</t>
  </si>
  <si>
    <t>47449</t>
  </si>
  <si>
    <t>GGPS MEHDI ABAD</t>
  </si>
  <si>
    <t>Waan Bhchraan</t>
  </si>
  <si>
    <t>moh mehdi abad waan bhchraan</t>
  </si>
  <si>
    <t>Muzafer Pur Jnubi</t>
  </si>
  <si>
    <t>Aisha Aman</t>
  </si>
  <si>
    <t>13822</t>
  </si>
  <si>
    <t>6911</t>
  </si>
  <si>
    <t>47451</t>
  </si>
  <si>
    <t>GGPS CHAK NO. 1 MB</t>
  </si>
  <si>
    <t>SHADIA  NO.2 -FEMALE</t>
  </si>
  <si>
    <t>1 MB</t>
  </si>
  <si>
    <t>chak no.1 mb dakkhana chak no.32 db
Tehsil &amp; District Mianwali</t>
  </si>
  <si>
    <t>wanbhachran</t>
  </si>
  <si>
    <t>Rabia Shaheen</t>
  </si>
  <si>
    <t>47475</t>
  </si>
  <si>
    <t>GGPS ROZI KHELAN WALA</t>
  </si>
  <si>
    <t>CHHIDRU NO.2-FEMALE</t>
  </si>
  <si>
    <t>g.g.p/s rozi khelan wala p/o hathi khan wala</t>
  </si>
  <si>
    <t>Rozi Khelan Wala</t>
  </si>
  <si>
    <t>54012</t>
  </si>
  <si>
    <t>GPS BHINDA PACHAR</t>
  </si>
  <si>
    <t>BHINDA PACHAR</t>
  </si>
  <si>
    <t>NEAR CHOK SHAHBAZ IN MOUZA BHINDA PACHAR P/O BOX FATEH PUR MAILSI VEHARI</t>
  </si>
  <si>
    <t>Muhammad Farooq Aslam</t>
  </si>
  <si>
    <t>36055</t>
  </si>
  <si>
    <t>GHSS MODEL VEHARI</t>
  </si>
  <si>
    <t>JINNAH ROAD VEHARI</t>
  </si>
  <si>
    <t>g BLOCK</t>
  </si>
  <si>
    <t>MAIN CITY</t>
  </si>
  <si>
    <t>Muhammad Afzal Bhatti</t>
  </si>
  <si>
    <t>3597</t>
  </si>
  <si>
    <t>36072</t>
  </si>
  <si>
    <t>GHS 89 WB</t>
  </si>
  <si>
    <t>89wb</t>
  </si>
  <si>
    <t>Ghs 89wb vehari</t>
  </si>
  <si>
    <t>Cham No 89wb</t>
  </si>
  <si>
    <t>Cham No 95wb</t>
  </si>
  <si>
    <t>MANZOOR HUSSAIN ABID</t>
  </si>
  <si>
    <t>44906</t>
  </si>
  <si>
    <t>GGHS CHAK NO 166 EB</t>
  </si>
  <si>
    <t>chak no166/e.B</t>
  </si>
  <si>
    <t>govt girls high school 166/e.b vehari</t>
  </si>
  <si>
    <t>chak no 166/e.b vehari</t>
  </si>
  <si>
    <t>tahira nargis</t>
  </si>
  <si>
    <t>22936</t>
  </si>
  <si>
    <t>8086</t>
  </si>
  <si>
    <t>36145</t>
  </si>
  <si>
    <t>GGES BASTI YOUSAF WALI</t>
  </si>
  <si>
    <t>Basti Yousaf Wali</t>
  </si>
  <si>
    <t>Basti yousaf 5 w.b</t>
  </si>
  <si>
    <t>Pakhi Moor</t>
  </si>
  <si>
    <t>Humaira Sajid</t>
  </si>
  <si>
    <t>9191</t>
  </si>
  <si>
    <t>36154</t>
  </si>
  <si>
    <t>GGES 91 WB</t>
  </si>
  <si>
    <t>91/wb</t>
  </si>
  <si>
    <t>GGES CHAK NO. 103/WB</t>
  </si>
  <si>
    <t>103/wb</t>
  </si>
  <si>
    <t>Chack no103/wb</t>
  </si>
  <si>
    <t>Tahira Bashir</t>
  </si>
  <si>
    <t>36209</t>
  </si>
  <si>
    <t>GPS CHAK NO.545 EB WEST</t>
  </si>
  <si>
    <t>Jawan wala</t>
  </si>
  <si>
    <t>Chak no. 545/eb west</t>
  </si>
  <si>
    <t>Chak  545/EbWest</t>
  </si>
  <si>
    <t>Chak 537/Eb</t>
  </si>
  <si>
    <t>GPS CHAK NO.535 EB</t>
  </si>
  <si>
    <t>Chak No 535 E B</t>
  </si>
  <si>
    <t>chak no 535 e b vehari</t>
  </si>
  <si>
    <t>557 E B</t>
  </si>
  <si>
    <t>7548</t>
  </si>
  <si>
    <t>GPS LAL DEH</t>
  </si>
  <si>
    <t>mouza lal deh markaz luddan tehsil and district vehari</t>
  </si>
  <si>
    <t>LAl Deh</t>
  </si>
  <si>
    <t>Irshad Ahamad</t>
  </si>
  <si>
    <t>4610</t>
  </si>
  <si>
    <t>29964</t>
  </si>
  <si>
    <t>GGPS CHAK NO. 178/EB VEHARI</t>
  </si>
  <si>
    <t>CHAK NO. 178/EB TEHSIL &amp; DISTRICT VEHARI</t>
  </si>
  <si>
    <t>Chak No. 166 EB</t>
  </si>
  <si>
    <t>43274</t>
  </si>
  <si>
    <t>36342</t>
  </si>
  <si>
    <t>GGES CHAK NO 57 WB</t>
  </si>
  <si>
    <t>57 W B</t>
  </si>
  <si>
    <t>Chak no 57 W. B</t>
  </si>
  <si>
    <t>Chak No 57 W B</t>
  </si>
  <si>
    <t>63 W B</t>
  </si>
  <si>
    <t>36456</t>
  </si>
  <si>
    <t>GGPS LAKHA</t>
  </si>
  <si>
    <t>Lakha</t>
  </si>
  <si>
    <t>lakha</t>
  </si>
  <si>
    <t>Mamoona Tayyab</t>
  </si>
  <si>
    <t>6779</t>
  </si>
  <si>
    <t>36464</t>
  </si>
  <si>
    <t>GGES MIAN HAKIM</t>
  </si>
  <si>
    <t>Mian Hakim</t>
  </si>
  <si>
    <t>GGES Mian Hakim</t>
  </si>
  <si>
    <t>Shakila Aslam</t>
  </si>
  <si>
    <t>46062</t>
  </si>
  <si>
    <t>36467</t>
  </si>
  <si>
    <t>GMPS BASTI TAJWANA</t>
  </si>
  <si>
    <t>Tajwana</t>
  </si>
  <si>
    <t>mouza Tajwana p.o. luddan district vehari</t>
  </si>
  <si>
    <t>Bastitajwana</t>
  </si>
  <si>
    <t>budhghulam</t>
  </si>
  <si>
    <t>Farzana Rao</t>
  </si>
  <si>
    <t>GGPS DAD KAMERA</t>
  </si>
  <si>
    <t>dad kamera</t>
  </si>
  <si>
    <t>Kalsoom Ali</t>
  </si>
  <si>
    <t>5488</t>
  </si>
  <si>
    <t>54018</t>
  </si>
  <si>
    <t>GGPS BORANA SANI</t>
  </si>
  <si>
    <t>Ali-ul-din</t>
  </si>
  <si>
    <t>Moza Borana Sani p/o Luddan.Dist.Vehari</t>
  </si>
  <si>
    <t>Borana Sani</t>
  </si>
  <si>
    <t>Rehana Kanwal</t>
  </si>
  <si>
    <t>54020</t>
  </si>
  <si>
    <t>GPS 174/EB</t>
  </si>
  <si>
    <t>174/EB</t>
  </si>
  <si>
    <t>chak No.174/E.B Tehsil and District vehari</t>
  </si>
  <si>
    <t>Chak No174/EB</t>
  </si>
  <si>
    <t>Chak No166/EB</t>
  </si>
  <si>
    <t>54056</t>
  </si>
  <si>
    <t>GGPS AZAM SHAH</t>
  </si>
  <si>
    <t>Jatera Azam</t>
  </si>
  <si>
    <t>GGPS AZAM SHAH Markaz Sutluj tehsil and district vehari</t>
  </si>
  <si>
    <t>AZAM Shah</t>
  </si>
  <si>
    <t>36542</t>
  </si>
  <si>
    <t>GHS NOURANG SHAH, P/O HASHMAT MIRALI, KABIRWALA</t>
  </si>
  <si>
    <t>Naurang  Shah</t>
  </si>
  <si>
    <t>Chak naurang shah p/o Hashmat mirali tehsil kabirwala district khanewal</t>
  </si>
  <si>
    <t>HAQ NAWAZ AKHTAR</t>
  </si>
  <si>
    <t>36543</t>
  </si>
  <si>
    <t>GHS SHAM KOT, KABIRWALA</t>
  </si>
  <si>
    <t>Shamkot</t>
  </si>
  <si>
    <t>Mouza Shamkot Tehsil Kabirwala District Khanewal</t>
  </si>
  <si>
    <t>SHOUKAT ALI</t>
  </si>
  <si>
    <t>38635</t>
  </si>
  <si>
    <t>36577</t>
  </si>
  <si>
    <t>GHS JAMIS ABAD KABIRWALA</t>
  </si>
  <si>
    <t>James abad</t>
  </si>
  <si>
    <t>James abad kabirwala</t>
  </si>
  <si>
    <t>Muhammad zahid</t>
  </si>
  <si>
    <t>163205</t>
  </si>
  <si>
    <t>33360</t>
  </si>
  <si>
    <t>28432</t>
  </si>
  <si>
    <t>36591</t>
  </si>
  <si>
    <t>GHS FARID PUR, SARAI SIDHU</t>
  </si>
  <si>
    <t>FAREED PUR</t>
  </si>
  <si>
    <t>MOUZA FAREED PUR P/O MOHRI PUR TEHSIL KABIRWALA</t>
  </si>
  <si>
    <t>HASHMAT MIRALI</t>
  </si>
  <si>
    <t>Muhammad Alam</t>
  </si>
  <si>
    <t>27260</t>
  </si>
  <si>
    <t>36609</t>
  </si>
  <si>
    <t>GES 24 GHAGH, P/O 25 PUL, ABDUL HAKIM</t>
  </si>
  <si>
    <t>DARKHANA - MALE</t>
  </si>
  <si>
    <t>24 GhaGh</t>
  </si>
  <si>
    <t>chak 24 Ghagh p/o 25 pull tehsil kabirwala district khanewal</t>
  </si>
  <si>
    <t>24 Ghagh</t>
  </si>
  <si>
    <t>13/DH</t>
  </si>
  <si>
    <t>Muhammad Talha Yasin</t>
  </si>
  <si>
    <t>36701</t>
  </si>
  <si>
    <t>GES 12 MEEL, P/O MOUZA MAST PUR, KABIRWALA</t>
  </si>
  <si>
    <t>Mastpur</t>
  </si>
  <si>
    <t>mastpur kabirwala</t>
  </si>
  <si>
    <t>12meel</t>
  </si>
  <si>
    <t>Bilawalpur</t>
  </si>
  <si>
    <t>irshad hussain</t>
  </si>
  <si>
    <t>43924</t>
  </si>
  <si>
    <t>36624</t>
  </si>
  <si>
    <t>GGHSS KUKKAR HATTA, KABIRWALA</t>
  </si>
  <si>
    <t>kabirwala</t>
  </si>
  <si>
    <t>govt.girls higher secondary school kukkar hatta kabirwala</t>
  </si>
  <si>
    <t>kukkar hatta</t>
  </si>
  <si>
    <t>ibrahim pur</t>
  </si>
  <si>
    <t>syeda shabahat zahra</t>
  </si>
  <si>
    <t>36629</t>
  </si>
  <si>
    <t>GGHS KOHI WALA, KABIRWALA</t>
  </si>
  <si>
    <t>kohiwala</t>
  </si>
  <si>
    <t>govt girls higher secondary school kohiwala tehsil kabirwala</t>
  </si>
  <si>
    <t>Fukhar un Nisa Fatima</t>
  </si>
  <si>
    <t>35632</t>
  </si>
  <si>
    <t>GGES MODEL ALLAH ABAD QADEEM, KABIRWALA</t>
  </si>
  <si>
    <t>KABIRWALA - FEMALE</t>
  </si>
  <si>
    <t>GOVT GIRLS ELEMENTARY SCHOOL ALLAH ABAD</t>
  </si>
  <si>
    <t>NABI PUR</t>
  </si>
  <si>
    <t>Nafeesa Rubab</t>
  </si>
  <si>
    <t>36648</t>
  </si>
  <si>
    <t>GGHSS SARDAR PUR, SARAI SIDHU</t>
  </si>
  <si>
    <t>Sumara Maryam</t>
  </si>
  <si>
    <t>21058</t>
  </si>
  <si>
    <t>5413</t>
  </si>
  <si>
    <t>36716</t>
  </si>
  <si>
    <t>GPS DARBAR ALI ASHAB, P/O MOUZA JAHAN PUR, KABIRWALA</t>
  </si>
  <si>
    <t>BAGAR SARGANA - MALE</t>
  </si>
  <si>
    <t>mouza jahan pur p/o makhdoom pur tehsail kabir wala</t>
  </si>
  <si>
    <t>54394</t>
  </si>
  <si>
    <t>36726</t>
  </si>
  <si>
    <t>GES BARBEGY, P/O QATAL PUR, SARAI SIDHU</t>
  </si>
  <si>
    <t>barbegi</t>
  </si>
  <si>
    <t>mauza barbegi post office qatal pur tehsil kabirwala district khanewal</t>
  </si>
  <si>
    <t>qatal pur</t>
  </si>
  <si>
    <t>qatai pur</t>
  </si>
  <si>
    <t>35894</t>
  </si>
  <si>
    <t>36733</t>
  </si>
  <si>
    <t>GHSS KUND SARGANA, SARAI SIDHU</t>
  </si>
  <si>
    <t>Kund Sargana, Tehsil Kabirwala, Distt. Khanewal</t>
  </si>
  <si>
    <t>Muhammad Aslam Shahid</t>
  </si>
  <si>
    <t>electric and hand pump</t>
  </si>
  <si>
    <t>17277</t>
  </si>
  <si>
    <t>36738</t>
  </si>
  <si>
    <t>GPS HAVELI MUBARAK SHAH, SARAI SIDHU</t>
  </si>
  <si>
    <t>SARAI SIDHU - MALE</t>
  </si>
  <si>
    <t>Havaily Mubarak Shah</t>
  </si>
  <si>
    <t>Havaily Mubarak Shah sarai sidhu kabirwala khanewal</t>
  </si>
  <si>
    <t>Punjay Wala</t>
  </si>
  <si>
    <t>Barag Sargana</t>
  </si>
  <si>
    <t>Gulbaz Ahmad</t>
  </si>
  <si>
    <t>41746</t>
  </si>
  <si>
    <t>36748</t>
  </si>
  <si>
    <t>GPS DANDI SARGANA, SARAI SIDHU</t>
  </si>
  <si>
    <t>Dandi Sargana</t>
  </si>
  <si>
    <t>moza dandi sargana chah budhny wala</t>
  </si>
  <si>
    <t>5414</t>
  </si>
  <si>
    <t>36750</t>
  </si>
  <si>
    <t>GPS GUNPAL WALA, MOUZA HAVELI MUBARAK SHAH, SARAI SIDHU</t>
  </si>
  <si>
    <t>Havaili Mubark Shah</t>
  </si>
  <si>
    <t>gunpal wala markaz sarai sidhu kabirwala khanewal</t>
  </si>
  <si>
    <t>Gunpal Wala</t>
  </si>
  <si>
    <t>Barajh Sargana</t>
  </si>
  <si>
    <t>Hafiz Khalid Iqbal</t>
  </si>
  <si>
    <t>9381</t>
  </si>
  <si>
    <t>6143</t>
  </si>
  <si>
    <t>36809</t>
  </si>
  <si>
    <t>GES SALAR WAHIN KOHNA, NAWAN SHEHR</t>
  </si>
  <si>
    <t>SALAR WAHIN - MALE</t>
  </si>
  <si>
    <t>SALAR WEHAN</t>
  </si>
  <si>
    <t>MOUZA SALAR WEHAN KOHNA TEHSIL KABIRWALA DISTRICT KHANEWAL</t>
  </si>
  <si>
    <t>36843</t>
  </si>
  <si>
    <t>GMPS ATTAR SINGH WALA, KABIRWALA</t>
  </si>
  <si>
    <t>GMPS Attar Singh Wala Kabirwala</t>
  </si>
  <si>
    <t>Attar SinghWala</t>
  </si>
  <si>
    <t>18027</t>
  </si>
  <si>
    <t>36857</t>
  </si>
  <si>
    <t>GMPS AREY WALA, KABIRWALA</t>
  </si>
  <si>
    <t>BILAWAL PUR - FEMALE</t>
  </si>
  <si>
    <t>Mast Pur</t>
  </si>
  <si>
    <t>moza mast pur, chah arywala, kabirwala</t>
  </si>
  <si>
    <t>Araywala</t>
  </si>
  <si>
    <t>Mari Saho</t>
  </si>
  <si>
    <t>Hajra Saleem</t>
  </si>
  <si>
    <t>15602</t>
  </si>
  <si>
    <t>13037</t>
  </si>
  <si>
    <t>5419</t>
  </si>
  <si>
    <t>36921</t>
  </si>
  <si>
    <t>GGPS NAZIR JAT, ABDUL HAKIM</t>
  </si>
  <si>
    <t>GOBIND GARH - FEMALE</t>
  </si>
  <si>
    <t>Gobind Ghar</t>
  </si>
  <si>
    <t>basti nabi pur nazir jat abdul hakeem</t>
  </si>
  <si>
    <t>Dharam Pur</t>
  </si>
  <si>
    <t>Umeed Ghar</t>
  </si>
  <si>
    <t>Afsana Noreen</t>
  </si>
  <si>
    <t>26722</t>
  </si>
  <si>
    <t>26138</t>
  </si>
  <si>
    <t>36928</t>
  </si>
  <si>
    <t>GGPS QITTA TEHSIL DAR WALA, ABDUL</t>
  </si>
  <si>
    <t>Qitta tehsildar wala,Abdul hakim</t>
  </si>
  <si>
    <t>Mithan Kot</t>
  </si>
  <si>
    <t>22214</t>
  </si>
  <si>
    <t>46619</t>
  </si>
  <si>
    <t>36949</t>
  </si>
  <si>
    <t>GGPS 10 GHAGH NO. 2, ABDUL HAKIM</t>
  </si>
  <si>
    <t>10 Ghagh</t>
  </si>
  <si>
    <t>govt girls primary school 10ghagh no2</t>
  </si>
  <si>
    <t>10ghagh</t>
  </si>
  <si>
    <t>Nadia Nawaz</t>
  </si>
  <si>
    <t>36952</t>
  </si>
  <si>
    <t>GGPS SULTAN THERAJ, ABDUL HAKIM</t>
  </si>
  <si>
    <t>Sulta Theraj</t>
  </si>
  <si>
    <t>Sultan theraj markaz kot islam teh kabirwala district khanewal</t>
  </si>
  <si>
    <t>Sultan Theraj</t>
  </si>
  <si>
    <t>Khunsa Bibi</t>
  </si>
  <si>
    <t>36956</t>
  </si>
  <si>
    <t>GMPS 15 GHAGH, ABDUL HAKIM</t>
  </si>
  <si>
    <t>Chak No 15 Ghagh</t>
  </si>
  <si>
    <t>chak no 15 ghagh,tehsil kabirwala,district khanewal</t>
  </si>
  <si>
    <t>Havaili Kuranga</t>
  </si>
  <si>
    <t>Umme Aqsa</t>
  </si>
  <si>
    <t>34600</t>
  </si>
  <si>
    <t>36965</t>
  </si>
  <si>
    <t>GGPS CHAK BANDI, NAWAN SHEHR</t>
  </si>
  <si>
    <t>CHAKBANDI</t>
  </si>
  <si>
    <t>GGP/S chakbandi markaz Nawan Shaher Kabirwala</t>
  </si>
  <si>
    <t>Bushra Munir</t>
  </si>
  <si>
    <t>37031</t>
  </si>
  <si>
    <t>GGPS CHAK SHAHNAY WALA</t>
  </si>
  <si>
    <t>Kora Isra</t>
  </si>
  <si>
    <t>shahany wala</t>
  </si>
  <si>
    <t>Shahany Wala</t>
  </si>
  <si>
    <t>Kot Gohar Muhammad</t>
  </si>
  <si>
    <t>Maria Iqbal</t>
  </si>
  <si>
    <t>37049</t>
  </si>
  <si>
    <t>GHS 3/AH, KHANEWAL</t>
  </si>
  <si>
    <t>Chak No 4ah</t>
  </si>
  <si>
    <t>chak no 3ah khanewal.</t>
  </si>
  <si>
    <t>Chak No 3ah</t>
  </si>
  <si>
    <t>4/AH</t>
  </si>
  <si>
    <t>Sabir Hussain Sheraz</t>
  </si>
  <si>
    <t>37065</t>
  </si>
  <si>
    <t>GHS 14/8-R GUL ABAD, KACHA KHUH</t>
  </si>
  <si>
    <t>14/8 R gulabad</t>
  </si>
  <si>
    <t>14/8 R Gulbad Khanewal</t>
  </si>
  <si>
    <t>14/8 R Gulabad</t>
  </si>
  <si>
    <t>37072</t>
  </si>
  <si>
    <t>GGHS 92/10-R, KHANEWAL</t>
  </si>
  <si>
    <t>92/10r</t>
  </si>
  <si>
    <t>GGHS 92/10R KHANEWAL</t>
  </si>
  <si>
    <t>18867</t>
  </si>
  <si>
    <t>52678</t>
  </si>
  <si>
    <t>GGHS 28/10-R, KACHA KHUH</t>
  </si>
  <si>
    <t>Kacha Khuh</t>
  </si>
  <si>
    <t>28/10R khanewal</t>
  </si>
  <si>
    <t>28/10R</t>
  </si>
  <si>
    <t>27/10R</t>
  </si>
  <si>
    <t>Shazia Naseem</t>
  </si>
  <si>
    <t>39821</t>
  </si>
  <si>
    <t>37078</t>
  </si>
  <si>
    <t>GGHS 7/9-R, KACHA KHUH</t>
  </si>
  <si>
    <t>7/9.R</t>
  </si>
  <si>
    <t>Govt. Girls High School 7/9.R  Rehman Garh Khanewal</t>
  </si>
  <si>
    <t>Iram Islam</t>
  </si>
  <si>
    <t>19377</t>
  </si>
  <si>
    <t>37137</t>
  </si>
  <si>
    <t>GPS MEHAR ABAD, KHANEWAL</t>
  </si>
  <si>
    <t>mohalla khokhar abad khanewal city</t>
  </si>
  <si>
    <t>Khokhar Abad</t>
  </si>
  <si>
    <t>Zain Ul Abideen</t>
  </si>
  <si>
    <t>26441</t>
  </si>
  <si>
    <t>37160</t>
  </si>
  <si>
    <t>GPS 6/A WARAYAM WALA, P/O 5/AH, KHANEWAL</t>
  </si>
  <si>
    <t>2/AH</t>
  </si>
  <si>
    <t>chak no 2/ah basti islamabad</t>
  </si>
  <si>
    <t>2/ah Basti Islamabad</t>
  </si>
  <si>
    <t>4/ah</t>
  </si>
  <si>
    <t>38543</t>
  </si>
  <si>
    <t>37184</t>
  </si>
  <si>
    <t>GPS PATTI SARKAR NO.2 P/O 3/AH KHANEWAL</t>
  </si>
  <si>
    <t>Patti Sarkar</t>
  </si>
  <si>
    <t>moza patti sarkar nizd darbar abdullah shah</t>
  </si>
  <si>
    <t>Makhdum Pur</t>
  </si>
  <si>
    <t>Hafiz Muhammad Anwar Ashraf</t>
  </si>
  <si>
    <t>4168</t>
  </si>
  <si>
    <t>46299</t>
  </si>
  <si>
    <t>GGPS 51/10-R COLONY NO. 2, KHANEWAL</t>
  </si>
  <si>
    <t>colony no 2</t>
  </si>
  <si>
    <t>Colony no 2</t>
  </si>
  <si>
    <t>Huma Iqbal</t>
  </si>
  <si>
    <t>9373</t>
  </si>
  <si>
    <t>5560</t>
  </si>
  <si>
    <t>37233</t>
  </si>
  <si>
    <t>GGPS 161/10-R, KHANEWAL</t>
  </si>
  <si>
    <t>MEHAR SHAH</t>
  </si>
  <si>
    <t>CHAK NO.161/10-R MEHAR SHAH KHANEWAL</t>
  </si>
  <si>
    <t>161/10-R</t>
  </si>
  <si>
    <t>Ferhana Yasmeen</t>
  </si>
  <si>
    <t>8963</t>
  </si>
  <si>
    <t>37244</t>
  </si>
  <si>
    <t>GPS MODEL 64/10-R, KHANEWAL</t>
  </si>
  <si>
    <t>64/10R</t>
  </si>
  <si>
    <t>64/10-r</t>
  </si>
  <si>
    <t>43/10-r</t>
  </si>
  <si>
    <t>Nayab Zahra</t>
  </si>
  <si>
    <t>5365</t>
  </si>
  <si>
    <t>37260</t>
  </si>
  <si>
    <t>GGPS MIAN SHEMIR NO.1 KHANEWAL</t>
  </si>
  <si>
    <t>Take Mukdum  Voni</t>
  </si>
  <si>
    <t>Railway Station Main Shameer khanewal</t>
  </si>
  <si>
    <t>Main Shamir</t>
  </si>
  <si>
    <t>14/9rbat</t>
  </si>
  <si>
    <t>37265</t>
  </si>
  <si>
    <t>GGPS 96-A/10-R, KHANEWAL</t>
  </si>
  <si>
    <t>96a10r</t>
  </si>
  <si>
    <t>check no 96a10r</t>
  </si>
  <si>
    <t>Checkno96a10r</t>
  </si>
  <si>
    <t>Check No73 10r</t>
  </si>
  <si>
    <t>Farzana Zubair</t>
  </si>
  <si>
    <t>11050</t>
  </si>
  <si>
    <t>28270</t>
  </si>
  <si>
    <t>51561</t>
  </si>
  <si>
    <t>37267</t>
  </si>
  <si>
    <t>GPS MODEL 91-A/10-R, KHANEWAL</t>
  </si>
  <si>
    <t>Kwl</t>
  </si>
  <si>
    <t>91-A/10R</t>
  </si>
  <si>
    <t>Shanti Nagar</t>
  </si>
  <si>
    <t>NAJMA SHAHEEN</t>
  </si>
  <si>
    <t>37281</t>
  </si>
  <si>
    <t>GGEMS 90/10-R FARID KOT, KHANEWAL</t>
  </si>
  <si>
    <t>90/10R,Fareed Kot.kwl.</t>
  </si>
  <si>
    <t>90/10R</t>
  </si>
  <si>
    <t>88/10R</t>
  </si>
  <si>
    <t>Samreen Abid</t>
  </si>
  <si>
    <t>37285</t>
  </si>
  <si>
    <t>GMPS 76/10-R, KHANEWAL</t>
  </si>
  <si>
    <t>76/10-R</t>
  </si>
  <si>
    <t>Chak No76/10-R P/O 83-85 Khanewal</t>
  </si>
  <si>
    <t>Khalida Malik</t>
  </si>
  <si>
    <t>37289</t>
  </si>
  <si>
    <t>GGPS 32/10-R, KACHA KHUH</t>
  </si>
  <si>
    <t>32-10-r</t>
  </si>
  <si>
    <t>Chak. No32-10-r</t>
  </si>
  <si>
    <t>27-10-r</t>
  </si>
  <si>
    <t>Rukhsana Habib</t>
  </si>
  <si>
    <t>3348</t>
  </si>
  <si>
    <t>GGPS 15-8/R AYUB HERAJ, KACHA KHUH</t>
  </si>
  <si>
    <t>Bastion Ayoob Haraj</t>
  </si>
  <si>
    <t>15/8/r A.H</t>
  </si>
  <si>
    <t>15-8-r A-H</t>
  </si>
  <si>
    <t>14/8/r</t>
  </si>
  <si>
    <t>GGCMS 8/9-R KACHA KHUH</t>
  </si>
  <si>
    <t>8/9R</t>
  </si>
  <si>
    <t>8/9-R qasba</t>
  </si>
  <si>
    <t>8/9-R Qasba</t>
  </si>
  <si>
    <t>Kishwar Sardar</t>
  </si>
  <si>
    <t>37347</t>
  </si>
  <si>
    <t>GGCMS 92/10-R KHANEWAL</t>
  </si>
  <si>
    <t>92/10-r</t>
  </si>
  <si>
    <t>chak#92/10r kwl</t>
  </si>
  <si>
    <t>Chak#92/10-r</t>
  </si>
  <si>
    <t>Chak#92/10r</t>
  </si>
  <si>
    <t>Rehana Perveen</t>
  </si>
  <si>
    <t>80303</t>
  </si>
  <si>
    <t>37356</t>
  </si>
  <si>
    <t>GHS 79/15-L, KHANEWAL</t>
  </si>
  <si>
    <t>CHAK 79/15L</t>
  </si>
  <si>
    <t>CHAK # 79/15L, KHANEWAL</t>
  </si>
  <si>
    <t>CHAK # 79/15L</t>
  </si>
  <si>
    <t>FAROOQ AHMAD SALEEM</t>
  </si>
  <si>
    <t>37374</t>
  </si>
  <si>
    <t>GMPS CHAK NO. 82/15-L KACHA KHUH</t>
  </si>
  <si>
    <t>82/15-L</t>
  </si>
  <si>
    <t>Chak No. 82/15-L Kacha Khuh Khanewal</t>
  </si>
  <si>
    <t>CHAK NO.78/15-L</t>
  </si>
  <si>
    <t>Sadia Perveen</t>
  </si>
  <si>
    <t>45552</t>
  </si>
  <si>
    <t>37394</t>
  </si>
  <si>
    <t>GHSS 105/15-L VANJARI MIAN CHANNU</t>
  </si>
  <si>
    <t>105/15-L Wanjari</t>
  </si>
  <si>
    <t>105/15-L Wanjari (Mian Channu, Khanewal)</t>
  </si>
  <si>
    <t>44892</t>
  </si>
  <si>
    <t>37395</t>
  </si>
  <si>
    <t>GHSS TULAMBA, TULAMBA</t>
  </si>
  <si>
    <t>GHSS TULAMBA P/O OFFICE TULAMBA TEHSIL MIAN CHANNU DISTT. KHANEWAL.</t>
  </si>
  <si>
    <t>MUNICIPAL COMMITEE</t>
  </si>
  <si>
    <t>MAQBOOL HUSSAIN AKHTAR</t>
  </si>
  <si>
    <t>37423</t>
  </si>
  <si>
    <t>GHS 20/8-R, TULAMBA</t>
  </si>
  <si>
    <t>Chak No 20/8R</t>
  </si>
  <si>
    <t>Chak No 20/8R Tulamba Mian channu</t>
  </si>
  <si>
    <t>Noori Suhag</t>
  </si>
  <si>
    <t>46718</t>
  </si>
  <si>
    <t>37424</t>
  </si>
  <si>
    <t>GHS 123/7-ER, TULAMBA</t>
  </si>
  <si>
    <t>dulluan</t>
  </si>
  <si>
    <t>123/7er mianchannu</t>
  </si>
  <si>
    <t>123/7er</t>
  </si>
  <si>
    <t>123  dulluan</t>
  </si>
  <si>
    <t>amjad mahmood hasan</t>
  </si>
  <si>
    <t>GES 47/15-L, P/O 124/15-L, MIAN CHANNU</t>
  </si>
  <si>
    <t>47/15l</t>
  </si>
  <si>
    <t>p/o 124/15.l chak no 147/15l mian channu</t>
  </si>
  <si>
    <t>124/15l</t>
  </si>
  <si>
    <t>Tasawar HUSSAIN</t>
  </si>
  <si>
    <t>7312</t>
  </si>
  <si>
    <t>37509</t>
  </si>
  <si>
    <t>GGHS 124/7-ER TULAMBA</t>
  </si>
  <si>
    <t>Chak124/7er</t>
  </si>
  <si>
    <t>chak no.124/7er mian channu</t>
  </si>
  <si>
    <t>Chak123/7er</t>
  </si>
  <si>
    <t>Basti Dulwan</t>
  </si>
  <si>
    <t>anbreen kiran</t>
  </si>
  <si>
    <t>37513</t>
  </si>
  <si>
    <t>GES MC CENTRE MIAN CHANNU</t>
  </si>
  <si>
    <t>Hasnain Abad Road Mian Channu</t>
  </si>
  <si>
    <t>Mian channu City</t>
  </si>
  <si>
    <t>10985</t>
  </si>
  <si>
    <t>37648</t>
  </si>
  <si>
    <t>GGPS BHUSI PINDI, TULAMBA</t>
  </si>
  <si>
    <t>TULAMBA-I - FEMALE</t>
  </si>
  <si>
    <t>Bhussi Pindi</t>
  </si>
  <si>
    <t>jungle Bhussi pindi tulamba</t>
  </si>
  <si>
    <t>Jungle Bhussi Pindi</t>
  </si>
  <si>
    <t>Ghos Pur</t>
  </si>
  <si>
    <t>24193</t>
  </si>
  <si>
    <t>47515</t>
  </si>
  <si>
    <t>GGPS TARY BAZ KHELAN WALA</t>
  </si>
  <si>
    <t>Chidru</t>
  </si>
  <si>
    <t>gaps turay Baz Khalan Wala</t>
  </si>
  <si>
    <t>Turay Baz Khalan Wala</t>
  </si>
  <si>
    <t>Iffat Ayesha</t>
  </si>
  <si>
    <t>GGPS LALAY KHEL</t>
  </si>
  <si>
    <t>PAI KHEL-FEMALE</t>
  </si>
  <si>
    <t>Ameer Khel</t>
  </si>
  <si>
    <t>wandah lalay khel paikhel</t>
  </si>
  <si>
    <t>Lalay Khel</t>
  </si>
  <si>
    <t>Maha Sultana</t>
  </si>
  <si>
    <t>GGPS ISALAM PURA MOCHH</t>
  </si>
  <si>
    <t>MOCHH NO.2-FEMALE</t>
  </si>
  <si>
    <t>mohallah islampora mochh p/o.mochh</t>
  </si>
  <si>
    <t>Aleena Ashfaq</t>
  </si>
  <si>
    <t>14117</t>
  </si>
  <si>
    <t>47628</t>
  </si>
  <si>
    <t>GGPS DHOK MEHR MUHAMMAD CHAKRALA</t>
  </si>
  <si>
    <t>NAMAL JUNABI-FEMALE</t>
  </si>
  <si>
    <t>dhok mehr Mohammed</t>
  </si>
  <si>
    <t>Dhok Mehr Mohmd</t>
  </si>
  <si>
    <t>Ruqia Hayat</t>
  </si>
  <si>
    <t>47645</t>
  </si>
  <si>
    <t>GGPS FAISAL COLONY CHAKRALA</t>
  </si>
  <si>
    <t>CHAKRALA -FEMALE</t>
  </si>
  <si>
    <t>KUND</t>
  </si>
  <si>
    <t>Faisal colony chakrala</t>
  </si>
  <si>
    <t>Faisal colony</t>
  </si>
  <si>
    <t>Ban Hafiz jee</t>
  </si>
  <si>
    <t>Anwar Sultana</t>
  </si>
  <si>
    <t>54356</t>
  </si>
  <si>
    <t>GHS MOHALLAH QADIR ABAD MIANWALI CITY</t>
  </si>
  <si>
    <t>Watta Khel</t>
  </si>
  <si>
    <t>Street No.3 Mohallah Qadir Abad Mianwali</t>
  </si>
  <si>
    <t>MC Mianwali</t>
  </si>
  <si>
    <t>Hafiz Aaqib Javed</t>
  </si>
  <si>
    <t>GHS DOABA</t>
  </si>
  <si>
    <t>DOABA</t>
  </si>
  <si>
    <t>NEAR UC DOABA</t>
  </si>
  <si>
    <t>MUHAMMAD AMEER</t>
  </si>
  <si>
    <t>GHS PHATHI JOYIAN WALI</t>
  </si>
  <si>
    <t>naseer wala</t>
  </si>
  <si>
    <t>govt. h/s phathi joyian wali</t>
  </si>
  <si>
    <t>phathi joyian wali</t>
  </si>
  <si>
    <t>allu wali</t>
  </si>
  <si>
    <t>Malik Sultan Sikander</t>
  </si>
  <si>
    <t>11762</t>
  </si>
  <si>
    <t>18211</t>
  </si>
  <si>
    <t>47728</t>
  </si>
  <si>
    <t>GGHS HAFIZ WALA</t>
  </si>
  <si>
    <t>HAFIZWALA</t>
  </si>
  <si>
    <t>GGHS HAFIZWALA TEHSEEL PIPLAN DISTRICT MIANWALI</t>
  </si>
  <si>
    <t>Hafizwala</t>
  </si>
  <si>
    <t>IRUM  SAEED</t>
  </si>
  <si>
    <t>47735</t>
  </si>
  <si>
    <t>GHS CHAK NO. 3-4 ML</t>
  </si>
  <si>
    <t>chak no 3.4 ml, piplan, mianwali</t>
  </si>
  <si>
    <t>3-4 mL</t>
  </si>
  <si>
    <t>MUHAMMAD ABDUL REHMAN</t>
  </si>
  <si>
    <t>1.04544e+006</t>
  </si>
  <si>
    <t>47768</t>
  </si>
  <si>
    <t>GGES ASRAN WALA</t>
  </si>
  <si>
    <t>assranwsla harnoli teh.piplan distt.Mianwali</t>
  </si>
  <si>
    <t>Assranwala</t>
  </si>
  <si>
    <t>Shaista Munir Ahmad</t>
  </si>
  <si>
    <t>3993</t>
  </si>
  <si>
    <t>GPS WANDHI SIGNAL WALI PO JALL JANOBI</t>
  </si>
  <si>
    <t>PIPLAN-MALE</t>
  </si>
  <si>
    <t>Jall</t>
  </si>
  <si>
    <t>wandhi signal wali jall janubi</t>
  </si>
  <si>
    <t>Jall janubi</t>
  </si>
  <si>
    <t>Doaba</t>
  </si>
  <si>
    <t>48999</t>
  </si>
  <si>
    <t>GPS NO.1 CHAK NO 35 SB</t>
  </si>
  <si>
    <t>PULL 111-SB - MALE</t>
  </si>
  <si>
    <t>Chak 35 Sb</t>
  </si>
  <si>
    <t>chak 35 sb tehsil Sargodha</t>
  </si>
  <si>
    <t>Chak 28 Sb</t>
  </si>
  <si>
    <t>Hafeez Ullah Khan</t>
  </si>
  <si>
    <t>7101</t>
  </si>
  <si>
    <t>7237</t>
  </si>
  <si>
    <t>41136</t>
  </si>
  <si>
    <t>GES CHAK NO.24 SB</t>
  </si>
  <si>
    <t>Chak No 24 Sb</t>
  </si>
  <si>
    <t>Chak No 24 sb</t>
  </si>
  <si>
    <t>13786</t>
  </si>
  <si>
    <t>49051</t>
  </si>
  <si>
    <t>GPS CHAK NO.32 NB</t>
  </si>
  <si>
    <t>AJNALA - MALE</t>
  </si>
  <si>
    <t>32 NB</t>
  </si>
  <si>
    <t>Chak no 32 NB</t>
  </si>
  <si>
    <t>Chokera</t>
  </si>
  <si>
    <t>Muhammad Siddique Anwar</t>
  </si>
  <si>
    <t>43625</t>
  </si>
  <si>
    <t>49052</t>
  </si>
  <si>
    <t>GPS CHAK NO.75 SB</t>
  </si>
  <si>
    <t>Chak No75 Sb</t>
  </si>
  <si>
    <t>chak no 75 sb</t>
  </si>
  <si>
    <t>Chak 75 Sb</t>
  </si>
  <si>
    <t>M Abdul Bassat</t>
  </si>
  <si>
    <t>12316</t>
  </si>
  <si>
    <t>GES MC BLOCK NO.28 SARGODHA</t>
  </si>
  <si>
    <t>Sgd</t>
  </si>
  <si>
    <t>block 28 sgd</t>
  </si>
  <si>
    <t>14740</t>
  </si>
  <si>
    <t>20343</t>
  </si>
  <si>
    <t>GPS MC BLOCK NO.5 SARGODHA</t>
  </si>
  <si>
    <t>Block#5</t>
  </si>
  <si>
    <t>GPS,Block#5 Sargodha</t>
  </si>
  <si>
    <t>Corporation</t>
  </si>
  <si>
    <t>14544</t>
  </si>
  <si>
    <t>49067</t>
  </si>
  <si>
    <t>GPS MC CITY GROUND SARGODHA</t>
  </si>
  <si>
    <t>Saleem Park</t>
  </si>
  <si>
    <t>mc boys primary school city ground sargodha</t>
  </si>
  <si>
    <t>Dhq Sargodha</t>
  </si>
  <si>
    <t>46114</t>
  </si>
  <si>
    <t>49070</t>
  </si>
  <si>
    <t>GES MC KOT FAREED SARGODHA</t>
  </si>
  <si>
    <t>kot Farid</t>
  </si>
  <si>
    <t>kot farid</t>
  </si>
  <si>
    <t>Kot Farid</t>
  </si>
  <si>
    <t>HUSSAIN AHMAD</t>
  </si>
  <si>
    <t>49071</t>
  </si>
  <si>
    <t>GPS MC NEW CIVIL LINE SARGODHA</t>
  </si>
  <si>
    <t>City Sargodha</t>
  </si>
  <si>
    <t>Shahzad Akhtar</t>
  </si>
  <si>
    <t>27475</t>
  </si>
  <si>
    <t>27204</t>
  </si>
  <si>
    <t>49072</t>
  </si>
  <si>
    <t>GPS MC NO. 11 FACTORY AREA SARGODHA</t>
  </si>
  <si>
    <t>Factory Area</t>
  </si>
  <si>
    <t>GMC boys P/S factory area sargodha</t>
  </si>
  <si>
    <t>Ghanzanfar Ali</t>
  </si>
  <si>
    <t>70 rupee</t>
  </si>
  <si>
    <t>53614</t>
  </si>
  <si>
    <t>49073</t>
  </si>
  <si>
    <t>GPS MC BLOCK 14-D SATELITTE TOWN SARGODHA</t>
  </si>
  <si>
    <t>Block 14-D</t>
  </si>
  <si>
    <t>D block satellite town Sargodha</t>
  </si>
  <si>
    <t>Satellite TOWN</t>
  </si>
  <si>
    <t>Chak No 42 Nb</t>
  </si>
  <si>
    <t>Muhammad Zahid Mukhtar</t>
  </si>
  <si>
    <t>38191</t>
  </si>
  <si>
    <t>49075</t>
  </si>
  <si>
    <t>GPS MC BLOCK NO.2 SARGODHA</t>
  </si>
  <si>
    <t>BLOCK 2</t>
  </si>
  <si>
    <t>Govt,Mc boys p/ s no.1 block no. 2 Sargodha</t>
  </si>
  <si>
    <t>Sargodha cityscape</t>
  </si>
  <si>
    <t>MC 18</t>
  </si>
  <si>
    <t>Ijaz ahmed</t>
  </si>
  <si>
    <t>32829</t>
  </si>
  <si>
    <t>15486</t>
  </si>
  <si>
    <t>GPS MC BLOCK NO.25 WATER SUPPLY ROAD SARGODHA</t>
  </si>
  <si>
    <t>Block No 25</t>
  </si>
  <si>
    <t>GPS MC Block 25 water supply road sargodha</t>
  </si>
  <si>
    <t>Mc 12</t>
  </si>
  <si>
    <t>water collar</t>
  </si>
  <si>
    <t>9202</t>
  </si>
  <si>
    <t>49127</t>
  </si>
  <si>
    <t>GPS MARYANA GONDAL</t>
  </si>
  <si>
    <t>MARI - MALE</t>
  </si>
  <si>
    <t>p o Mari teh distt Sargodha</t>
  </si>
  <si>
    <t>Dera Maryana</t>
  </si>
  <si>
    <t>14921</t>
  </si>
  <si>
    <t>49138</t>
  </si>
  <si>
    <t>GPS CHAK NO.71 NB</t>
  </si>
  <si>
    <t>Chak71 Nb</t>
  </si>
  <si>
    <t>chak 71 NB SGD</t>
  </si>
  <si>
    <t>Chak 71 Nb</t>
  </si>
  <si>
    <t>11482</t>
  </si>
  <si>
    <t>49146</t>
  </si>
  <si>
    <t>GMPS CHAK NO.54 SB MOGHI</t>
  </si>
  <si>
    <t>CHAK 46-SB - FEMALE</t>
  </si>
  <si>
    <t>Moghi</t>
  </si>
  <si>
    <t>Gmps 54 s.b moghi</t>
  </si>
  <si>
    <t>54 sb Moghi</t>
  </si>
  <si>
    <t>52 sb</t>
  </si>
  <si>
    <t>Sadia farooq</t>
  </si>
  <si>
    <t>49148</t>
  </si>
  <si>
    <t>GGPS NO.1 CHAK NO.45 SB</t>
  </si>
  <si>
    <t>Chak No 45 SB Sargodha</t>
  </si>
  <si>
    <t>Chak No. 45 SB</t>
  </si>
  <si>
    <t>45 SB</t>
  </si>
  <si>
    <t>Chak # 45 SB</t>
  </si>
  <si>
    <t>8553</t>
  </si>
  <si>
    <t>17982</t>
  </si>
  <si>
    <t>17021</t>
  </si>
  <si>
    <t>49169</t>
  </si>
  <si>
    <t>GGPS CHAK NO.55 SB MAI DA DERA</t>
  </si>
  <si>
    <t>Mai Da Dera</t>
  </si>
  <si>
    <t>chak no 55 sb mai da dera tehsil and district sargodha</t>
  </si>
  <si>
    <t>55 SB</t>
  </si>
  <si>
    <t>Chak No 45 SB</t>
  </si>
  <si>
    <t>Afia Shabraiz</t>
  </si>
  <si>
    <t>8888</t>
  </si>
  <si>
    <t>49203</t>
  </si>
  <si>
    <t>GGPS CHAK NO.51 SB BHAGTANWALA</t>
  </si>
  <si>
    <t>BHAGTAN WALA - FEMALE</t>
  </si>
  <si>
    <t>51sb</t>
  </si>
  <si>
    <t>Luqman</t>
  </si>
  <si>
    <t>Abida Rani</t>
  </si>
  <si>
    <t>7646</t>
  </si>
  <si>
    <t>40636</t>
  </si>
  <si>
    <t>GGES MC BLOCK NO.14 SARGODHA</t>
  </si>
  <si>
    <t>GGES MC Block 14 Sargodha</t>
  </si>
  <si>
    <t>Block 14</t>
  </si>
  <si>
    <t>MC-2</t>
  </si>
  <si>
    <t>49276</t>
  </si>
  <si>
    <t>GGPS MC NO.4 SATTELITE TOWN  SARGODHA</t>
  </si>
  <si>
    <t>Zafarullah Chowk</t>
  </si>
  <si>
    <t>Jinah Colooney</t>
  </si>
  <si>
    <t>Rehana Anwer</t>
  </si>
  <si>
    <t>36380</t>
  </si>
  <si>
    <t>GGPS MC MILLAT ABAD SARGODHA</t>
  </si>
  <si>
    <t>Government MC Girls Primary school no 5 Millatabad</t>
  </si>
  <si>
    <t>Mussarat Nazir</t>
  </si>
  <si>
    <t>31211</t>
  </si>
  <si>
    <t>GGPS MC JINNAH COLONY CHONA BHATTIAN</t>
  </si>
  <si>
    <t>Jinnah Colony Sargodha</t>
  </si>
  <si>
    <t>Street no 1, Jinnah Colony near general bus stand Sargodha</t>
  </si>
  <si>
    <t>Javaria Shahid</t>
  </si>
  <si>
    <t>28020</t>
  </si>
  <si>
    <t>49283</t>
  </si>
  <si>
    <t>GGPS MC CITY GROUND SARGODHA</t>
  </si>
  <si>
    <t>MC Girls Primary School City Ground City Stop Sargodha</t>
  </si>
  <si>
    <t>Babu Mohalah</t>
  </si>
  <si>
    <t>MC 20</t>
  </si>
  <si>
    <t>Farhat</t>
  </si>
  <si>
    <t>46212</t>
  </si>
  <si>
    <t>46580</t>
  </si>
  <si>
    <t>49364</t>
  </si>
  <si>
    <t>GGES CHAK NO.63 NB</t>
  </si>
  <si>
    <t>GGES63nb</t>
  </si>
  <si>
    <t>63nb</t>
  </si>
  <si>
    <t>65 Chak No 67 A Nb</t>
  </si>
  <si>
    <t>Sadaf Zahoor</t>
  </si>
  <si>
    <t>49236</t>
  </si>
  <si>
    <t>49369</t>
  </si>
  <si>
    <t>GGPS MARI JHAL</t>
  </si>
  <si>
    <t>LUDDAY WALA - FEMALE</t>
  </si>
  <si>
    <t>Jhal</t>
  </si>
  <si>
    <t>Ggps mari jhal</t>
  </si>
  <si>
    <t>Shaista Qaisar</t>
  </si>
  <si>
    <t>43213</t>
  </si>
  <si>
    <t>52813</t>
  </si>
  <si>
    <t>GGPS SAZAWAR SADARKEY NO 1</t>
  </si>
  <si>
    <t>Sadharkay</t>
  </si>
  <si>
    <t>GGPS SAZA WAR SADHARKAY</t>
  </si>
  <si>
    <t>Sadhakay</t>
  </si>
  <si>
    <t>Pandat Manfol</t>
  </si>
  <si>
    <t>Sadia Amin</t>
  </si>
  <si>
    <t>GPS NO 2 CHAK NO 115 SB</t>
  </si>
  <si>
    <t>115 Sb</t>
  </si>
  <si>
    <t>chak no.115 sb tehsil &amp; district Sargodha</t>
  </si>
  <si>
    <t>Chak No115 sb</t>
  </si>
  <si>
    <t>Chak 58 Sb</t>
  </si>
  <si>
    <t>AKHTAR RASOOL</t>
  </si>
  <si>
    <t>clean water is bought in canes and billed on monthly bases as we are informed through lab test that the school pump's water is inappropriate and test report has prohibited pump's water</t>
  </si>
  <si>
    <t>GHS BIRBAL SHARIF</t>
  </si>
  <si>
    <t>Birbal Sharif</t>
  </si>
  <si>
    <t>birbal sharif teh. Shah pur distt sargodha</t>
  </si>
  <si>
    <t>Kot Pehlwan</t>
  </si>
  <si>
    <t>GHS BHAKHAR BAR</t>
  </si>
  <si>
    <t>Bakhar bar</t>
  </si>
  <si>
    <t>bakhar bar, teh. shahpur, distt. sargodha</t>
  </si>
  <si>
    <t>Muhammad Jamal</t>
  </si>
  <si>
    <t>34380</t>
  </si>
  <si>
    <t>52787</t>
  </si>
  <si>
    <t>GGPS BAHMANI DAKHLI JOWAYA BALOCH</t>
  </si>
  <si>
    <t>Bahmni</t>
  </si>
  <si>
    <t>GGPS Bahmni Dakhli Jawaya Baloch</t>
  </si>
  <si>
    <t>Chak Bahmni</t>
  </si>
  <si>
    <t>Hakoomat gadh</t>
  </si>
  <si>
    <t>Robina shaheen</t>
  </si>
  <si>
    <t>7357</t>
  </si>
  <si>
    <t>52820</t>
  </si>
  <si>
    <t>GGES LADHEYWAL</t>
  </si>
  <si>
    <t>Ladhywal</t>
  </si>
  <si>
    <t>ladhywal</t>
  </si>
  <si>
    <t>Koay Ki Bhawal</t>
  </si>
  <si>
    <t>Shama Munawar</t>
  </si>
  <si>
    <t>52855</t>
  </si>
  <si>
    <t>GGPS TIBI SADA SINGH</t>
  </si>
  <si>
    <t>Tibbi Sada Singh</t>
  </si>
  <si>
    <t>check tibbi sada Singh tahsrel depalpur distract okara</t>
  </si>
  <si>
    <t>Tasneem Munawar</t>
  </si>
  <si>
    <t>32011</t>
  </si>
  <si>
    <t>2417</t>
  </si>
  <si>
    <t>52857</t>
  </si>
  <si>
    <t>GMPS BAHRI PUR</t>
  </si>
  <si>
    <t>AMLI MOTI - FEMALE</t>
  </si>
  <si>
    <t>Bahripur</t>
  </si>
  <si>
    <t>bahripur village depalpur</t>
  </si>
  <si>
    <t>Daulapukhta</t>
  </si>
  <si>
    <t>Farhat Zahra</t>
  </si>
  <si>
    <t>52864</t>
  </si>
  <si>
    <t>GMPS 45 / D</t>
  </si>
  <si>
    <t>45/D</t>
  </si>
  <si>
    <t>45/D Tehsil Depalpur District Okara</t>
  </si>
  <si>
    <t>Sobha Ram</t>
  </si>
  <si>
    <t>Assia Bibi</t>
  </si>
  <si>
    <t>52903</t>
  </si>
  <si>
    <t>GMMS NAI ABADI TUGHRAIL</t>
  </si>
  <si>
    <t>Nai Abadi Tughril</t>
  </si>
  <si>
    <t>GMMS Nai Abadi Tughril Mandi Ahmed Abad Distt okara</t>
  </si>
  <si>
    <t>Mandi Ahmed Abad</t>
  </si>
  <si>
    <t>Muhammad Shahbaz</t>
  </si>
  <si>
    <t>14030</t>
  </si>
  <si>
    <t>52911</t>
  </si>
  <si>
    <t>GMMS CHAK NO. 22/D</t>
  </si>
  <si>
    <t>Chak NoNo22 D</t>
  </si>
  <si>
    <t>Gmms Chak no.22/D</t>
  </si>
  <si>
    <t>22D</t>
  </si>
  <si>
    <t>GMMS CHAK NO. 26/D</t>
  </si>
  <si>
    <t>26/D</t>
  </si>
  <si>
    <t>chak no 26/D</t>
  </si>
  <si>
    <t>Mustfabad</t>
  </si>
  <si>
    <t>17674</t>
  </si>
  <si>
    <t>12959</t>
  </si>
  <si>
    <t>52924</t>
  </si>
  <si>
    <t>GMMS CHISHTI NOU ABAD</t>
  </si>
  <si>
    <t>Chishti Nou Abad</t>
  </si>
  <si>
    <t>chishti Nou abad</t>
  </si>
  <si>
    <t>Klason Hameed</t>
  </si>
  <si>
    <t>Muhammad Iqbal Anjum</t>
  </si>
  <si>
    <t>52942</t>
  </si>
  <si>
    <t>GMMS QALI FOJIAN WALI</t>
  </si>
  <si>
    <t>QALI FOJIAN WALI</t>
  </si>
  <si>
    <t>QALLI FOJIAN WALI TEHSIL DEPALPUR DISTRICT OKARA</t>
  </si>
  <si>
    <t>Mahnat Darshan</t>
  </si>
  <si>
    <t>13384</t>
  </si>
  <si>
    <t>52959</t>
  </si>
  <si>
    <t>GMMS CHANGA</t>
  </si>
  <si>
    <t>Changa</t>
  </si>
  <si>
    <t>moza changa</t>
  </si>
  <si>
    <t>Dharmywala</t>
  </si>
  <si>
    <t>M shahid</t>
  </si>
  <si>
    <t>52987</t>
  </si>
  <si>
    <t>GGES KALASSAN PARAMAL(Under NGO)</t>
  </si>
  <si>
    <t>Kalassan Paramal</t>
  </si>
  <si>
    <t>GGES Kalassan paramal</t>
  </si>
  <si>
    <t>Fouzia Kiran</t>
  </si>
  <si>
    <t>53022</t>
  </si>
  <si>
    <t>GGPS CHAK NO. 27 D</t>
  </si>
  <si>
    <t>27 D</t>
  </si>
  <si>
    <t>chak no 27 D</t>
  </si>
  <si>
    <t>Sadia Baqir</t>
  </si>
  <si>
    <t>12481</t>
  </si>
  <si>
    <t>12055</t>
  </si>
  <si>
    <t>39902</t>
  </si>
  <si>
    <t>10480</t>
  </si>
  <si>
    <t>54710</t>
  </si>
  <si>
    <t>GGPS AJJA BHUTTA</t>
  </si>
  <si>
    <t>FAREED KOT -FEMALE</t>
  </si>
  <si>
    <t>Ajja Bhutta</t>
  </si>
  <si>
    <t>ajja bhutta</t>
  </si>
  <si>
    <t>Tanzeela Munir</t>
  </si>
  <si>
    <t>GHSS ISLAMIA NEW CAMPUS</t>
  </si>
  <si>
    <t>Faisal Abad road Okara</t>
  </si>
  <si>
    <t>MUHAMMAD RIAZ QAMAR</t>
  </si>
  <si>
    <t>53047</t>
  </si>
  <si>
    <t>GHS 34 GD</t>
  </si>
  <si>
    <t>Chak 34/GD, Okara</t>
  </si>
  <si>
    <t>34/GD</t>
  </si>
  <si>
    <t>MUHAMMAD JAWED IQBAL BHATTI</t>
  </si>
  <si>
    <t>11551</t>
  </si>
  <si>
    <t>4767</t>
  </si>
  <si>
    <t>45460</t>
  </si>
  <si>
    <t>GPS KABIR WALA PO SARWAR ABAD</t>
  </si>
  <si>
    <t>ANAR SHAH- MALE</t>
  </si>
  <si>
    <t>Dagar Awan Gharbi</t>
  </si>
  <si>
    <t>chah kabirwala u/c wagwarah tehsil darya khan district bhakkar</t>
  </si>
  <si>
    <t>Wagwarah</t>
  </si>
  <si>
    <t>Irfan Mehmood</t>
  </si>
  <si>
    <t>45465</t>
  </si>
  <si>
    <t>GPS DAGGAR QURESHI</t>
  </si>
  <si>
    <t>GPS Daggar Qureshi</t>
  </si>
  <si>
    <t>yousaf khoh</t>
  </si>
  <si>
    <t>Atta-ul-Hassan</t>
  </si>
  <si>
    <t>GGPS JHAMAT JANUBI NO 1</t>
  </si>
  <si>
    <t>DULLEY WALA - FEMALE</t>
  </si>
  <si>
    <t>jhmat janobi duly wala</t>
  </si>
  <si>
    <t>JhmatJanobi 1</t>
  </si>
  <si>
    <t>Jhmat Shumali</t>
  </si>
  <si>
    <t>RABIA MUBEEN</t>
  </si>
  <si>
    <t>45581</t>
  </si>
  <si>
    <t>GGPS KHICHI GANJAN WALA</t>
  </si>
  <si>
    <t>DAGGAR QURESHI - FEMALE</t>
  </si>
  <si>
    <t>16 Tda</t>
  </si>
  <si>
    <t>khichi ganjan wala</t>
  </si>
  <si>
    <t>Khichi Ganjan Wala</t>
  </si>
  <si>
    <t>Daggar Wahgwara</t>
  </si>
  <si>
    <t>Firdaus Sultana</t>
  </si>
  <si>
    <t>7264</t>
  </si>
  <si>
    <t>45612</t>
  </si>
  <si>
    <t>GGPS BUDHE WALA</t>
  </si>
  <si>
    <t>Panjgirain Dogar</t>
  </si>
  <si>
    <t>ggps budhewala post office panjgirain Tehsil darya Khan district bhakkar</t>
  </si>
  <si>
    <t>Budhewala</t>
  </si>
  <si>
    <t>Panjgirain</t>
  </si>
  <si>
    <t>Gulzar Fatima</t>
  </si>
  <si>
    <t>water color</t>
  </si>
  <si>
    <t>45753</t>
  </si>
  <si>
    <t>GPS MANGOOR</t>
  </si>
  <si>
    <t>KHUSHAB (SOUTH) (MALE)</t>
  </si>
  <si>
    <t>Kurpalka</t>
  </si>
  <si>
    <t>governament primary school mangoor</t>
  </si>
  <si>
    <t>Muhammad  Azam</t>
  </si>
  <si>
    <t>GPS SHAH AJMAL GIROTE</t>
  </si>
  <si>
    <t>MITHA TIWANA (EAST) (MALE)</t>
  </si>
  <si>
    <t>village shahajmal p/o Girot</t>
  </si>
  <si>
    <t>Shahajmal</t>
  </si>
  <si>
    <t>Girot</t>
  </si>
  <si>
    <t>Anas Mahmood</t>
  </si>
  <si>
    <t>4118</t>
  </si>
  <si>
    <t>45810</t>
  </si>
  <si>
    <t>GPS AL MURTAZA RAJAR</t>
  </si>
  <si>
    <t>KHUSHAB (NORTH) (MALE)</t>
  </si>
  <si>
    <t>RAJAR</t>
  </si>
  <si>
    <t>Village post office RAJAR Distt and Tehsil Khushab</t>
  </si>
  <si>
    <t>Taloker</t>
  </si>
  <si>
    <t>12819</t>
  </si>
  <si>
    <t>40009</t>
  </si>
  <si>
    <t>27190</t>
  </si>
  <si>
    <t>45829</t>
  </si>
  <si>
    <t>GPS DERA MIAN KHAN TALOKAR</t>
  </si>
  <si>
    <t>Talokar Janobi</t>
  </si>
  <si>
    <t>Post office kurar village Talokar 03075265149</t>
  </si>
  <si>
    <t>46624</t>
  </si>
  <si>
    <t>45831</t>
  </si>
  <si>
    <t>GPS DERA WARIS</t>
  </si>
  <si>
    <t>KATHA SAGRAL (SOUTH) (MALE)</t>
  </si>
  <si>
    <t>Dera Waris Daiwal</t>
  </si>
  <si>
    <t>mountain</t>
  </si>
  <si>
    <t>29114</t>
  </si>
  <si>
    <t>45838</t>
  </si>
  <si>
    <t>GPS FAZAL HAQ KALRI KHUSHAB</t>
  </si>
  <si>
    <t>KATHA SAGRAL (WEST) (MALE)</t>
  </si>
  <si>
    <t>GPS Fazal Haq Kalri</t>
  </si>
  <si>
    <t>Muhammad Usman Farooq</t>
  </si>
  <si>
    <t>45843</t>
  </si>
  <si>
    <t>GPS KUPPER</t>
  </si>
  <si>
    <t>dhok mirzail padhrar</t>
  </si>
  <si>
    <t>24411</t>
  </si>
  <si>
    <t>45882</t>
  </si>
  <si>
    <t>GPS NO. 1 MITHA TIWANA</t>
  </si>
  <si>
    <t>MITHA TIWANA (SADAR) (MALE)</t>
  </si>
  <si>
    <t>MITHA TIWANA</t>
  </si>
  <si>
    <t>Najmi Chok Mitha Tiwana</t>
  </si>
  <si>
    <t>MC Mitha Tiwana</t>
  </si>
  <si>
    <t>RaoMuhammad Khalid</t>
  </si>
  <si>
    <t>35954</t>
  </si>
  <si>
    <t>39652</t>
  </si>
  <si>
    <t>45891</t>
  </si>
  <si>
    <t>GPS SULTAN PUR ANGRA</t>
  </si>
  <si>
    <t>Sultan Pur Angra</t>
  </si>
  <si>
    <t>sultanpur angra</t>
  </si>
  <si>
    <t>Mc Hadali</t>
  </si>
  <si>
    <t>Ali Nawaz</t>
  </si>
  <si>
    <t>12649</t>
  </si>
  <si>
    <t>27530</t>
  </si>
  <si>
    <t>GPS DERA TIWANA WALA</t>
  </si>
  <si>
    <t>post office bijar tehsil/district khushab.</t>
  </si>
  <si>
    <t>15013</t>
  </si>
  <si>
    <t>45911</t>
  </si>
  <si>
    <t>GGPS DILDAR HUSSAIN BALOUCH</t>
  </si>
  <si>
    <t>mohallah imran abad khushab</t>
  </si>
  <si>
    <t>19538</t>
  </si>
  <si>
    <t>45926</t>
  </si>
  <si>
    <t>GMPS AHEER COLONY</t>
  </si>
  <si>
    <t>Govt M PS Aheer  colony jauharabad</t>
  </si>
  <si>
    <t>Ismat Khatoon</t>
  </si>
  <si>
    <t>GGPS GHOUS PUR</t>
  </si>
  <si>
    <t>GIROTE (FEMALE)</t>
  </si>
  <si>
    <t>village ghouspur p.o wattoo teh &amp; distt khushab</t>
  </si>
  <si>
    <t>Luckoo</t>
  </si>
  <si>
    <t>Ummay Rubab</t>
  </si>
  <si>
    <t>36488</t>
  </si>
  <si>
    <t>45969</t>
  </si>
  <si>
    <t>GGPS SHAH AJMAL GIROTE</t>
  </si>
  <si>
    <t>Shah Ajmal</t>
  </si>
  <si>
    <t>village ShahAjmal Ajmal post office girote thsil district khb</t>
  </si>
  <si>
    <t>5117</t>
  </si>
  <si>
    <t>GGPS DERA LUNDOO</t>
  </si>
  <si>
    <t>NOOR WANA (FEMALE)</t>
  </si>
  <si>
    <t>dera lundoo Nalli</t>
  </si>
  <si>
    <t>Tahira Zainab</t>
  </si>
  <si>
    <t>46020</t>
  </si>
  <si>
    <t>GGPS DERA SAMOOTA</t>
  </si>
  <si>
    <t>Samota</t>
  </si>
  <si>
    <t>g,girls primary school dera samota</t>
  </si>
  <si>
    <t>Ambreen Akhtar</t>
  </si>
  <si>
    <t>26472</t>
  </si>
  <si>
    <t>GGPS KOTLI RAJGAN</t>
  </si>
  <si>
    <t>Kotli Rajgan</t>
  </si>
  <si>
    <t>kotli Rajgan</t>
  </si>
  <si>
    <t>Sana Yasmin</t>
  </si>
  <si>
    <t>15036</t>
  </si>
  <si>
    <t>4321</t>
  </si>
  <si>
    <t>46065</t>
  </si>
  <si>
    <t>GHS JALAL PUR SAYEDAN</t>
  </si>
  <si>
    <t>Jalal Pur Syedan</t>
  </si>
  <si>
    <t>village jalalpur syedan</t>
  </si>
  <si>
    <t>Jalalpur Syedan</t>
  </si>
  <si>
    <t>Homoka</t>
  </si>
  <si>
    <t>46101</t>
  </si>
  <si>
    <t>GGHS CHAK NO. 45-AMB</t>
  </si>
  <si>
    <t>45amb</t>
  </si>
  <si>
    <t>Azam colony 45amb jauharabad district khushab</t>
  </si>
  <si>
    <t>51mb</t>
  </si>
  <si>
    <t>10719</t>
  </si>
  <si>
    <t>46151</t>
  </si>
  <si>
    <t>GHS TALOKAR</t>
  </si>
  <si>
    <t>GHS Talokar</t>
  </si>
  <si>
    <t>Muzzammil Mukhtar</t>
  </si>
  <si>
    <t>46217</t>
  </si>
  <si>
    <t>GPS GOLAY WALA</t>
  </si>
  <si>
    <t>NOOR PUR (EAST) (MALE)</t>
  </si>
  <si>
    <t>Peelo Wains</t>
  </si>
  <si>
    <t>46227</t>
  </si>
  <si>
    <t>GPS MITHA KHAN</t>
  </si>
  <si>
    <t>pelowaince</t>
  </si>
  <si>
    <t>GPS Mitha Khan pelowaince</t>
  </si>
  <si>
    <t>16243</t>
  </si>
  <si>
    <t>4154</t>
  </si>
  <si>
    <t>46238</t>
  </si>
  <si>
    <t>GPS RAKH PELOWAINCE</t>
  </si>
  <si>
    <t>BILAND (MALE)</t>
  </si>
  <si>
    <t>Rakh Pelowaince</t>
  </si>
  <si>
    <t>govt primary school rakh pelowaince</t>
  </si>
  <si>
    <t>Biland</t>
  </si>
  <si>
    <t>MUHAMMAD ABDUL GHAFFAR</t>
  </si>
  <si>
    <t>34594</t>
  </si>
  <si>
    <t>46331</t>
  </si>
  <si>
    <t>GGPS DERA ALLAH DITTA ADHI KOT</t>
  </si>
  <si>
    <t>NOOR PUR (NORTH) (FEMALE)</t>
  </si>
  <si>
    <t>Adhikot</t>
  </si>
  <si>
    <t>dera allah ditta adhikot nur pur thal</t>
  </si>
  <si>
    <t>Dera Allah Ditta Adhikot</t>
  </si>
  <si>
    <t>Saleem Akhtar</t>
  </si>
  <si>
    <t>35904</t>
  </si>
  <si>
    <t>44323</t>
  </si>
  <si>
    <t>46335</t>
  </si>
  <si>
    <t>GGPS DERA MUHAMMAD ALI WALA</t>
  </si>
  <si>
    <t>Mohammad Ali Wala</t>
  </si>
  <si>
    <t>Dera Mohammad Ali wala pelowains</t>
  </si>
  <si>
    <t>Pelowains</t>
  </si>
  <si>
    <t>Mussarat Hassan</t>
  </si>
  <si>
    <t>41997</t>
  </si>
  <si>
    <t>10548</t>
  </si>
  <si>
    <t>46341</t>
  </si>
  <si>
    <t>GGPS KHUDA YAR WALA</t>
  </si>
  <si>
    <t>peelowains</t>
  </si>
  <si>
    <t>46351</t>
  </si>
  <si>
    <t>GGPS ZAHID JASRA</t>
  </si>
  <si>
    <t>Vpo peelowains teh  norpor thall dist khushab</t>
  </si>
  <si>
    <t>Khadija Khatoon</t>
  </si>
  <si>
    <t>34094</t>
  </si>
  <si>
    <t>GHS PELOWAINCE</t>
  </si>
  <si>
    <t>PELOWAINCE</t>
  </si>
  <si>
    <t>348480</t>
  </si>
  <si>
    <t>46404</t>
  </si>
  <si>
    <t>GGHS ADHI KOT</t>
  </si>
  <si>
    <t>gghs adhikot</t>
  </si>
  <si>
    <t>shaheen akhter</t>
  </si>
  <si>
    <t>10397</t>
  </si>
  <si>
    <t>water on own arrangements</t>
  </si>
  <si>
    <t>29488</t>
  </si>
  <si>
    <t>GHSS ADHI KOT</t>
  </si>
  <si>
    <t>BILAL ABDUL SAMI</t>
  </si>
  <si>
    <t>2.04188e+006</t>
  </si>
  <si>
    <t>SELF Arrangement</t>
  </si>
  <si>
    <t>10491</t>
  </si>
  <si>
    <t>46427</t>
  </si>
  <si>
    <t>GPS KHARAY KHAIL</t>
  </si>
  <si>
    <t>GUNJIAL SHUMALI  SHUMALI</t>
  </si>
  <si>
    <t>DERA KHARAY KHAIL GUNJIAL SHUMALI TEH QUAIDABAD DISTT KHUSHAB</t>
  </si>
  <si>
    <t>KHARAY KHAIL</t>
  </si>
  <si>
    <t>GUNJIAL SHUMALI</t>
  </si>
  <si>
    <t>45449</t>
  </si>
  <si>
    <t>4183</t>
  </si>
  <si>
    <t>46439</t>
  </si>
  <si>
    <t>GPS LARI ADDA OKHLI MOHLA</t>
  </si>
  <si>
    <t>OKHLI MOHLA (MALE)</t>
  </si>
  <si>
    <t>OKHLI MOHLA</t>
  </si>
  <si>
    <t>GPS LARRI ADDA OKHLI MOHLA</t>
  </si>
  <si>
    <t>Ghulam Muhammad Safdar</t>
  </si>
  <si>
    <t>3739</t>
  </si>
  <si>
    <t>32779</t>
  </si>
  <si>
    <t>46443</t>
  </si>
  <si>
    <t>GPS CHAK BADDO WAL</t>
  </si>
  <si>
    <t>Dubukra</t>
  </si>
  <si>
    <t>Po Warcha teh Quaid abad distribution. Khushab</t>
  </si>
  <si>
    <t>Warcha</t>
  </si>
  <si>
    <t>Hamid Sarfraz</t>
  </si>
  <si>
    <t>pond</t>
  </si>
  <si>
    <t>GPS CHAK NO. 34/DB</t>
  </si>
  <si>
    <t>34 DB</t>
  </si>
  <si>
    <t>chak no 34 D.B tehsil Quaidabad District  khushab</t>
  </si>
  <si>
    <t>Chak 34 DB</t>
  </si>
  <si>
    <t>48940</t>
  </si>
  <si>
    <t>28423</t>
  </si>
  <si>
    <t>46482</t>
  </si>
  <si>
    <t>GPS RAILWAY STATION QUAIDABAD</t>
  </si>
  <si>
    <t>Quaid Abad</t>
  </si>
  <si>
    <t>GPS Railway Satation Quaidabad Teh Quaidabad Dist Khushab</t>
  </si>
  <si>
    <t>Mc Quaid Abad</t>
  </si>
  <si>
    <t>GHULAM NABI</t>
  </si>
  <si>
    <t>20633</t>
  </si>
  <si>
    <t>46495</t>
  </si>
  <si>
    <t>GPS CHAK NO. 14 MB</t>
  </si>
  <si>
    <t>Chak 14 MB</t>
  </si>
  <si>
    <t>chak no 14 MB tehsil  Quaidabad district khushab</t>
  </si>
  <si>
    <t>Tariq Javed Khan</t>
  </si>
  <si>
    <t>15114</t>
  </si>
  <si>
    <t>46497</t>
  </si>
  <si>
    <t>GES DOST MUHAMMAD CHAK NO. 22 MB</t>
  </si>
  <si>
    <t>Chak No 22 MB</t>
  </si>
  <si>
    <t>Chak no 22 MB tehsil Quaidabad District Khushab</t>
  </si>
  <si>
    <t>Wali Ur Rehman</t>
  </si>
  <si>
    <t>7353</t>
  </si>
  <si>
    <t>48680</t>
  </si>
  <si>
    <t>GPS PIDRAN WALA</t>
  </si>
  <si>
    <t>GPS Pidranwala Okhli Mohla Tehsil Quaidabad District Khushab</t>
  </si>
  <si>
    <t>Ahmed Yar</t>
  </si>
  <si>
    <t>28848</t>
  </si>
  <si>
    <t>4173</t>
  </si>
  <si>
    <t>46545</t>
  </si>
  <si>
    <t>GGPS GUNJIAL</t>
  </si>
  <si>
    <t>QUAIDABAD CITY (FEMALE)</t>
  </si>
  <si>
    <t>Gunjial Janubi</t>
  </si>
  <si>
    <t>46564</t>
  </si>
  <si>
    <t>GGPS CHAK NO 21 MB</t>
  </si>
  <si>
    <t>21 Mb</t>
  </si>
  <si>
    <t>post office 22 mb</t>
  </si>
  <si>
    <t>Kulsoom Shahnawaz</t>
  </si>
  <si>
    <t>46581</t>
  </si>
  <si>
    <t>GES CHAK 8 MB</t>
  </si>
  <si>
    <t>Chak 6 MB</t>
  </si>
  <si>
    <t>P/O 8 MB Tehsil Quaidabad District Khushab</t>
  </si>
  <si>
    <t>Chak 8 MB</t>
  </si>
  <si>
    <t>44661</t>
  </si>
  <si>
    <t>46598</t>
  </si>
  <si>
    <t>GGES CHAK NO. 25 MB</t>
  </si>
  <si>
    <t>25 Mb</t>
  </si>
  <si>
    <t>teh quaidabad dist khushab</t>
  </si>
  <si>
    <t>Sidra Latif</t>
  </si>
  <si>
    <t>38140</t>
  </si>
  <si>
    <t>46007</t>
  </si>
  <si>
    <t>GGPS SODHI BALA</t>
  </si>
  <si>
    <t>NOUSHERA (FEMALE)</t>
  </si>
  <si>
    <t>HarDo Sodhi</t>
  </si>
  <si>
    <t>village and post office Sochi bala</t>
  </si>
  <si>
    <t>Sodhi bala</t>
  </si>
  <si>
    <t>Irum Ahmed</t>
  </si>
  <si>
    <t>2608</t>
  </si>
  <si>
    <t>46162</t>
  </si>
  <si>
    <t>GGHS KHABEKI</t>
  </si>
  <si>
    <t>Khabeki</t>
  </si>
  <si>
    <t>vpo khabeki</t>
  </si>
  <si>
    <t>GHS AWANAN WALA</t>
  </si>
  <si>
    <t>Kallur</t>
  </si>
  <si>
    <t>govt.high school awanan wala isa khel</t>
  </si>
  <si>
    <t>Awanan wala</t>
  </si>
  <si>
    <t>kallur</t>
  </si>
  <si>
    <t>Muhammad ismail</t>
  </si>
  <si>
    <t>103415</t>
  </si>
  <si>
    <t>46644</t>
  </si>
  <si>
    <t>GHS TOLA MANGALI</t>
  </si>
  <si>
    <t>TOLA MANGALI</t>
  </si>
  <si>
    <t>GOVT.HAMID SAIF SHAHEED H/S TOLA MANGALI MIANWALI</t>
  </si>
  <si>
    <t>KOT CHANDANA</t>
  </si>
  <si>
    <t>sajid ur rehman</t>
  </si>
  <si>
    <t>19194</t>
  </si>
  <si>
    <t>46652</t>
  </si>
  <si>
    <t>GES KOT CHANDNA</t>
  </si>
  <si>
    <t>kotchandna</t>
  </si>
  <si>
    <t>p/o kalabagh tehsil isa khel district mianwali</t>
  </si>
  <si>
    <t>Nisar Ahmed Khan</t>
  </si>
  <si>
    <t>7214</t>
  </si>
  <si>
    <t>46659</t>
  </si>
  <si>
    <t>GHS MITHA KHATAK</t>
  </si>
  <si>
    <t>mitha khattak</t>
  </si>
  <si>
    <t>Village mitha khattak</t>
  </si>
  <si>
    <t>kalluan wala</t>
  </si>
  <si>
    <t>ashfaq khan</t>
  </si>
  <si>
    <t>46681</t>
  </si>
  <si>
    <t>GPS SHEIKH FEROZ WALA</t>
  </si>
  <si>
    <t>Bhor Shareef</t>
  </si>
  <si>
    <t>Sheikh Feroz wala Po Awana Wala Teh Esakhel District Mianwali</t>
  </si>
  <si>
    <t>Sheikh Feroz wala</t>
  </si>
  <si>
    <t>Khaglan Wala</t>
  </si>
  <si>
    <t>Haseeb Ur Rehman Hashmi</t>
  </si>
  <si>
    <t>Marsibal Pump</t>
  </si>
  <si>
    <t>4510</t>
  </si>
  <si>
    <t>46707</t>
  </si>
  <si>
    <t>GPS PITTHO</t>
  </si>
  <si>
    <t>TABBI SAR-MALE</t>
  </si>
  <si>
    <t>Gps Pitho Markaz Tabbi Sar</t>
  </si>
  <si>
    <t>Pitho</t>
  </si>
  <si>
    <t>Tabbi Sar</t>
  </si>
  <si>
    <t>gravity system</t>
  </si>
  <si>
    <t>4394</t>
  </si>
  <si>
    <t>GPS VISORE</t>
  </si>
  <si>
    <t>Lundi Bangi Khel</t>
  </si>
  <si>
    <t>GPS visore</t>
  </si>
  <si>
    <t>Visore</t>
  </si>
  <si>
    <t>Muhammad Faiz Ullah Shah</t>
  </si>
  <si>
    <t>43014</t>
  </si>
  <si>
    <t>GPS VERNAY</t>
  </si>
  <si>
    <t>Pos Bangikhel Sherki</t>
  </si>
  <si>
    <t>Gps vernay markaz borh khoi Teh Esa khel dist Mianwali</t>
  </si>
  <si>
    <t>Vernay</t>
  </si>
  <si>
    <t>Tabisar</t>
  </si>
  <si>
    <t>18653</t>
  </si>
  <si>
    <t>46725</t>
  </si>
  <si>
    <t>GPS ASHGHARI</t>
  </si>
  <si>
    <t>Pos Bhangi Khel</t>
  </si>
  <si>
    <t>P/O kala bagh, vill, Ashghari, Teh Esa Khel , Distt Mianwali</t>
  </si>
  <si>
    <t>Ashghari</t>
  </si>
  <si>
    <t>Muhammad Zohaib Khan</t>
  </si>
  <si>
    <t>21854</t>
  </si>
  <si>
    <t>46726</t>
  </si>
  <si>
    <t>GPS KAYAKI</t>
  </si>
  <si>
    <t>TABBISAR</t>
  </si>
  <si>
    <t>kayaki village tabbi Sar tehsil isa khel disst mianwali</t>
  </si>
  <si>
    <t>Kayaki</t>
  </si>
  <si>
    <t>Tabbisar</t>
  </si>
  <si>
    <t>Ikram Abbas</t>
  </si>
  <si>
    <t>36788</t>
  </si>
  <si>
    <t>30957</t>
  </si>
  <si>
    <t>GPS GUL KHAN WALA</t>
  </si>
  <si>
    <t>Kotki Beruni</t>
  </si>
  <si>
    <t>wandha Gul Khan Wala p o kotki beruni</t>
  </si>
  <si>
    <t>Wandha Gul Khan Wala</t>
  </si>
  <si>
    <t>Sadiq Rasool</t>
  </si>
  <si>
    <t>53050</t>
  </si>
  <si>
    <t>GHS LASHARI</t>
  </si>
  <si>
    <t>moza lashari tehsil and district okara</t>
  </si>
  <si>
    <t>Rizwan Saeed</t>
  </si>
  <si>
    <t>40118</t>
  </si>
  <si>
    <t>53054</t>
  </si>
  <si>
    <t>GHS 7/4-L OKARA</t>
  </si>
  <si>
    <t>Chak No 7/4-L</t>
  </si>
  <si>
    <t>Chak no. 7/4-L Okara</t>
  </si>
  <si>
    <t>7/4-L</t>
  </si>
  <si>
    <t>46722</t>
  </si>
  <si>
    <t>GHS CHAK NO. 52/2-L OKARA</t>
  </si>
  <si>
    <t>CHAK # 52/2-L POST OFFICE KHAS TEHSIL &amp; DISTRICT Okara</t>
  </si>
  <si>
    <t>CHAK # 52/2-L POST OFFICE KHAS TEHSIL &amp; DISTRICT O</t>
  </si>
  <si>
    <t>chak no 52/2-L</t>
  </si>
  <si>
    <t>Ghulam Ali</t>
  </si>
  <si>
    <t>26351</t>
  </si>
  <si>
    <t>42078</t>
  </si>
  <si>
    <t>53064</t>
  </si>
  <si>
    <t>GHS AKBAR</t>
  </si>
  <si>
    <t>Mouza akbar okara</t>
  </si>
  <si>
    <t>Mouza akbar</t>
  </si>
  <si>
    <t>UMAR HAYAT FAIZ</t>
  </si>
  <si>
    <t>53076</t>
  </si>
  <si>
    <t>GGHS 40-3R OKARA</t>
  </si>
  <si>
    <t>40/3r</t>
  </si>
  <si>
    <t>chak 40/3r okara</t>
  </si>
  <si>
    <t>39/3r</t>
  </si>
  <si>
    <t>23044</t>
  </si>
  <si>
    <t>GGHS SADAR GOGERA</t>
  </si>
  <si>
    <t>sadar gogera</t>
  </si>
  <si>
    <t>Gogra</t>
  </si>
  <si>
    <t>Shazia Latif</t>
  </si>
  <si>
    <t>21459</t>
  </si>
  <si>
    <t>19608</t>
  </si>
  <si>
    <t>53103</t>
  </si>
  <si>
    <t>GHS CHAK 48 3R</t>
  </si>
  <si>
    <t>Chak No. 48/3-R Okara</t>
  </si>
  <si>
    <t>Chak No. 48/3-R</t>
  </si>
  <si>
    <t>Akram Raza</t>
  </si>
  <si>
    <t>53121</t>
  </si>
  <si>
    <t>GGHS CHAK NO.4 4L</t>
  </si>
  <si>
    <t>chak no 4/4-L Okara</t>
  </si>
  <si>
    <t>GGHS 4/4-L, Okara</t>
  </si>
  <si>
    <t>4/4-L Military Farm Okara</t>
  </si>
  <si>
    <t>Dur-e-Shahwar</t>
  </si>
  <si>
    <t>53134</t>
  </si>
  <si>
    <t>GGHS KOHLA</t>
  </si>
  <si>
    <t>GGHS KOHLA TEH DISTT OKARA</t>
  </si>
  <si>
    <t>KISHWER NASREEN</t>
  </si>
  <si>
    <t>53214</t>
  </si>
  <si>
    <t>GPS CHAK  22/4-L</t>
  </si>
  <si>
    <t>22/4L</t>
  </si>
  <si>
    <t>chak 22/4L</t>
  </si>
  <si>
    <t>22/4l</t>
  </si>
  <si>
    <t>36A 4L</t>
  </si>
  <si>
    <t>Wazir Hussain</t>
  </si>
  <si>
    <t>11651</t>
  </si>
  <si>
    <t>GES CHAK 43/4-L</t>
  </si>
  <si>
    <t>43/4L</t>
  </si>
  <si>
    <t>Chak #43/4L Okara</t>
  </si>
  <si>
    <t>40A/4L</t>
  </si>
  <si>
    <t>Abdul Wahab</t>
  </si>
  <si>
    <t>637560</t>
  </si>
  <si>
    <t>53327</t>
  </si>
  <si>
    <t>GGES JAMIA MADNIA</t>
  </si>
  <si>
    <t>Allama Iqbal Road</t>
  </si>
  <si>
    <t>Allama Iqbal road okara</t>
  </si>
  <si>
    <t>Sheikh Basti Okara</t>
  </si>
  <si>
    <t>Okara City  6</t>
  </si>
  <si>
    <t>23499</t>
  </si>
  <si>
    <t>29660</t>
  </si>
  <si>
    <t>53332</t>
  </si>
  <si>
    <t>GPS CHAK NO.14/1-R</t>
  </si>
  <si>
    <t>JABOOKA - MALE</t>
  </si>
  <si>
    <t>GPS 14/1R</t>
  </si>
  <si>
    <t>14/1R</t>
  </si>
  <si>
    <t>15/1 R</t>
  </si>
  <si>
    <t>53341</t>
  </si>
  <si>
    <t>GMPS 30/G.D</t>
  </si>
  <si>
    <t>RAVI-FEMALE</t>
  </si>
  <si>
    <t>30 GD</t>
  </si>
  <si>
    <t>30/GD Okara</t>
  </si>
  <si>
    <t>30  GD</t>
  </si>
  <si>
    <t>Sheikh Sharif</t>
  </si>
  <si>
    <t>Ghulam Mohyyud Din</t>
  </si>
  <si>
    <t>22427</t>
  </si>
  <si>
    <t>53346</t>
  </si>
  <si>
    <t>GMPS GASHKORI ARAIAN</t>
  </si>
  <si>
    <t>Gashkori</t>
  </si>
  <si>
    <t>govt Model Primary School Gashkori Arian Okara</t>
  </si>
  <si>
    <t>Gashkori Arian</t>
  </si>
  <si>
    <t>Zakhera Gashkori</t>
  </si>
  <si>
    <t>humaira munir</t>
  </si>
  <si>
    <t>25556</t>
  </si>
  <si>
    <t>49580</t>
  </si>
  <si>
    <t>53357</t>
  </si>
  <si>
    <t>GGPS DELO WATTO (RIAZ ABAD)</t>
  </si>
  <si>
    <t>Dillo Watto</t>
  </si>
  <si>
    <t>Nadia Mehwish</t>
  </si>
  <si>
    <t>15423</t>
  </si>
  <si>
    <t>12692</t>
  </si>
  <si>
    <t>53377</t>
  </si>
  <si>
    <t>GGPS 33/G.D</t>
  </si>
  <si>
    <t>33gd sadar gogera okara</t>
  </si>
  <si>
    <t>33gd</t>
  </si>
  <si>
    <t>34gd</t>
  </si>
  <si>
    <t>23598</t>
  </si>
  <si>
    <t>53381</t>
  </si>
  <si>
    <t>GGPS 31/G.D</t>
  </si>
  <si>
    <t>34 Gd</t>
  </si>
  <si>
    <t>31GD,Okara</t>
  </si>
  <si>
    <t>31 Gd</t>
  </si>
  <si>
    <t>Zanib</t>
  </si>
  <si>
    <t>53384</t>
  </si>
  <si>
    <t>GMPS HAMLANIA</t>
  </si>
  <si>
    <t>Hamlanian</t>
  </si>
  <si>
    <t>Mouza Hamlanian P/O sadar gogera Okara</t>
  </si>
  <si>
    <t>Bahadur Nagar Farm</t>
  </si>
  <si>
    <t>Zohray Khan</t>
  </si>
  <si>
    <t>25960</t>
  </si>
  <si>
    <t>25917</t>
  </si>
  <si>
    <t>53438</t>
  </si>
  <si>
    <t>GGPS 23/4.L</t>
  </si>
  <si>
    <t>23/4l</t>
  </si>
  <si>
    <t>chak 23./4l</t>
  </si>
  <si>
    <t>31/4L</t>
  </si>
  <si>
    <t>Amna Khanum</t>
  </si>
  <si>
    <t>49441</t>
  </si>
  <si>
    <t>34825</t>
  </si>
  <si>
    <t>53448</t>
  </si>
  <si>
    <t>GGPS FAISAL MEHMOOD COLONY</t>
  </si>
  <si>
    <t>Fasialmehmood C</t>
  </si>
  <si>
    <t>St#8 Faisal mehmood colony  Okara</t>
  </si>
  <si>
    <t>48698</t>
  </si>
  <si>
    <t>44470</t>
  </si>
  <si>
    <t>GGPS CHAK NO.11/GD BUDHAY WALA</t>
  </si>
  <si>
    <t>GGPS 11/GD BUDDHAY WALA</t>
  </si>
  <si>
    <t>Chuck no 11/ gd Budget Wala</t>
  </si>
  <si>
    <t>11/Gd Budha Wala</t>
  </si>
  <si>
    <t>14/Gd</t>
  </si>
  <si>
    <t>Sajida Yousf</t>
  </si>
  <si>
    <t>17653</t>
  </si>
  <si>
    <t>26567</t>
  </si>
  <si>
    <t>53509</t>
  </si>
  <si>
    <t>GGPS CHAK JOOTA/TARIQ ABAD</t>
  </si>
  <si>
    <t>GGPS Tariq abad Joota</t>
  </si>
  <si>
    <t>Misbah Ul Haq</t>
  </si>
  <si>
    <t>4868</t>
  </si>
  <si>
    <t>53512</t>
  </si>
  <si>
    <t>GGPS SHERKAY ZAREEN</t>
  </si>
  <si>
    <t>Sher K Zaren</t>
  </si>
  <si>
    <t>sher k zaren</t>
  </si>
  <si>
    <t>Lasharian</t>
  </si>
  <si>
    <t>Kishwar Malik</t>
  </si>
  <si>
    <t>45729</t>
  </si>
  <si>
    <t>9174</t>
  </si>
  <si>
    <t>GGMPS THAKROO</t>
  </si>
  <si>
    <t>Sameej</t>
  </si>
  <si>
    <t>bastion thakro muzak sameej</t>
  </si>
  <si>
    <t>Thakro</t>
  </si>
  <si>
    <t>HAJIRA BIBI</t>
  </si>
  <si>
    <t>4603</t>
  </si>
  <si>
    <t>GGPS DAGHAY WAR</t>
  </si>
  <si>
    <t>MANKA-FEMALE</t>
  </si>
  <si>
    <t>Dhagaywar</t>
  </si>
  <si>
    <t>Govt Girls Primary School Daghay War</t>
  </si>
  <si>
    <t>47322</t>
  </si>
  <si>
    <t>9544</t>
  </si>
  <si>
    <t>GGPS NALDAF</t>
  </si>
  <si>
    <t>BARTI-FEMALE</t>
  </si>
  <si>
    <t>Nal Daf</t>
  </si>
  <si>
    <t>Village Nal daf p/o barthi trball area  d.g khan</t>
  </si>
  <si>
    <t>Sehrish Zafar</t>
  </si>
  <si>
    <t>GGPS NO. 2 MANGROTHA EAST</t>
  </si>
  <si>
    <t>Mangrotha East tehsil taunsa Sharif district dg khan</t>
  </si>
  <si>
    <t>shahnaz bano</t>
  </si>
  <si>
    <t>7723</t>
  </si>
  <si>
    <t>9556</t>
  </si>
  <si>
    <t>GGMPS THALAH THOKH</t>
  </si>
  <si>
    <t>Thala Thokh</t>
  </si>
  <si>
    <t>9561</t>
  </si>
  <si>
    <t>GGPS DOST MUHAMMAD BUZDAR</t>
  </si>
  <si>
    <t>dost muhammad fazla kach</t>
  </si>
  <si>
    <t>HAMEEDA BIBI</t>
  </si>
  <si>
    <t>GGPS GHILZA</t>
  </si>
  <si>
    <t>BEROTE-FEMALE</t>
  </si>
  <si>
    <t>Ghilza p/o litre tribal area DG khan.</t>
  </si>
  <si>
    <t>Ghilza</t>
  </si>
  <si>
    <t>MITHWAN</t>
  </si>
  <si>
    <t>natural spring</t>
  </si>
  <si>
    <t>4601</t>
  </si>
  <si>
    <t>GGPS ISPLANGI</t>
  </si>
  <si>
    <t>MITHWAN-FEMALE</t>
  </si>
  <si>
    <t>ISPALANGI</t>
  </si>
  <si>
    <t>ISPALANGI P/O VEHOVA</t>
  </si>
  <si>
    <t>khadeja baloch</t>
  </si>
  <si>
    <t>5214</t>
  </si>
  <si>
    <t>9564</t>
  </si>
  <si>
    <t>GPS JAYIANI</t>
  </si>
  <si>
    <t>SOKAR MALE</t>
  </si>
  <si>
    <t>Basti jyani</t>
  </si>
  <si>
    <t>Jyani</t>
  </si>
  <si>
    <t>water conection</t>
  </si>
  <si>
    <t>9565</t>
  </si>
  <si>
    <t>GGPS SIGH</t>
  </si>
  <si>
    <t>Sigh</t>
  </si>
  <si>
    <t>sigh po vehoa DG khan</t>
  </si>
  <si>
    <t>AMNA BIBI</t>
  </si>
  <si>
    <t>9566</t>
  </si>
  <si>
    <t>GGPS THALEEL</t>
  </si>
  <si>
    <t>THALEEL</t>
  </si>
  <si>
    <t>BASTI THALEEL</t>
  </si>
  <si>
    <t>MARYAM KHANUM</t>
  </si>
  <si>
    <t>GHS TAUNSA CITY</t>
  </si>
  <si>
    <t>Nizam Abad Near Judges Colony Taunsa Sharif</t>
  </si>
  <si>
    <t>Nizam Abad Taunsa</t>
  </si>
  <si>
    <t>URBAN TAUNSA</t>
  </si>
  <si>
    <t>51130</t>
  </si>
  <si>
    <t>53751</t>
  </si>
  <si>
    <t>GPS SARSAR THOKH</t>
  </si>
  <si>
    <t>SARBIL MALE</t>
  </si>
  <si>
    <t>Sakandi</t>
  </si>
  <si>
    <t>basti sakandi no2po barthi uc theakar</t>
  </si>
  <si>
    <t>Thekar</t>
  </si>
  <si>
    <t>nalka</t>
  </si>
  <si>
    <t>48428</t>
  </si>
  <si>
    <t>9572</t>
  </si>
  <si>
    <t>GGHS DAIRA SHAH</t>
  </si>
  <si>
    <t>basti daira shah tehsil taunsa distt. d.g.khan</t>
  </si>
  <si>
    <t>Daira Shah</t>
  </si>
  <si>
    <t>NIGHAT PARVEEN</t>
  </si>
  <si>
    <t>12637</t>
  </si>
  <si>
    <t>54119</t>
  </si>
  <si>
    <t>GGPS Basti Allah Bakhsh</t>
  </si>
  <si>
    <t>MENJHWAIL-FEMALE</t>
  </si>
  <si>
    <t>p/o kharar buzdar basti Allah bux</t>
  </si>
  <si>
    <t>Basti Allah Bakhash</t>
  </si>
  <si>
    <t>Safia Nawaz</t>
  </si>
  <si>
    <t>5241</t>
  </si>
  <si>
    <t>54121</t>
  </si>
  <si>
    <t>GPS Khangni</t>
  </si>
  <si>
    <t>MANJHVAIL MALE</t>
  </si>
  <si>
    <t>Hangloon Kach</t>
  </si>
  <si>
    <t>Basti kreemar</t>
  </si>
  <si>
    <t>Krimar</t>
  </si>
  <si>
    <t>MIUHAMMAD ANWAR</t>
  </si>
  <si>
    <t>54132</t>
  </si>
  <si>
    <t>GPS Hareen</t>
  </si>
  <si>
    <t>Para Gharbi</t>
  </si>
  <si>
    <t>barthi</t>
  </si>
  <si>
    <t>Hareen</t>
  </si>
  <si>
    <t>muhammad zeeshan</t>
  </si>
  <si>
    <t>GPS Basti Zubairi</t>
  </si>
  <si>
    <t>Bil Patra Gharbi</t>
  </si>
  <si>
    <t>basti Zubairi bil Patra gharbi kharrar buzdar taunsa d g Khan</t>
  </si>
  <si>
    <t>Basti Zubairi</t>
  </si>
  <si>
    <t>54133</t>
  </si>
  <si>
    <t>GGPS Basti Ghulam Mustafa</t>
  </si>
  <si>
    <t>MUBARKI-FEMALE</t>
  </si>
  <si>
    <t>basti ghulam Rasool uc mubarki</t>
  </si>
  <si>
    <t>Basti Ghulam Mustafa</t>
  </si>
  <si>
    <t>Shamim Kasur</t>
  </si>
  <si>
    <t>54122</t>
  </si>
  <si>
    <t>GGPS Basti Lal Khan</t>
  </si>
  <si>
    <t>Kharar</t>
  </si>
  <si>
    <t>basti lal muhammad kharar buzdar</t>
  </si>
  <si>
    <t>Basti Lal</t>
  </si>
  <si>
    <t>Mubarkhi</t>
  </si>
  <si>
    <t>Farkhanda Nazir Lalwani</t>
  </si>
  <si>
    <t>54128</t>
  </si>
  <si>
    <t>GGPS Din Muhammad</t>
  </si>
  <si>
    <t>Deen Muhammad</t>
  </si>
  <si>
    <t>shabnam parveen</t>
  </si>
  <si>
    <t>coolr</t>
  </si>
  <si>
    <t>54126</t>
  </si>
  <si>
    <t>GGMPS Basti Raheem Bakhsh</t>
  </si>
  <si>
    <t>Bilsharqi</t>
  </si>
  <si>
    <t>basti raheem bux kharar buzdar</t>
  </si>
  <si>
    <t>Basti Raheem Bux</t>
  </si>
  <si>
    <t>Nasreen Bibi</t>
  </si>
  <si>
    <t>water coolar</t>
  </si>
  <si>
    <t>54129</t>
  </si>
  <si>
    <t>GGPS Manjhyani</t>
  </si>
  <si>
    <t>basti majhyani</t>
  </si>
  <si>
    <t>Manjhyani</t>
  </si>
  <si>
    <t>Rizwana Ameer</t>
  </si>
  <si>
    <t>54123</t>
  </si>
  <si>
    <t>GGPS Basti Marbun Rafique</t>
  </si>
  <si>
    <t>basti Marbun rafiq kharar buzdar</t>
  </si>
  <si>
    <t>Mahjabeen Altaf</t>
  </si>
  <si>
    <t>water coolr</t>
  </si>
  <si>
    <t>54124</t>
  </si>
  <si>
    <t>GGPS Toor Khan</t>
  </si>
  <si>
    <t>basti Toor khan kharar</t>
  </si>
  <si>
    <t>Toor Khan</t>
  </si>
  <si>
    <t>Farwa Batool</t>
  </si>
  <si>
    <t>54120</t>
  </si>
  <si>
    <t>GGPS Wazir Khan</t>
  </si>
  <si>
    <t>Kharer Buzdar</t>
  </si>
  <si>
    <t>taunsa sharif</t>
  </si>
  <si>
    <t>Wazir Khan</t>
  </si>
  <si>
    <t>Tahira Abbas</t>
  </si>
  <si>
    <t>54135</t>
  </si>
  <si>
    <t>GGPS Hayat Muhammad</t>
  </si>
  <si>
    <t>khrar Buzdar tribal area DGKhan</t>
  </si>
  <si>
    <t>Khrar Buzdar</t>
  </si>
  <si>
    <t>Sundas Mustafa</t>
  </si>
  <si>
    <t>54131</t>
  </si>
  <si>
    <t>GGPS Basti Muhammad Ramzan</t>
  </si>
  <si>
    <t>basti m. ramzan</t>
  </si>
  <si>
    <t>Basti M Ramzan</t>
  </si>
  <si>
    <t>SHAZIA TAJ</t>
  </si>
  <si>
    <t>54930</t>
  </si>
  <si>
    <t>GPS DALLU</t>
  </si>
  <si>
    <t>Dallo</t>
  </si>
  <si>
    <t>Post ofifice barthi mauza dallo barthi shumali</t>
  </si>
  <si>
    <t>Abdul Rahim</t>
  </si>
  <si>
    <t>7706</t>
  </si>
  <si>
    <t>GES MARI WALA</t>
  </si>
  <si>
    <t>NAWAN JANUBI MALE</t>
  </si>
  <si>
    <t>Nawan Shumali</t>
  </si>
  <si>
    <t>mariwala nawan shumali markaz choti zareen</t>
  </si>
  <si>
    <t>Nawan Janubi</t>
  </si>
  <si>
    <t>7753</t>
  </si>
  <si>
    <t>GGES NO. 3 CHOTI ZAREEN</t>
  </si>
  <si>
    <t>CHOTI ZAREEN-FEMALE</t>
  </si>
  <si>
    <t>Mutafarak Chahan</t>
  </si>
  <si>
    <t>Tareeri Wala, Choti Zareen</t>
  </si>
  <si>
    <t>Raufa Yasmeen</t>
  </si>
  <si>
    <t>7823</t>
  </si>
  <si>
    <t>GPS BASTI BOHAR</t>
  </si>
  <si>
    <t>Darkhawst Jamal Khan</t>
  </si>
  <si>
    <t>darkhast jamal khan Basti Bohar</t>
  </si>
  <si>
    <t>Basti Bohar</t>
  </si>
  <si>
    <t>Darkhwast Jamal Khan Janobi</t>
  </si>
  <si>
    <t>GPS MOSA CHANAL</t>
  </si>
  <si>
    <t>CHOTI ZARIN MALE</t>
  </si>
  <si>
    <t>Chak Jogiani</t>
  </si>
  <si>
    <t>mosa chanal chak Jogiani p/o choti Bala</t>
  </si>
  <si>
    <t>Mosa Chanal</t>
  </si>
  <si>
    <t>shokat ali</t>
  </si>
  <si>
    <t>take from outside</t>
  </si>
  <si>
    <t>7953</t>
  </si>
  <si>
    <t>GPS NARI DHAMRAYA</t>
  </si>
  <si>
    <t>JALBANI MALE</t>
  </si>
  <si>
    <t>Nari Dhamaraya</t>
  </si>
  <si>
    <t>Basti Wounday Wala  Mouza Nari Dhamaraya  Tehsil kot chutta District DGKHAN Khan</t>
  </si>
  <si>
    <t>Wounday Wala</t>
  </si>
  <si>
    <t>Basti Jalbani</t>
  </si>
  <si>
    <t>Nadir Hussain</t>
  </si>
  <si>
    <t>7975</t>
  </si>
  <si>
    <t>GPS SEELARA</t>
  </si>
  <si>
    <t>Machi Wala</t>
  </si>
  <si>
    <t>machi Wala p/o sheroo jadeed</t>
  </si>
  <si>
    <t>Machi  Wala</t>
  </si>
  <si>
    <t>Muhammad Habib</t>
  </si>
  <si>
    <t>GPS RAMDANI NO. 1</t>
  </si>
  <si>
    <t>basti ramdani mauza jhok uttra</t>
  </si>
  <si>
    <t>Basti Ramdani</t>
  </si>
  <si>
    <t>Mohammad Iqbal</t>
  </si>
  <si>
    <t>41741</t>
  </si>
  <si>
    <t>33991</t>
  </si>
  <si>
    <t>8125</t>
  </si>
  <si>
    <t>GGPS DR. WAZIR KHAN</t>
  </si>
  <si>
    <t>chah mazar wala moza thatha gabolan</t>
  </si>
  <si>
    <t>chah mazar wala</t>
  </si>
  <si>
    <t>Hameeda bibi</t>
  </si>
  <si>
    <t>108820</t>
  </si>
  <si>
    <t>GGPS KAREEM ABAD</t>
  </si>
  <si>
    <t>Basti Ayub Abad nawan janobi talpur choti</t>
  </si>
  <si>
    <t>Basti Ayub Abad</t>
  </si>
  <si>
    <t>Samrina Sarwar</t>
  </si>
  <si>
    <t>8133</t>
  </si>
  <si>
    <t>GGMPS BASTI YAROO</t>
  </si>
  <si>
    <t>Sakhi Server</t>
  </si>
  <si>
    <t>Basti yaroo near daak khana khaas sakhi server</t>
  </si>
  <si>
    <t>Basti Yaroo</t>
  </si>
  <si>
    <t>Sakhi Sarwar</t>
  </si>
  <si>
    <t>Naheed Saleem</t>
  </si>
  <si>
    <t>buy</t>
  </si>
  <si>
    <t>38138</t>
  </si>
  <si>
    <t>5803</t>
  </si>
  <si>
    <t>4505</t>
  </si>
  <si>
    <t>8136</t>
  </si>
  <si>
    <t>GGMPS BASTI LASHARI</t>
  </si>
  <si>
    <t>MAMOORI-FEMALE</t>
  </si>
  <si>
    <t>Mamori</t>
  </si>
  <si>
    <t>Basti lashari</t>
  </si>
  <si>
    <t>Mamoori</t>
  </si>
  <si>
    <t>20905</t>
  </si>
  <si>
    <t>8138</t>
  </si>
  <si>
    <t>GGPS ASGHAR ABAD</t>
  </si>
  <si>
    <t>Nawan Janoobi</t>
  </si>
  <si>
    <t>basti Hazrat wala, GGPS Asghar Abad</t>
  </si>
  <si>
    <t>Hazrat Wala</t>
  </si>
  <si>
    <t>Itrat Rubab</t>
  </si>
  <si>
    <t>21928</t>
  </si>
  <si>
    <t>GGPS AZAM KACHALA</t>
  </si>
  <si>
    <t>chok dhudhara</t>
  </si>
  <si>
    <t>Basti Azam kachala</t>
  </si>
  <si>
    <t>Atia Kareem</t>
  </si>
  <si>
    <t>GGPS THATHA GABOLAN #2</t>
  </si>
  <si>
    <t>thatha gaboln</t>
  </si>
  <si>
    <t>markz thatha gabolan</t>
  </si>
  <si>
    <t>waddy wala</t>
  </si>
  <si>
    <t>Hasina Begum</t>
  </si>
  <si>
    <t>21089</t>
  </si>
  <si>
    <t>GGPS MIAN PHERO</t>
  </si>
  <si>
    <t>Darkest Jamal Khan</t>
  </si>
  <si>
    <t>basti Mian phero darkhwast jamal khqn</t>
  </si>
  <si>
    <t>Basti Mian Phero</t>
  </si>
  <si>
    <t>8155</t>
  </si>
  <si>
    <t>GGPS BASTI SANJRANI</t>
  </si>
  <si>
    <t>Chah Bakhar</t>
  </si>
  <si>
    <t>basti sanjrani choti Bala</t>
  </si>
  <si>
    <t>Basti Sanjrani</t>
  </si>
  <si>
    <t>GGMPS ALLAH ABAD</t>
  </si>
  <si>
    <t>chak jogiani, basti jity ani choti bala</t>
  </si>
  <si>
    <t>Samreen Sadaf</t>
  </si>
  <si>
    <t>take water from nearest village</t>
  </si>
  <si>
    <t>8164</t>
  </si>
  <si>
    <t>GGMPS SUFI GHULAM MUHAMMAD</t>
  </si>
  <si>
    <t>Chak Nangar</t>
  </si>
  <si>
    <t>Chak nangar choti bala</t>
  </si>
  <si>
    <t>GGPS MUHABAT NAGRY</t>
  </si>
  <si>
    <t>Govt Girls Model Primary School Muhabat Nangri, Moza Chak Nangar, U/C Choti Bala, Tehsil Kot Chuta</t>
  </si>
  <si>
    <t>Nousheen Fatima</t>
  </si>
  <si>
    <t>41305</t>
  </si>
  <si>
    <t>GGPS MIRAN NANGRAY</t>
  </si>
  <si>
    <t>basti bughlani tehsil taunsa sharif district dg khan</t>
  </si>
  <si>
    <t>Sumera Rashid</t>
  </si>
  <si>
    <t>8173</t>
  </si>
  <si>
    <t>GGPS THONDO ANI</t>
  </si>
  <si>
    <t>Chak Jogyani</t>
  </si>
  <si>
    <t>ggps basti thondwani chak jogyani roadchotibals</t>
  </si>
  <si>
    <t>Thondwani</t>
  </si>
  <si>
    <t>FARIHA ATHAR</t>
  </si>
  <si>
    <t>GGPS IMAM BUKHASH CHANDIA</t>
  </si>
  <si>
    <t>basti imam bux chandia</t>
  </si>
  <si>
    <t>Imam Bux Chandia</t>
  </si>
  <si>
    <t>Darkhast Jamal Khan Darmiyani</t>
  </si>
  <si>
    <t>NOSHEEN SAIF</t>
  </si>
  <si>
    <t>53321</t>
  </si>
  <si>
    <t>GGPS KHAN KALIREY</t>
  </si>
  <si>
    <t>Bakhwar Wah</t>
  </si>
  <si>
    <t>uc#84 basti bakhr wah</t>
  </si>
  <si>
    <t>Bakhrwah</t>
  </si>
  <si>
    <t>Shamas Rasul</t>
  </si>
  <si>
    <t>GGPS KALOI WALA</t>
  </si>
  <si>
    <t>Basti Hafiz Nabi Bakhsh kaloi Wala</t>
  </si>
  <si>
    <t>Basti Hafiz Nabi Bakhsh Kaloi</t>
  </si>
  <si>
    <t>Shahnaz Fareed</t>
  </si>
  <si>
    <t>8179</t>
  </si>
  <si>
    <t>GGPS BASTI JILAL</t>
  </si>
  <si>
    <t>basti jalal darkhast jamal</t>
  </si>
  <si>
    <t>Basti Jalal</t>
  </si>
  <si>
    <t>UZAIRA ZAREEN</t>
  </si>
  <si>
    <t>8236</t>
  </si>
  <si>
    <t>GGPS MUHMAT WALA</t>
  </si>
  <si>
    <t>GGPS Mehmat Wala basti dharo wala moza hazara,Markaz Ghous Abad tahsil kot chutta distract dgkhan,</t>
  </si>
  <si>
    <t>Dharu Wala</t>
  </si>
  <si>
    <t>Misbah Munawar</t>
  </si>
  <si>
    <t>GMMS CHAK NO 34/NP</t>
  </si>
  <si>
    <t>bisti jam sona lar</t>
  </si>
  <si>
    <t>Chak 34 Np</t>
  </si>
  <si>
    <t>Muhammad Riaz Ashraf</t>
  </si>
  <si>
    <t>7601</t>
  </si>
  <si>
    <t>GMMS BASTI CHOHAN SHARIF</t>
  </si>
  <si>
    <t>Kasmani</t>
  </si>
  <si>
    <t>Basti chohan</t>
  </si>
  <si>
    <t>CHOHAN Shreef</t>
  </si>
  <si>
    <t>asifa arif</t>
  </si>
  <si>
    <t>GMMS FATEH MUHAMMAD</t>
  </si>
  <si>
    <t>Basti Shah bux,nazar Muhammad jhulan,p/o Jamal din wali SDK</t>
  </si>
  <si>
    <t>Shah Bux</t>
  </si>
  <si>
    <t>7622</t>
  </si>
  <si>
    <t>GMMS SHER MUHAMMAD KHTWAL</t>
  </si>
  <si>
    <t>Chak No 194 P East</t>
  </si>
  <si>
    <t>chak 194p east</t>
  </si>
  <si>
    <t>Chak No 194p East</t>
  </si>
  <si>
    <t>7624</t>
  </si>
  <si>
    <t>GMMS SAINSRAN</t>
  </si>
  <si>
    <t>Samdani</t>
  </si>
  <si>
    <t>taj. chowk basti sainsran, sadiqabad</t>
  </si>
  <si>
    <t>Saimsran</t>
  </si>
  <si>
    <t>MC-Sadiqabad</t>
  </si>
  <si>
    <t>HAMID MEHMOOD</t>
  </si>
  <si>
    <t>water spply outside</t>
  </si>
  <si>
    <t>9703</t>
  </si>
  <si>
    <t>7675</t>
  </si>
  <si>
    <t>7628</t>
  </si>
  <si>
    <t>GMMS CHAK NO 9/NP</t>
  </si>
  <si>
    <t>Fateh Katta</t>
  </si>
  <si>
    <t>chak 9 NP sadiq abad</t>
  </si>
  <si>
    <t>chak 9 NP</t>
  </si>
  <si>
    <t>7777</t>
  </si>
  <si>
    <t>GPS MAHMEDANI</t>
  </si>
  <si>
    <t>basti mahmedani mauza dalana dgkhan</t>
  </si>
  <si>
    <t>Mahmedani</t>
  </si>
  <si>
    <t>Rashid Hussain</t>
  </si>
  <si>
    <t>GPS BHOON CHRI</t>
  </si>
  <si>
    <t>basti bhoonchri chri</t>
  </si>
  <si>
    <t>Bhoonchri Chri</t>
  </si>
  <si>
    <t>7794</t>
  </si>
  <si>
    <t>GPS DADAY WALA</t>
  </si>
  <si>
    <t>Chit Sarkani</t>
  </si>
  <si>
    <t>dadday walla</t>
  </si>
  <si>
    <t>Dadday Walla</t>
  </si>
  <si>
    <t>Khizir Hayat</t>
  </si>
  <si>
    <t>GPS KISHNAY WALA</t>
  </si>
  <si>
    <t>QAIM WALA</t>
  </si>
  <si>
    <t>kishnaywala</t>
  </si>
  <si>
    <t>Kishnaywala</t>
  </si>
  <si>
    <t>7809</t>
  </si>
  <si>
    <t>GPS KAPAR SHAH WALA</t>
  </si>
  <si>
    <t>P/O Mamoori  Basti Kapper  Shah Wala D.G.khan. G.Khan</t>
  </si>
  <si>
    <t>Kapper Shah Wala</t>
  </si>
  <si>
    <t>GPS GUJAYANI</t>
  </si>
  <si>
    <t>Basti Ramzan Moza Wadoor</t>
  </si>
  <si>
    <t>Basti Ramzan</t>
  </si>
  <si>
    <t>Wajiha Sana</t>
  </si>
  <si>
    <t>7859</t>
  </si>
  <si>
    <t>GPS TOPI WALA</t>
  </si>
  <si>
    <t>HAJI GHAZI MALE</t>
  </si>
  <si>
    <t>KHAKHI Sharqi</t>
  </si>
  <si>
    <t>CHAH TOPI WALA KHAKHI</t>
  </si>
  <si>
    <t>CHAH TOPI WALA</t>
  </si>
  <si>
    <t>Khakhi</t>
  </si>
  <si>
    <t>Muhammad Zubair Athar</t>
  </si>
  <si>
    <t>GPS BASTI BHAI</t>
  </si>
  <si>
    <t>SAMINA-M</t>
  </si>
  <si>
    <t>Basti Bhai</t>
  </si>
  <si>
    <t>Basti bhai markez samina tehsil and distt dera ghazi khan</t>
  </si>
  <si>
    <t>Basti bhai</t>
  </si>
  <si>
    <t>Sabra Nacha</t>
  </si>
  <si>
    <t>Mahr ALLAHA DITTA</t>
  </si>
  <si>
    <t>35665</t>
  </si>
  <si>
    <t>GPS BAIT MALANA NO. 2</t>
  </si>
  <si>
    <t>Sukaera Aree</t>
  </si>
  <si>
    <t>moza sukera aree</t>
  </si>
  <si>
    <t>Sukera Aree</t>
  </si>
  <si>
    <t>Mansoor Sajid Mastoi</t>
  </si>
  <si>
    <t>GPS MELOO WALA</t>
  </si>
  <si>
    <t>Drahmah</t>
  </si>
  <si>
    <t>chah meelo wala</t>
  </si>
  <si>
    <t>Meelo Wala</t>
  </si>
  <si>
    <t>Darhama</t>
  </si>
  <si>
    <t>3974</t>
  </si>
  <si>
    <t>GPS BASTI GESHKORI</t>
  </si>
  <si>
    <t>Guja Bahar Sial</t>
  </si>
  <si>
    <t>guja bahar sjal</t>
  </si>
  <si>
    <t>5207</t>
  </si>
  <si>
    <t>GPS BHATI MAITLA</t>
  </si>
  <si>
    <t>PACCA SHAH NAWAZ MALE</t>
  </si>
  <si>
    <t>Bhatti Maitla</t>
  </si>
  <si>
    <t>mouza bhatti maitla shah sadar din</t>
  </si>
  <si>
    <t>Muneer Qadir</t>
  </si>
  <si>
    <t>7894</t>
  </si>
  <si>
    <t>GPS JOONI</t>
  </si>
  <si>
    <t>Jooni</t>
  </si>
  <si>
    <t>GOVERNMENT BOYS PRIMARY SCHOOL JOONI</t>
  </si>
  <si>
    <t>Chah Hakeem Wala</t>
  </si>
  <si>
    <t>Ramin</t>
  </si>
  <si>
    <t>GGPS CHAK NO.83/P OLD</t>
  </si>
  <si>
    <t>83/p Old</t>
  </si>
  <si>
    <t>G.G.P.S Chak 83/p old</t>
  </si>
  <si>
    <t>84/p</t>
  </si>
  <si>
    <t>43781</t>
  </si>
  <si>
    <t>GPS CHAK NO 154/P</t>
  </si>
  <si>
    <t>Chak No 154 P</t>
  </si>
  <si>
    <t>Goth Jungu</t>
  </si>
  <si>
    <t>Hafiz Mian Adil Tahseen Tahir</t>
  </si>
  <si>
    <t>32046</t>
  </si>
  <si>
    <t>7068</t>
  </si>
  <si>
    <t>GPS CHAK NO 132 P</t>
  </si>
  <si>
    <t>Chak 132p</t>
  </si>
  <si>
    <t>GPS 132p</t>
  </si>
  <si>
    <t>Chak132p</t>
  </si>
  <si>
    <t>160p</t>
  </si>
  <si>
    <t>Waqas Ahmed</t>
  </si>
  <si>
    <t>7299</t>
  </si>
  <si>
    <t>GGPS SADIQ ABAD DEH</t>
  </si>
  <si>
    <t>G GPS SADIQABAD DEH BASTI WARINDA</t>
  </si>
  <si>
    <t>Basti warinda</t>
  </si>
  <si>
    <t>Wahid Bakhsh Lar</t>
  </si>
  <si>
    <t>Rahella Parveen</t>
  </si>
  <si>
    <t>5514</t>
  </si>
  <si>
    <t>23261</t>
  </si>
  <si>
    <t>7337</t>
  </si>
  <si>
    <t>GGPS MACHHI GOTH</t>
  </si>
  <si>
    <t>Murad Machhi</t>
  </si>
  <si>
    <t>ggps machhi goth</t>
  </si>
  <si>
    <t>Machhi Goth</t>
  </si>
  <si>
    <t>Goth Jungo</t>
  </si>
  <si>
    <t>we bring a water with cain from other earia</t>
  </si>
  <si>
    <t>7352</t>
  </si>
  <si>
    <t>GGPS MUHAMMAD MURAD DAHAR</t>
  </si>
  <si>
    <t>ADAM SOHABA - FEMALE</t>
  </si>
  <si>
    <t>jalal photographer road,muhallah Hussain abad</t>
  </si>
  <si>
    <t>Muhallah Hussain Abad</t>
  </si>
  <si>
    <t>water can</t>
  </si>
  <si>
    <t>31907</t>
  </si>
  <si>
    <t>43850</t>
  </si>
  <si>
    <t>GPS JABBI QAZIAN</t>
  </si>
  <si>
    <t>Dhok Jabbi</t>
  </si>
  <si>
    <t>dhok jabbi gpo toha mehram khan talagang distt chakwal</t>
  </si>
  <si>
    <t>Toha Mehram Khan</t>
  </si>
  <si>
    <t>11108</t>
  </si>
  <si>
    <t>32574</t>
  </si>
  <si>
    <t>32501</t>
  </si>
  <si>
    <t>43857</t>
  </si>
  <si>
    <t>GPS DHOK RAWALI</t>
  </si>
  <si>
    <t>THOA MEHRAM KHAN-MALE</t>
  </si>
  <si>
    <t>dhok rawali</t>
  </si>
  <si>
    <t>dhok rawali thoa mahram khan</t>
  </si>
  <si>
    <t>thoa mahram khan</t>
  </si>
  <si>
    <t>Ghulam Fiza</t>
  </si>
  <si>
    <t>25446</t>
  </si>
  <si>
    <t>43887</t>
  </si>
  <si>
    <t>GGHS SINGWALA</t>
  </si>
  <si>
    <t>vpo SANGWALA teh  talagang distt chakwal</t>
  </si>
  <si>
    <t>Budial</t>
  </si>
  <si>
    <t>SHAGUFTA NAHEED</t>
  </si>
  <si>
    <t>44997</t>
  </si>
  <si>
    <t>43905</t>
  </si>
  <si>
    <t>GGPS CHOI</t>
  </si>
  <si>
    <t>PICHNAND-FEMALE</t>
  </si>
  <si>
    <t>Choi</t>
  </si>
  <si>
    <t>p.o. box dhk mail  village choi</t>
  </si>
  <si>
    <t>7925</t>
  </si>
  <si>
    <t>46323</t>
  </si>
  <si>
    <t>30628</t>
  </si>
  <si>
    <t>43954</t>
  </si>
  <si>
    <t>GGPS DHOK HAKMAL PO DHURNAL</t>
  </si>
  <si>
    <t>DHURNAL-FEMALE</t>
  </si>
  <si>
    <t>Hakmal</t>
  </si>
  <si>
    <t>Asma Naz</t>
  </si>
  <si>
    <t>46061</t>
  </si>
  <si>
    <t>23532</t>
  </si>
  <si>
    <t>22529</t>
  </si>
  <si>
    <t>43963</t>
  </si>
  <si>
    <t>GGES NIRAGHI</t>
  </si>
  <si>
    <t>KOT SARANG-FEMALE</t>
  </si>
  <si>
    <t>Kot sarang</t>
  </si>
  <si>
    <t>vpo niraghi</t>
  </si>
  <si>
    <t>Niraghi</t>
  </si>
  <si>
    <t>JAMILA UN NISA</t>
  </si>
  <si>
    <t>4629</t>
  </si>
  <si>
    <t>13017</t>
  </si>
  <si>
    <t>43966</t>
  </si>
  <si>
    <t>GGPS TALAGANG NO. 2</t>
  </si>
  <si>
    <t>TALAGANG-FEMALE</t>
  </si>
  <si>
    <t>Dhowk Jhatla Bypass Talagang</t>
  </si>
  <si>
    <t>Tala Gharab</t>
  </si>
  <si>
    <t>Nargis Mastoor</t>
  </si>
  <si>
    <t>49725</t>
  </si>
  <si>
    <t>44004</t>
  </si>
  <si>
    <t>GGPS DIWAL</t>
  </si>
  <si>
    <t>GgpsDiwal</t>
  </si>
  <si>
    <t>Diwa</t>
  </si>
  <si>
    <t>Naragi</t>
  </si>
  <si>
    <t>ZILE E HUMA</t>
  </si>
  <si>
    <t>4899</t>
  </si>
  <si>
    <t>10899</t>
  </si>
  <si>
    <t>44037</t>
  </si>
  <si>
    <t>GGPS THOHA MEHRAM KHAN</t>
  </si>
  <si>
    <t>CHINJI-FEMALE</t>
  </si>
  <si>
    <t>Kayala</t>
  </si>
  <si>
    <t>kayala</t>
  </si>
  <si>
    <t>T M Khan</t>
  </si>
  <si>
    <t>Shazia Raza</t>
  </si>
  <si>
    <t>9861</t>
  </si>
  <si>
    <t>54034</t>
  </si>
  <si>
    <t>GGPS MOTHUWALA</t>
  </si>
  <si>
    <t>Mothuwala</t>
  </si>
  <si>
    <t>vpo pichnand tehsil lawa Distt chakwal</t>
  </si>
  <si>
    <t>Saadia Batool</t>
  </si>
  <si>
    <t>28542</t>
  </si>
  <si>
    <t>44063</t>
  </si>
  <si>
    <t>GGHS CHOA SAIDEN SHAH</t>
  </si>
  <si>
    <t>CHOA SAIDEN SHAH</t>
  </si>
  <si>
    <t>CHAKWAL ROAD NEAR GRID STATION CHOA SAIDEN SHAH</t>
  </si>
  <si>
    <t>CHOA SAIDEN Shah</t>
  </si>
  <si>
    <t>32646</t>
  </si>
  <si>
    <t>44072</t>
  </si>
  <si>
    <t>GGHS DANDOOT</t>
  </si>
  <si>
    <t>Dandot Tehsil C.S Shah,Distt Chakwal</t>
  </si>
  <si>
    <t>Qurratulain</t>
  </si>
  <si>
    <t>water sipply</t>
  </si>
  <si>
    <t>44080</t>
  </si>
  <si>
    <t>GHS DULMIAL</t>
  </si>
  <si>
    <t>VPO Dulmial, Choa Saidan Shah, Chakwal</t>
  </si>
  <si>
    <t>13959</t>
  </si>
  <si>
    <t>44090</t>
  </si>
  <si>
    <t>GES CHOA SAIDAN SHAH</t>
  </si>
  <si>
    <t>C.S. SHAH-MALE</t>
  </si>
  <si>
    <t>Chia Saiden Shah</t>
  </si>
  <si>
    <t>Main Bazar Choa Saiden Shah</t>
  </si>
  <si>
    <t>Choa Saiden Shah</t>
  </si>
  <si>
    <t>Sohail Akhtar</t>
  </si>
  <si>
    <t>4399</t>
  </si>
  <si>
    <t>22484</t>
  </si>
  <si>
    <t>44149</t>
  </si>
  <si>
    <t>GGHS DEHRI SYEDAN</t>
  </si>
  <si>
    <t>Dehri Syedan</t>
  </si>
  <si>
    <t>vpo dehri syedan tehsil choa saiden shah distt chakwal</t>
  </si>
  <si>
    <t>Fatima Sultan</t>
  </si>
  <si>
    <t>22637</t>
  </si>
  <si>
    <t>44186</t>
  </si>
  <si>
    <t>GES DHARUKNA</t>
  </si>
  <si>
    <t>BUCHAL KALAN-MALE</t>
  </si>
  <si>
    <t>Dharukna</t>
  </si>
  <si>
    <t>dharukna</t>
  </si>
  <si>
    <t>Muhammad Hassan Sultan</t>
  </si>
  <si>
    <t>20271</t>
  </si>
  <si>
    <t>44187</t>
  </si>
  <si>
    <t>GES GUFFANWALA</t>
  </si>
  <si>
    <t>Guffanwala</t>
  </si>
  <si>
    <t>vpo guffanwala</t>
  </si>
  <si>
    <t>Masood Anwar Khokhar</t>
  </si>
  <si>
    <t>44229</t>
  </si>
  <si>
    <t>GPS KHANDOWA</t>
  </si>
  <si>
    <t>village khandowa tensile kallar kahar district chakwal</t>
  </si>
  <si>
    <t>Sahrish Parveen</t>
  </si>
  <si>
    <t>44245</t>
  </si>
  <si>
    <t>GPS SAR KHURD</t>
  </si>
  <si>
    <t>Sar Khurd</t>
  </si>
  <si>
    <t>Village Sar khurd POST OFFICE SAR KALAN TEHSIL KALAR KAHAR DISTT. CHAKWAL</t>
  </si>
  <si>
    <t>Danish Imran</t>
  </si>
  <si>
    <t>from water tank</t>
  </si>
  <si>
    <t>8239</t>
  </si>
  <si>
    <t>9396</t>
  </si>
  <si>
    <t>44266</t>
  </si>
  <si>
    <t>GGES CHUMBE</t>
  </si>
  <si>
    <t>Kallar Kahar</t>
  </si>
  <si>
    <t>GGES chumbi</t>
  </si>
  <si>
    <t>chumbi</t>
  </si>
  <si>
    <t>Mc Kallar Kahar</t>
  </si>
  <si>
    <t>sobia naseer</t>
  </si>
  <si>
    <t>44269</t>
  </si>
  <si>
    <t>GGPS SHAMS ABAD P.O. KARYALA CHAKWAL</t>
  </si>
  <si>
    <t>Shamasabad</t>
  </si>
  <si>
    <t>village shamasabad p/o karayala tehsil kallar kahar district chakwal</t>
  </si>
  <si>
    <t>12026</t>
  </si>
  <si>
    <t>44277</t>
  </si>
  <si>
    <t>GGPS ADDA MUHALLA BUCHAL KALAN</t>
  </si>
  <si>
    <t>BUCHAL KALAN-FEMALE</t>
  </si>
  <si>
    <t>Buchal Kalan</t>
  </si>
  <si>
    <t>Buchal kalan</t>
  </si>
  <si>
    <t>Asia Mukhtar</t>
  </si>
  <si>
    <t>20083</t>
  </si>
  <si>
    <t>41521</t>
  </si>
  <si>
    <t>GGHS SAR KALAN</t>
  </si>
  <si>
    <t>V. P. O Sarkalan Teh Kallar Kahar Dist Chakwal</t>
  </si>
  <si>
    <t>Sarkalan</t>
  </si>
  <si>
    <t>farda noureen</t>
  </si>
  <si>
    <t>GGES KAROOLI</t>
  </si>
  <si>
    <t>GGES karooli</t>
  </si>
  <si>
    <t>Karooli</t>
  </si>
  <si>
    <t>42199</t>
  </si>
  <si>
    <t>44295</t>
  </si>
  <si>
    <t>GGPS CHAK KHUSH</t>
  </si>
  <si>
    <t>Khandua</t>
  </si>
  <si>
    <t>village chak khushi p/office kallar kahar tehsil kalmar kahar district chakwal\n</t>
  </si>
  <si>
    <t>Chak Khushi</t>
  </si>
  <si>
    <t>Fouzia Tehseen</t>
  </si>
  <si>
    <t>10352</t>
  </si>
  <si>
    <t>34929</t>
  </si>
  <si>
    <t>24577</t>
  </si>
  <si>
    <t>22194</t>
  </si>
  <si>
    <t>44299</t>
  </si>
  <si>
    <t>GGPS SIMBAL</t>
  </si>
  <si>
    <t>Kallar kahar</t>
  </si>
  <si>
    <t>village simbal p.o karooli tehsil kallar kahar district chakwal</t>
  </si>
  <si>
    <t>Simbal</t>
  </si>
  <si>
    <t>Fareeha Sameen</t>
  </si>
  <si>
    <t>6872</t>
  </si>
  <si>
    <t>39872</t>
  </si>
  <si>
    <t>44306</t>
  </si>
  <si>
    <t>GGPS BHALIAL</t>
  </si>
  <si>
    <t>Bhalial</t>
  </si>
  <si>
    <t>P.o noorpur village bhalial Tehsil kalarkahar district chakwal.</t>
  </si>
  <si>
    <t>bhalial</t>
  </si>
  <si>
    <t>nurpur</t>
  </si>
  <si>
    <t>Asma Nazar</t>
  </si>
  <si>
    <t>5446</t>
  </si>
  <si>
    <t>44326</t>
  </si>
  <si>
    <t>GHS NOTAK</t>
  </si>
  <si>
    <t>Notak Daggar</t>
  </si>
  <si>
    <t>GHS Notak</t>
  </si>
  <si>
    <t>34843</t>
  </si>
  <si>
    <t>44344</t>
  </si>
  <si>
    <t>GES CHAK NO.33 TDA</t>
  </si>
  <si>
    <t>KHANSAR NO.2 - MALE</t>
  </si>
  <si>
    <t>Dagger Olakh</t>
  </si>
  <si>
    <t>Bashir Hussain</t>
  </si>
  <si>
    <t>31323</t>
  </si>
  <si>
    <t>54623</t>
  </si>
  <si>
    <t>GES CHAK NO.78 ML</t>
  </si>
  <si>
    <t>Chak 78 ML</t>
  </si>
  <si>
    <t>GES chak no 78 ML</t>
  </si>
  <si>
    <t>78 ML</t>
  </si>
  <si>
    <t>Siraj  Ud Din</t>
  </si>
  <si>
    <t>22220</t>
  </si>
  <si>
    <t>4763</t>
  </si>
  <si>
    <t>GPS LASHKARANI</t>
  </si>
  <si>
    <t>KACHI SHAHANI NO.2 - MALE</t>
  </si>
  <si>
    <t>MACHAR WALE</t>
  </si>
  <si>
    <t>GOVT. PRIMARY SCHOOL LASHKARANI</t>
  </si>
  <si>
    <t>LASHKARANI</t>
  </si>
  <si>
    <t>BADIANI</t>
  </si>
  <si>
    <t>11198</t>
  </si>
  <si>
    <t>44528</t>
  </si>
  <si>
    <t>GGPS BHIRR RASHID SHAH</t>
  </si>
  <si>
    <t>CHAK NO.57/TDA-FEMALE</t>
  </si>
  <si>
    <t>Bhirr Rasheed Shah</t>
  </si>
  <si>
    <t>bhirr rasheed shah dak khana behal</t>
  </si>
  <si>
    <t>Bait Boga</t>
  </si>
  <si>
    <t>Ammara Riaz</t>
  </si>
  <si>
    <t>GGPS RAZI SHAH SHUMALI</t>
  </si>
  <si>
    <t>RAZAI SHAH SHUMAALI</t>
  </si>
  <si>
    <t>RAZAI SHAH SHUMAALI BHAKKAR</t>
  </si>
  <si>
    <t>RAZAI SHAH SHUMALI</t>
  </si>
  <si>
    <t>PEER ASHAAB</t>
  </si>
  <si>
    <t>Riffat Naheed</t>
  </si>
  <si>
    <t>27847</t>
  </si>
  <si>
    <t>44556</t>
  </si>
  <si>
    <t>GGPS SHAIKHAN WALA</t>
  </si>
  <si>
    <t>dera Ahmed nawaz school shaikhan wala uc pir Ashab</t>
  </si>
  <si>
    <t>Surraya Jabeen</t>
  </si>
  <si>
    <t>44575</t>
  </si>
  <si>
    <t>GMPS BASTI JAMAL PO BASTI JAMAL</t>
  </si>
  <si>
    <t>DHANDLA - FEMALE</t>
  </si>
  <si>
    <t>Basti Jamal</t>
  </si>
  <si>
    <t>basti jamal.notak.bhakkar.</t>
  </si>
  <si>
    <t>Mussrat Anbreen</t>
  </si>
  <si>
    <t>9643</t>
  </si>
  <si>
    <t>GGPS TIBBI SADAT PO GADOLA</t>
  </si>
  <si>
    <t>Daggar  Sheikhabad</t>
  </si>
  <si>
    <t>Tibba sadat,Bhakkar</t>
  </si>
  <si>
    <t>Tibba Sadat</t>
  </si>
  <si>
    <t>Gadolla</t>
  </si>
  <si>
    <t>Shagufta Begum</t>
  </si>
  <si>
    <t>2717</t>
  </si>
  <si>
    <t>34629</t>
  </si>
  <si>
    <t>44590</t>
  </si>
  <si>
    <t>GGPS JHOKE FATEH MUHAMMAD</t>
  </si>
  <si>
    <t>jmps jhoke fateh moh sial</t>
  </si>
  <si>
    <t>Jhoke Fateh Moh Sial</t>
  </si>
  <si>
    <t>44606</t>
  </si>
  <si>
    <t>GGPS BASTI LARNA WALI</t>
  </si>
  <si>
    <t>Fetah Khan</t>
  </si>
  <si>
    <t>basti laran wali</t>
  </si>
  <si>
    <t>Misbah Iram</t>
  </si>
  <si>
    <t>35452</t>
  </si>
  <si>
    <t>52119</t>
  </si>
  <si>
    <t>44622</t>
  </si>
  <si>
    <t>GGCMS CHAK NO.57-58/ML</t>
  </si>
  <si>
    <t>CHAK NO.205/TDA-FEMALE</t>
  </si>
  <si>
    <t>57-58/ml saraye mohajir</t>
  </si>
  <si>
    <t>57-58 ml</t>
  </si>
  <si>
    <t>60-61/ml</t>
  </si>
  <si>
    <t>Samra Noor</t>
  </si>
  <si>
    <t>9587</t>
  </si>
  <si>
    <t>GGPS QADIR BAKHSH WALA</t>
  </si>
  <si>
    <t>Dagar Rehtas</t>
  </si>
  <si>
    <t>GGPS Qadir Bakhsh Wala</t>
  </si>
  <si>
    <t>Qadir Buksh 184tda</t>
  </si>
  <si>
    <t>Shazma Khan</t>
  </si>
  <si>
    <t>47523</t>
  </si>
  <si>
    <t>4778</t>
  </si>
  <si>
    <t>44693</t>
  </si>
  <si>
    <t>GGPS DERA SAIDOO SHAH</t>
  </si>
  <si>
    <t>CHAK NO.184/TDA JANUBI-FEMALE</t>
  </si>
  <si>
    <t>Kamal Theem</t>
  </si>
  <si>
    <t>Government Girls P/Shool Dera saidoo Shah  Bhakkar</t>
  </si>
  <si>
    <t>Chah Badhi</t>
  </si>
  <si>
    <t>183/184Tda</t>
  </si>
  <si>
    <t>Fozia nasim</t>
  </si>
  <si>
    <t>44694</t>
  </si>
  <si>
    <t>GGPS CHAK NO 181 TDA</t>
  </si>
  <si>
    <t>Daggar rehtas</t>
  </si>
  <si>
    <t>GGPS Chak No 181 Tda</t>
  </si>
  <si>
    <t>Chak 181 TDA</t>
  </si>
  <si>
    <t>183-184</t>
  </si>
  <si>
    <t>Tasleem Chaudhry</t>
  </si>
  <si>
    <t>44734</t>
  </si>
  <si>
    <t>GMPS CHAK NO. 27 TDA</t>
  </si>
  <si>
    <t>DAGGAR AOULAKAH - FEMALE</t>
  </si>
  <si>
    <t>27tda</t>
  </si>
  <si>
    <t>Dagar Aulakh</t>
  </si>
  <si>
    <t>Abida Kousar</t>
  </si>
  <si>
    <t>25744</t>
  </si>
  <si>
    <t>44741</t>
  </si>
  <si>
    <t>GGPS CHAH BUKHSH WALA</t>
  </si>
  <si>
    <t>Dagar Olkh</t>
  </si>
  <si>
    <t>gg p/s chah bukhsh wala</t>
  </si>
  <si>
    <t>Buksh Wala</t>
  </si>
  <si>
    <t>Kainat  zahoor  khan</t>
  </si>
  <si>
    <t>32705</t>
  </si>
  <si>
    <t>43880</t>
  </si>
  <si>
    <t>GGPS MUREED WALA</t>
  </si>
  <si>
    <t>KHANSAR SHERQI-FEMALE</t>
  </si>
  <si>
    <t>Chah Mureed</t>
  </si>
  <si>
    <t>GGPS Model Mureed Wala, Khansar</t>
  </si>
  <si>
    <t>Khanser</t>
  </si>
  <si>
    <t>Khazina Nishat (Ø®Ø²ÛŒÙ†Û Ù†Ø´Ø§Ø·)</t>
  </si>
  <si>
    <t>7597</t>
  </si>
  <si>
    <t>44750</t>
  </si>
  <si>
    <t>GGPS GOLAY WALA</t>
  </si>
  <si>
    <t>Chah Golay Wala PO Khansar Bhakkar</t>
  </si>
  <si>
    <t>Golay Wala</t>
  </si>
  <si>
    <t>Asmat Amir</t>
  </si>
  <si>
    <t>44759</t>
  </si>
  <si>
    <t>GGPS CHAK NO 5. RMK</t>
  </si>
  <si>
    <t>5RMK</t>
  </si>
  <si>
    <t>Chak  No 5 RMK</t>
  </si>
  <si>
    <t>Chak No 5 RMK</t>
  </si>
  <si>
    <t>25469</t>
  </si>
  <si>
    <t>44764</t>
  </si>
  <si>
    <t>GGPS SHAHZADIAN</t>
  </si>
  <si>
    <t>Basti shehzadian PO box khansir tehsil bhakkar</t>
  </si>
  <si>
    <t>Shehzadian</t>
  </si>
  <si>
    <t>Noureen Akhtar</t>
  </si>
  <si>
    <t>23707</t>
  </si>
  <si>
    <t>44773</t>
  </si>
  <si>
    <t>GGPS SHADAY WALA</t>
  </si>
  <si>
    <t>mehmood khan wala</t>
  </si>
  <si>
    <t>Baynazeer</t>
  </si>
  <si>
    <t>22185</t>
  </si>
  <si>
    <t>44830</t>
  </si>
  <si>
    <t>GHS MODEL BHAKKAR</t>
  </si>
  <si>
    <t>Mohallah chimni bhakkar</t>
  </si>
  <si>
    <t>02 Urban</t>
  </si>
  <si>
    <t>MALIK HUSSAIN BAKHSH</t>
  </si>
  <si>
    <t>44843</t>
  </si>
  <si>
    <t>GPS CHURRER</t>
  </si>
  <si>
    <t>YOUSAF SHAH NO.2 - MALE</t>
  </si>
  <si>
    <t>Churrar</t>
  </si>
  <si>
    <t>Basti Syed Alam Shah p /o Behal tehsil &amp; District Bhakkar</t>
  </si>
  <si>
    <t>Basti Syed Alam Shah</t>
  </si>
  <si>
    <t>Sarfraz</t>
  </si>
  <si>
    <t>35450</t>
  </si>
  <si>
    <t>44851</t>
  </si>
  <si>
    <t>GHS MAIBAL SHARIF</t>
  </si>
  <si>
    <t>Maibal Dagar</t>
  </si>
  <si>
    <t>maibal sharif</t>
  </si>
  <si>
    <t>Maibal Sharif</t>
  </si>
  <si>
    <t>Muhammad Khalil Paracha</t>
  </si>
  <si>
    <t>33164</t>
  </si>
  <si>
    <t>47830</t>
  </si>
  <si>
    <t>49374</t>
  </si>
  <si>
    <t>44874</t>
  </si>
  <si>
    <t>GHS ZAMEY WALA</t>
  </si>
  <si>
    <t>GHULAMAAN</t>
  </si>
  <si>
    <t>GHS ZAMAY WALA</t>
  </si>
  <si>
    <t>ZAMAY WALA</t>
  </si>
  <si>
    <t>GHULAMAAN NO. 2</t>
  </si>
  <si>
    <t>Muhammad IMRAN</t>
  </si>
  <si>
    <t>20254</t>
  </si>
  <si>
    <t>15716</t>
  </si>
  <si>
    <t>10182</t>
  </si>
  <si>
    <t>44876</t>
  </si>
  <si>
    <t>GES KHASORE</t>
  </si>
  <si>
    <t>HAITU - MALE</t>
  </si>
  <si>
    <t>Rakh Khasore</t>
  </si>
  <si>
    <t>p.o.box khasore</t>
  </si>
  <si>
    <t>NOOR HUSSAIN</t>
  </si>
  <si>
    <t>60168</t>
  </si>
  <si>
    <t>44946</t>
  </si>
  <si>
    <t>GPS TARAGRAN WALA</t>
  </si>
  <si>
    <t>RODI - MALE</t>
  </si>
  <si>
    <t>Tragranwala P /O Dadu wala Thesil Kallour kot District Bhakker</t>
  </si>
  <si>
    <t>Tragranwala</t>
  </si>
  <si>
    <t>Abid Mehmood</t>
  </si>
  <si>
    <t>GPS BAKEY WALA</t>
  </si>
  <si>
    <t>PO Haitu VO Bakkay wala</t>
  </si>
  <si>
    <t>Bakkay Wala</t>
  </si>
  <si>
    <t>Fazal Kareem</t>
  </si>
  <si>
    <t>7056</t>
  </si>
  <si>
    <t>24942</t>
  </si>
  <si>
    <t>45001</t>
  </si>
  <si>
    <t>KALLUR KOT - FEMALE</t>
  </si>
  <si>
    <t>Maibal</t>
  </si>
  <si>
    <t>GGPS Khuda Yar Wala</t>
  </si>
  <si>
    <t>Khuda Yar Wala</t>
  </si>
  <si>
    <t>Maibal Sharief</t>
  </si>
  <si>
    <t>Yasmin Bibi</t>
  </si>
  <si>
    <t>30458</t>
  </si>
  <si>
    <t>GGPS SHAHEEN WALA</t>
  </si>
  <si>
    <t>GGPS shaheen abad tehsil kallur kot bhakkar</t>
  </si>
  <si>
    <t>Kalsoom Bi Bi</t>
  </si>
  <si>
    <t>45064</t>
  </si>
  <si>
    <t>GMPS THALLAN WALA</t>
  </si>
  <si>
    <t>RURAL JANDAN WALA - FEMALE</t>
  </si>
  <si>
    <t>Jandawala</t>
  </si>
  <si>
    <t>thalawala</t>
  </si>
  <si>
    <t>Thalawala</t>
  </si>
  <si>
    <t>Noora sharif</t>
  </si>
  <si>
    <t>Hifza Iqbal</t>
  </si>
  <si>
    <t>43041</t>
  </si>
  <si>
    <t>45073</t>
  </si>
  <si>
    <t>GGPS CHAK NO.56-DB</t>
  </si>
  <si>
    <t>Chak No 56 DB</t>
  </si>
  <si>
    <t>chak no 56 DB Teh k.kot Distt bhakkar</t>
  </si>
  <si>
    <t>Chak 56 DB</t>
  </si>
  <si>
    <t>Chak 63 DB</t>
  </si>
  <si>
    <t>Sadaf Shaheen</t>
  </si>
  <si>
    <t>32969</t>
  </si>
  <si>
    <t>45172</t>
  </si>
  <si>
    <t>GPS SANYASI</t>
  </si>
  <si>
    <t>HAIDERABAD - MALE</t>
  </si>
  <si>
    <t>Hyderabad Thall</t>
  </si>
  <si>
    <t>sanyasi near Muhammad Yar wala  petrolling check post</t>
  </si>
  <si>
    <t>Sanyasi</t>
  </si>
  <si>
    <t>SYED ALI SHAH</t>
  </si>
  <si>
    <t>37113</t>
  </si>
  <si>
    <t>45181</t>
  </si>
  <si>
    <t>GPS LOT NO 255</t>
  </si>
  <si>
    <t>Rkh Haiderabad</t>
  </si>
  <si>
    <t>chak 15 rkh haiderabad</t>
  </si>
  <si>
    <t>Chak 15</t>
  </si>
  <si>
    <t>45272</t>
  </si>
  <si>
    <t>GMPS GHAP GHALOAN WALA</t>
  </si>
  <si>
    <t>Ghap Ghaloan wala hyderabad teh Mankera</t>
  </si>
  <si>
    <t>Ghap Ghaloan Wala</t>
  </si>
  <si>
    <t>45298</t>
  </si>
  <si>
    <t>GGES CHAK NO 70 A ML</t>
  </si>
  <si>
    <t>70 Aml</t>
  </si>
  <si>
    <t>chak  no 70aml tehsil  mankera  district  bhakkar</t>
  </si>
  <si>
    <t>70aml</t>
  </si>
  <si>
    <t>TAHIRA HANIF</t>
  </si>
  <si>
    <t>37087</t>
  </si>
  <si>
    <t>GGPS NOON</t>
  </si>
  <si>
    <t>MAHNI - FEMALE</t>
  </si>
  <si>
    <t>Bhidwal Wa</t>
  </si>
  <si>
    <t>noon teh mnkera dist bhakkar</t>
  </si>
  <si>
    <t>Noon</t>
  </si>
  <si>
    <t>Shaista Anjum</t>
  </si>
  <si>
    <t>36583</t>
  </si>
  <si>
    <t>45366</t>
  </si>
  <si>
    <t>GPS KHAND SHAHIAN WALA</t>
  </si>
  <si>
    <t>p/of Gohar Wala Tehsil mankera distt Bhakkar</t>
  </si>
  <si>
    <t>Khand Shahian Wala</t>
  </si>
  <si>
    <t>45446</t>
  </si>
  <si>
    <t>GPS CHAK NO 16 TDA</t>
  </si>
  <si>
    <t>Dagar Wahghrwah</t>
  </si>
  <si>
    <t>GPS Chuck No.16/TDA</t>
  </si>
  <si>
    <t>Chak No16/TDA</t>
  </si>
  <si>
    <t>AHMAD NAWAZ KHAN</t>
  </si>
  <si>
    <t>24031</t>
  </si>
  <si>
    <t>45454</t>
  </si>
  <si>
    <t>GPS BASTI KHOKHAR</t>
  </si>
  <si>
    <t>KOHAWAR KALAN NASHAIB</t>
  </si>
  <si>
    <t>BASTI KHOKHAR  TEHSIL #DARYA KHAN DISTRICT# BHAKKAR</t>
  </si>
  <si>
    <t>BASTI KHOKHAR</t>
  </si>
  <si>
    <t>MAJOKA</t>
  </si>
  <si>
    <t>7590</t>
  </si>
  <si>
    <t>GMMS BASTI SARWAR</t>
  </si>
  <si>
    <t>Kacha Bhutta</t>
  </si>
  <si>
    <t>GMMS basti sarwar</t>
  </si>
  <si>
    <t>Basti Sarwar</t>
  </si>
  <si>
    <t>Muhammad Zulqarnain</t>
  </si>
  <si>
    <t>GMMS BHUTA WAHAN</t>
  </si>
  <si>
    <t>M Nawaz Wasa</t>
  </si>
  <si>
    <t>Adda hafiz abad</t>
  </si>
  <si>
    <t>Adda Hafiz Abad</t>
  </si>
  <si>
    <t>Muhammad Fahad Khalid</t>
  </si>
  <si>
    <t>GHS PACCA SHAH NAWAZ</t>
  </si>
  <si>
    <t>Maksoda Jujhr</t>
  </si>
  <si>
    <t>Basti Pacca Shah Nawaz</t>
  </si>
  <si>
    <t>Pacca Shah Nawaz</t>
  </si>
  <si>
    <t>Ghulam Qasim Zia</t>
  </si>
  <si>
    <t>27129</t>
  </si>
  <si>
    <t>21903</t>
  </si>
  <si>
    <t>7673</t>
  </si>
  <si>
    <t>GHS Shuhada-E-APS Memorial</t>
  </si>
  <si>
    <t>Gadai East</t>
  </si>
  <si>
    <t>Block 39, D G Khan</t>
  </si>
  <si>
    <t>Block 39</t>
  </si>
  <si>
    <t>AKHTAR ABBAS KHOSA</t>
  </si>
  <si>
    <t>28857</t>
  </si>
  <si>
    <t>GHS GADAI</t>
  </si>
  <si>
    <t>govt boys high school gadai dera ghazi khan</t>
  </si>
  <si>
    <t>urban 6</t>
  </si>
  <si>
    <t>Shair Baz</t>
  </si>
  <si>
    <t>GES LAKHA</t>
  </si>
  <si>
    <t>TUMAN KHOSA-M</t>
  </si>
  <si>
    <t>Nelagh Halti</t>
  </si>
  <si>
    <t>mouza bagga p/o dalan p/s lakha</t>
  </si>
  <si>
    <t>Tuman Khosa</t>
  </si>
  <si>
    <t>ali jan</t>
  </si>
  <si>
    <t>stream water</t>
  </si>
  <si>
    <t>50459</t>
  </si>
  <si>
    <t>GES 97/12-L</t>
  </si>
  <si>
    <t>MIAN KHERA-MALE</t>
  </si>
  <si>
    <t>97/12L</t>
  </si>
  <si>
    <t>52/12L</t>
  </si>
  <si>
    <t>5931</t>
  </si>
  <si>
    <t>50526</t>
  </si>
  <si>
    <t>GGES 163/9-L</t>
  </si>
  <si>
    <t>OKAN WALA SHARQI-A-FEMALE</t>
  </si>
  <si>
    <t>163/9L</t>
  </si>
  <si>
    <t>chak number 163/9.L G Tehsil Chichawatni District Sahiwal</t>
  </si>
  <si>
    <t>163/9L G</t>
  </si>
  <si>
    <t>Sadia Nasim</t>
  </si>
  <si>
    <t>25280</t>
  </si>
  <si>
    <t>6389</t>
  </si>
  <si>
    <t>50568</t>
  </si>
  <si>
    <t>GGPS 101/12-L DERA KUNDAN</t>
  </si>
  <si>
    <t>IQBAL NAGAR-B-FEMALE</t>
  </si>
  <si>
    <t>1o1 12 l dera kandan</t>
  </si>
  <si>
    <t>101 12 l dera kandan</t>
  </si>
  <si>
    <t>101  12 l</t>
  </si>
  <si>
    <t>101 12 l</t>
  </si>
  <si>
    <t>Riffat Nazeer</t>
  </si>
  <si>
    <t>5926</t>
  </si>
  <si>
    <t>50578</t>
  </si>
  <si>
    <t>GGPS 2/14-L</t>
  </si>
  <si>
    <t>KASSOWAL-A-FEMALE</t>
  </si>
  <si>
    <t>2/14L</t>
  </si>
  <si>
    <t>Ggps 2/14.L</t>
  </si>
  <si>
    <t>Mussarat Yasmen</t>
  </si>
  <si>
    <t>10862</t>
  </si>
  <si>
    <t>50613</t>
  </si>
  <si>
    <t>GGPS 70/12-L</t>
  </si>
  <si>
    <t>70-12-L</t>
  </si>
  <si>
    <t>69-12-L Kamand</t>
  </si>
  <si>
    <t>Zubaida Sarfraz</t>
  </si>
  <si>
    <t>14425</t>
  </si>
  <si>
    <t>GGHS 116/12-L</t>
  </si>
  <si>
    <t>118/12L</t>
  </si>
  <si>
    <t>chak # 116/12L</t>
  </si>
  <si>
    <t>116/12L</t>
  </si>
  <si>
    <t>Aysha Farheen</t>
  </si>
  <si>
    <t>14798</t>
  </si>
  <si>
    <t>21886</t>
  </si>
  <si>
    <t>4522</t>
  </si>
  <si>
    <t>50663</t>
  </si>
  <si>
    <t>GHS COMPREHENSIVE SAHIWAL</t>
  </si>
  <si>
    <t>Freed To wn</t>
  </si>
  <si>
    <t>Government Comprehensive School Sahiwal</t>
  </si>
  <si>
    <t>Fareed Town</t>
  </si>
  <si>
    <t>Farid Town Sahiwal</t>
  </si>
  <si>
    <t>SHAHID IRSHAD</t>
  </si>
  <si>
    <t>54114</t>
  </si>
  <si>
    <t>9816</t>
  </si>
  <si>
    <t>50675</t>
  </si>
  <si>
    <t>GHS MUHAMMAD PUR</t>
  </si>
  <si>
    <t>Govt.High School Muhammad Pur</t>
  </si>
  <si>
    <t>Muhammad Yasin Khan</t>
  </si>
  <si>
    <t>7044</t>
  </si>
  <si>
    <t>50679</t>
  </si>
  <si>
    <t>GHSS 73/5-L</t>
  </si>
  <si>
    <t>MUGHAL</t>
  </si>
  <si>
    <t>GHSS 73/5L Teh &amp; Distt.  SAHIWAL</t>
  </si>
  <si>
    <t>44 5/L Fojian</t>
  </si>
  <si>
    <t>Muhammad Ali S/O Abdullah</t>
  </si>
  <si>
    <t>50688</t>
  </si>
  <si>
    <t>GHS 58/4-R</t>
  </si>
  <si>
    <t>58-4R</t>
  </si>
  <si>
    <t>chak No 58/4R Sahiwal</t>
  </si>
  <si>
    <t>61-4R</t>
  </si>
  <si>
    <t>AHMAD YAR</t>
  </si>
  <si>
    <t>50693</t>
  </si>
  <si>
    <t>GHS 186/9-L</t>
  </si>
  <si>
    <t>chak no 186/9-l</t>
  </si>
  <si>
    <t>Govt. High School 186/9-L near Harappa Station S ahiwal</t>
  </si>
  <si>
    <t>chak no 138/9-l</t>
  </si>
  <si>
    <t>Muhammad Aslam Rizvi</t>
  </si>
  <si>
    <t>28926</t>
  </si>
  <si>
    <t>50696</t>
  </si>
  <si>
    <t>GHS 64/4-R</t>
  </si>
  <si>
    <t>64/4-r</t>
  </si>
  <si>
    <t>chak no 64/4-r sahiwal</t>
  </si>
  <si>
    <t>chak no 66/4-r sahiwal</t>
  </si>
  <si>
    <t>50712</t>
  </si>
  <si>
    <t>GGHS MC JUNIOR MODEL NO.1 SAHIWAL</t>
  </si>
  <si>
    <t>canal colony sahiwal.</t>
  </si>
  <si>
    <t>Dosehra Ground</t>
  </si>
  <si>
    <t>MUNAZZA  AHMAD</t>
  </si>
  <si>
    <t>25675</t>
  </si>
  <si>
    <t>50734</t>
  </si>
  <si>
    <t>GGHSS 120/9-L KAMEER</t>
  </si>
  <si>
    <t>GGHSS 120/9-L KAMIR NEAR SADAR BAZAR DISTRICT SAHIWAL</t>
  </si>
  <si>
    <t>Kamir 120/9L</t>
  </si>
  <si>
    <t>kamir 120/9L</t>
  </si>
  <si>
    <t>Aziza Bashir</t>
  </si>
  <si>
    <t>1667</t>
  </si>
  <si>
    <t>GHS THATTA BAHADAR SINGH</t>
  </si>
  <si>
    <t>Tlbi jay singh</t>
  </si>
  <si>
    <t>GHS THATHA BAHADUR SINGH SAHIWAL</t>
  </si>
  <si>
    <t>THATHA BAHADUR SINGH</t>
  </si>
  <si>
    <t>KERYAL</t>
  </si>
  <si>
    <t>Qutab Ali</t>
  </si>
  <si>
    <t>GGHS CHAK NO. 73/4-R</t>
  </si>
  <si>
    <t>73/4R</t>
  </si>
  <si>
    <t>73/4R Sahiwal</t>
  </si>
  <si>
    <t>Ayesha Kanwal</t>
  </si>
  <si>
    <t>9257</t>
  </si>
  <si>
    <t>50794</t>
  </si>
  <si>
    <t>GGES 58/4-R</t>
  </si>
  <si>
    <t>BURJWALA A-FEMALE</t>
  </si>
  <si>
    <t>58/4-R</t>
  </si>
  <si>
    <t>chak 58/4-R</t>
  </si>
  <si>
    <t>Chak 61/4-R</t>
  </si>
  <si>
    <t>44212</t>
  </si>
  <si>
    <t>50813</t>
  </si>
  <si>
    <t>GGHS 65-A/GD GHARBI</t>
  </si>
  <si>
    <t>Chak 65-A/GD GHARBI</t>
  </si>
  <si>
    <t>gghs 65A/GD Gharbi</t>
  </si>
  <si>
    <t>65-A/GD GHARBI</t>
  </si>
  <si>
    <t>Sehrish Zaman</t>
  </si>
  <si>
    <t>50814</t>
  </si>
  <si>
    <t>GGES 60-61/GD</t>
  </si>
  <si>
    <t>60-61/gd</t>
  </si>
  <si>
    <t>60-61GD sahiwal</t>
  </si>
  <si>
    <t>60-61GD</t>
  </si>
  <si>
    <t>59GD</t>
  </si>
  <si>
    <t>Shahnaz zafar</t>
  </si>
  <si>
    <t>19915</t>
  </si>
  <si>
    <t>GPS MC GREEN TOWN SAHIWAL</t>
  </si>
  <si>
    <t>Green Town sahiwal</t>
  </si>
  <si>
    <t>Mohala Noor Park</t>
  </si>
  <si>
    <t>Abid Ghafoor</t>
  </si>
  <si>
    <t>14056</t>
  </si>
  <si>
    <t>50837</t>
  </si>
  <si>
    <t>GPS MC BRANCH D SAHIWAL</t>
  </si>
  <si>
    <t>Shiwal</t>
  </si>
  <si>
    <t>Ansar galli sahiwal</t>
  </si>
  <si>
    <t>5967</t>
  </si>
  <si>
    <t>50854</t>
  </si>
  <si>
    <t>GPS 66/GD</t>
  </si>
  <si>
    <t>QUTAB SHAHANA-B-MALE</t>
  </si>
  <si>
    <t>Chak 66/GD</t>
  </si>
  <si>
    <t>chak no 66/gd Sahiwal</t>
  </si>
  <si>
    <t>Chak No 66/GD</t>
  </si>
  <si>
    <t>Chak NO 59/GD</t>
  </si>
  <si>
    <t>Muhammad Feroz</t>
  </si>
  <si>
    <t>26884</t>
  </si>
  <si>
    <t>30101</t>
  </si>
  <si>
    <t>50956</t>
  </si>
  <si>
    <t>GPS 101/6AR</t>
  </si>
  <si>
    <t>101-6-A R</t>
  </si>
  <si>
    <t>102-6-A R</t>
  </si>
  <si>
    <t>13852</t>
  </si>
  <si>
    <t>50991</t>
  </si>
  <si>
    <t>GPS CHOKANDHI</t>
  </si>
  <si>
    <t>CHOKHANDI</t>
  </si>
  <si>
    <t>P/O 58/GD Mouza Chokhandi Sahiwal</t>
  </si>
  <si>
    <t>Chokhandi</t>
  </si>
  <si>
    <t>3564</t>
  </si>
  <si>
    <t>51008</t>
  </si>
  <si>
    <t>GPS MERAN SHAH</t>
  </si>
  <si>
    <t>Meran Shah</t>
  </si>
  <si>
    <t>meran shah</t>
  </si>
  <si>
    <t>19844</t>
  </si>
  <si>
    <t>51018</t>
  </si>
  <si>
    <t>GPS 121/9-L</t>
  </si>
  <si>
    <t>Chak No 121/9-L</t>
  </si>
  <si>
    <t>chak No.121/9-L</t>
  </si>
  <si>
    <t>121/9-L</t>
  </si>
  <si>
    <t>153/9-L</t>
  </si>
  <si>
    <t>Building is Not Constructed</t>
  </si>
  <si>
    <t>50630</t>
  </si>
  <si>
    <t>GPS 145/9-L</t>
  </si>
  <si>
    <t>Chak No145/9L</t>
  </si>
  <si>
    <t>chak No145/9L</t>
  </si>
  <si>
    <t>Chak No141/9L</t>
  </si>
  <si>
    <t>Muhammad Yousaf Shahid</t>
  </si>
  <si>
    <t>GGPS MC NO.13 MOHALLA RAJPUR</t>
  </si>
  <si>
    <t>Rajpura</t>
  </si>
  <si>
    <t>GGPS MC 13 RAJPURA NEAR BOP ARIF ROAD BRANCH</t>
  </si>
  <si>
    <t>Arif Wala Road</t>
  </si>
  <si>
    <t>Farhat Niaz</t>
  </si>
  <si>
    <t>39877</t>
  </si>
  <si>
    <t>51052</t>
  </si>
  <si>
    <t>GGPS MC NO.6 SAHIWAL</t>
  </si>
  <si>
    <t>Baldia</t>
  </si>
  <si>
    <t>GGPS MC no 6</t>
  </si>
  <si>
    <t>SadarA</t>
  </si>
  <si>
    <t>Samina Jabbar</t>
  </si>
  <si>
    <t>41980</t>
  </si>
  <si>
    <t>51066</t>
  </si>
  <si>
    <t>GGPS 135-A/9-L</t>
  </si>
  <si>
    <t>135a/9L</t>
  </si>
  <si>
    <t>chak no. 135a/9L Sahiwal</t>
  </si>
  <si>
    <t>135A/9L Sahiwal</t>
  </si>
  <si>
    <t>134/9L</t>
  </si>
  <si>
    <t>Zikria Bano</t>
  </si>
  <si>
    <t>51073</t>
  </si>
  <si>
    <t>GGPS 138/9-L EHSAN ABAD</t>
  </si>
  <si>
    <t>KAMEER -B-FEMALE</t>
  </si>
  <si>
    <t>138/9L Ahsan Abad</t>
  </si>
  <si>
    <t>chak number 138/9L Ahsan abad</t>
  </si>
  <si>
    <t>138/9lL Ahsan Abad</t>
  </si>
  <si>
    <t>138/9L Old</t>
  </si>
  <si>
    <t>Hafiza Layala Mariam</t>
  </si>
  <si>
    <t>47649</t>
  </si>
  <si>
    <t>51074</t>
  </si>
  <si>
    <t>GGPS 138/9-L LATAN</t>
  </si>
  <si>
    <t>Lattan</t>
  </si>
  <si>
    <t>138/9-l Lattan ,Sahiwal</t>
  </si>
  <si>
    <t>138/9-l Lattan</t>
  </si>
  <si>
    <t>138/9l Old</t>
  </si>
  <si>
    <t>Abida Kasour</t>
  </si>
  <si>
    <t>7583</t>
  </si>
  <si>
    <t>51125</t>
  </si>
  <si>
    <t>GGPS 60/ 4-R</t>
  </si>
  <si>
    <t>QADRA ABAD-B-FEMALE</t>
  </si>
  <si>
    <t>60/4r</t>
  </si>
  <si>
    <t>GGPS 60/4r</t>
  </si>
  <si>
    <t>61/4r</t>
  </si>
  <si>
    <t>Humera Akram</t>
  </si>
  <si>
    <t>51126</t>
  </si>
  <si>
    <t>GGPS 59/4-R</t>
  </si>
  <si>
    <t>59/4-R</t>
  </si>
  <si>
    <t>CHAK No.59/4-R, SAHIWAL</t>
  </si>
  <si>
    <t>61/4-R</t>
  </si>
  <si>
    <t>Nisa Fatima</t>
  </si>
  <si>
    <t>38716</t>
  </si>
  <si>
    <t>51151</t>
  </si>
  <si>
    <t>GGPS 76/5-L</t>
  </si>
  <si>
    <t>QADRA ABAD-A-FEMALE</t>
  </si>
  <si>
    <t>76/5-L</t>
  </si>
  <si>
    <t>chak no 76/5-L SWL</t>
  </si>
  <si>
    <t>Nasreen Akbar</t>
  </si>
  <si>
    <t>51173</t>
  </si>
  <si>
    <t>GGPS JAHANA SAGGLA</t>
  </si>
  <si>
    <t>Jahana Saghla</t>
  </si>
  <si>
    <t>GGPS Jahana Saghla</t>
  </si>
  <si>
    <t>MADIHA RAMZAN</t>
  </si>
  <si>
    <t>5845</t>
  </si>
  <si>
    <t>8220</t>
  </si>
  <si>
    <t>51238</t>
  </si>
  <si>
    <t>GGPS 108/9-L DAKHLI</t>
  </si>
  <si>
    <t>Chak 108/9L Dakhli Abadi</t>
  </si>
  <si>
    <t>chak 108/9L Dakhli abadi sahiwal</t>
  </si>
  <si>
    <t>Chak #108/9L Dakhli Abadi</t>
  </si>
  <si>
    <t>114/9L Jandian</t>
  </si>
  <si>
    <t>Rabbia Rasheed</t>
  </si>
  <si>
    <t>51279</t>
  </si>
  <si>
    <t>GPS KILI MOUZA</t>
  </si>
  <si>
    <t>Killi</t>
  </si>
  <si>
    <t>Gps mouza killi markz noor shah</t>
  </si>
  <si>
    <t>Mouza Killi</t>
  </si>
  <si>
    <t>M Zeeshan</t>
  </si>
  <si>
    <t>51295</t>
  </si>
  <si>
    <t>GGHSS MALKA HANS</t>
  </si>
  <si>
    <t>malka hans</t>
  </si>
  <si>
    <t>govt girls higher secondary school malka hans</t>
  </si>
  <si>
    <t>BUSHRA IQBAL</t>
  </si>
  <si>
    <t>60179</t>
  </si>
  <si>
    <t>51296</t>
  </si>
  <si>
    <t>GHS KUMHARAI WALA</t>
  </si>
  <si>
    <t>KUMHARIWALA</t>
  </si>
  <si>
    <t>GOVT.MODEL HIGH SCHOOL KUMHARIWALA</t>
  </si>
  <si>
    <t>MUHAMMAD YAR NAZ</t>
  </si>
  <si>
    <t>51297</t>
  </si>
  <si>
    <t>GHS 39/S.P</t>
  </si>
  <si>
    <t>CHAK NO 39/S.P</t>
  </si>
  <si>
    <t>CHAK NO 39/S.P P/O SAME PAKPATTAN</t>
  </si>
  <si>
    <t>PEER GHANI</t>
  </si>
  <si>
    <t>7150</t>
  </si>
  <si>
    <t>19951</t>
  </si>
  <si>
    <t>5259</t>
  </si>
  <si>
    <t>51299</t>
  </si>
  <si>
    <t>GHS 83/D P.O 83/D PAKPATTAN</t>
  </si>
  <si>
    <t>83/D</t>
  </si>
  <si>
    <t>CHAK NO.83/D, PAKPATTAN</t>
  </si>
  <si>
    <t>MUHAMMAD IRSHAD</t>
  </si>
  <si>
    <t>52526</t>
  </si>
  <si>
    <t>51308</t>
  </si>
  <si>
    <t>GHSS CHAK BEDI</t>
  </si>
  <si>
    <t>Chak bedi, Pakpattam</t>
  </si>
  <si>
    <t>ahmad ali</t>
  </si>
  <si>
    <t>51484</t>
  </si>
  <si>
    <t>GPS AMAN KHAN</t>
  </si>
  <si>
    <t>Ghadi Shah</t>
  </si>
  <si>
    <t>Basti Aman khan</t>
  </si>
  <si>
    <t>Aman khan</t>
  </si>
  <si>
    <t>ASLAM Toqir</t>
  </si>
  <si>
    <t>44434</t>
  </si>
  <si>
    <t>GPS CHAK NO. 36 SP KALAN</t>
  </si>
  <si>
    <t>36/SP KALAN</t>
  </si>
  <si>
    <t>36SP KALAN</t>
  </si>
  <si>
    <t>30/SP</t>
  </si>
  <si>
    <t>AYYAZ MEHMOOD</t>
  </si>
  <si>
    <t>50330</t>
  </si>
  <si>
    <t>3917</t>
  </si>
  <si>
    <t>51496</t>
  </si>
  <si>
    <t>GPS CHAK NO. 79 D</t>
  </si>
  <si>
    <t>NOOR PUR 1 - MALE</t>
  </si>
  <si>
    <t>79d</t>
  </si>
  <si>
    <t>chak no 79d</t>
  </si>
  <si>
    <t>Ali Ahmad Sabir</t>
  </si>
  <si>
    <t>6870</t>
  </si>
  <si>
    <t>15352</t>
  </si>
  <si>
    <t>5518</t>
  </si>
  <si>
    <t>51503</t>
  </si>
  <si>
    <t>GPS CHAK NO. 103 D</t>
  </si>
  <si>
    <t>103D</t>
  </si>
  <si>
    <t>Chak 103D</t>
  </si>
  <si>
    <t>96D</t>
  </si>
  <si>
    <t>Muhammad Jafar Majaz</t>
  </si>
  <si>
    <t>17299</t>
  </si>
  <si>
    <t>51507</t>
  </si>
  <si>
    <t>GPS CHAK NO. 94 / D</t>
  </si>
  <si>
    <t>94d</t>
  </si>
  <si>
    <t>Chak No. 94/D Tehsil &amp; Pakpattan Sharif</t>
  </si>
  <si>
    <t>Chak 85d</t>
  </si>
  <si>
    <t>51509</t>
  </si>
  <si>
    <t>GPS CHAK NO. 76/D</t>
  </si>
  <si>
    <t>76/d</t>
  </si>
  <si>
    <t>chak no 76d</t>
  </si>
  <si>
    <t>76d</t>
  </si>
  <si>
    <t>93d</t>
  </si>
  <si>
    <t>Irfan Ul Allah</t>
  </si>
  <si>
    <t>37115</t>
  </si>
  <si>
    <t>21184</t>
  </si>
  <si>
    <t>51520</t>
  </si>
  <si>
    <t>GPS HARRY PUR</t>
  </si>
  <si>
    <t>MALKA HANS - MALE</t>
  </si>
  <si>
    <t>ARAZI TAKE CHAND</t>
  </si>
  <si>
    <t>Shaiwal road adda harri pur</t>
  </si>
  <si>
    <t>HARRI PUR</t>
  </si>
  <si>
    <t>Sandy khan</t>
  </si>
  <si>
    <t>Malik Haqnawaz Bakyana</t>
  </si>
  <si>
    <t>36426</t>
  </si>
  <si>
    <t>51547</t>
  </si>
  <si>
    <t>GPS 57/D</t>
  </si>
  <si>
    <t>CHOWK SIKANDER - MALE</t>
  </si>
  <si>
    <t>Chak No 57/D</t>
  </si>
  <si>
    <t>chak no 57/D teh &amp; distt pakpattan</t>
  </si>
  <si>
    <t>Hella Wattowan</t>
  </si>
  <si>
    <t>36247</t>
  </si>
  <si>
    <t>19455</t>
  </si>
  <si>
    <t>51575</t>
  </si>
  <si>
    <t>GMPS 82 D</t>
  </si>
  <si>
    <t>82d</t>
  </si>
  <si>
    <t>gmps 82d teh &amp; disst pakpattan sharif</t>
  </si>
  <si>
    <t>82/ D</t>
  </si>
  <si>
    <t>Chak 85/ D</t>
  </si>
  <si>
    <t>21961</t>
  </si>
  <si>
    <t>51576</t>
  </si>
  <si>
    <t>GGHS MODEL ADDA NOOR PUR</t>
  </si>
  <si>
    <t>93/D</t>
  </si>
  <si>
    <t>GGMHS 93/D NOOR PUR</t>
  </si>
  <si>
    <t>93/d</t>
  </si>
  <si>
    <t>azra perveen</t>
  </si>
  <si>
    <t>51581</t>
  </si>
  <si>
    <t>GGPS 56 SP</t>
  </si>
  <si>
    <t>MALKA HANS 2 - FEMALE</t>
  </si>
  <si>
    <t>56sp</t>
  </si>
  <si>
    <t>waan bodla 56\sp p/o malkahans ppn</t>
  </si>
  <si>
    <t>wan bodla</t>
  </si>
  <si>
    <t>sandhy khan</t>
  </si>
  <si>
    <t>Uzma Nawaz</t>
  </si>
  <si>
    <t>25970</t>
  </si>
  <si>
    <t>51709</t>
  </si>
  <si>
    <t>GPS CHALADH KEY  PO PAKPATTAN</t>
  </si>
  <si>
    <t>PAKPATTAN 1 - MALE</t>
  </si>
  <si>
    <t>Malekay Taro</t>
  </si>
  <si>
    <t>basti chaladhkay pakpattan</t>
  </si>
  <si>
    <t>Chaladhkay</t>
  </si>
  <si>
    <t>Kumhariwala</t>
  </si>
  <si>
    <t>Shizra Waris</t>
  </si>
  <si>
    <t>51713</t>
  </si>
  <si>
    <t>GPS CHAK NO. 86 D</t>
  </si>
  <si>
    <t>86/d</t>
  </si>
  <si>
    <t>chak 86//d Tehsil district pakpattan</t>
  </si>
  <si>
    <t>85/d</t>
  </si>
  <si>
    <t>MUHAMMAD.YASIN</t>
  </si>
  <si>
    <t>46300</t>
  </si>
  <si>
    <t>51170</t>
  </si>
  <si>
    <t>54945</t>
  </si>
  <si>
    <t>GPS TUBE WELL WALI MUHAMMAD</t>
  </si>
  <si>
    <t>Arazi shaho Khan</t>
  </si>
  <si>
    <t>tube well wali Muhammad</t>
  </si>
  <si>
    <t>Arazi Shaho Khan</t>
  </si>
  <si>
    <t>Sandhky Khan</t>
  </si>
  <si>
    <t>Farzana Rafiq</t>
  </si>
  <si>
    <t>51770</t>
  </si>
  <si>
    <t>GGPS PATTI PUR DAKHLI MALIK PUR</t>
  </si>
  <si>
    <t>MALIK PUR</t>
  </si>
  <si>
    <t>GGPS PATIPUR</t>
  </si>
  <si>
    <t>PATIPUR</t>
  </si>
  <si>
    <t>BEHRAM PUR</t>
  </si>
  <si>
    <t>Rubina Abbas</t>
  </si>
  <si>
    <t>32435</t>
  </si>
  <si>
    <t>51779</t>
  </si>
  <si>
    <t>GHS ISLAMIA SHAKARGUNJ</t>
  </si>
  <si>
    <t>Gulshan-e-Iqbal Colony Arifwala</t>
  </si>
  <si>
    <t>51786</t>
  </si>
  <si>
    <t>GHS 1-EB</t>
  </si>
  <si>
    <t>Chak No. 01-EB</t>
  </si>
  <si>
    <t>CHAK NO. 01-EB TEHSIL ARIFWALA DISTRICT PAKPATTAN</t>
  </si>
  <si>
    <t>JEWAN SHAH</t>
  </si>
  <si>
    <t>Muhammad Abbas Amer</t>
  </si>
  <si>
    <t>4747</t>
  </si>
  <si>
    <t>51789</t>
  </si>
  <si>
    <t>GHS CHAK NO.34/KB</t>
  </si>
  <si>
    <t>34 KB</t>
  </si>
  <si>
    <t>Chak no 34 kb tehsil arifwala district pakpattan</t>
  </si>
  <si>
    <t>MOEEN KOT</t>
  </si>
  <si>
    <t>MUHAMMAD KABIR KHAN</t>
  </si>
  <si>
    <t>9903</t>
  </si>
  <si>
    <t>51803</t>
  </si>
  <si>
    <t>GGHS MC MODEL ARIFWALA</t>
  </si>
  <si>
    <t>J Block  arifwala</t>
  </si>
  <si>
    <t>51806</t>
  </si>
  <si>
    <t>GGHSS 149 EB ARIFWALA</t>
  </si>
  <si>
    <t>149/eb arifwala</t>
  </si>
  <si>
    <t>149/eb</t>
  </si>
  <si>
    <t>lubna zia</t>
  </si>
  <si>
    <t>51849</t>
  </si>
  <si>
    <t>GGHS 109 EB</t>
  </si>
  <si>
    <t>Chak No 109/EB Tehsil Arifwala District Pakpattan</t>
  </si>
  <si>
    <t>51871</t>
  </si>
  <si>
    <t>GPS 53 SP</t>
  </si>
  <si>
    <t>53 Sp</t>
  </si>
  <si>
    <t>rehmat colony pakpatn road arifwala</t>
  </si>
  <si>
    <t>Jeevan Shah</t>
  </si>
  <si>
    <t>Haji Muhammad</t>
  </si>
  <si>
    <t>29586</t>
  </si>
  <si>
    <t>51909</t>
  </si>
  <si>
    <t>GPS FARID SHAH</t>
  </si>
  <si>
    <t>Chak Farid Shah  Muhammad Nagar Two</t>
  </si>
  <si>
    <t>chak farid shah th  arifwala dist pakpattan</t>
  </si>
  <si>
    <t>Farid Shah</t>
  </si>
  <si>
    <t>Jamoobodla</t>
  </si>
  <si>
    <t>54936</t>
  </si>
  <si>
    <t>GPS 26/EB</t>
  </si>
  <si>
    <t>26/EB</t>
  </si>
  <si>
    <t>26/E.B arifwla</t>
  </si>
  <si>
    <t>34/EB</t>
  </si>
  <si>
    <t>51957</t>
  </si>
  <si>
    <t>GPS 211 EB</t>
  </si>
  <si>
    <t>AHMAD YAR - MALE</t>
  </si>
  <si>
    <t>chak 211/EB</t>
  </si>
  <si>
    <t>chak no 211/EB Markaz Ahma Yar Teh. Arif Wala Distt. Pakpattan</t>
  </si>
  <si>
    <t>211/EB</t>
  </si>
  <si>
    <t>chak 163EB</t>
  </si>
  <si>
    <t>28831</t>
  </si>
  <si>
    <t>52019</t>
  </si>
  <si>
    <t>GGPS 65-A/EB</t>
  </si>
  <si>
    <t>65Aeb</t>
  </si>
  <si>
    <t>ggps65eb</t>
  </si>
  <si>
    <t>Rukhsana Kosar</t>
  </si>
  <si>
    <t>48753</t>
  </si>
  <si>
    <t>25753</t>
  </si>
  <si>
    <t>28180</t>
  </si>
  <si>
    <t>37959</t>
  </si>
  <si>
    <t>GPS KHOI DOGAR WALI</t>
  </si>
  <si>
    <t>Kocha kokari</t>
  </si>
  <si>
    <t>moza kocha kokari uc sheroo dustii busti khoi dogar</t>
  </si>
  <si>
    <t>Khoi dogar walii</t>
  </si>
  <si>
    <t>sheroo dustii</t>
  </si>
  <si>
    <t>Imdad Hussain</t>
  </si>
  <si>
    <t>8506</t>
  </si>
  <si>
    <t>GPS RIND WALA</t>
  </si>
  <si>
    <t>Chah Gulzaar wala, Shero Dasti, PO kala DGK</t>
  </si>
  <si>
    <t>Gulzaar Wala</t>
  </si>
  <si>
    <t>Hafiz Ghulam Akber</t>
  </si>
  <si>
    <t>GMPS WAHID AMIR</t>
  </si>
  <si>
    <t>Jendo Daia</t>
  </si>
  <si>
    <t>bsti wahid ameer post office tranda mahammad pnha</t>
  </si>
  <si>
    <t>Wahid ameer</t>
  </si>
  <si>
    <t>Tranda Muhammad Pnha</t>
  </si>
  <si>
    <t>GulnazRafiq Rafiq</t>
  </si>
  <si>
    <t>GGES BASTI HAKIM ALI</t>
  </si>
  <si>
    <t>4A</t>
  </si>
  <si>
    <t>basti hakim ali</t>
  </si>
  <si>
    <t>Bsti Chak 4 A</t>
  </si>
  <si>
    <t>25A</t>
  </si>
  <si>
    <t>6048</t>
  </si>
  <si>
    <t>147015</t>
  </si>
  <si>
    <t>GHS JINNAH PARK</t>
  </si>
  <si>
    <t>Jinnah park</t>
  </si>
  <si>
    <t>STREET No. 10 JINNAH PARK R Y KHAN</t>
  </si>
  <si>
    <t>M C JINNAH PARK R Y KHAN</t>
  </si>
  <si>
    <t>QAZI FASIH UD DIN</t>
  </si>
  <si>
    <t>private water</t>
  </si>
  <si>
    <t>49897</t>
  </si>
  <si>
    <t>GES MUD HASSAN</t>
  </si>
  <si>
    <t>Muds Hassan</t>
  </si>
  <si>
    <t>e/s mudd hassan,mouza mudd hassan tehsil rahim yar khan</t>
  </si>
  <si>
    <t>Mudd Hassan</t>
  </si>
  <si>
    <t>khuda Bux Niazi</t>
  </si>
  <si>
    <t>43380</t>
  </si>
  <si>
    <t>GGES HASSAN COLONY</t>
  </si>
  <si>
    <t>hassan colony</t>
  </si>
  <si>
    <t>Hassan Colony</t>
  </si>
  <si>
    <t>Safina Hayat</t>
  </si>
  <si>
    <t>20860</t>
  </si>
  <si>
    <t>GGES HABIB COLONY STREET NO. 7</t>
  </si>
  <si>
    <t>SADAR RYK - FEMALE</t>
  </si>
  <si>
    <t>Kot Daria</t>
  </si>
  <si>
    <t>street no7.habib colony ryk</t>
  </si>
  <si>
    <t>Habib Colony</t>
  </si>
  <si>
    <t>Noshaba Farooqi</t>
  </si>
  <si>
    <t>GGES CHAK NO. 101/P</t>
  </si>
  <si>
    <t>HAJI PUR-FEMALE</t>
  </si>
  <si>
    <t>chak 101/p</t>
  </si>
  <si>
    <t>gges101/p, rahim yar khan</t>
  </si>
  <si>
    <t>Nazish Gul</t>
  </si>
  <si>
    <t>10253</t>
  </si>
  <si>
    <t>39019</t>
  </si>
  <si>
    <t>32470</t>
  </si>
  <si>
    <t>6172</t>
  </si>
  <si>
    <t>GPS WARNI</t>
  </si>
  <si>
    <t>PALACE - MALE</t>
  </si>
  <si>
    <t>Shah Garh</t>
  </si>
  <si>
    <t>Basti Warni Mauza Shah Garh RYK</t>
  </si>
  <si>
    <t>Basti Warni</t>
  </si>
  <si>
    <t>Behishti</t>
  </si>
  <si>
    <t>6185</t>
  </si>
  <si>
    <t>GPS CHAK 86/P</t>
  </si>
  <si>
    <t>Chak No 86p</t>
  </si>
  <si>
    <t>chak no. 86p</t>
  </si>
  <si>
    <t>Chak No 105p</t>
  </si>
  <si>
    <t>GPS CHAK 139/P</t>
  </si>
  <si>
    <t>Bondor</t>
  </si>
  <si>
    <t>chak no 139p p/o 140,p</t>
  </si>
  <si>
    <t>139p</t>
  </si>
  <si>
    <t>GPS TAJ PUR MUREED WALA</t>
  </si>
  <si>
    <t>Tajpur Mureed Wala</t>
  </si>
  <si>
    <t>basti  Tajpur</t>
  </si>
  <si>
    <t>Murtaza Abad</t>
  </si>
  <si>
    <t>Muhammad Khalid Rashid</t>
  </si>
  <si>
    <t>6414</t>
  </si>
  <si>
    <t>GGPS BASTI AMANAT ALI</t>
  </si>
  <si>
    <t>Baghdad colony</t>
  </si>
  <si>
    <t>R Y Khan</t>
  </si>
  <si>
    <t>Athar Parveen</t>
  </si>
  <si>
    <t>GGPS HAJI COLONY</t>
  </si>
  <si>
    <t>Haji Muhammad Colony</t>
  </si>
  <si>
    <t>GGPS Colony Haji Muhammad</t>
  </si>
  <si>
    <t>Colony Hajj Muhammad</t>
  </si>
  <si>
    <t>MC RYK B</t>
  </si>
  <si>
    <t>Farzana Akhtar</t>
  </si>
  <si>
    <t>11222</t>
  </si>
  <si>
    <t>12387</t>
  </si>
  <si>
    <t>6621</t>
  </si>
  <si>
    <t>GGPS SEED FARM</t>
  </si>
  <si>
    <t>101/p Lakhi Wala</t>
  </si>
  <si>
    <t>seed farm, 101/p lakhi wala</t>
  </si>
  <si>
    <t>Lakhi Wala</t>
  </si>
  <si>
    <t>GMMS DERA SHER MUHAMMAD</t>
  </si>
  <si>
    <t>Sheinh Wala</t>
  </si>
  <si>
    <t>p/0 pallu shah</t>
  </si>
  <si>
    <t>Sheir Muhammad</t>
  </si>
  <si>
    <t>Habib ullah</t>
  </si>
  <si>
    <t>6848</t>
  </si>
  <si>
    <t>GGHS WAPDA SCORP RYK</t>
  </si>
  <si>
    <t>Kot Kammu Shah</t>
  </si>
  <si>
    <t>gghs wapda scarp ryk cant.</t>
  </si>
  <si>
    <t>Akramabad</t>
  </si>
  <si>
    <t>asia rafiq</t>
  </si>
  <si>
    <t>cant. water supply</t>
  </si>
  <si>
    <t>6856</t>
  </si>
  <si>
    <t>GGPS MC HUSSAIN ABAD</t>
  </si>
  <si>
    <t>hussain abad</t>
  </si>
  <si>
    <t>37 H</t>
  </si>
  <si>
    <t>20598</t>
  </si>
  <si>
    <t>8625</t>
  </si>
  <si>
    <t>GGHS KORA BHOUNCHRY</t>
  </si>
  <si>
    <t>gadai  garbi  waso wala</t>
  </si>
  <si>
    <t>jaboja gadai gharbi</t>
  </si>
  <si>
    <t>gadai gharbi</t>
  </si>
  <si>
    <t>Rehana Hameed</t>
  </si>
  <si>
    <t>28675</t>
  </si>
  <si>
    <t>19300</t>
  </si>
  <si>
    <t>GPS SYED LOOP</t>
  </si>
  <si>
    <t>Syed Loop</t>
  </si>
  <si>
    <t>GPS Syed Loop Khar fort manroo Tehsil Tribal Area disst. Dera ghazi khan</t>
  </si>
  <si>
    <t>8727</t>
  </si>
  <si>
    <t>GGHSS EXCELLENT LAB</t>
  </si>
  <si>
    <t>DGKhan</t>
  </si>
  <si>
    <t>Block z DGKhan</t>
  </si>
  <si>
    <t>DGKHAN</t>
  </si>
  <si>
    <t>DGKhan Urben</t>
  </si>
  <si>
    <t>ROBINA SHAHEEN</t>
  </si>
  <si>
    <t>32846</t>
  </si>
  <si>
    <t>GHS TAUNSA</t>
  </si>
  <si>
    <t>urban taunsa</t>
  </si>
  <si>
    <t>GOVT BOYS HIGH SCHOOL TAUNSA</t>
  </si>
  <si>
    <t>ZULFIQAR ALI MALGHANI</t>
  </si>
  <si>
    <t>8776</t>
  </si>
  <si>
    <t>GHS SOKAR</t>
  </si>
  <si>
    <t>sokar</t>
  </si>
  <si>
    <t>vpo sokar</t>
  </si>
  <si>
    <t>Zia sajid Khan</t>
  </si>
  <si>
    <t>36775</t>
  </si>
  <si>
    <t>8798</t>
  </si>
  <si>
    <t>GGHS MAKWAL</t>
  </si>
  <si>
    <t>Makwal Kalan</t>
  </si>
  <si>
    <t>8813</t>
  </si>
  <si>
    <t>GES ROHAIL</t>
  </si>
  <si>
    <t>Jhoke Rohail Shurqi</t>
  </si>
  <si>
    <t>jhoke rohail shurqi ,teh taunsa Sharif ,District DGKhan</t>
  </si>
  <si>
    <t>Jhoke Rohail</t>
  </si>
  <si>
    <t>Bohur</t>
  </si>
  <si>
    <t>Muhammad Awais</t>
  </si>
  <si>
    <t>44901</t>
  </si>
  <si>
    <t>5211</t>
  </si>
  <si>
    <t>8818</t>
  </si>
  <si>
    <t>GES PIRDAN SHARQI</t>
  </si>
  <si>
    <t>MAKWAL KALAN MALE</t>
  </si>
  <si>
    <t>Pirdan sharqi</t>
  </si>
  <si>
    <t>PO shadunlund union pirdan sharqi tehsil taunsa distt dgkhan</t>
  </si>
  <si>
    <t>Kareem bakhsh</t>
  </si>
  <si>
    <t>22020</t>
  </si>
  <si>
    <t>8824</t>
  </si>
  <si>
    <t>GHS MORE JHANGI</t>
  </si>
  <si>
    <t>More Jhangi</t>
  </si>
  <si>
    <t>Govt. High School More Jhangi P/O Retra Taunsa Sharif</t>
  </si>
  <si>
    <t>8831</t>
  </si>
  <si>
    <t>GES BINDA</t>
  </si>
  <si>
    <t>Vehova Shomali</t>
  </si>
  <si>
    <t>p/o vehova tahsil taunsa Sharif Dist D.G.khan</t>
  </si>
  <si>
    <t>Binda</t>
  </si>
  <si>
    <t>Zafar Ullah</t>
  </si>
  <si>
    <t>8837</t>
  </si>
  <si>
    <t>GHS THEEKER</t>
  </si>
  <si>
    <t>Theekar</t>
  </si>
  <si>
    <t>ghs theekar</t>
  </si>
  <si>
    <t>Theekat</t>
  </si>
  <si>
    <t>Muhammad Sashim Raja</t>
  </si>
  <si>
    <t>43517</t>
  </si>
  <si>
    <t>49437</t>
  </si>
  <si>
    <t>Jevan Gondal</t>
  </si>
  <si>
    <t>gghs gondal teh shahpur dist sgs</t>
  </si>
  <si>
    <t>Tahira Khanum</t>
  </si>
  <si>
    <t>49451</t>
  </si>
  <si>
    <t>GMPS NATHO WALA</t>
  </si>
  <si>
    <t>SHAHPUR CITY - FEMALE</t>
  </si>
  <si>
    <t>Nathowala</t>
  </si>
  <si>
    <t>Saleem Abad</t>
  </si>
  <si>
    <t>Hafiz Muhammad Nadeem</t>
  </si>
  <si>
    <t>7307</t>
  </si>
  <si>
    <t>19345</t>
  </si>
  <si>
    <t>49473</t>
  </si>
  <si>
    <t>GPS KUDYANA</t>
  </si>
  <si>
    <t>WEGOWAL - MALE</t>
  </si>
  <si>
    <t>Kudyana</t>
  </si>
  <si>
    <t>p/o Jahanabad Teh shahpur Distt Sargodha</t>
  </si>
  <si>
    <t>Jahanabad</t>
  </si>
  <si>
    <t>Hafiz Kaleem Ullah</t>
  </si>
  <si>
    <t>28070</t>
  </si>
  <si>
    <t>49488</t>
  </si>
  <si>
    <t>GPS GULLEY WALA</t>
  </si>
  <si>
    <t>JHAWARIAN - MALE</t>
  </si>
  <si>
    <t>Gulley Wala Jhawarian</t>
  </si>
  <si>
    <t>Tehsil Shah pur District Sargodha</t>
  </si>
  <si>
    <t>Muhammad Umar Draz</t>
  </si>
  <si>
    <t>12169</t>
  </si>
  <si>
    <t>12110</t>
  </si>
  <si>
    <t>52367</t>
  </si>
  <si>
    <t>5713</t>
  </si>
  <si>
    <t>GPS SULEMAN ABAD</t>
  </si>
  <si>
    <t>sulemanabad</t>
  </si>
  <si>
    <t>village sulemanabad,p.o Nawabpur Teh shahpur Distt.Sargodha</t>
  </si>
  <si>
    <t>khanpur wadahara</t>
  </si>
  <si>
    <t>10977</t>
  </si>
  <si>
    <t>16213</t>
  </si>
  <si>
    <t>49559</t>
  </si>
  <si>
    <t>GGPS NO.1 NIZAMABAD</t>
  </si>
  <si>
    <t>Nizam Abad</t>
  </si>
  <si>
    <t>ggp/s nizam abad post office wadhi teh shahpur distt sargodha</t>
  </si>
  <si>
    <t>Sabo Wal</t>
  </si>
  <si>
    <t>Aisha Tabassum</t>
  </si>
  <si>
    <t>19474</t>
  </si>
  <si>
    <t>49588</t>
  </si>
  <si>
    <t>GGPS SAIDAL</t>
  </si>
  <si>
    <t>KOT BHAI KHAN - FEMALE</t>
  </si>
  <si>
    <t>saidal</t>
  </si>
  <si>
    <t>Moza saidal post office jhawarian Teh.shahpur Dist.sargodha</t>
  </si>
  <si>
    <t>kot bhai khan</t>
  </si>
  <si>
    <t>45922</t>
  </si>
  <si>
    <t>32916</t>
  </si>
  <si>
    <t>49599</t>
  </si>
  <si>
    <t>GMPS CHAK SHEIKHA</t>
  </si>
  <si>
    <t>JHAWARIAN - FEMALE</t>
  </si>
  <si>
    <t>Chak Sheikha</t>
  </si>
  <si>
    <t>Chak Sheikha Tehseel Shahpur District Sargodha</t>
  </si>
  <si>
    <t>Anam Rubab</t>
  </si>
  <si>
    <t>49619</t>
  </si>
  <si>
    <t>GMPS THATTI UBBI</t>
  </si>
  <si>
    <t>GONDAL - FEMALE</t>
  </si>
  <si>
    <t>Thatti Ubhi</t>
  </si>
  <si>
    <t>,Thatti ubhi shahpur sargodha</t>
  </si>
  <si>
    <t>Muzamil Un Nisa</t>
  </si>
  <si>
    <t>11251</t>
  </si>
  <si>
    <t>103660</t>
  </si>
  <si>
    <t>GMMS MAHBOOB ABAD</t>
  </si>
  <si>
    <t>SHAHPUR CITY - MALE</t>
  </si>
  <si>
    <t>Jhmmat</t>
  </si>
  <si>
    <t>Mahboob abad</t>
  </si>
  <si>
    <t>Mahboob Abad</t>
  </si>
  <si>
    <t>Kandan</t>
  </si>
  <si>
    <t>Muhammad Naeem Tahir</t>
  </si>
  <si>
    <t>11115</t>
  </si>
  <si>
    <t>GMMS FEROZ ABAD</t>
  </si>
  <si>
    <t>dera bhaseena wala Shah pur sargodha</t>
  </si>
  <si>
    <t>Dera Bhaseena Wala</t>
  </si>
  <si>
    <t>Kashif Shahzad</t>
  </si>
  <si>
    <t>8272</t>
  </si>
  <si>
    <t>GHS NO.1 SILLANWALI</t>
  </si>
  <si>
    <t>MC SILLANWALI</t>
  </si>
  <si>
    <t>muhammad ishaq</t>
  </si>
  <si>
    <t>49645</t>
  </si>
  <si>
    <t>GHS CHAK NO.48 SB</t>
  </si>
  <si>
    <t>Chak 48 SB</t>
  </si>
  <si>
    <t>chak no 48 SB</t>
  </si>
  <si>
    <t>Chak No 120 SB</t>
  </si>
  <si>
    <t>Malik Muhammad Ashraf</t>
  </si>
  <si>
    <t>8670</t>
  </si>
  <si>
    <t>GHS CHAK NO.121 SB</t>
  </si>
  <si>
    <t>Chak No 121/sb Sillanwali</t>
  </si>
  <si>
    <t>chak no.121 /sb sillanwali sargodha</t>
  </si>
  <si>
    <t>Chak No 121/ Sb Sillanwali</t>
  </si>
  <si>
    <t>Chak No111/ Nb Sillanwali</t>
  </si>
  <si>
    <t>Wasim Ahmad</t>
  </si>
  <si>
    <t>47437</t>
  </si>
  <si>
    <t>49663</t>
  </si>
  <si>
    <t>GGHSS CHAK NO.133 SB</t>
  </si>
  <si>
    <t>Chak No133 SB</t>
  </si>
  <si>
    <t>GGHSS Chak no  133 SB</t>
  </si>
  <si>
    <t>Chak no 133 sb</t>
  </si>
  <si>
    <t>Chak no 132 Sb</t>
  </si>
  <si>
    <t>Sadia Rasheed</t>
  </si>
  <si>
    <t>12372</t>
  </si>
  <si>
    <t>49664</t>
  </si>
  <si>
    <t>GGHS CHAK NO.126 SB</t>
  </si>
  <si>
    <t>126 SB</t>
  </si>
  <si>
    <t>CHAK NO 126 SB SGD</t>
  </si>
  <si>
    <t>Chak No 126 SB</t>
  </si>
  <si>
    <t>Sobia Afzal</t>
  </si>
  <si>
    <t>5531</t>
  </si>
  <si>
    <t>32882</t>
  </si>
  <si>
    <t>49679</t>
  </si>
  <si>
    <t>GGES CHAK NO.121 SB</t>
  </si>
  <si>
    <t>121sb</t>
  </si>
  <si>
    <t>GGES121SB sillanwali, sargodha</t>
  </si>
  <si>
    <t>Chak#111</t>
  </si>
  <si>
    <t>Iqra Iqbal</t>
  </si>
  <si>
    <t>49702</t>
  </si>
  <si>
    <t>GGES CHAK NO 156 NB</t>
  </si>
  <si>
    <t>SHAH NIKDAR-I - FEMALE</t>
  </si>
  <si>
    <t>156nb</t>
  </si>
  <si>
    <t>152nb</t>
  </si>
  <si>
    <t>Asma Rukhsana</t>
  </si>
  <si>
    <t>49705</t>
  </si>
  <si>
    <t>GGES CHAK NO 159 NB</t>
  </si>
  <si>
    <t>Chak 159 NB</t>
  </si>
  <si>
    <t>chak 159 NB</t>
  </si>
  <si>
    <t>Chak No 159 NB</t>
  </si>
  <si>
    <t>3304</t>
  </si>
  <si>
    <t>2487</t>
  </si>
  <si>
    <t>49733</t>
  </si>
  <si>
    <t>GPS CHAK NO.114 NB</t>
  </si>
  <si>
    <t>114 NB</t>
  </si>
  <si>
    <t>chak no 114nb</t>
  </si>
  <si>
    <t>Chak No111</t>
  </si>
  <si>
    <t>Muhammad Sohail Akhtar</t>
  </si>
  <si>
    <t>5029</t>
  </si>
  <si>
    <t>49772</t>
  </si>
  <si>
    <t>GPS CHAK NO.139 NB</t>
  </si>
  <si>
    <t>SHAH NIKDAR-II - MALE</t>
  </si>
  <si>
    <t>chak no139 N.B</t>
  </si>
  <si>
    <t>Chak No 139 NB</t>
  </si>
  <si>
    <t>Sobhaga</t>
  </si>
  <si>
    <t>Amir Abdullah</t>
  </si>
  <si>
    <t>6724</t>
  </si>
  <si>
    <t>49860</t>
  </si>
  <si>
    <t>GHSS VIJH</t>
  </si>
  <si>
    <t>Vijh</t>
  </si>
  <si>
    <t>GHSS VIJH TEHSIL SAHIWAL DISTRICT SARGODHA</t>
  </si>
  <si>
    <t>GHS MUBARY KHAN</t>
  </si>
  <si>
    <t>Mubharey Khan</t>
  </si>
  <si>
    <t>Mubharey khan</t>
  </si>
  <si>
    <t>Rakh Sahiwal</t>
  </si>
  <si>
    <t>Naveed Iqbal</t>
  </si>
  <si>
    <t>GPS KHISHKAN</t>
  </si>
  <si>
    <t>SAHIWAL - MALE</t>
  </si>
  <si>
    <t>Khishkin</t>
  </si>
  <si>
    <t>khishkin</t>
  </si>
  <si>
    <t>Thathi Lambi</t>
  </si>
  <si>
    <t>Muhammad Aziz Ur Rehman Shah</t>
  </si>
  <si>
    <t>49954</t>
  </si>
  <si>
    <t>GPS KHICHI ARA</t>
  </si>
  <si>
    <t>Khichi Ara</t>
  </si>
  <si>
    <t>Khichi Ara Sahiwal Sargodha</t>
  </si>
  <si>
    <t>Asghar Hayat</t>
  </si>
  <si>
    <t>9022</t>
  </si>
  <si>
    <t>25190</t>
  </si>
  <si>
    <t>30187</t>
  </si>
  <si>
    <t>29247</t>
  </si>
  <si>
    <t>49960</t>
  </si>
  <si>
    <t>GPS ARRAR</t>
  </si>
  <si>
    <t>Arrar</t>
  </si>
  <si>
    <t>arrar</t>
  </si>
  <si>
    <t>Sjoka</t>
  </si>
  <si>
    <t>Hafiz Muhammad Irfanullah</t>
  </si>
  <si>
    <t>20120</t>
  </si>
  <si>
    <t>49962</t>
  </si>
  <si>
    <t>GPS MURAD WALA</t>
  </si>
  <si>
    <t>murad wala</t>
  </si>
  <si>
    <t>Noory Wala</t>
  </si>
  <si>
    <t>43066</t>
  </si>
  <si>
    <t>12029</t>
  </si>
  <si>
    <t>49971</t>
  </si>
  <si>
    <t>GPS POOLHA</t>
  </si>
  <si>
    <t>Poohlah</t>
  </si>
  <si>
    <t>village poohlah post office sial Sharif Tehsil Sahiwal District Sargodha</t>
  </si>
  <si>
    <t>Sial Sharif</t>
  </si>
  <si>
    <t>Muhammad Sibtain Akhtar</t>
  </si>
  <si>
    <t>52297</t>
  </si>
  <si>
    <t>49994</t>
  </si>
  <si>
    <t>GGPS CHACHOKA</t>
  </si>
  <si>
    <t>chachoka</t>
  </si>
  <si>
    <t>chachoka tehsil sahiwal dist sgd</t>
  </si>
  <si>
    <t>dera jara</t>
  </si>
  <si>
    <t>18805</t>
  </si>
  <si>
    <t>49999</t>
  </si>
  <si>
    <t>GGPS ARRAR</t>
  </si>
  <si>
    <t>THATTI JALAL - FEMALE</t>
  </si>
  <si>
    <t>Madiha Manzoor</t>
  </si>
  <si>
    <t>50017</t>
  </si>
  <si>
    <t>GGPS JALA ZAREEN</t>
  </si>
  <si>
    <t>LAKHIWAL - FEMALE</t>
  </si>
  <si>
    <t>Jalla Zareen</t>
  </si>
  <si>
    <t>Vill. Jalla Zareen teh. Sahiwal distt. Sargodha</t>
  </si>
  <si>
    <t>Thatti Lambi</t>
  </si>
  <si>
    <t>Abida Zafar</t>
  </si>
  <si>
    <t>29268</t>
  </si>
  <si>
    <t>25411</t>
  </si>
  <si>
    <t>52669</t>
  </si>
  <si>
    <t>50045</t>
  </si>
  <si>
    <t>GMPS CHANDI</t>
  </si>
  <si>
    <t>NEHANG - FEMALE</t>
  </si>
  <si>
    <t>Chandi</t>
  </si>
  <si>
    <t>Kot Mosa Khan</t>
  </si>
  <si>
    <t>Muhammad Ajmal Khan</t>
  </si>
  <si>
    <t>42103</t>
  </si>
  <si>
    <t>19493</t>
  </si>
  <si>
    <t>50046</t>
  </si>
  <si>
    <t>GPS MOHIB PUR DHAKWAN (RE-DESIGNATED AS MALE)</t>
  </si>
  <si>
    <t>Mohib Pur</t>
  </si>
  <si>
    <t>Mohib Pur Dhakwan</t>
  </si>
  <si>
    <t>Dhakwan Wala</t>
  </si>
  <si>
    <t>Sial sharif</t>
  </si>
  <si>
    <t>Imran Hydar</t>
  </si>
  <si>
    <t>50055</t>
  </si>
  <si>
    <t>GMPS JAHANEY WALA</t>
  </si>
  <si>
    <t>GMPS jahanay Wala</t>
  </si>
  <si>
    <t>Jahanay Wala</t>
  </si>
  <si>
    <t>47966</t>
  </si>
  <si>
    <t>50060</t>
  </si>
  <si>
    <t>GGPS SHEIKH JALEEL</t>
  </si>
  <si>
    <t>ggps shaikh jalil</t>
  </si>
  <si>
    <t>shaikh jalil</t>
  </si>
  <si>
    <t>haveli majoka</t>
  </si>
  <si>
    <t>50069</t>
  </si>
  <si>
    <t>GMPS CHIRAGH WALA</t>
  </si>
  <si>
    <t>Chiraghwala</t>
  </si>
  <si>
    <t>moaza chiraghwala tehsil sahiwal dist sgd</t>
  </si>
  <si>
    <t>Kotmussa</t>
  </si>
  <si>
    <t>Husna Shehzadi</t>
  </si>
  <si>
    <t>12111</t>
  </si>
  <si>
    <t>48049</t>
  </si>
  <si>
    <t>GHSS MIDH RANJHA</t>
  </si>
  <si>
    <t>Midh Ranjha</t>
  </si>
  <si>
    <t>Village Midh Ranjha Tehsil Kotmoman District Sargodha</t>
  </si>
  <si>
    <t>Muhammad Bakhsh Anwar</t>
  </si>
  <si>
    <t>19753</t>
  </si>
  <si>
    <t>48050</t>
  </si>
  <si>
    <t>GHSS BHABRA</t>
  </si>
  <si>
    <t>BHABRA</t>
  </si>
  <si>
    <t>97250</t>
  </si>
  <si>
    <t>48053</t>
  </si>
  <si>
    <t>GGHSS MIDH RANJHA</t>
  </si>
  <si>
    <t>Midh Ranjha Tehsil Kotmomin district Sargodha</t>
  </si>
  <si>
    <t>Sonia Sadaf</t>
  </si>
  <si>
    <t>48103</t>
  </si>
  <si>
    <t>GES MC KOT MOMIN</t>
  </si>
  <si>
    <t>KOT MOMIN WEST-I - MALE</t>
  </si>
  <si>
    <t>Kotmomin</t>
  </si>
  <si>
    <t>Salim road kotmomin</t>
  </si>
  <si>
    <t>muhammad ashraf bhatti</t>
  </si>
  <si>
    <t>48146</t>
  </si>
  <si>
    <t>GGES CHAK NO.20 SB</t>
  </si>
  <si>
    <t>Chak No 20 SB</t>
  </si>
  <si>
    <t>GGES CHAK NO 20 S.B</t>
  </si>
  <si>
    <t>Davi Dass Pura</t>
  </si>
  <si>
    <t>Iffat Zohra</t>
  </si>
  <si>
    <t>48156</t>
  </si>
  <si>
    <t>GGES RAHEEM PUR</t>
  </si>
  <si>
    <t>MIDH RANJHA-II - FEMALE</t>
  </si>
  <si>
    <t>Raheem Pur</t>
  </si>
  <si>
    <t>GMES Raheem Pur tehsil kotmomin Sargodha</t>
  </si>
  <si>
    <t>Raheem PUR</t>
  </si>
  <si>
    <t>Naseer Pur Kalan</t>
  </si>
  <si>
    <t>6406</t>
  </si>
  <si>
    <t>48271</t>
  </si>
  <si>
    <t>GPS DERA GUL HANJRA</t>
  </si>
  <si>
    <t>KOT MOMIN WEST-II - MALE</t>
  </si>
  <si>
    <t>Lilliani</t>
  </si>
  <si>
    <t>GPS dera gul hanjra lilliani.</t>
  </si>
  <si>
    <t>48301</t>
  </si>
  <si>
    <t>GPS THATTA BERAN</t>
  </si>
  <si>
    <t>Thatta Baira</t>
  </si>
  <si>
    <t>Thatta baira, midh ranjha ,kot moman</t>
  </si>
  <si>
    <t>25983</t>
  </si>
  <si>
    <t>48307</t>
  </si>
  <si>
    <t>GMPS NASEER PUR KHURD</t>
  </si>
  <si>
    <t>MIDH RANJHA-I - FEMALE</t>
  </si>
  <si>
    <t>Naseer Pur Khurd</t>
  </si>
  <si>
    <t>Naseer pur khurd teh. kotmoman dist sargodha</t>
  </si>
  <si>
    <t>Takhat Hazara</t>
  </si>
  <si>
    <t>Alia Shaheen</t>
  </si>
  <si>
    <t>26244</t>
  </si>
  <si>
    <t>21413</t>
  </si>
  <si>
    <t>GMPS PIND RAHEEM SHAH</t>
  </si>
  <si>
    <t>MIANI - FEMALE</t>
  </si>
  <si>
    <t>Pind Raheem Shah</t>
  </si>
  <si>
    <t>pind Raheem Shah</t>
  </si>
  <si>
    <t>Kot Ahmad Khan</t>
  </si>
  <si>
    <t>17127</t>
  </si>
  <si>
    <t>48314</t>
  </si>
  <si>
    <t>GMPS KOT KALA</t>
  </si>
  <si>
    <t>Kot Kala</t>
  </si>
  <si>
    <t>markaz midh ranjha post office chak miana tehsil kotmoman district sargodha</t>
  </si>
  <si>
    <t>Ghari Kala</t>
  </si>
  <si>
    <t>8572</t>
  </si>
  <si>
    <t>48509</t>
  </si>
  <si>
    <t>GGHS CHAK NO.19 SB</t>
  </si>
  <si>
    <t>CHAK NO. 19 S.B</t>
  </si>
  <si>
    <t>VILL. P/O CHAK NO. 19 S.B TEH. KOTMOMAN DISST. SARGODHA</t>
  </si>
  <si>
    <t>Mussarat Zahra</t>
  </si>
  <si>
    <t>20471</t>
  </si>
  <si>
    <t>10996</t>
  </si>
  <si>
    <t>48528</t>
  </si>
  <si>
    <t>GGPS MOHALLAH QURESHIAN</t>
  </si>
  <si>
    <t>mohala qureshian kotmomin</t>
  </si>
  <si>
    <t>Ameer Begum</t>
  </si>
  <si>
    <t>17717</t>
  </si>
  <si>
    <t>14859</t>
  </si>
  <si>
    <t>GGPS DERA REHMAN WALA</t>
  </si>
  <si>
    <t>KOT MOMIN WEST-I - FEMALE</t>
  </si>
  <si>
    <t>Rehman Wala</t>
  </si>
  <si>
    <t>GGPS Dera Rehman Wala</t>
  </si>
  <si>
    <t>Dera Rahman Wala</t>
  </si>
  <si>
    <t>Moazamabad</t>
  </si>
  <si>
    <t>10254</t>
  </si>
  <si>
    <t>48422</t>
  </si>
  <si>
    <t>GPS KESOO PUR</t>
  </si>
  <si>
    <t>Kesoo Pur</t>
  </si>
  <si>
    <t>kesoo pur (BHERA)</t>
  </si>
  <si>
    <t>21984</t>
  </si>
  <si>
    <t>48571</t>
  </si>
  <si>
    <t>GGPS HAVALI NANAK CHAND</t>
  </si>
  <si>
    <t>Havali Nanak Chand</t>
  </si>
  <si>
    <t>havily nanak chand kotmomin sargodha</t>
  </si>
  <si>
    <t>Havily Nanak Chand</t>
  </si>
  <si>
    <t>Ghulapur</t>
  </si>
  <si>
    <t>38893</t>
  </si>
  <si>
    <t>27961</t>
  </si>
  <si>
    <t>39991</t>
  </si>
  <si>
    <t>48078</t>
  </si>
  <si>
    <t>GHS CHAK MUBARAK (RAMDAS)</t>
  </si>
  <si>
    <t>V &amp; PO Chak Mubarak, Tehsil Bhera, Distt. Sargodha</t>
  </si>
  <si>
    <t>muhammad sarfraz</t>
  </si>
  <si>
    <t>33028</t>
  </si>
  <si>
    <t>GES BHERA</t>
  </si>
  <si>
    <t>GES Bhera</t>
  </si>
  <si>
    <t>Bhera 1</t>
  </si>
  <si>
    <t>Khan Zaman Khan</t>
  </si>
  <si>
    <t>GGHS HAZOOR PUR</t>
  </si>
  <si>
    <t>Hazoorpur</t>
  </si>
  <si>
    <t>gghs hazoorpur tehsile bhera distt. sargodha</t>
  </si>
  <si>
    <t>hazoorpur</t>
  </si>
  <si>
    <t>Tehmina Shehzadi</t>
  </si>
  <si>
    <t>43228</t>
  </si>
  <si>
    <t>48381</t>
  </si>
  <si>
    <t>GPS CHAK SAIDA ZAREEN</t>
  </si>
  <si>
    <t>chak saida nawa loak bhera bhalwak</t>
  </si>
  <si>
    <t>Chaksaida Zareen</t>
  </si>
  <si>
    <t>muhammad taofique</t>
  </si>
  <si>
    <t>16449</t>
  </si>
  <si>
    <t>48437</t>
  </si>
  <si>
    <t>GMPS JEHAN-E-WALA</t>
  </si>
  <si>
    <t>WAZIDI - FEMALE</t>
  </si>
  <si>
    <t>Jahan E Wala</t>
  </si>
  <si>
    <t>Jahan e Wala teh bhera dist sargodha</t>
  </si>
  <si>
    <t>Nur Pur Noon</t>
  </si>
  <si>
    <t>Hafiza Shabana Jabeen</t>
  </si>
  <si>
    <t>22750</t>
  </si>
  <si>
    <t>GPS AMIN ABAD</t>
  </si>
  <si>
    <t>CHAK MUBARAK - MALE</t>
  </si>
  <si>
    <t>vpo aminabad</t>
  </si>
  <si>
    <t>Mohammad Vakeel</t>
  </si>
  <si>
    <t>12734</t>
  </si>
  <si>
    <t>48449</t>
  </si>
  <si>
    <t>KHAN MUHAMMAD WALA - MALE</t>
  </si>
  <si>
    <t>Canal Colony Chak Qazi</t>
  </si>
  <si>
    <t>Rakh Charagah</t>
  </si>
  <si>
    <t>Muhammad Wakeel</t>
  </si>
  <si>
    <t>22009</t>
  </si>
  <si>
    <t>48450</t>
  </si>
  <si>
    <t>GPS DAHAR</t>
  </si>
  <si>
    <t>jahan pur dahar</t>
  </si>
  <si>
    <t>Village Dahar P/O bhera tehsil bhera dist sargodha</t>
  </si>
  <si>
    <t>Dahar</t>
  </si>
  <si>
    <t>Rakh chragah</t>
  </si>
  <si>
    <t>4975</t>
  </si>
  <si>
    <t>48626</t>
  </si>
  <si>
    <t>GMPS BHAGAT PURA</t>
  </si>
  <si>
    <t>Jagat Pura</t>
  </si>
  <si>
    <t>Miani Teh.Bhera Distt.Sargodha</t>
  </si>
  <si>
    <t>Zulfiqar Ali Babar</t>
  </si>
  <si>
    <t>4907</t>
  </si>
  <si>
    <t>48637</t>
  </si>
  <si>
    <t>GGPS DERA GUL NAWAZ</t>
  </si>
  <si>
    <t>HAZOOR PUR - FEMALE</t>
  </si>
  <si>
    <t>GGPS Dera Gul nawaz</t>
  </si>
  <si>
    <t>Dera Gul Nawaz</t>
  </si>
  <si>
    <t>Shaheen Ishfaq</t>
  </si>
  <si>
    <t>7670</t>
  </si>
  <si>
    <t>19138</t>
  </si>
  <si>
    <t>48655</t>
  </si>
  <si>
    <t>GGPS JHADA</t>
  </si>
  <si>
    <t>GG PS jhada</t>
  </si>
  <si>
    <t>Farzana Nawaz</t>
  </si>
  <si>
    <t>GMPS RAJEY WALA</t>
  </si>
  <si>
    <t>Chaant</t>
  </si>
  <si>
    <t>Gmps RAJAY</t>
  </si>
  <si>
    <t>KHALID IJAZ</t>
  </si>
  <si>
    <t>22851</t>
  </si>
  <si>
    <t>11725</t>
  </si>
  <si>
    <t>GMPS BHOJI KOT (MIAN ALAN)</t>
  </si>
  <si>
    <t>Bhoji Kot</t>
  </si>
  <si>
    <t>bhoji kot mian wala post office bhera</t>
  </si>
  <si>
    <t>Fathe Garh</t>
  </si>
  <si>
    <t>Huma Akbar</t>
  </si>
  <si>
    <t>4199</t>
  </si>
  <si>
    <t>40748</t>
  </si>
  <si>
    <t>GMPS KALEKA</t>
  </si>
  <si>
    <t>Kaleka</t>
  </si>
  <si>
    <t>kaleka</t>
  </si>
  <si>
    <t>Rehana Khatoon</t>
  </si>
  <si>
    <t>48708</t>
  </si>
  <si>
    <t>GMPS CHAK NO.2 NIZAM</t>
  </si>
  <si>
    <t>Chaknizam</t>
  </si>
  <si>
    <t>chaknizam  p/of kalas sharif Teh bhera</t>
  </si>
  <si>
    <t>Midh Pargana</t>
  </si>
  <si>
    <t>Iftakhar Ahmed</t>
  </si>
  <si>
    <t>9158</t>
  </si>
  <si>
    <t>39358</t>
  </si>
  <si>
    <t>GHS 5/11-L</t>
  </si>
  <si>
    <t>511L</t>
  </si>
  <si>
    <t>cci. swl</t>
  </si>
  <si>
    <t>611L</t>
  </si>
  <si>
    <t>MUHAMMAD SHAHID MIAN</t>
  </si>
  <si>
    <t>19144</t>
  </si>
  <si>
    <t>GHS 108/7-R</t>
  </si>
  <si>
    <t>108/7r</t>
  </si>
  <si>
    <t>chak no 108/7r</t>
  </si>
  <si>
    <t>GHS 104/12-L</t>
  </si>
  <si>
    <t>CHAK NO. 104/12-L, CHICHAWATNI</t>
  </si>
  <si>
    <t>104/12-L</t>
  </si>
  <si>
    <t>50/12-L</t>
  </si>
  <si>
    <t>MAZHAR IQBAL</t>
  </si>
  <si>
    <t>50251</t>
  </si>
  <si>
    <t>GGES 64/12-L</t>
  </si>
  <si>
    <t>64/12-L</t>
  </si>
  <si>
    <t>chak no. 64/12-L tehsil chichawatni district sahiwal</t>
  </si>
  <si>
    <t>GGHS 39/14-L</t>
  </si>
  <si>
    <t>39/14l</t>
  </si>
  <si>
    <t>chak num 39/14l</t>
  </si>
  <si>
    <t>Maryam Zafar</t>
  </si>
  <si>
    <t>41440</t>
  </si>
  <si>
    <t>40774</t>
  </si>
  <si>
    <t>GGHS 5/14-L CHICHAWATNI</t>
  </si>
  <si>
    <t>5/14L</t>
  </si>
  <si>
    <t>chak no 5/4.L</t>
  </si>
  <si>
    <t>Zakia Zulfiqar</t>
  </si>
  <si>
    <t>50259</t>
  </si>
  <si>
    <t>GGES 13/14-L</t>
  </si>
  <si>
    <t>13/14L</t>
  </si>
  <si>
    <t>GGES13/14L kassowal tahsil chichawatni</t>
  </si>
  <si>
    <t>13/14L Kasowal</t>
  </si>
  <si>
    <t>101/12L</t>
  </si>
  <si>
    <t>Rehana Kokab</t>
  </si>
  <si>
    <t>5031</t>
  </si>
  <si>
    <t>50320</t>
  </si>
  <si>
    <t>GPS 37/12-L HAJI WALA</t>
  </si>
  <si>
    <t>DAD FATIANA-MALE</t>
  </si>
  <si>
    <t>37/12L</t>
  </si>
  <si>
    <t>chak no 37/12 L (Haji wala) Chichawatni Sahiwal</t>
  </si>
  <si>
    <t>36/12L</t>
  </si>
  <si>
    <t>5916</t>
  </si>
  <si>
    <t>50324</t>
  </si>
  <si>
    <t>GPS KHIER KE KATHIA</t>
  </si>
  <si>
    <t>CHICHAWATNI SADAR B-MALE</t>
  </si>
  <si>
    <t>Khair K Kathia</t>
  </si>
  <si>
    <t>GPS kahair k kathia cci</t>
  </si>
  <si>
    <t>Moza Khair K Kathia</t>
  </si>
  <si>
    <t>112/7R</t>
  </si>
  <si>
    <t>50333</t>
  </si>
  <si>
    <t>GPS TIBBI QASIM</t>
  </si>
  <si>
    <t>MORAD K KATHIA-MALE</t>
  </si>
  <si>
    <t>Moza Tibbi Qasim</t>
  </si>
  <si>
    <t>GPS Tibbi Qasim Moza Tibbi Qasim P/o Harappa City Tehcil Chichawatni District Sahiwal</t>
  </si>
  <si>
    <t>Tibbi Qasim</t>
  </si>
  <si>
    <t>Murad Key Kathia</t>
  </si>
  <si>
    <t>HAFIZ MUHAMMAD AHMED SHAH</t>
  </si>
  <si>
    <t>22628</t>
  </si>
  <si>
    <t>50357</t>
  </si>
  <si>
    <t>GPS 56/12-L MUDHAIL</t>
  </si>
  <si>
    <t>Mudhail</t>
  </si>
  <si>
    <t>Chak no 56/12L Mudhail Tehsil Chichawatni (Sahiwal)</t>
  </si>
  <si>
    <t>56/12L Mudhial</t>
  </si>
  <si>
    <t>57/12L</t>
  </si>
  <si>
    <t>Aftab Hussain Shahid</t>
  </si>
  <si>
    <t>9539</t>
  </si>
  <si>
    <t>GPS 55/12-L RARI</t>
  </si>
  <si>
    <t>OKANWALA WEST -MALE</t>
  </si>
  <si>
    <t>Chak 55-12L R</t>
  </si>
  <si>
    <t>GPS 55/12L RARI CHICHAWATNI  SAHIWAL</t>
  </si>
  <si>
    <t>Chak 55-12L</t>
  </si>
  <si>
    <t>Chak 54-12L</t>
  </si>
  <si>
    <t>Muhammad Umair Saqib</t>
  </si>
  <si>
    <t>6860</t>
  </si>
  <si>
    <t>24673</t>
  </si>
  <si>
    <t>GPS 175/9-L</t>
  </si>
  <si>
    <t>SHER WALA BANGLA-MALE</t>
  </si>
  <si>
    <t>chak no 175/9L(new) teh chichawatni distt.sahiwal</t>
  </si>
  <si>
    <t>Chak No 175/9Lnew</t>
  </si>
  <si>
    <t>Chak No 147/9L</t>
  </si>
  <si>
    <t>Waheed Ahmad</t>
  </si>
  <si>
    <t>47174</t>
  </si>
  <si>
    <t>GPS ALLAH YAR KHELAN WALA</t>
  </si>
  <si>
    <t>Dera Allah Yar Khailan wala ,Muzaffar pur shumali ,Mianwali</t>
  </si>
  <si>
    <t>Allah Yar Khailanwala</t>
  </si>
  <si>
    <t>47268</t>
  </si>
  <si>
    <t>GPS SULTAN KHELAN WALA</t>
  </si>
  <si>
    <t>SAWANCE-MALE</t>
  </si>
  <si>
    <t>Sawans</t>
  </si>
  <si>
    <t>GPS sultan ahmad khelanwala sawans teh&amp;distt mianwali</t>
  </si>
  <si>
    <t>Asghar Khan</t>
  </si>
  <si>
    <t>23224</t>
  </si>
  <si>
    <t>47484</t>
  </si>
  <si>
    <t>GGPS QUATALI WALA</t>
  </si>
  <si>
    <t>GGPS Quatali Wala Abba Khekl</t>
  </si>
  <si>
    <t>Quatali Wala</t>
  </si>
  <si>
    <t>Riffat Khatoon</t>
  </si>
  <si>
    <t>47510</t>
  </si>
  <si>
    <t>GGPS AHAMDI KHEL WALA</t>
  </si>
  <si>
    <t>MUSA KHEL  NO.2-FEMALE</t>
  </si>
  <si>
    <t>Bori Khel</t>
  </si>
  <si>
    <t>sadeeqa bad</t>
  </si>
  <si>
    <t>Sadeeqa Bad</t>
  </si>
  <si>
    <t>Ghundi</t>
  </si>
  <si>
    <t>Shahnaz Andleeb</t>
  </si>
  <si>
    <t>46979</t>
  </si>
  <si>
    <t>47620</t>
  </si>
  <si>
    <t>GGPS DHOK AYOUB CHAKRALA MIANWALI</t>
  </si>
  <si>
    <t>Dhibba</t>
  </si>
  <si>
    <t>dhoke Ayoub p/of dhoke mehr muhammad</t>
  </si>
  <si>
    <t>Dhoke Ayoub</t>
  </si>
  <si>
    <t>SABA NOREEN</t>
  </si>
  <si>
    <t>GHS FEROZ WATTOWAN</t>
  </si>
  <si>
    <t>Ferozewattowan</t>
  </si>
  <si>
    <t>Muhammad Iqbal Malik</t>
  </si>
  <si>
    <t>GHS MIRZA VIRKAN</t>
  </si>
  <si>
    <t>MIRZA VIRKAN</t>
  </si>
  <si>
    <t>NISAR AHMAD VIRK</t>
  </si>
  <si>
    <t>GPS MC PIR BAHAR SHAH</t>
  </si>
  <si>
    <t>Rehman Pura</t>
  </si>
  <si>
    <t>st 18 rehman pura skp</t>
  </si>
  <si>
    <t>Araianwala</t>
  </si>
  <si>
    <t>Kahnian Wala</t>
  </si>
  <si>
    <t>GPS KOT SAEED</t>
  </si>
  <si>
    <t>SHEIKHUPURA-X - MALE</t>
  </si>
  <si>
    <t>Muhammad Khalid Rehman</t>
  </si>
  <si>
    <t>26250</t>
  </si>
  <si>
    <t>3845</t>
  </si>
  <si>
    <t>32091</t>
  </si>
  <si>
    <t>GPS RASHEED NAGAR</t>
  </si>
  <si>
    <t>SHEIKHUPURA-XIX - MALE</t>
  </si>
  <si>
    <t>Jatri</t>
  </si>
  <si>
    <t>village and post office jatri kohna tehsil and district sheikhupura</t>
  </si>
  <si>
    <t>Arshad Ahmad Akhtar</t>
  </si>
  <si>
    <t>14612</t>
  </si>
  <si>
    <t>53996</t>
  </si>
  <si>
    <t>GGPS TONDAY GUROO</t>
  </si>
  <si>
    <t>SHEIKHUPURA-X - FEMALE</t>
  </si>
  <si>
    <t>Tunday Guru</t>
  </si>
  <si>
    <t>Keelay</t>
  </si>
  <si>
    <t>Mehwish Nasir</t>
  </si>
  <si>
    <t>32390</t>
  </si>
  <si>
    <t>GPS DERA BHATTIAN</t>
  </si>
  <si>
    <t>SHEIKHUPURA-VII - MALE</t>
  </si>
  <si>
    <t>Bahiryanwala</t>
  </si>
  <si>
    <t>Dera bhattian near bahiryanwala</t>
  </si>
  <si>
    <t>Dera Bhattian</t>
  </si>
  <si>
    <t>32402</t>
  </si>
  <si>
    <t>GMMS DERA HABIB MANANWALA</t>
  </si>
  <si>
    <t>SHEIKHUPURA-IX - MALE</t>
  </si>
  <si>
    <t>Model Town Mananwala</t>
  </si>
  <si>
    <t>Dear Habib</t>
  </si>
  <si>
    <t>Dilshad Anwar</t>
  </si>
  <si>
    <t>32453</t>
  </si>
  <si>
    <t>GES TARGEY WALI</t>
  </si>
  <si>
    <t>Tragey Wali</t>
  </si>
  <si>
    <t>GES Tragey Wali</t>
  </si>
  <si>
    <t>Bahriyan Wala</t>
  </si>
  <si>
    <t>Muhammad Ali Thabli</t>
  </si>
  <si>
    <t>32478</t>
  </si>
  <si>
    <t>GOVT. HAJRA SHARIF SHAHEED GIRLS HIGH SCHOOL MOH.  HANJRAN WALA</t>
  </si>
  <si>
    <t>Govt. Hajra Shareef Shaheed Girls High School mOH hanjranwala SKP</t>
  </si>
  <si>
    <t>Moh Hanjranwala</t>
  </si>
  <si>
    <t>Shams-un-Nisa</t>
  </si>
  <si>
    <t>32487</t>
  </si>
  <si>
    <t>GHS EASSON</t>
  </si>
  <si>
    <t>Easson</t>
  </si>
  <si>
    <t>Village easson P/O Mandi faizabad, tehsil : Sharaqpur, District : Sheikhupura</t>
  </si>
  <si>
    <t>32499</t>
  </si>
  <si>
    <t>GGHS CHAKI GERA</t>
  </si>
  <si>
    <t>CHAKI GHAIRA</t>
  </si>
  <si>
    <t>FAIZPUR KALAN</t>
  </si>
  <si>
    <t>Riffat Alam</t>
  </si>
  <si>
    <t>8203</t>
  </si>
  <si>
    <t>7398</t>
  </si>
  <si>
    <t>54004</t>
  </si>
  <si>
    <t>GG MPS QILA LAL SINGH</t>
  </si>
  <si>
    <t>Qila Sharif</t>
  </si>
  <si>
    <t>Qila Sharif Po Nazar lubana tehsil sharaqpur</t>
  </si>
  <si>
    <t>32599</t>
  </si>
  <si>
    <t>GGCMES FATTO WALA</t>
  </si>
  <si>
    <t>Fattuwala</t>
  </si>
  <si>
    <t>Farzana Munir</t>
  </si>
  <si>
    <t>GES CHAK NO.156/M</t>
  </si>
  <si>
    <t>CHHOONA WALA - MALE</t>
  </si>
  <si>
    <t>Chak156/M</t>
  </si>
  <si>
    <t>chak no 156/M</t>
  </si>
  <si>
    <t>chak79/F</t>
  </si>
  <si>
    <t>Abdul Rahman</t>
  </si>
  <si>
    <t>GPS CHAK NO.158/M</t>
  </si>
  <si>
    <t>Chak No158/M</t>
  </si>
  <si>
    <t>Chak  No. 158/M Post Office Chak  No.194/M Hasilpur District Bahawalpur</t>
  </si>
  <si>
    <t>Chak No 79/F</t>
  </si>
  <si>
    <t>Faqeer Hussain</t>
  </si>
  <si>
    <t>GPS CHANNU AANA</t>
  </si>
  <si>
    <t>Channu Aana</t>
  </si>
  <si>
    <t>basti channu ana chak 16/fw</t>
  </si>
  <si>
    <t>16/fw</t>
  </si>
  <si>
    <t>Muhammad Khizar Hayat</t>
  </si>
  <si>
    <t>9094</t>
  </si>
  <si>
    <t>19094</t>
  </si>
  <si>
    <t>GHS CHAK NO.59/DB</t>
  </si>
  <si>
    <t>chak no 59 db tehsil yazman district bahawalpur</t>
  </si>
  <si>
    <t>Chak No 59 DB</t>
  </si>
  <si>
    <t>Chak No 50/DB</t>
  </si>
  <si>
    <t>usman asghar</t>
  </si>
  <si>
    <t>12954</t>
  </si>
  <si>
    <t>39668</t>
  </si>
  <si>
    <t>GHSS CHAK NO.68/DB</t>
  </si>
  <si>
    <t>chak no 68 DB Tehsil Yazman Bahawalpur</t>
  </si>
  <si>
    <t>kHAWAJA ABDUL KHALIQ</t>
  </si>
  <si>
    <t>217800</t>
  </si>
  <si>
    <t>50996</t>
  </si>
  <si>
    <t>GGES CHAK NO.148/DB</t>
  </si>
  <si>
    <t>148 DB</t>
  </si>
  <si>
    <t>GGHS 148 DB</t>
  </si>
  <si>
    <t>75 DB</t>
  </si>
  <si>
    <t>Maria Kokab</t>
  </si>
  <si>
    <t>10932</t>
  </si>
  <si>
    <t>3533</t>
  </si>
  <si>
    <t>GPS CHAK NO.46/DB (E)</t>
  </si>
  <si>
    <t>ADDA CHAK NO. 42/DB - MALE</t>
  </si>
  <si>
    <t>Chak No. 46 DB E</t>
  </si>
  <si>
    <t>46 DB E</t>
  </si>
  <si>
    <t>Chak No 44 DB</t>
  </si>
  <si>
    <t>Sidra Amjad</t>
  </si>
  <si>
    <t>4162</t>
  </si>
  <si>
    <t>GMPS CHAK NO.79/DB</t>
  </si>
  <si>
    <t>Chak No 79</t>
  </si>
  <si>
    <t>chak no 79</t>
  </si>
  <si>
    <t>Chanan Peer</t>
  </si>
  <si>
    <t>GGPS CHAK NO.87/DB</t>
  </si>
  <si>
    <t>87 Db</t>
  </si>
  <si>
    <t>G.G.P.SCHOOL 87db</t>
  </si>
  <si>
    <t>Chak No 87db</t>
  </si>
  <si>
    <t>88db</t>
  </si>
  <si>
    <t>GGPS CHAK NO.88/DB (S)</t>
  </si>
  <si>
    <t>Chak no 88 DB South</t>
  </si>
  <si>
    <t>88 DB south</t>
  </si>
  <si>
    <t>Union Council 88 DB</t>
  </si>
  <si>
    <t>Fozia Tabussam</t>
  </si>
  <si>
    <t>29853</t>
  </si>
  <si>
    <t>29411</t>
  </si>
  <si>
    <t>4239</t>
  </si>
  <si>
    <t>GGPS CHAK NO.100/DB NEW</t>
  </si>
  <si>
    <t>100 Db New</t>
  </si>
  <si>
    <t>100 db new</t>
  </si>
  <si>
    <t>106 Db</t>
  </si>
  <si>
    <t>41221</t>
  </si>
  <si>
    <t>4286</t>
  </si>
  <si>
    <t>GPS CHAK NO.129/DB</t>
  </si>
  <si>
    <t>KHUTREE BANGLOW - MALE</t>
  </si>
  <si>
    <t>129 /Db</t>
  </si>
  <si>
    <t>129/DRB</t>
  </si>
  <si>
    <t>Derawar</t>
  </si>
  <si>
    <t>GES CHAK NO.10/DRB</t>
  </si>
  <si>
    <t>MITHRA (A) - MALE</t>
  </si>
  <si>
    <t>10 DRB</t>
  </si>
  <si>
    <t>chak 10DRB yazman</t>
  </si>
  <si>
    <t>Chak 10DRB</t>
  </si>
  <si>
    <t>Derawer</t>
  </si>
  <si>
    <t>Muhammad Perrvaiz Akhter</t>
  </si>
  <si>
    <t>GPS CHAK NO.176/AB</t>
  </si>
  <si>
    <t>176 AB</t>
  </si>
  <si>
    <t>chak No 176 AB tehsil yazman</t>
  </si>
  <si>
    <t>GGPS ISRANI</t>
  </si>
  <si>
    <t>p/o Israni tehsil khairpur district bahawalpur</t>
  </si>
  <si>
    <t>Mussarat Bibi</t>
  </si>
  <si>
    <t>GGPS ZORE KOT KHAIRPUR TAMEWALI</t>
  </si>
  <si>
    <t>Zorkot</t>
  </si>
  <si>
    <t>basti zorkot kpt</t>
  </si>
  <si>
    <t>Behli</t>
  </si>
  <si>
    <t>Tasneem Kouser</t>
  </si>
  <si>
    <t>3573</t>
  </si>
  <si>
    <t>GES BASTI DOCTOR MUNEER</t>
  </si>
  <si>
    <t>JINDOO MISSION - MALE</t>
  </si>
  <si>
    <t>Ghulamoon arain</t>
  </si>
  <si>
    <t>basti khokheran tehsil bahawalpur sadar</t>
  </si>
  <si>
    <t>Basti Khokheran</t>
  </si>
  <si>
    <t>Goth Mehrab</t>
  </si>
  <si>
    <t>Mohammed Adnan Shakeel</t>
  </si>
  <si>
    <t>13966</t>
  </si>
  <si>
    <t>GPS CHAK NO.13/BC-A DAHRI</t>
  </si>
  <si>
    <t>Bhatti Dahri</t>
  </si>
  <si>
    <t>Bhatti Dahri Tehsil Sadar and District BWP</t>
  </si>
  <si>
    <t>Mari Sheikh Shijra</t>
  </si>
  <si>
    <t>M AMEER</t>
  </si>
  <si>
    <t>43637</t>
  </si>
  <si>
    <t>53581</t>
  </si>
  <si>
    <t>43581</t>
  </si>
  <si>
    <t>GPS KALA MULTANI</t>
  </si>
  <si>
    <t>Ghullamo Arien</t>
  </si>
  <si>
    <t>Government p/s kala multani Basti ganjay channrah wahishah muhammad</t>
  </si>
  <si>
    <t>Basti Ganjay Channrah</t>
  </si>
  <si>
    <t>Ahmad Waqar Aslam</t>
  </si>
  <si>
    <t>GPS MARI SHEIKH SHIJRA</t>
  </si>
  <si>
    <t>mari sheikh shujra</t>
  </si>
  <si>
    <t>sama satta</t>
  </si>
  <si>
    <t>mari sheikh shujara</t>
  </si>
  <si>
    <t>abdul majeed bhatti</t>
  </si>
  <si>
    <t>47533</t>
  </si>
  <si>
    <t>3447</t>
  </si>
  <si>
    <t>GGPS GOTH MEHROO</t>
  </si>
  <si>
    <t>SAMA SATTA- FEMALE</t>
  </si>
  <si>
    <t>Goth Mehroo</t>
  </si>
  <si>
    <t>Jindu Misson</t>
  </si>
  <si>
    <t>FAZEELAT KOUSAR</t>
  </si>
  <si>
    <t>GmPS MODEL PEER ALLAH DITTA SHAH</t>
  </si>
  <si>
    <t>Shair Garwan</t>
  </si>
  <si>
    <t>BASTI MEHDI SHAH P/O SAMA SATTAH</t>
  </si>
  <si>
    <t>MEHDI SHAH</t>
  </si>
  <si>
    <t>Nadira Firdous</t>
  </si>
  <si>
    <t>21299</t>
  </si>
  <si>
    <t>GPS GHULAM FAREED</t>
  </si>
  <si>
    <t>chandrani sharqi</t>
  </si>
  <si>
    <t>basti master khadim hussain moazah chandrani sharqi</t>
  </si>
  <si>
    <t>basti master khadim hussain moza chanrani sharqi</t>
  </si>
  <si>
    <t>Goth mehrab</t>
  </si>
  <si>
    <t>KHADIM HUSSAIN</t>
  </si>
  <si>
    <t>GHS CHAK NO 94 NP</t>
  </si>
  <si>
    <t>CHAK 94/NP, KHANPUR</t>
  </si>
  <si>
    <t>CHAK 94/NP</t>
  </si>
  <si>
    <t>UMER RAZA</t>
  </si>
  <si>
    <t>40477</t>
  </si>
  <si>
    <t>GES CHAK NO 116/1-L</t>
  </si>
  <si>
    <t>Chak no 116 1L</t>
  </si>
  <si>
    <t>ckak no 116 1L</t>
  </si>
  <si>
    <t>Ghulam Yaseen</t>
  </si>
  <si>
    <t>GGES BASTI HAJI ABDULLAH</t>
  </si>
  <si>
    <t>Gges haji Abdullah Khan</t>
  </si>
  <si>
    <t>Basti Mureed Khan</t>
  </si>
  <si>
    <t>Tayaiba Akram</t>
  </si>
  <si>
    <t>GPS ARSHAD ABAD</t>
  </si>
  <si>
    <t>30p</t>
  </si>
  <si>
    <t>basti Arshad Abad 30 p</t>
  </si>
  <si>
    <t>Basti Arshad Abad</t>
  </si>
  <si>
    <t>Muhammad Shoaib</t>
  </si>
  <si>
    <t>4683</t>
  </si>
  <si>
    <t>GPS CHAK NO 65 P</t>
  </si>
  <si>
    <t>Chak 65/P</t>
  </si>
  <si>
    <t>CHAK 65/P</t>
  </si>
  <si>
    <t>GPS GULL HASSAN</t>
  </si>
  <si>
    <t>Mud Ilyaz</t>
  </si>
  <si>
    <t>Gps gull hassan muza mud ilyas</t>
  </si>
  <si>
    <t>Basti Gull Hassan</t>
  </si>
  <si>
    <t>Akhter Ali</t>
  </si>
  <si>
    <t>41811</t>
  </si>
  <si>
    <t>GGPS RIND BULUCH</t>
  </si>
  <si>
    <t>Kachi Jamali</t>
  </si>
  <si>
    <t>basti Rind baloch khanpur</t>
  </si>
  <si>
    <t>74 D</t>
  </si>
  <si>
    <t>1368</t>
  </si>
  <si>
    <t>4759</t>
  </si>
  <si>
    <t>GGPS BASTI ALLAH DITTA</t>
  </si>
  <si>
    <t>Kamal Lar</t>
  </si>
  <si>
    <t>chk 72/A</t>
  </si>
  <si>
    <t>Chatha 72/A</t>
  </si>
  <si>
    <t>Tehmina Nazir</t>
  </si>
  <si>
    <t>43122</t>
  </si>
  <si>
    <t>29680</t>
  </si>
  <si>
    <t>54499</t>
  </si>
  <si>
    <t>GGPS ADDA GHULAM QADIR</t>
  </si>
  <si>
    <t>Chachran Sharif</t>
  </si>
  <si>
    <t>GGPS Ada Ghulam qadir, Muhala Gulshan Farid, Zahir pir</t>
  </si>
  <si>
    <t>RAZIA PERVEEN</t>
  </si>
  <si>
    <t>GGPS BALHORAN</t>
  </si>
  <si>
    <t>bakhrani</t>
  </si>
  <si>
    <t>basti abdul rehman ghaleja p/o chachran sharif tehsil Khan pur</t>
  </si>
  <si>
    <t>Abdul Rehman Ghalija</t>
  </si>
  <si>
    <t>Fozia Qurashi</t>
  </si>
  <si>
    <t>22877</t>
  </si>
  <si>
    <t>GGPS JAM ILYAS</t>
  </si>
  <si>
    <t>basti jamilyas mouza malikpur</t>
  </si>
  <si>
    <t>Jamilyas</t>
  </si>
  <si>
    <t>afia nargisl</t>
  </si>
  <si>
    <t>GGPS BASTI HAJI GHULAM QADIR LOLAI</t>
  </si>
  <si>
    <t>sardar haji Ghulam Qadir Khan Lolai</t>
  </si>
  <si>
    <t>Basti Ghulam Qadir Lolai</t>
  </si>
  <si>
    <t>Samreen I jazz</t>
  </si>
  <si>
    <t>54497</t>
  </si>
  <si>
    <t>GGPS BASTI LAHORIAN</t>
  </si>
  <si>
    <t>Gullu Wala</t>
  </si>
  <si>
    <t>basti loharain khanpur dist ryk</t>
  </si>
  <si>
    <t>Loharain Basti</t>
  </si>
  <si>
    <t>Gari Ikhtiar Khan</t>
  </si>
  <si>
    <t>saliha malik</t>
  </si>
  <si>
    <t>1608</t>
  </si>
  <si>
    <t>GMMS QAZI GHULAM RASOOL</t>
  </si>
  <si>
    <t>JETHA BHUTTA - MALE</t>
  </si>
  <si>
    <t>Gullan Gulkala</t>
  </si>
  <si>
    <t>Basty Q.Gh. Rasool Khanpur.</t>
  </si>
  <si>
    <t>Basty Qazi Gh Rasool</t>
  </si>
  <si>
    <t>MC Khanpur</t>
  </si>
  <si>
    <t>fayyaz ahmed</t>
  </si>
  <si>
    <t>GGHSS CHAK NO. 1/P</t>
  </si>
  <si>
    <t>jetha bhutta</t>
  </si>
  <si>
    <t>govt girls higher secondary school jetha bhutta khanpur</t>
  </si>
  <si>
    <t>1p</t>
  </si>
  <si>
    <t>SHAGUFTA HINA</t>
  </si>
  <si>
    <t>GGHSS FEROZA</t>
  </si>
  <si>
    <t>pacca laran</t>
  </si>
  <si>
    <t>govt girls higher secondary school feroza tehsil liaquat pur</t>
  </si>
  <si>
    <t>feroza</t>
  </si>
  <si>
    <t>hayyat lar</t>
  </si>
  <si>
    <t>fARKHANDA SAIF</t>
  </si>
  <si>
    <t>5146</t>
  </si>
  <si>
    <t>GHS MALKANI</t>
  </si>
  <si>
    <t>GULANI</t>
  </si>
  <si>
    <t>P/O MALKANI</t>
  </si>
  <si>
    <t>29918</t>
  </si>
  <si>
    <t>GGES NOOR WALA</t>
  </si>
  <si>
    <t>noor wala</t>
  </si>
  <si>
    <t>GGES noor wala, tehsil lqp, dist ryk</t>
  </si>
  <si>
    <t>Hina khan</t>
  </si>
  <si>
    <t>GPS THALL HAMZA (MOUDAB)</t>
  </si>
  <si>
    <t>p/o thull hamza teh liaquat pur</t>
  </si>
  <si>
    <t>Shafiq-ur-rehman</t>
  </si>
  <si>
    <t>GPS FARZAND ALI</t>
  </si>
  <si>
    <t>Basti Mian karram qureshi Moza goth Mahi Allah a bad lqp</t>
  </si>
  <si>
    <t>Mian Muhammad Karam Qureshi</t>
  </si>
  <si>
    <t>Raees Bashir Ahmad</t>
  </si>
  <si>
    <t>23483</t>
  </si>
  <si>
    <t>20465</t>
  </si>
  <si>
    <t>GPS JAGEER SARANI</t>
  </si>
  <si>
    <t>HAYAT LAR - MALE</t>
  </si>
  <si>
    <t>Chohar Wala</t>
  </si>
  <si>
    <t>GPS Jageer Sarani Moza Chohar Wala UC Hayat Lar Tehsile Liaqat Pur District Rahim Yar Khan</t>
  </si>
  <si>
    <t>Shah Muhammad Shakir</t>
  </si>
  <si>
    <t>GPS BHAPLA KACHA</t>
  </si>
  <si>
    <t>Bhapla Kacha</t>
  </si>
  <si>
    <t>basti bhapla kacha tehsil liaquatpur distt. Ryk</t>
  </si>
  <si>
    <t>Kacha Bhapla</t>
  </si>
  <si>
    <t>GPS MAHMOOD JOGIANI</t>
  </si>
  <si>
    <t>Darkhast Jamal Janobi 2</t>
  </si>
  <si>
    <t>busti mahmood jogiani.darkhst jamal janobi 2</t>
  </si>
  <si>
    <t>Mahmood Jogiani</t>
  </si>
  <si>
    <t>Darkhast Jamal Janobi</t>
  </si>
  <si>
    <t>Karam Hussain</t>
  </si>
  <si>
    <t>GPS MUSHTAQ KHOSA</t>
  </si>
  <si>
    <t>Darkhast Jamal Darmiani</t>
  </si>
  <si>
    <t>basti mushtaq khosa tehseel kot chutta district dg khan</t>
  </si>
  <si>
    <t>Mushtaq Khosa</t>
  </si>
  <si>
    <t>Darkhast Jamal Khan Junoobi</t>
  </si>
  <si>
    <t>8529</t>
  </si>
  <si>
    <t>GPS PUNNAR WALA</t>
  </si>
  <si>
    <t>Nari Dhamraya</t>
  </si>
  <si>
    <t>Chah punnar wala moza nari dhamraya tehsil kot chutta dostrict dera ghazi khan</t>
  </si>
  <si>
    <t>Punnar Wala</t>
  </si>
  <si>
    <t>Jalbani</t>
  </si>
  <si>
    <t>GPS GAMOON WALA</t>
  </si>
  <si>
    <t>Haider wahan</t>
  </si>
  <si>
    <t>Chah Gamoon wala moza Haider wahan tehsil kot chutta distt dg khqn</t>
  </si>
  <si>
    <t>Gamoon wala</t>
  </si>
  <si>
    <t>8624</t>
  </si>
  <si>
    <t>GGES BASTI BIRMANI</t>
  </si>
  <si>
    <t>Basti Birmani</t>
  </si>
  <si>
    <t>Mutafariq Chahan</t>
  </si>
  <si>
    <t>Kashifa Jabeen</t>
  </si>
  <si>
    <t>GPS FAZAL PITAFI</t>
  </si>
  <si>
    <t>mutfariq chahan</t>
  </si>
  <si>
    <t>MUKHTAR HUSSAIN</t>
  </si>
  <si>
    <t>50497</t>
  </si>
  <si>
    <t>9742</t>
  </si>
  <si>
    <t>GGPS ALLAH WASAYA HYDERABAD</t>
  </si>
  <si>
    <t>Allah wasaya haider abad</t>
  </si>
  <si>
    <t>Dera Allah Wasaya</t>
  </si>
  <si>
    <t>Aoulakh Thal Klam</t>
  </si>
  <si>
    <t>gulshan mumtaz</t>
  </si>
  <si>
    <t>GPS RATRYAN WALA</t>
  </si>
  <si>
    <t>Chah Ratryan Wala</t>
  </si>
  <si>
    <t>Ratryan Wala</t>
  </si>
  <si>
    <t>binyameen</t>
  </si>
  <si>
    <t>9888</t>
  </si>
  <si>
    <t>GGPS CHAK NO. 451/TDA</t>
  </si>
  <si>
    <t>Chak 451 TDA</t>
  </si>
  <si>
    <t>GGPS 451 TDA TEHSIL CHOUBARA</t>
  </si>
  <si>
    <t>Chak No 451 TDA</t>
  </si>
  <si>
    <t>452/TDA</t>
  </si>
  <si>
    <t>Nazia</t>
  </si>
  <si>
    <t>44251</t>
  </si>
  <si>
    <t>GPS BASTI KUMHARAN</t>
  </si>
  <si>
    <t>karor Nashaib</t>
  </si>
  <si>
    <t>basti kumharan tehsil karor district layyah</t>
  </si>
  <si>
    <t>Basti Kumharan</t>
  </si>
  <si>
    <t>23980</t>
  </si>
  <si>
    <t>23356</t>
  </si>
  <si>
    <t>48751</t>
  </si>
  <si>
    <t>10409</t>
  </si>
  <si>
    <t>GMMS CHAK NO. 102/ TDA</t>
  </si>
  <si>
    <t>PIR SEWAG - MALE</t>
  </si>
  <si>
    <t>Pir Siwag</t>
  </si>
  <si>
    <t>Basti Ganji wala Chak No. 102 / TDA</t>
  </si>
  <si>
    <t>Chak No 102 Tda</t>
  </si>
  <si>
    <t>Garray Wala</t>
  </si>
  <si>
    <t>7658</t>
  </si>
  <si>
    <t>GHS BANDWANI</t>
  </si>
  <si>
    <t>MAMOORI</t>
  </si>
  <si>
    <t>P/O MAMOORI, D.G.KHAN</t>
  </si>
  <si>
    <t>BANDOANI</t>
  </si>
  <si>
    <t>ABDUL WAHEED QAISRANI</t>
  </si>
  <si>
    <t>Drinking water Filtraton plant near school</t>
  </si>
  <si>
    <t>7751</t>
  </si>
  <si>
    <t>GGHS SAKHI SARWAR</t>
  </si>
  <si>
    <t>sakhi sarwar</t>
  </si>
  <si>
    <t>gghs sakhi sarwar</t>
  </si>
  <si>
    <t>Mehtab Jahan</t>
  </si>
  <si>
    <t>37565</t>
  </si>
  <si>
    <t>7785</t>
  </si>
  <si>
    <t>GPS CHAK DODARA</t>
  </si>
  <si>
    <t>Dodarra</t>
  </si>
  <si>
    <t>Head Zero u/c dodarra. kot chutta. dist d g khan.</t>
  </si>
  <si>
    <t>Basti Rahim Bux</t>
  </si>
  <si>
    <t>78136</t>
  </si>
  <si>
    <t>GPS SAJHAY WALA</t>
  </si>
  <si>
    <t>p/o choti Zareen Dist dgkhan thesil kot chutta basti sajhay wala</t>
  </si>
  <si>
    <t>Sajhay Wala</t>
  </si>
  <si>
    <t>7832</t>
  </si>
  <si>
    <t>GPS CHAH BALUCH KHAN WALA</t>
  </si>
  <si>
    <t>Chack Nangar</t>
  </si>
  <si>
    <t>GPS Chah baloch khan wala</t>
  </si>
  <si>
    <t>Basti Sher Muhammad Muhammad</t>
  </si>
  <si>
    <t>FAYYAZ Hussain</t>
  </si>
  <si>
    <t>GPS CHAK NANGAR</t>
  </si>
  <si>
    <t>basti cheel chak nangar choti bala tehsil kot chutta</t>
  </si>
  <si>
    <t>Basti Cheel</t>
  </si>
  <si>
    <t>GES CHOTI ZAREEN</t>
  </si>
  <si>
    <t>Chak Bhakar</t>
  </si>
  <si>
    <t>40800</t>
  </si>
  <si>
    <t>GPS BASTI ZOHRANI</t>
  </si>
  <si>
    <t>darkhwast jamal khan janobi 1 basti zohrani</t>
  </si>
  <si>
    <t>Basti Zohrani</t>
  </si>
  <si>
    <t>Darkhwast Jamal Khan Janobi 1</t>
  </si>
  <si>
    <t>GPS KOT HASSU</t>
  </si>
  <si>
    <t>Darkhast Jamal Khan Janobi</t>
  </si>
  <si>
    <t>Durkhast jamal Khan janobi the KOT chuttah dest DG khan</t>
  </si>
  <si>
    <t>KOT HASSU</t>
  </si>
  <si>
    <t>Durkhast Jamal Khan Janobi</t>
  </si>
  <si>
    <t>Tufail Ahmad</t>
  </si>
  <si>
    <t>GPS RAKH DHOOL NO 1</t>
  </si>
  <si>
    <t>Dhol</t>
  </si>
  <si>
    <t>wasay wala mouza dhole</t>
  </si>
  <si>
    <t>Wasay Wala</t>
  </si>
  <si>
    <t>Notak Mahmeed</t>
  </si>
  <si>
    <t>7978</t>
  </si>
  <si>
    <t>GPS JAKHAR IMAM SHAH</t>
  </si>
  <si>
    <t>jakhar imam shah</t>
  </si>
  <si>
    <t>Gps jakhar imam shah</t>
  </si>
  <si>
    <t>Sayyed Mehboob Haider Shah</t>
  </si>
  <si>
    <t>7985</t>
  </si>
  <si>
    <t>GPS HADER MALANA</t>
  </si>
  <si>
    <t>Shah Wala Mouza Haji Kamand Tehsil Kot Chutta District D G Khan</t>
  </si>
  <si>
    <t>Rashid Majeed</t>
  </si>
  <si>
    <t>46810</t>
  </si>
  <si>
    <t>GPS BAHAR WADANI</t>
  </si>
  <si>
    <t>Nawaz Shumali</t>
  </si>
  <si>
    <t>village bahar wadani post office choti zareen</t>
  </si>
  <si>
    <t>Bahar Wadani</t>
  </si>
  <si>
    <t>20776</t>
  </si>
  <si>
    <t>8416</t>
  </si>
  <si>
    <t>GPS MERZA KACHELLA</t>
  </si>
  <si>
    <t>Basti shahoo buzdar mauza chak dodarha</t>
  </si>
  <si>
    <t>Chak Dodar</t>
  </si>
  <si>
    <t>GPS TAGIA RAMDANI</t>
  </si>
  <si>
    <t>CHAK JALOHAR</t>
  </si>
  <si>
    <t>Basti Ghulam Sarwar Birmani Mouza Chak Jalohar P/O Choti Zareen Tehsil Kot Chutta District D.G.Khan</t>
  </si>
  <si>
    <t>Basti Ghulam Sarwar Birmani</t>
  </si>
  <si>
    <t>Choti zareen</t>
  </si>
  <si>
    <t>BILAL AKHTAR</t>
  </si>
  <si>
    <t>GPS BASTI MURAD</t>
  </si>
  <si>
    <t>chaknangar</t>
  </si>
  <si>
    <t>GPS basti murad chaknangar choti bala</t>
  </si>
  <si>
    <t>choti bala</t>
  </si>
  <si>
    <t>GMPS CHAK NO.164-7R</t>
  </si>
  <si>
    <t>164/7-r Basti Shekhan Wali</t>
  </si>
  <si>
    <t>164/7R (E)</t>
  </si>
  <si>
    <t>164/7-R E</t>
  </si>
  <si>
    <t>164/7-r</t>
  </si>
  <si>
    <t>M Imran</t>
  </si>
  <si>
    <t>GPS CHAK NO 47 3R AB</t>
  </si>
  <si>
    <t>HND-4-MALE</t>
  </si>
  <si>
    <t>Chak No 47/3-R AB</t>
  </si>
  <si>
    <t>chak no. 47/3-R AB</t>
  </si>
  <si>
    <t>47/3-R  AB</t>
  </si>
  <si>
    <t>20/3-R</t>
  </si>
  <si>
    <t>GMMPS CHAK NO 64 4R</t>
  </si>
  <si>
    <t>HND-11-MALE</t>
  </si>
  <si>
    <t>64/4R</t>
  </si>
  <si>
    <t>GHS THERI PERU WALI</t>
  </si>
  <si>
    <t>There Peru Wali</t>
  </si>
  <si>
    <t>muza theri Peru wali teh minchin abad did bahawal nagar</t>
  </si>
  <si>
    <t>Theriperuwali</t>
  </si>
  <si>
    <t>latif ahmad</t>
  </si>
  <si>
    <t>water suply by other village cnection</t>
  </si>
  <si>
    <t>GPS CHAK AHMAD YAR</t>
  </si>
  <si>
    <t>chak ahmad yar tehsil minchinabad district bahawalnagar</t>
  </si>
  <si>
    <t>Chak Ahmad yar</t>
  </si>
  <si>
    <t>Muhammad Irfan Nazir</t>
  </si>
  <si>
    <t>GPS RAMKOT</t>
  </si>
  <si>
    <t>Ismail Pur Ratteka</t>
  </si>
  <si>
    <t>gps ramko ,post office Macleod gunj,moza ismail pur ratteka chak hussain kot.</t>
  </si>
  <si>
    <t>Hussain Kot</t>
  </si>
  <si>
    <t>Peer Ghr Chesti</t>
  </si>
  <si>
    <t>Naila Noor</t>
  </si>
  <si>
    <t>24147</t>
  </si>
  <si>
    <t>23868</t>
  </si>
  <si>
    <t>GPS DONA JIWAN SARU</t>
  </si>
  <si>
    <t>Dona Jiwan Saru</t>
  </si>
  <si>
    <t>GPS Dona Jiwan Saru P/O Hasil Saru Teh. Minchainabad Distt. Bahawalnagar</t>
  </si>
  <si>
    <t>8319</t>
  </si>
  <si>
    <t>GPS BASTI SULEMANKI</t>
  </si>
  <si>
    <t>Dona Javan Saru</t>
  </si>
  <si>
    <t>Dona javan saru Busty Sulmanki</t>
  </si>
  <si>
    <t>27567</t>
  </si>
  <si>
    <t>GPS AHMAD PUR GADHUKA</t>
  </si>
  <si>
    <t>Ahmed Ghadhoka</t>
  </si>
  <si>
    <t>Ahmed Ghadhoka Tehsil Minchinabad Distt. Bahawalnagar</t>
  </si>
  <si>
    <t>Hassan Wala</t>
  </si>
  <si>
    <t>GPS ASWAR PURA</t>
  </si>
  <si>
    <t>MND-V-MALE</t>
  </si>
  <si>
    <t>Aswar Pura</t>
  </si>
  <si>
    <t>Basti Haqnawaaz</t>
  </si>
  <si>
    <t>Basti Haq Nawaz</t>
  </si>
  <si>
    <t>Mohammad Pur Sansaran</t>
  </si>
  <si>
    <t>Zafar  Iqbal Anjum</t>
  </si>
  <si>
    <t>3635</t>
  </si>
  <si>
    <t>GMPS KARAM PUR GADHOKA</t>
  </si>
  <si>
    <t>Gadhoka Utard</t>
  </si>
  <si>
    <t>karampur gadhoka</t>
  </si>
  <si>
    <t>Karampur Gadhoka</t>
  </si>
  <si>
    <t>Tabinda Nasreen</t>
  </si>
  <si>
    <t>GGPS CHAPPATTIA</t>
  </si>
  <si>
    <t>MCD 04-FEMALE</t>
  </si>
  <si>
    <t>Chappatia</t>
  </si>
  <si>
    <t>gohrya wali behni moza chappatia</t>
  </si>
  <si>
    <t>Bachanwali</t>
  </si>
  <si>
    <t>Nazia Sarwar</t>
  </si>
  <si>
    <t>49259</t>
  </si>
  <si>
    <t>GGPS NOSHERA</t>
  </si>
  <si>
    <t>Adan Wah</t>
  </si>
  <si>
    <t>Ggps nosharah</t>
  </si>
  <si>
    <t>Noshrah</t>
  </si>
  <si>
    <t>Shahbazpura</t>
  </si>
  <si>
    <t>Neelofar Khalid</t>
  </si>
  <si>
    <t>GMMS BHENI MAHARAAN</t>
  </si>
  <si>
    <t>MND-XI-MALE</t>
  </si>
  <si>
    <t>basti bheni maharan</t>
  </si>
  <si>
    <t>Bheni Maharan</t>
  </si>
  <si>
    <t>Mehboob Ali</t>
  </si>
  <si>
    <t>GPS AKAL GARH</t>
  </si>
  <si>
    <t>mozah akal garh tehsil PO khas minchinabad</t>
  </si>
  <si>
    <t>Rohana</t>
  </si>
  <si>
    <t>GPS SHARAF PUR</t>
  </si>
  <si>
    <t>Sharaf Pur</t>
  </si>
  <si>
    <t>Moza sharafpur Teh.Minchanabad District Bahawalnagar</t>
  </si>
  <si>
    <t>2289</t>
  </si>
  <si>
    <t>GHS MEHRAB WALA</t>
  </si>
  <si>
    <t>MEHRABWALA</t>
  </si>
  <si>
    <t>GHS MEHRABWALA TEHSIL AHMAD PUR EAST</t>
  </si>
  <si>
    <t>GHS HAIDER PUR</t>
  </si>
  <si>
    <t>Haider Pur</t>
  </si>
  <si>
    <t>Haider Pur Post Office Uch Sharif</t>
  </si>
  <si>
    <t>Muhammad Mohsin</t>
  </si>
  <si>
    <t>3591</t>
  </si>
  <si>
    <t>2577</t>
  </si>
  <si>
    <t>GGES TIBBI IZZAT</t>
  </si>
  <si>
    <t>TIBBI IZZAT - FEMALE</t>
  </si>
  <si>
    <t>GGES Tibbi izzat basti ahmedpur east,bwp</t>
  </si>
  <si>
    <t>Tibbiizzat</t>
  </si>
  <si>
    <t>Maria Shabbir</t>
  </si>
  <si>
    <t>GGHS MOHALLA ABBASIA</t>
  </si>
  <si>
    <t>Ape</t>
  </si>
  <si>
    <t>mohallah abbasia ape</t>
  </si>
  <si>
    <t>Ape City</t>
  </si>
  <si>
    <t>Khalida Firdous</t>
  </si>
  <si>
    <t>GPS SHAMIM ABAD</t>
  </si>
  <si>
    <t>Mohallah Shamimabad uchsharif</t>
  </si>
  <si>
    <t>Uchsharif</t>
  </si>
  <si>
    <t>GPS PUNNUN JHULLAN</t>
  </si>
  <si>
    <t>Punnun Jhullan</t>
  </si>
  <si>
    <t>basti matra mouza punnun jhullan tehsil ahmadpur east</t>
  </si>
  <si>
    <t>Matra</t>
  </si>
  <si>
    <t>Abdul Hameed Gul</t>
  </si>
  <si>
    <t>GGPS JAFER ALI CHANNAR</t>
  </si>
  <si>
    <t>Mad Peer Wah</t>
  </si>
  <si>
    <t>Moza mad peer wah</t>
  </si>
  <si>
    <t>Mad peer Wah</t>
  </si>
  <si>
    <t>GGPS HAIDER SOLGI</t>
  </si>
  <si>
    <t>Haider Solgi</t>
  </si>
  <si>
    <t>moza haider solgi p/o kotla musa khan tehsil ahmad pur east district bahawal pur</t>
  </si>
  <si>
    <t>Kotla Musa Khan</t>
  </si>
  <si>
    <t>Razia Hameed</t>
  </si>
  <si>
    <t>GPS MODEL NIZAM PUR</t>
  </si>
  <si>
    <t>Nizampur</t>
  </si>
  <si>
    <t>bisti nizampur</t>
  </si>
  <si>
    <t>Sumera Hashmat</t>
  </si>
  <si>
    <t>13558</t>
  </si>
  <si>
    <t>GGPS BASTI MANIK MOUZA KOTLA REHMAT SHAH</t>
  </si>
  <si>
    <t>Kotla Rehmat Shah</t>
  </si>
  <si>
    <t>ggps basti manik</t>
  </si>
  <si>
    <t>Basti Manik</t>
  </si>
  <si>
    <t>Saima Abbas</t>
  </si>
  <si>
    <t>32488</t>
  </si>
  <si>
    <t>GHS SHAHDARA BAHAWALPUR</t>
  </si>
  <si>
    <t>Model Town (C) Bahawalpur</t>
  </si>
  <si>
    <t>Model Town C</t>
  </si>
  <si>
    <t>BWP-CITY-V</t>
  </si>
  <si>
    <t>hafiz muhammad sajid</t>
  </si>
  <si>
    <t>3473</t>
  </si>
  <si>
    <t>GGPS FATTU WALI</t>
  </si>
  <si>
    <t>Fattu wali</t>
  </si>
  <si>
    <t>fattu wali</t>
  </si>
  <si>
    <t>raman</t>
  </si>
  <si>
    <t>Rubeena Parveen</t>
  </si>
  <si>
    <t>4697</t>
  </si>
  <si>
    <t>8443</t>
  </si>
  <si>
    <t>GPS MUSA JOGIANI</t>
  </si>
  <si>
    <t>Chak Mugloo</t>
  </si>
  <si>
    <t>Basti Musa Jogiani chak mugloo Choti Bala Teh Kotchutta distt:D.G.KHAN</t>
  </si>
  <si>
    <t>Musa Jogiani</t>
  </si>
  <si>
    <t>Abdullah</t>
  </si>
  <si>
    <t>pitcher</t>
  </si>
  <si>
    <t>GPS QURESHI WALA</t>
  </si>
  <si>
    <t>Darkhast Shumsli</t>
  </si>
  <si>
    <t>Village Qureshi wala post office Talpur</t>
  </si>
  <si>
    <t>DJK</t>
  </si>
  <si>
    <t>Router/hand pump</t>
  </si>
  <si>
    <t>4713</t>
  </si>
  <si>
    <t>10651</t>
  </si>
  <si>
    <t>GPS CHAK NO. 463 TDA</t>
  </si>
  <si>
    <t>MIRHAN II MALE</t>
  </si>
  <si>
    <t>Chak no 463/TDA</t>
  </si>
  <si>
    <t>463/TDA</t>
  </si>
  <si>
    <t>31230</t>
  </si>
  <si>
    <t>GGPS POODNI DERA HAFEEZ</t>
  </si>
  <si>
    <t>sarishta thal jhandi</t>
  </si>
  <si>
    <t>govt girls M/primary school poodni dera hafeez</t>
  </si>
  <si>
    <t>dera mia hafeez</t>
  </si>
  <si>
    <t>164Tda</t>
  </si>
  <si>
    <t>Rabia Kanwal</t>
  </si>
  <si>
    <t>41556</t>
  </si>
  <si>
    <t>11214</t>
  </si>
  <si>
    <t>GPS DARBAR KHALIQ WALI</t>
  </si>
  <si>
    <t>164 tda sarishta thal jandi darmiani</t>
  </si>
  <si>
    <t>Khaliq Wali</t>
  </si>
  <si>
    <t>Peer Jagi</t>
  </si>
  <si>
    <t>16349</t>
  </si>
  <si>
    <t>11305</t>
  </si>
  <si>
    <t>GPS DUREE BABBER</t>
  </si>
  <si>
    <t>Yakiwaly</t>
  </si>
  <si>
    <t>Basti durri babber</t>
  </si>
  <si>
    <t>Durri Babber</t>
  </si>
  <si>
    <t>Shakir Khalil Khan</t>
  </si>
  <si>
    <t>4229</t>
  </si>
  <si>
    <t>11378</t>
  </si>
  <si>
    <t>GGPS MUHAMMAD WALI</t>
  </si>
  <si>
    <t>KHAIR PUR-II- FEMALE</t>
  </si>
  <si>
    <t>basti badani m.wali khair pur sadat</t>
  </si>
  <si>
    <t>Basti Badani</t>
  </si>
  <si>
    <t>SAMIA RASHEED</t>
  </si>
  <si>
    <t>33350</t>
  </si>
  <si>
    <t>GGPS NOORANI</t>
  </si>
  <si>
    <t>Mohallah mochian khair pur sadat</t>
  </si>
  <si>
    <t>Uzma Batool</t>
  </si>
  <si>
    <t>water from filter plant</t>
  </si>
  <si>
    <t>11874</t>
  </si>
  <si>
    <t>GGPS CHAK NO. 568/TDA</t>
  </si>
  <si>
    <t>568/TDA</t>
  </si>
  <si>
    <t>GGPS 568/TDA markaz Chowk Sarwar Shaheed</t>
  </si>
  <si>
    <t>7604</t>
  </si>
  <si>
    <t>12107</t>
  </si>
  <si>
    <t>GPS PEER WALA</t>
  </si>
  <si>
    <t>DIBBI SHAH- MALE</t>
  </si>
  <si>
    <t>Raan</t>
  </si>
  <si>
    <t>pull raan wala mouza raan p/o qasba gujrat</t>
  </si>
  <si>
    <t>Ghamndi Wala</t>
  </si>
  <si>
    <t>Dibbi Shah</t>
  </si>
  <si>
    <t>Kausar parveen</t>
  </si>
  <si>
    <t>9142</t>
  </si>
  <si>
    <t>GPS DHAMANI</t>
  </si>
  <si>
    <t>Bhunbha</t>
  </si>
  <si>
    <t>basti dhamani p/o jhoke bodo tehsil taunsa Sharif district dera ghazi khan</t>
  </si>
  <si>
    <t>Dhamani</t>
  </si>
  <si>
    <t>9159</t>
  </si>
  <si>
    <t>GPS CHUKIZUM</t>
  </si>
  <si>
    <t>CHUKEYZAM</t>
  </si>
  <si>
    <t>9231</t>
  </si>
  <si>
    <t>GGPS BHUCH</t>
  </si>
  <si>
    <t>Bhuch</t>
  </si>
  <si>
    <t>basti Bhuch</t>
  </si>
  <si>
    <t>Shahzadi Qaisrah Iram</t>
  </si>
  <si>
    <t>local pipeline</t>
  </si>
  <si>
    <t>GGPS NO. 2  BASTI PIR</t>
  </si>
  <si>
    <t>Govt.girls primary school no.2 basti peer</t>
  </si>
  <si>
    <t>Basti Peer</t>
  </si>
  <si>
    <t>RIFFAT BIBI</t>
  </si>
  <si>
    <t>9306</t>
  </si>
  <si>
    <t>GGMPS JHOKE MACHHI WALI</t>
  </si>
  <si>
    <t>Bhutta Wali</t>
  </si>
  <si>
    <t>jhok Machi wali taunda</t>
  </si>
  <si>
    <t>Machi Wali</t>
  </si>
  <si>
    <t>9322</t>
  </si>
  <si>
    <t>GGPS BASTI BUZDAR NEW ABADI</t>
  </si>
  <si>
    <t>basti buzar new abadi</t>
  </si>
  <si>
    <t>Basti Budar</t>
  </si>
  <si>
    <t>Basti Basti Buzdar</t>
  </si>
  <si>
    <t>9337</t>
  </si>
  <si>
    <t>GGMPS SHAH WALI</t>
  </si>
  <si>
    <t>p/o litra shah wali</t>
  </si>
  <si>
    <t>Humaira Rasheed</t>
  </si>
  <si>
    <t>by public pump</t>
  </si>
  <si>
    <t>GGPS SUGHRAH</t>
  </si>
  <si>
    <t>SUGHRA, POST OFFICE MITHWAN TRIBAL AREA TOUNSA</t>
  </si>
  <si>
    <t>Rabia Afzal</t>
  </si>
  <si>
    <t>chanla</t>
  </si>
  <si>
    <t>chanala p/o fazla kach tribal area dg khan</t>
  </si>
  <si>
    <t>chanala</t>
  </si>
  <si>
    <t>Zubaida Mai</t>
  </si>
  <si>
    <t>4606</t>
  </si>
  <si>
    <t>GGPS THEEKER</t>
  </si>
  <si>
    <t>THEEKAR-FEMALE</t>
  </si>
  <si>
    <t>Basti Theekar</t>
  </si>
  <si>
    <t>Nazeeran BiBi</t>
  </si>
  <si>
    <t>28286</t>
  </si>
  <si>
    <t>GPS SARANG</t>
  </si>
  <si>
    <t>GHANIAN -MALE</t>
  </si>
  <si>
    <t>Sarang</t>
  </si>
  <si>
    <t>village Sarang, P.O. Agroya, Teh. Phalia, Dist. M.B.Din</t>
  </si>
  <si>
    <t>Dharekan Kalan</t>
  </si>
  <si>
    <t>Fatima Bashir</t>
  </si>
  <si>
    <t>28378</t>
  </si>
  <si>
    <t>GPS DERA RAMTANA</t>
  </si>
  <si>
    <t>Dera Ramtana</t>
  </si>
  <si>
    <t>village dera ramtana post office noor Jamal shumali</t>
  </si>
  <si>
    <t>Sandhawala  Wala</t>
  </si>
  <si>
    <t>Jamshaid Inayat Zia</t>
  </si>
  <si>
    <t>12211</t>
  </si>
  <si>
    <t>48728</t>
  </si>
  <si>
    <t>3839</t>
  </si>
  <si>
    <t>28445</t>
  </si>
  <si>
    <t>GGPS KOT REHAM SHAH</t>
  </si>
  <si>
    <t>MAKEN - FEMALE</t>
  </si>
  <si>
    <t>Kot Rehm Shah</t>
  </si>
  <si>
    <t>kot reham shah ,uc raika teh phalia m.b.din</t>
  </si>
  <si>
    <t>Kot Rhm Shah</t>
  </si>
  <si>
    <t>Raika</t>
  </si>
  <si>
    <t>Farhat Rubina</t>
  </si>
  <si>
    <t>28702</t>
  </si>
  <si>
    <t>GPS CHUNIAN CANTT</t>
  </si>
  <si>
    <t>CHUNIAN CITY - MALE</t>
  </si>
  <si>
    <t>CHUNIAN CANTT</t>
  </si>
  <si>
    <t>CHUNIAN city</t>
  </si>
  <si>
    <t>28716</t>
  </si>
  <si>
    <t>GPS NO. 3 MOHALLA QASABAN WALA</t>
  </si>
  <si>
    <t>Muhalla Qasaban wala Chunian</t>
  </si>
  <si>
    <t>Chunian City</t>
  </si>
  <si>
    <t>Rana Muhammad Tariq Sharif</t>
  </si>
  <si>
    <t>20735</t>
  </si>
  <si>
    <t>19035</t>
  </si>
  <si>
    <t>28825</t>
  </si>
  <si>
    <t>GPS DHEERJE KAY</t>
  </si>
  <si>
    <t>Dheerjakey</t>
  </si>
  <si>
    <t>dheerjakey</t>
  </si>
  <si>
    <t>KUL</t>
  </si>
  <si>
    <t>M Riaz</t>
  </si>
  <si>
    <t>3914</t>
  </si>
  <si>
    <t>GGPS KOT BAGGA SINGH</t>
  </si>
  <si>
    <t>GOHAR CHAK 8 - FEMALE</t>
  </si>
  <si>
    <t>Kot Bagga Singh</t>
  </si>
  <si>
    <t>kot bagga singh</t>
  </si>
  <si>
    <t>Kot  Bagga Singh</t>
  </si>
  <si>
    <t>Deo Sial</t>
  </si>
  <si>
    <t>Samina Kausr</t>
  </si>
  <si>
    <t>GGPS PURANA REHMAN PURA CHANGA MANGA</t>
  </si>
  <si>
    <t>PURANA REHMAN PURA</t>
  </si>
  <si>
    <t>Adeela Kausar</t>
  </si>
  <si>
    <t>29036</t>
  </si>
  <si>
    <t>GHSS NAWAZ AHMED ROSHAN BHEELA</t>
  </si>
  <si>
    <t>Roshan Bheela</t>
  </si>
  <si>
    <t>Roshan Bheela Kaaur</t>
  </si>
  <si>
    <t>muhammad naeem</t>
  </si>
  <si>
    <t>29109</t>
  </si>
  <si>
    <t>GGES FATEH PUR</t>
  </si>
  <si>
    <t>Post office dost pura village fateh pur kasur</t>
  </si>
  <si>
    <t>Fateh Pur Kasur</t>
  </si>
  <si>
    <t>Maqsoom Akhtar</t>
  </si>
  <si>
    <t>32330</t>
  </si>
  <si>
    <t>29168</t>
  </si>
  <si>
    <t>GPS CARE COLONY</t>
  </si>
  <si>
    <t>Abdul Khaliq Colony</t>
  </si>
  <si>
    <t>GPS Care colony, Abdul Khaliq Colony Kasur</t>
  </si>
  <si>
    <t>Abdul khaliq Colony</t>
  </si>
  <si>
    <t>MOHAMMAD ISHAQ</t>
  </si>
  <si>
    <t>20572</t>
  </si>
  <si>
    <t>GGPS BAHMNI WALA</t>
  </si>
  <si>
    <t>Bahmani Wala</t>
  </si>
  <si>
    <t>village bahmani wala</t>
  </si>
  <si>
    <t>Atika Atiq</t>
  </si>
  <si>
    <t>29535</t>
  </si>
  <si>
    <t>GGPS CHIRAGH DIN WALA</t>
  </si>
  <si>
    <t>HERDO SAHARI - FEMALE</t>
  </si>
  <si>
    <t>Kalay Ottar</t>
  </si>
  <si>
    <t>Village chirag din wala p/o kalay ottar khudian khas Distt. kasur</t>
  </si>
  <si>
    <t>Chirag Din Wala</t>
  </si>
  <si>
    <t>Kotli Rai Abu Bakar</t>
  </si>
  <si>
    <t>Naseem Bagh Ali</t>
  </si>
  <si>
    <t>GPS KOT ALLAH DIN PO. RAM IANA</t>
  </si>
  <si>
    <t>KOT ALLAH DIN</t>
  </si>
  <si>
    <t>HERDO SAHARI</t>
  </si>
  <si>
    <t>IMTIAZ RASHID</t>
  </si>
  <si>
    <t>11247</t>
  </si>
  <si>
    <t>29761</t>
  </si>
  <si>
    <t>GPS PARNAWAN PHOOL NAGAR</t>
  </si>
  <si>
    <t>Parnawan</t>
  </si>
  <si>
    <t>village parnawan,markaz phool nagar,pattoki</t>
  </si>
  <si>
    <t>Gulzar Jageer</t>
  </si>
  <si>
    <t>Siddique Azam</t>
  </si>
  <si>
    <t>37357</t>
  </si>
  <si>
    <t>29854</t>
  </si>
  <si>
    <t>GGPS KANWAN JHOK</t>
  </si>
  <si>
    <t>BHOE ASAL - FEMALE</t>
  </si>
  <si>
    <t>Kavain Jhok</t>
  </si>
  <si>
    <t>kanvain jhok</t>
  </si>
  <si>
    <t>Kanvain Jhok</t>
  </si>
  <si>
    <t>Kanvain Mallain</t>
  </si>
  <si>
    <t>8566</t>
  </si>
  <si>
    <t>45498</t>
  </si>
  <si>
    <t>GPS HAVELI RASOOL KHAN</t>
  </si>
  <si>
    <t>Haveli Muhammad Ali Numbardar Wali handal krk</t>
  </si>
  <si>
    <t>Haveli Muhammad ali numbardar wali</t>
  </si>
  <si>
    <t>handal</t>
  </si>
  <si>
    <t>Amanullah Siddique</t>
  </si>
  <si>
    <t>10444</t>
  </si>
  <si>
    <t>30102</t>
  </si>
  <si>
    <t>GPS HAVELI KAMILAY KHAN</t>
  </si>
  <si>
    <t>Haveli Kamilay Khan</t>
  </si>
  <si>
    <t>Haveli kamilay Khan</t>
  </si>
  <si>
    <t>Ram THAMMAN</t>
  </si>
  <si>
    <t>Shafiq-ur-Rehman</t>
  </si>
  <si>
    <t>neighboring</t>
  </si>
  <si>
    <t>27213</t>
  </si>
  <si>
    <t>30117</t>
  </si>
  <si>
    <t>GHS CENTRAL MODEL SAMANABAD LAHORE</t>
  </si>
  <si>
    <t>A Block</t>
  </si>
  <si>
    <t>ghazali road samanabad</t>
  </si>
  <si>
    <t>30206</t>
  </si>
  <si>
    <t>GHS GREEN TOWN</t>
  </si>
  <si>
    <t>green town</t>
  </si>
  <si>
    <t>block 5 sector d II green town lhr</t>
  </si>
  <si>
    <t>sector 5 d2 green town</t>
  </si>
  <si>
    <t>SYED MUTEE HAIDER ZAIDI</t>
  </si>
  <si>
    <t>22306</t>
  </si>
  <si>
    <t>GGES JEHANGIR PARK LAHORE CANTT</t>
  </si>
  <si>
    <t>liaqut town</t>
  </si>
  <si>
    <t>chungi Amer sidhu liaqut town</t>
  </si>
  <si>
    <t>chungi amer sidhu</t>
  </si>
  <si>
    <t>Baba farid colony</t>
  </si>
  <si>
    <t>2628</t>
  </si>
  <si>
    <t>GGPS CHAK DHERA</t>
  </si>
  <si>
    <t>BHANGALI - FEMALE</t>
  </si>
  <si>
    <t>Chack Dheera</t>
  </si>
  <si>
    <t>Ggps chack Dheera Lahore cantt</t>
  </si>
  <si>
    <t>water from village</t>
  </si>
  <si>
    <t>34968</t>
  </si>
  <si>
    <t>30543</t>
  </si>
  <si>
    <t>GGPS HARPAL KEY</t>
  </si>
  <si>
    <t>Harpalkey</t>
  </si>
  <si>
    <t>village harpalkey p/okhana nou lahore</t>
  </si>
  <si>
    <t>Shakara Jabeen</t>
  </si>
  <si>
    <t>GPS MC KOTLI GHASI</t>
  </si>
  <si>
    <t>kotli ghasi</t>
  </si>
  <si>
    <t>muza kotli ghasi near harbanspura lahore</t>
  </si>
  <si>
    <t>Yasir Hameed</t>
  </si>
  <si>
    <t>40378</t>
  </si>
  <si>
    <t>30902</t>
  </si>
  <si>
    <t>GHS SAINT FRANCIS ANARKALI</t>
  </si>
  <si>
    <t>Lahore Khas</t>
  </si>
  <si>
    <t>Got.  Saint Francis H/Street Anarkali Lahore</t>
  </si>
  <si>
    <t>New Anarkali</t>
  </si>
  <si>
    <t>250470</t>
  </si>
  <si>
    <t>GGES JALAL PURA</t>
  </si>
  <si>
    <t>Jalalpura Lahore</t>
  </si>
  <si>
    <t>Jalalpura raiwind lahore</t>
  </si>
  <si>
    <t>Jalalpura</t>
  </si>
  <si>
    <t>Jhodho Dheer</t>
  </si>
  <si>
    <t>Rashida Noshab</t>
  </si>
  <si>
    <t>GPS PUNJ PEER ROAD MISRI SHAH</t>
  </si>
  <si>
    <t>punj peer road, misri shah, lahore</t>
  </si>
  <si>
    <t>Muhammad Laique</t>
  </si>
  <si>
    <t>GMMS AMIN PARK BUND NO.2 ROAD LAHORE</t>
  </si>
  <si>
    <t>Gunjay Kalam</t>
  </si>
  <si>
    <t>leechi wala bagh amin park no 2</t>
  </si>
  <si>
    <t>Amin Park No 2</t>
  </si>
  <si>
    <t>New Amin Park No 2</t>
  </si>
  <si>
    <t>31243</t>
  </si>
  <si>
    <t>GMMS KHOSHBOI PIR SHAHBAZ ROAD</t>
  </si>
  <si>
    <t>Shahbaz Road</t>
  </si>
  <si>
    <t>GMMS khoshboi pir shahbaz road bhagat pura lahore</t>
  </si>
  <si>
    <t>Gujjer Pura</t>
  </si>
  <si>
    <t>Muhammad Haroon Shah</t>
  </si>
  <si>
    <t>31352</t>
  </si>
  <si>
    <t>GHS BABAKWAL</t>
  </si>
  <si>
    <t>Babakwal</t>
  </si>
  <si>
    <t>Babakwal. Kala khatai road ferozwala</t>
  </si>
  <si>
    <t>Bakhtiar Ahmad</t>
  </si>
  <si>
    <t>31427</t>
  </si>
  <si>
    <t>GPS CHAK NO. 37 FEROZWALA</t>
  </si>
  <si>
    <t>Chak  37</t>
  </si>
  <si>
    <t>Chak 37 Tehsil Ferozwala</t>
  </si>
  <si>
    <t>Shamkay</t>
  </si>
  <si>
    <t>Shahzad  Ahmad  ButtButtButtButt</t>
  </si>
  <si>
    <t>31524</t>
  </si>
  <si>
    <t>GHS SAIKHUM</t>
  </si>
  <si>
    <t>Saikhum</t>
  </si>
  <si>
    <t>saikhum tehsil muridke district sheikhupura</t>
  </si>
  <si>
    <t>Qila Sattar Shah</t>
  </si>
  <si>
    <t>31615</t>
  </si>
  <si>
    <t>GGPS Model MAHAY</t>
  </si>
  <si>
    <t>MAHAY VIRKAN</t>
  </si>
  <si>
    <t>MAHAY P/O NARANG MANDI TEHSIL MURIDKEY DISTRICT SHEIKHUPURA</t>
  </si>
  <si>
    <t>Mahay</t>
  </si>
  <si>
    <t>Nabeela Sadia</t>
  </si>
  <si>
    <t>31730</t>
  </si>
  <si>
    <t>GPS NARANG PURANA</t>
  </si>
  <si>
    <t>Narang Purana</t>
  </si>
  <si>
    <t>village purana narang</t>
  </si>
  <si>
    <t>31825</t>
  </si>
  <si>
    <t>GGPS KOTLI MIANI</t>
  </si>
  <si>
    <t>Kotlimiani</t>
  </si>
  <si>
    <t>kotlimiani</t>
  </si>
  <si>
    <t>Kotli Miani</t>
  </si>
  <si>
    <t>Nangal Buchr</t>
  </si>
  <si>
    <t>31878</t>
  </si>
  <si>
    <t>GHS KALOKE</t>
  </si>
  <si>
    <t>Kaloke</t>
  </si>
  <si>
    <t>Village Kaloke Teh &amp; Distt Sheikhupura</t>
  </si>
  <si>
    <t>32644</t>
  </si>
  <si>
    <t>GHS RAJAB</t>
  </si>
  <si>
    <t>rajab</t>
  </si>
  <si>
    <t>moza rajab p/o syedwala teh&amp;distt nankana sahib</t>
  </si>
  <si>
    <t>mehrpur</t>
  </si>
  <si>
    <t>32719</t>
  </si>
  <si>
    <t>GGES WARBURTON CITY</t>
  </si>
  <si>
    <t>ggesw warburton city Near police Station warburton</t>
  </si>
  <si>
    <t>Uzma Siddique</t>
  </si>
  <si>
    <t>29466</t>
  </si>
  <si>
    <t>32873</t>
  </si>
  <si>
    <t>GPS WAN RAJAB</t>
  </si>
  <si>
    <t>Wan Rajab</t>
  </si>
  <si>
    <t>wan rajab syedwala tehsil and distt nankana sahib</t>
  </si>
  <si>
    <t>37772</t>
  </si>
  <si>
    <t>32878</t>
  </si>
  <si>
    <t>GPS CHEMEKI SAHI</t>
  </si>
  <si>
    <t>THATHA BHATTIAN-MALE</t>
  </si>
  <si>
    <t>Chemeki Sahi</t>
  </si>
  <si>
    <t>chak no 22/75 PO Syedwala Tehsil and district Nankana Sahib</t>
  </si>
  <si>
    <t>Shah Bilawal</t>
  </si>
  <si>
    <t>Walayat Ali</t>
  </si>
  <si>
    <t>32990</t>
  </si>
  <si>
    <t>GGPS JALAL KOHNA</t>
  </si>
  <si>
    <t>jalal Kohna</t>
  </si>
  <si>
    <t>Govt   Girls  primary school Jalal kohna</t>
  </si>
  <si>
    <t>Jalal kohna</t>
  </si>
  <si>
    <t>jalal nou</t>
  </si>
  <si>
    <t>Taswer khanm</t>
  </si>
  <si>
    <t>GGPS BAHAWAL KOT</t>
  </si>
  <si>
    <t>Bahawal Kot</t>
  </si>
  <si>
    <t>ggps bahawal kot</t>
  </si>
  <si>
    <t>Shanza jelani</t>
  </si>
  <si>
    <t>22775</t>
  </si>
  <si>
    <t>50387</t>
  </si>
  <si>
    <t>33296</t>
  </si>
  <si>
    <t>GGPS BHALIKE STATION</t>
  </si>
  <si>
    <t>Ggps station bhalike</t>
  </si>
  <si>
    <t>52458</t>
  </si>
  <si>
    <t>33339</t>
  </si>
  <si>
    <t>GGPS CHEENA VIRKAN</t>
  </si>
  <si>
    <t>Cheena Virkan</t>
  </si>
  <si>
    <t>Sidra Andleeb</t>
  </si>
  <si>
    <t>9631</t>
  </si>
  <si>
    <t>9531</t>
  </si>
  <si>
    <t>33458</t>
  </si>
  <si>
    <t>GGPS MACHER WALI</t>
  </si>
  <si>
    <t>Macherwali</t>
  </si>
  <si>
    <t>macherwali</t>
  </si>
  <si>
    <t>Kerkan</t>
  </si>
  <si>
    <t>Ifrah Ashiq</t>
  </si>
  <si>
    <t>GGHS TECHNICAL SANGLA HILL</t>
  </si>
  <si>
    <t>sangla</t>
  </si>
  <si>
    <t>govt tech high school sangla hill</t>
  </si>
  <si>
    <t>munazzA zIA</t>
  </si>
  <si>
    <t>5582</t>
  </si>
  <si>
    <t>33669</t>
  </si>
  <si>
    <t>GGHS MC MUMTAZ ABAD MULTAN</t>
  </si>
  <si>
    <t>MUMTAZ ABAD MULTAN</t>
  </si>
  <si>
    <t>Mumtazabad</t>
  </si>
  <si>
    <t>MAMONA Bibi</t>
  </si>
  <si>
    <t>3289</t>
  </si>
  <si>
    <t>54599</t>
  </si>
  <si>
    <t>GPS SEERAY TARAR</t>
  </si>
  <si>
    <t>KOLO TARAR - MALE</t>
  </si>
  <si>
    <t>Seeray Tarar</t>
  </si>
  <si>
    <t>GPS Seeray Tarar Hafizabad</t>
  </si>
  <si>
    <t>Lalke Deranke</t>
  </si>
  <si>
    <t>26969</t>
  </si>
  <si>
    <t>GPS FAIZ PURA</t>
  </si>
  <si>
    <t>Kolo Tarar</t>
  </si>
  <si>
    <t>kolo tarar</t>
  </si>
  <si>
    <t>Kolo Tarat</t>
  </si>
  <si>
    <t>54539</t>
  </si>
  <si>
    <t>GPS AKAN WALA</t>
  </si>
  <si>
    <t>Akan wala</t>
  </si>
  <si>
    <t>Kolo tarar</t>
  </si>
  <si>
    <t>umar draz</t>
  </si>
  <si>
    <t>54544</t>
  </si>
  <si>
    <t>GPS BHIRRI CHATHA</t>
  </si>
  <si>
    <t>Bhirri Chatha</t>
  </si>
  <si>
    <t>gps bhirri chatha</t>
  </si>
  <si>
    <t>Alaodenkay</t>
  </si>
  <si>
    <t>Arfan Ullah</t>
  </si>
  <si>
    <t>6130</t>
  </si>
  <si>
    <t>26985</t>
  </si>
  <si>
    <t>GPS NOOR PURA</t>
  </si>
  <si>
    <t>Naeem Manzoor</t>
  </si>
  <si>
    <t>6853</t>
  </si>
  <si>
    <t>GPS ALIABAD</t>
  </si>
  <si>
    <t>Aliabad</t>
  </si>
  <si>
    <t>govt.primary school aliabaf</t>
  </si>
  <si>
    <t>Sandhwan Tarar</t>
  </si>
  <si>
    <t>GGES GARHI AWAN</t>
  </si>
  <si>
    <t>Shirf Pura</t>
  </si>
  <si>
    <t>shirf pura hafizabad</t>
  </si>
  <si>
    <t>shirf pura</t>
  </si>
  <si>
    <t>Sajeela Younas</t>
  </si>
  <si>
    <t>7896</t>
  </si>
  <si>
    <t>52536</t>
  </si>
  <si>
    <t>27059</t>
  </si>
  <si>
    <t>GGPS MOHALLAH MUGHAL PURA</t>
  </si>
  <si>
    <t>mughalpura muhalla have hafizabad</t>
  </si>
  <si>
    <t>Hussainpura</t>
  </si>
  <si>
    <t>9223</t>
  </si>
  <si>
    <t>GGPS CHANI HOSHNAK RAI</t>
  </si>
  <si>
    <t>SHAH JAMAL â€“ FEMALE</t>
  </si>
  <si>
    <t>Channi Hoshnak Ray</t>
  </si>
  <si>
    <t>channi hoshnak ray hafizabad</t>
  </si>
  <si>
    <t>Geegy</t>
  </si>
  <si>
    <t>Rashida Rashid</t>
  </si>
  <si>
    <t>54578</t>
  </si>
  <si>
    <t>GPS MALIK WALA</t>
  </si>
  <si>
    <t>Malik Wala</t>
  </si>
  <si>
    <t>Rasool Bibi</t>
  </si>
  <si>
    <t>27177</t>
  </si>
  <si>
    <t>GPS PUNJ GARAIN</t>
  </si>
  <si>
    <t>Punjgrain</t>
  </si>
  <si>
    <t>that's bama</t>
  </si>
  <si>
    <t>Khalid Amir</t>
  </si>
  <si>
    <t>27179</t>
  </si>
  <si>
    <t>GPS CHAH DIWAN BAWERAY</t>
  </si>
  <si>
    <t>Chah Diwan Baweray</t>
  </si>
  <si>
    <t>chah diwan baweray district hafizabad</t>
  </si>
  <si>
    <t>Kot Ishaq</t>
  </si>
  <si>
    <t>27205</t>
  </si>
  <si>
    <t>GGPS QILA RAM RANG</t>
  </si>
  <si>
    <t>Qila Ram Rang</t>
  </si>
  <si>
    <t>qila ram rang hafizabad</t>
  </si>
  <si>
    <t>Geggey</t>
  </si>
  <si>
    <t>Shumaila Batool</t>
  </si>
  <si>
    <t>48124</t>
  </si>
  <si>
    <t>47054</t>
  </si>
  <si>
    <t>GPS CHAH HAIDAR WALA</t>
  </si>
  <si>
    <t>MANGROTHA MALE</t>
  </si>
  <si>
    <t>Beron Taunsa</t>
  </si>
  <si>
    <t>Chan haider wala taunsa</t>
  </si>
  <si>
    <t>Chan Haider Wala</t>
  </si>
  <si>
    <t>MUHAMMAD TARIQ IQBAL</t>
  </si>
  <si>
    <t>8978</t>
  </si>
  <si>
    <t>GPS BOHAR</t>
  </si>
  <si>
    <t>Basti Bohar Tehsil Taunsa District DG Khan</t>
  </si>
  <si>
    <t>GPS GORO</t>
  </si>
  <si>
    <t>basti goro vehoa</t>
  </si>
  <si>
    <t>Goro</t>
  </si>
  <si>
    <t>Vehoa Janubi</t>
  </si>
  <si>
    <t>9077</t>
  </si>
  <si>
    <t>GPS BUDHAY GHARI</t>
  </si>
  <si>
    <t>MAILA MALE</t>
  </si>
  <si>
    <t>Dhagywar</t>
  </si>
  <si>
    <t>basti budhy ghari p/o barthi tehsial taunsa shareef</t>
  </si>
  <si>
    <t>Budhaey Ghari</t>
  </si>
  <si>
    <t>43589</t>
  </si>
  <si>
    <t>9087</t>
  </si>
  <si>
    <t>GPS SANJHALI</t>
  </si>
  <si>
    <t>sanjhali</t>
  </si>
  <si>
    <t>P/O SANJHALI TRIBLE AREA BARTHI TEHSIL DG.KHAN DISTT.DG.KHAN</t>
  </si>
  <si>
    <t>sanjahli</t>
  </si>
  <si>
    <t>BARTHI</t>
  </si>
  <si>
    <t>Shafqat rasool</t>
  </si>
  <si>
    <t>GGPS SORHA</t>
  </si>
  <si>
    <t>Sorha</t>
  </si>
  <si>
    <t>post office bharti village sorha</t>
  </si>
  <si>
    <t>Rashida Kamal</t>
  </si>
  <si>
    <t>32731</t>
  </si>
  <si>
    <t>27663</t>
  </si>
  <si>
    <t>GGES CHAK NO. 47</t>
  </si>
  <si>
    <t>GOJRA -I- FEMALE</t>
  </si>
  <si>
    <t>Chak No 47</t>
  </si>
  <si>
    <t>chak no .47 tehsil malakwal district .Mandi Bahauddin</t>
  </si>
  <si>
    <t>Anbreen Iqbal</t>
  </si>
  <si>
    <t>3816</t>
  </si>
  <si>
    <t>GPS KHUTHIALA KHURD</t>
  </si>
  <si>
    <t>MALIKWAL -II- MALE</t>
  </si>
  <si>
    <t>Kuthiala Khurd</t>
  </si>
  <si>
    <t>kuthiala khurd Tehsil Malakwal Distt. M.B.Din</t>
  </si>
  <si>
    <t>37346</t>
  </si>
  <si>
    <t>21460</t>
  </si>
  <si>
    <t>27738</t>
  </si>
  <si>
    <t>GPS RAILWAY STATION MONA</t>
  </si>
  <si>
    <t>RAILWAY STATION MONA</t>
  </si>
  <si>
    <t>pindmakko</t>
  </si>
  <si>
    <t>Shabbir Hussain Shah</t>
  </si>
  <si>
    <t>21041</t>
  </si>
  <si>
    <t>27768</t>
  </si>
  <si>
    <t>GGPS NO.1 MALAKWAL</t>
  </si>
  <si>
    <t>malakwal</t>
  </si>
  <si>
    <t>gali talianwali malakwal</t>
  </si>
  <si>
    <t>Naveela Yasmeen</t>
  </si>
  <si>
    <t>20061</t>
  </si>
  <si>
    <t>27945</t>
  </si>
  <si>
    <t>GGHS PANDOWAL</t>
  </si>
  <si>
    <t>PANDOWAL</t>
  </si>
  <si>
    <t>PANDOWAL BALA</t>
  </si>
  <si>
    <t>NAIN RANJHA</t>
  </si>
  <si>
    <t>Sameea Bashir Ijaz</t>
  </si>
  <si>
    <t>GGPS MOHALLA MALAK ABAD</t>
  </si>
  <si>
    <t>C. NO.II MBDIN - FEMALE</t>
  </si>
  <si>
    <t>Shafqat Abad</t>
  </si>
  <si>
    <t>m.b.din.</t>
  </si>
  <si>
    <t>Farhat Sabir</t>
  </si>
  <si>
    <t>5253</t>
  </si>
  <si>
    <t>28092</t>
  </si>
  <si>
    <t>GGPS NO.2 PINDI BAHAUDDIN</t>
  </si>
  <si>
    <t>C. NO.IV MBDIN - FEMALE</t>
  </si>
  <si>
    <t>P B Din</t>
  </si>
  <si>
    <t>p b din</t>
  </si>
  <si>
    <t>Pindi B Din</t>
  </si>
  <si>
    <t>31260</t>
  </si>
  <si>
    <t>28156</t>
  </si>
  <si>
    <t>GPS NO. 1 BHIKHI SHARIF</t>
  </si>
  <si>
    <t>C. NO. I KUTHIALA SHEIKHAN - MALE</t>
  </si>
  <si>
    <t>BHIKHI SHAREEF</t>
  </si>
  <si>
    <t>VPO BHIKHI SHAREEF</t>
  </si>
  <si>
    <t>Syed Asad Ali Shirazi</t>
  </si>
  <si>
    <t>28203</t>
  </si>
  <si>
    <t>GHS PAHRIAN WALI</t>
  </si>
  <si>
    <t>PAHRIANWALI</t>
  </si>
  <si>
    <t>VPO PAHRIANWALI</t>
  </si>
  <si>
    <t>MAZHAR IQBAL SOHAIL</t>
  </si>
  <si>
    <t>GGES FEROZ PUR MULTAN</t>
  </si>
  <si>
    <t>KABIR PUR - FEMALE</t>
  </si>
  <si>
    <t>feroz pur</t>
  </si>
  <si>
    <t>34728</t>
  </si>
  <si>
    <t>GMPS SEHRI WALA</t>
  </si>
  <si>
    <t>Sultan Pur Hammar</t>
  </si>
  <si>
    <t>Sultan pur Hammar chah Sehri wala Sher Shah Multan</t>
  </si>
  <si>
    <t>Sshri Wala</t>
  </si>
  <si>
    <t>14498</t>
  </si>
  <si>
    <t>GPS ASHRAF ABAD FSD</t>
  </si>
  <si>
    <t>Ashrafabad Faisalabad</t>
  </si>
  <si>
    <t>Mattopura</t>
  </si>
  <si>
    <t>Fareed Ahmad</t>
  </si>
  <si>
    <t>14398</t>
  </si>
  <si>
    <t>5554</t>
  </si>
  <si>
    <t>14513</t>
  </si>
  <si>
    <t>GPS DACCAN SAMAN ABAD FSD</t>
  </si>
  <si>
    <t>abdullah colony summandri road fsd</t>
  </si>
  <si>
    <t>Dillawar Colony</t>
  </si>
  <si>
    <t>14552</t>
  </si>
  <si>
    <t>GES MC NAWABAN WALA FSD</t>
  </si>
  <si>
    <t>St 1 Qari Chownk Nawabanwala Fsd</t>
  </si>
  <si>
    <t>Asrar Ahmad</t>
  </si>
  <si>
    <t>Canal water</t>
  </si>
  <si>
    <t>23793</t>
  </si>
  <si>
    <t>43825</t>
  </si>
  <si>
    <t>14661</t>
  </si>
  <si>
    <t>GES MC CHAK NO 213/RB KHARASANWALA MADINA TOWN</t>
  </si>
  <si>
    <t>Madina town 213 RB susan road fsd</t>
  </si>
  <si>
    <t>Khrasanwala</t>
  </si>
  <si>
    <t>Madina Town Flate Fsd</t>
  </si>
  <si>
    <t>Ch. Ajaz Maqbool</t>
  </si>
  <si>
    <t>GHSS MC HAJI ABAD FSD</t>
  </si>
  <si>
    <t>GOVT MC HIGHER SECONDARY SCHOOL, JAMIA SALFIA ROAD, hAJIABAD, FAISALABAD</t>
  </si>
  <si>
    <t>HAJIABAD</t>
  </si>
  <si>
    <t>muhammad naeem rashad</t>
  </si>
  <si>
    <t>14728</t>
  </si>
  <si>
    <t>GHS JAMIA CHASTIA FAISALABAD</t>
  </si>
  <si>
    <t>GHS Jamia Chishtia Sargodha Road Faisalabad</t>
  </si>
  <si>
    <t>GHS SABRIA SARJIA NO. 1 SANAT PURA FSD</t>
  </si>
  <si>
    <t>Sanat Pura</t>
  </si>
  <si>
    <t>near khawaja travel jhang road faisalabad</t>
  </si>
  <si>
    <t>City FSD</t>
  </si>
  <si>
    <t>sanat pura</t>
  </si>
  <si>
    <t>CH  ZLFIQAR HUSSAIN</t>
  </si>
  <si>
    <t>8522</t>
  </si>
  <si>
    <t>3641</t>
  </si>
  <si>
    <t>14771</t>
  </si>
  <si>
    <t>GGHSS 203/RB MANAWALA FSD</t>
  </si>
  <si>
    <t>GGHSS 203RB MANAWALA FSD</t>
  </si>
  <si>
    <t>SAFIA KHATOON</t>
  </si>
  <si>
    <t>35422</t>
  </si>
  <si>
    <t>14784</t>
  </si>
  <si>
    <t>GGHSS PEOPLES COLONY NO. 1 FSD</t>
  </si>
  <si>
    <t>PEOPLE COLONY NO.1</t>
  </si>
  <si>
    <t>GOVT MODEL GIRLS H/SS PC NO.1.FSD</t>
  </si>
  <si>
    <t>Mussarat Shamim</t>
  </si>
  <si>
    <t>14787</t>
  </si>
  <si>
    <t>GGHSS MC SAMANABAD FAISALABAD</t>
  </si>
  <si>
    <t>MADNI CHOWK SAMANABAD</t>
  </si>
  <si>
    <t>rehana Afzal</t>
  </si>
  <si>
    <t>68982</t>
  </si>
  <si>
    <t>2716</t>
  </si>
  <si>
    <t>53940</t>
  </si>
  <si>
    <t>GPS CHAK NO 105 RB II</t>
  </si>
  <si>
    <t>105 RB ii</t>
  </si>
  <si>
    <t>Govt. primary school chak no 105 rb ii</t>
  </si>
  <si>
    <t>Chak No 105 ii</t>
  </si>
  <si>
    <t>Shahzada Tanvir Ahmad</t>
  </si>
  <si>
    <t>14942</t>
  </si>
  <si>
    <t>GPS CHAH BABAL</t>
  </si>
  <si>
    <t>Chah babal</t>
  </si>
  <si>
    <t>GPS Chah Babal Tehsil Jaranwala District Faisalabad</t>
  </si>
  <si>
    <t>432 GB Chah Babal</t>
  </si>
  <si>
    <t>Naee Wala</t>
  </si>
  <si>
    <t>Abdul Karim</t>
  </si>
  <si>
    <t>GPS 276 GB</t>
  </si>
  <si>
    <t>Chak 276 GB</t>
  </si>
  <si>
    <t>Chak 276 GB Post office same Tehsil Jaranwala district Faisalabad</t>
  </si>
  <si>
    <t>277 GB</t>
  </si>
  <si>
    <t>GPS 280  GB</t>
  </si>
  <si>
    <t>Manj Ka Chak</t>
  </si>
  <si>
    <t>chak no. 280 GB Jrw. Fsd.</t>
  </si>
  <si>
    <t>280 GB</t>
  </si>
  <si>
    <t>282 GB</t>
  </si>
  <si>
    <t>26315</t>
  </si>
  <si>
    <t>14975</t>
  </si>
  <si>
    <t>GPS 433 GB MANDI SARWAR ABAD</t>
  </si>
  <si>
    <t>SATIANA - MALE</t>
  </si>
  <si>
    <t>Lal Mandi</t>
  </si>
  <si>
    <t>chak no 433 GB tehsil jaranwala district faisaabad</t>
  </si>
  <si>
    <t>GPS 433 Gb</t>
  </si>
  <si>
    <t>Chak No 434 Gb</t>
  </si>
  <si>
    <t>21060</t>
  </si>
  <si>
    <t>18857</t>
  </si>
  <si>
    <t>80314</t>
  </si>
  <si>
    <t>53933</t>
  </si>
  <si>
    <t>GPS 585 GB</t>
  </si>
  <si>
    <t>chak no 585 gb .jaranwala.</t>
  </si>
  <si>
    <t>kalyana</t>
  </si>
  <si>
    <t>2395</t>
  </si>
  <si>
    <t>14893</t>
  </si>
  <si>
    <t>14999</t>
  </si>
  <si>
    <t>GPS 382 GB</t>
  </si>
  <si>
    <t>DANAABAD - MALE</t>
  </si>
  <si>
    <t>Chak 382 GB</t>
  </si>
  <si>
    <t>chak no 382 gb</t>
  </si>
  <si>
    <t>Sarwarwali</t>
  </si>
  <si>
    <t>Kandhal Ali Akbar</t>
  </si>
  <si>
    <t>51599</t>
  </si>
  <si>
    <t>GPS 633 GB W</t>
  </si>
  <si>
    <t>SHADO DI JHOK-MALE</t>
  </si>
  <si>
    <t>633 Gb West</t>
  </si>
  <si>
    <t>Gnaish Pur 633 gb west Jaranwala</t>
  </si>
  <si>
    <t>Gnaish Pur</t>
  </si>
  <si>
    <t>583 Gb</t>
  </si>
  <si>
    <t>GGPS CHAK 146 GB LUNDIANWALA</t>
  </si>
  <si>
    <t>146 GB</t>
  </si>
  <si>
    <t>146 G.b</t>
  </si>
  <si>
    <t>Arfa Nageen</t>
  </si>
  <si>
    <t>27050</t>
  </si>
  <si>
    <t>GGPS CHAK 628 GB LUNDIANWLAA</t>
  </si>
  <si>
    <t>628GB</t>
  </si>
  <si>
    <t>chack#628 GB lundianwala</t>
  </si>
  <si>
    <t>Baman Chack</t>
  </si>
  <si>
    <t>Daangali</t>
  </si>
  <si>
    <t>Ayesha Saeed</t>
  </si>
  <si>
    <t>15303</t>
  </si>
  <si>
    <t>GGHS 108 GB</t>
  </si>
  <si>
    <t>108 GB</t>
  </si>
  <si>
    <t>Chak No 108 GB</t>
  </si>
  <si>
    <t>106 GB</t>
  </si>
  <si>
    <t>15307</t>
  </si>
  <si>
    <t>GGHS CHAK NO 101 GB</t>
  </si>
  <si>
    <t>Chak 101gb</t>
  </si>
  <si>
    <t>chak 101gb</t>
  </si>
  <si>
    <t>Nayyab Arzoo</t>
  </si>
  <si>
    <t>15388</t>
  </si>
  <si>
    <t>GHS CHAK NO 33 GB</t>
  </si>
  <si>
    <t>CHAK NO 32 GB</t>
  </si>
  <si>
    <t>GOVT HIGH SCHOOL CHAK NO 33 GB FSD.</t>
  </si>
  <si>
    <t>CHAK NO 33 GB</t>
  </si>
  <si>
    <t>MUHAMMAD ASLAM SHAHZAD</t>
  </si>
  <si>
    <t>GGHS CHAK 24 GB</t>
  </si>
  <si>
    <t>24 Gb</t>
  </si>
  <si>
    <t>Govt girls high school 24 gb</t>
  </si>
  <si>
    <t>Madiha Hanif</t>
  </si>
  <si>
    <t>201465</t>
  </si>
  <si>
    <t>GGHS CHAK 283 GB</t>
  </si>
  <si>
    <t>GOVT GIRLS HIGH SCHOOL 283GB DISTRICT FAISALABAD</t>
  </si>
  <si>
    <t>283GB</t>
  </si>
  <si>
    <t>Chak#283GB</t>
  </si>
  <si>
    <t>Sadaf Ghafoor</t>
  </si>
  <si>
    <t>2371</t>
  </si>
  <si>
    <t>GPS CHAK NO. 240GB III</t>
  </si>
  <si>
    <t>JARANWALA - MALE</t>
  </si>
  <si>
    <t>BASTI ODAN</t>
  </si>
  <si>
    <t>Govt Primary School 240 GB III BASTI ODAN JARANWALA</t>
  </si>
  <si>
    <t>CHAK NO 240 GB III</t>
  </si>
  <si>
    <t>CHaK NO 240 GB</t>
  </si>
  <si>
    <t>Muhammad Numan Anwar</t>
  </si>
  <si>
    <t>GPS CHAK 394 GB SAMUNDRI</t>
  </si>
  <si>
    <t>Jhok Baig</t>
  </si>
  <si>
    <t>CHAK NO 394 G.B</t>
  </si>
  <si>
    <t>394 G B</t>
  </si>
  <si>
    <t>442 G B</t>
  </si>
  <si>
    <t>Hassan Raza</t>
  </si>
  <si>
    <t>15575</t>
  </si>
  <si>
    <t>GGPS CHAK 174 GB III SAMUNDRI</t>
  </si>
  <si>
    <t>174/3</t>
  </si>
  <si>
    <t>173/3 GB tehsil samundri district Faisalabad</t>
  </si>
  <si>
    <t>174/3gb</t>
  </si>
  <si>
    <t>Zunaira Khan</t>
  </si>
  <si>
    <t>26523</t>
  </si>
  <si>
    <t>15646</t>
  </si>
  <si>
    <t>GGHS CHAK NO 444 GB</t>
  </si>
  <si>
    <t>chak no 444 GB</t>
  </si>
  <si>
    <t>govt girls high school 444 GB</t>
  </si>
  <si>
    <t>CHAK no 441Gb</t>
  </si>
  <si>
    <t>25748</t>
  </si>
  <si>
    <t>GHS CHAK 135 GB PO IFFAT ABAD SAMUNDRI FSD</t>
  </si>
  <si>
    <t>135GB</t>
  </si>
  <si>
    <t>CHAK NO: 135GB TEH SAMUNDRI DISTT FAISALABAD</t>
  </si>
  <si>
    <t>CHAK NO 138GB</t>
  </si>
  <si>
    <t>ABDUL WAHEED NASIR</t>
  </si>
  <si>
    <t>15697</t>
  </si>
  <si>
    <t>GHS CHAK 388 GB SAMUNDRI FSD</t>
  </si>
  <si>
    <t>388 gb</t>
  </si>
  <si>
    <t>CHAK NO 388 GB TEHSIL SAMUNDRI DISTRICT FAISALABAD</t>
  </si>
  <si>
    <t>388 gB</t>
  </si>
  <si>
    <t>388 GB</t>
  </si>
  <si>
    <t>GPS 222 RB  SITRA COLONY</t>
  </si>
  <si>
    <t>chak#222rb sitara colony</t>
  </si>
  <si>
    <t>222rb</t>
  </si>
  <si>
    <t>sagheer nemat</t>
  </si>
  <si>
    <t>32208</t>
  </si>
  <si>
    <t>GPS CHAK 82 JB I</t>
  </si>
  <si>
    <t>Jaggutpur</t>
  </si>
  <si>
    <t>chak no 82 jb fsd</t>
  </si>
  <si>
    <t>Chak No 82 Jb</t>
  </si>
  <si>
    <t>31366</t>
  </si>
  <si>
    <t>54172</t>
  </si>
  <si>
    <t>15998</t>
  </si>
  <si>
    <t>GGES CHAK 54 JB</t>
  </si>
  <si>
    <t>chak no 54 jb faisalabad</t>
  </si>
  <si>
    <t>dhottian</t>
  </si>
  <si>
    <t>chak no 57 jb fsd</t>
  </si>
  <si>
    <t>faiza mustafa</t>
  </si>
  <si>
    <t>4091</t>
  </si>
  <si>
    <t>purchased canal water</t>
  </si>
  <si>
    <t>11178</t>
  </si>
  <si>
    <t>16020</t>
  </si>
  <si>
    <t>GGHS CHAK 255 RB BOGAN</t>
  </si>
  <si>
    <t>CHAK NO 255 RB BOGAN FAISALABAD</t>
  </si>
  <si>
    <t>GGHS 255 RB BOGAN FSD</t>
  </si>
  <si>
    <t>CHAK NO 255 RB BOGAN</t>
  </si>
  <si>
    <t>CHAK NO 248 RB BASMALLAHPUR</t>
  </si>
  <si>
    <t>Saima Rasool</t>
  </si>
  <si>
    <t>12574</t>
  </si>
  <si>
    <t>16117</t>
  </si>
  <si>
    <t>GGHS CHAK NO 40 JB HALWARA</t>
  </si>
  <si>
    <t>40 JB</t>
  </si>
  <si>
    <t>chak no 40 jb faisalabad</t>
  </si>
  <si>
    <t>Chak No 40 JB</t>
  </si>
  <si>
    <t>38 JB Daghora</t>
  </si>
  <si>
    <t>IFFAT NASEEM</t>
  </si>
  <si>
    <t>GGHS CHAK NO 78 JB JODI</t>
  </si>
  <si>
    <t>Javadi</t>
  </si>
  <si>
    <t>78jb</t>
  </si>
  <si>
    <t>Nasira Saleemi</t>
  </si>
  <si>
    <t>17992</t>
  </si>
  <si>
    <t>16191</t>
  </si>
  <si>
    <t>GHS CHAK 198 RB FSD</t>
  </si>
  <si>
    <t>CHAK 198 RB FSD</t>
  </si>
  <si>
    <t>198 rb</t>
  </si>
  <si>
    <t>CHAK NO 198 R.B.FSD</t>
  </si>
  <si>
    <t>GATWALA</t>
  </si>
  <si>
    <t>AFTAB ALAM</t>
  </si>
  <si>
    <t>18594</t>
  </si>
  <si>
    <t>GHS CHAK 83 JB FSD</t>
  </si>
  <si>
    <t>83 Jb (Gill) Faisalabad</t>
  </si>
  <si>
    <t>83 jb (Gill) Faisalabad</t>
  </si>
  <si>
    <t>82 Jb  jagat Pur</t>
  </si>
  <si>
    <t>AYAZ UR REHMAN</t>
  </si>
  <si>
    <t>8973</t>
  </si>
  <si>
    <t>GGHS CHAK 60/JB</t>
  </si>
  <si>
    <t>chalady wala</t>
  </si>
  <si>
    <t>ch 60 jb</t>
  </si>
  <si>
    <t>60 jb</t>
  </si>
  <si>
    <t>59 jb</t>
  </si>
  <si>
    <t>NAHEED KAUSAR</t>
  </si>
  <si>
    <t>GGHS CHAK 84 JB FSD</t>
  </si>
  <si>
    <t>Chak No 84 Jb Fsd</t>
  </si>
  <si>
    <t>Chak no.84 jb fsd</t>
  </si>
  <si>
    <t>Chak No 84 Jb</t>
  </si>
  <si>
    <t>Chak no 84 Jb</t>
  </si>
  <si>
    <t>54508</t>
  </si>
  <si>
    <t>GGPS 32 JBII</t>
  </si>
  <si>
    <t>chak No 32 jb 1st</t>
  </si>
  <si>
    <t>32jb2nd</t>
  </si>
  <si>
    <t>Chak No 34</t>
  </si>
  <si>
    <t>Shazia</t>
  </si>
  <si>
    <t>3940</t>
  </si>
  <si>
    <t>16282</t>
  </si>
  <si>
    <t>GPS 153 RB III</t>
  </si>
  <si>
    <t>153Rb Bhroki</t>
  </si>
  <si>
    <t>chak#153RB Bhroki sahianwala</t>
  </si>
  <si>
    <t>Bhroki</t>
  </si>
  <si>
    <t>CHAK 146 RB DAO WALA</t>
  </si>
  <si>
    <t>16306</t>
  </si>
  <si>
    <t>GPS 293 RB II</t>
  </si>
  <si>
    <t>293 rB II</t>
  </si>
  <si>
    <t>CHAK NO. 293 RB WEST</t>
  </si>
  <si>
    <t>ODHAN CHAK</t>
  </si>
  <si>
    <t>PANWAN</t>
  </si>
  <si>
    <t>NOOR MUHAMMAD</t>
  </si>
  <si>
    <t>3338</t>
  </si>
  <si>
    <t>GPS 47 RB</t>
  </si>
  <si>
    <t>47RB</t>
  </si>
  <si>
    <t>chak#47R.B.Tehsil chak Jhumra Distt Fs</t>
  </si>
  <si>
    <t>Bal</t>
  </si>
  <si>
    <t>Syed Ibn E Hassan</t>
  </si>
  <si>
    <t>16383</t>
  </si>
  <si>
    <t>GGPS CHAK NO 145 RB II</t>
  </si>
  <si>
    <t>Kala Singh</t>
  </si>
  <si>
    <t>Chak no 145 rb ii</t>
  </si>
  <si>
    <t>Ishrat Shahzadi</t>
  </si>
  <si>
    <t>18746</t>
  </si>
  <si>
    <t>GGHS CHAK NO 148 RB</t>
  </si>
  <si>
    <t>148RB</t>
  </si>
  <si>
    <t>CHAK NO148RB FSD</t>
  </si>
  <si>
    <t>SOHNA TOBA</t>
  </si>
  <si>
    <t>CHAK NO156RB</t>
  </si>
  <si>
    <t>Salma Nasim</t>
  </si>
  <si>
    <t>16478</t>
  </si>
  <si>
    <t>GPS CHAK 403 GB TANDLIANWALA</t>
  </si>
  <si>
    <t>Chak No 403 Gb</t>
  </si>
  <si>
    <t>GPS chak 403 gb Tandlianwala Faisalabad</t>
  </si>
  <si>
    <t>chak no. 403 gb</t>
  </si>
  <si>
    <t>chak no. 400 gb</t>
  </si>
  <si>
    <t>MUHAMMAD RAZA</t>
  </si>
  <si>
    <t>16486</t>
  </si>
  <si>
    <t>GPS CHAK 415 GB TANDLIANWALA</t>
  </si>
  <si>
    <t>chak no 415 gb</t>
  </si>
  <si>
    <t>415 Gb</t>
  </si>
  <si>
    <t>Chak No 416</t>
  </si>
  <si>
    <t>9611</t>
  </si>
  <si>
    <t>16498</t>
  </si>
  <si>
    <t>GPS CHAK CHAN MERAN</t>
  </si>
  <si>
    <t>Chah Meeran</t>
  </si>
  <si>
    <t>Chak no 609gb Chah Meeran</t>
  </si>
  <si>
    <t>609 Gb Chah Meeran</t>
  </si>
  <si>
    <t>Thata Baig</t>
  </si>
  <si>
    <t>25400</t>
  </si>
  <si>
    <t>16501</t>
  </si>
  <si>
    <t>GPS CHAK NO 422 GB</t>
  </si>
  <si>
    <t>422gb</t>
  </si>
  <si>
    <t>Chak no 422 Gb tehsil tandlianwala Faisalabad</t>
  </si>
  <si>
    <t>muhammad zaman shad</t>
  </si>
  <si>
    <t>GPS CHAK NO 426 GB N</t>
  </si>
  <si>
    <t>Rajkay</t>
  </si>
  <si>
    <t>16510</t>
  </si>
  <si>
    <t>GPS CHAK NO 431 GBS</t>
  </si>
  <si>
    <t>Burala Sharif</t>
  </si>
  <si>
    <t>chak no 431gb s</t>
  </si>
  <si>
    <t>Chak No 431GB S</t>
  </si>
  <si>
    <t>Chak No 429 Gb</t>
  </si>
  <si>
    <t>16513</t>
  </si>
  <si>
    <t>GPS CHAK NO 595 GB</t>
  </si>
  <si>
    <t>Chak No 595 GBJhok Devat tehsil tandlianwala district Faisalabad</t>
  </si>
  <si>
    <t>595 GB</t>
  </si>
  <si>
    <t>Asim Saleem</t>
  </si>
  <si>
    <t>22815</t>
  </si>
  <si>
    <t>16522</t>
  </si>
  <si>
    <t>GPS CHAK NO 608 GB</t>
  </si>
  <si>
    <t>Sattar Wala</t>
  </si>
  <si>
    <t>chak no.608gb</t>
  </si>
  <si>
    <t>Thetha Baig</t>
  </si>
  <si>
    <t>Asif Ahmad Raza</t>
  </si>
  <si>
    <t>GPS KHAIR WALA</t>
  </si>
  <si>
    <t>Kamokay</t>
  </si>
  <si>
    <t>GPS chah khair wala p/o jhamra Teh. Tandlianwala dis. Faisalabad</t>
  </si>
  <si>
    <t>Chah Khair Wala</t>
  </si>
  <si>
    <t>Shafqat Ali Khan</t>
  </si>
  <si>
    <t>hand pomp moter</t>
  </si>
  <si>
    <t>GPS THATHA ISMAIL</t>
  </si>
  <si>
    <t>Thatha Ismail</t>
  </si>
  <si>
    <t>Mauza Thatha Ismail tehsil Tandlianwala dist Faisaabad</t>
  </si>
  <si>
    <t>Chak No 597 GB</t>
  </si>
  <si>
    <t>Saleem Yousaf</t>
  </si>
  <si>
    <t>14388</t>
  </si>
  <si>
    <t>12515</t>
  </si>
  <si>
    <t>16536</t>
  </si>
  <si>
    <t>GPS THATHA SAIKAY</t>
  </si>
  <si>
    <t>MOUZA SAI KAY</t>
  </si>
  <si>
    <t>MOUZA THATHA SAI KA TEHSIL TANDLIANWALA DISTT FSD</t>
  </si>
  <si>
    <t>JHAMRA</t>
  </si>
  <si>
    <t>SAMEE ULLAH</t>
  </si>
  <si>
    <t>16541</t>
  </si>
  <si>
    <t>GPS CHAK 396 GB TANDLIANWALA</t>
  </si>
  <si>
    <t>chak no 396GB Tandlianwala FaisalAbad</t>
  </si>
  <si>
    <t>396GB</t>
  </si>
  <si>
    <t>25740</t>
  </si>
  <si>
    <t>16573</t>
  </si>
  <si>
    <t>GPS 458 GB I</t>
  </si>
  <si>
    <t>Chak No458 GB</t>
  </si>
  <si>
    <t>Chak no.458 GB</t>
  </si>
  <si>
    <t>Zamir Hussain</t>
  </si>
  <si>
    <t>12061</t>
  </si>
  <si>
    <t>16610</t>
  </si>
  <si>
    <t>GPS CHAK 505 GB MAMUNKANJAN</t>
  </si>
  <si>
    <t>Chak No 505</t>
  </si>
  <si>
    <t>chak .no 505G.B Tehsil tandlianwala district faisalabad</t>
  </si>
  <si>
    <t>Chak No 505 GB</t>
  </si>
  <si>
    <t>Chak 498 GB</t>
  </si>
  <si>
    <t>Muhammad Azwan</t>
  </si>
  <si>
    <t>9015</t>
  </si>
  <si>
    <t>51161</t>
  </si>
  <si>
    <t>42181</t>
  </si>
  <si>
    <t>16735</t>
  </si>
  <si>
    <t>GES THATTA PHULARWAN</t>
  </si>
  <si>
    <t>Kur</t>
  </si>
  <si>
    <t>thatha phullarwan</t>
  </si>
  <si>
    <t>Thatha Phullarwan</t>
  </si>
  <si>
    <t>598gb</t>
  </si>
  <si>
    <t>16762</t>
  </si>
  <si>
    <t>GGES 494 GB</t>
  </si>
  <si>
    <t>chak no 494 gb</t>
  </si>
  <si>
    <t>Chak No 494 Gb</t>
  </si>
  <si>
    <t>Chak No 507 Gb</t>
  </si>
  <si>
    <t>Rehana Lal</t>
  </si>
  <si>
    <t>16783</t>
  </si>
  <si>
    <t>GHS CHAK 491 GB TANDLIANWLA</t>
  </si>
  <si>
    <t>chak no 491 gb mamun kanjan</t>
  </si>
  <si>
    <t>chak 491 gb</t>
  </si>
  <si>
    <t>chak 490 gb</t>
  </si>
  <si>
    <t>15008</t>
  </si>
  <si>
    <t>14841</t>
  </si>
  <si>
    <t>18017</t>
  </si>
  <si>
    <t>16875</t>
  </si>
  <si>
    <t>GGHS BASTI MALAH</t>
  </si>
  <si>
    <t>Basti Mallah</t>
  </si>
  <si>
    <t>Basti Mallah Hussain Abad</t>
  </si>
  <si>
    <t>Basti Atta wali</t>
  </si>
  <si>
    <t>49895</t>
  </si>
  <si>
    <t>16936</t>
  </si>
  <si>
    <t>GHS CHATTA</t>
  </si>
  <si>
    <t>chatta jhang</t>
  </si>
  <si>
    <t>SYED MUHAMMAD YASIR RAZA</t>
  </si>
  <si>
    <t>1873</t>
  </si>
  <si>
    <t>56848</t>
  </si>
  <si>
    <t>16946</t>
  </si>
  <si>
    <t>GGES CHAK NOOR SHAH</t>
  </si>
  <si>
    <t>GGES Chak Noor Shah</t>
  </si>
  <si>
    <t>Akhtar Bibi</t>
  </si>
  <si>
    <t>17109</t>
  </si>
  <si>
    <t>GPS BINDI BAIG MAHNI</t>
  </si>
  <si>
    <t>bindi baig mahni</t>
  </si>
  <si>
    <t>mouza bindi baig mahni jhang</t>
  </si>
  <si>
    <t>bindi baig</t>
  </si>
  <si>
    <t>kheewa</t>
  </si>
  <si>
    <t>29766</t>
  </si>
  <si>
    <t>25872</t>
  </si>
  <si>
    <t>17199</t>
  </si>
  <si>
    <t>GPS THATHI BASLANI</t>
  </si>
  <si>
    <t>GPS THATTI BUSLANI</t>
  </si>
  <si>
    <t>Thatti Buslani</t>
  </si>
  <si>
    <t>17207</t>
  </si>
  <si>
    <t>GPS BINDI PATUANA NO 2</t>
  </si>
  <si>
    <t>MASSAN - MALE</t>
  </si>
  <si>
    <t>Bindi Patoana  Kalan</t>
  </si>
  <si>
    <t>Gps Bindi Patuana No 2</t>
  </si>
  <si>
    <t>Basti Chadhar</t>
  </si>
  <si>
    <t>44749</t>
  </si>
  <si>
    <t>17241</t>
  </si>
  <si>
    <t>GPS CHAK NO 214 ABADI JB GUJAR</t>
  </si>
  <si>
    <t>BANGLA NOUL-MALE</t>
  </si>
  <si>
    <t>Abadi GUJJER</t>
  </si>
  <si>
    <t>GPS CHAK NO 214 ABADI GUJJER</t>
  </si>
  <si>
    <t>CHAK NO 214 ABADI GUJJER</t>
  </si>
  <si>
    <t>CHAK NO 182</t>
  </si>
  <si>
    <t>Sami Ullah Khan</t>
  </si>
  <si>
    <t>GPS CHAK NO 259 JB PATUANA</t>
  </si>
  <si>
    <t>Patuana</t>
  </si>
  <si>
    <t>chak no 259 patuana</t>
  </si>
  <si>
    <t>Chak No 259</t>
  </si>
  <si>
    <t>Sultan Pakrah</t>
  </si>
  <si>
    <t>Wajid Ali Khan</t>
  </si>
  <si>
    <t>17572</t>
  </si>
  <si>
    <t>GGPS VIJHLANA</t>
  </si>
  <si>
    <t>JHANG SADAR - FEMALE</t>
  </si>
  <si>
    <t>Vijhlana</t>
  </si>
  <si>
    <t>mohala babhrana jhang sadr</t>
  </si>
  <si>
    <t>Safiya Bano</t>
  </si>
  <si>
    <t>GMPS CHAK NO 169 JB ABADI MURAD</t>
  </si>
  <si>
    <t>abadi murad</t>
  </si>
  <si>
    <t>chak 169 abadi murad jhang</t>
  </si>
  <si>
    <t>chak no169</t>
  </si>
  <si>
    <t>169 Garwa</t>
  </si>
  <si>
    <t>Munawwar Begum</t>
  </si>
  <si>
    <t>17910</t>
  </si>
  <si>
    <t>GPS FATEH ABAD</t>
  </si>
  <si>
    <t>Moza Shareenh</t>
  </si>
  <si>
    <t>Fateh abad</t>
  </si>
  <si>
    <t>51947</t>
  </si>
  <si>
    <t>51850</t>
  </si>
  <si>
    <t>GES SULTAN BAKHSH</t>
  </si>
  <si>
    <t>QADIRPUR BAKHSHA PAKKA</t>
  </si>
  <si>
    <t>mouza qadirpur bakhsha p/o chatta,teh&amp;distt.jhang.</t>
  </si>
  <si>
    <t>BAKHSHA</t>
  </si>
  <si>
    <t>yasir nadeem khan</t>
  </si>
  <si>
    <t>17950</t>
  </si>
  <si>
    <t>GGHS SHORKOT CITY</t>
  </si>
  <si>
    <t>khalida Perveen</t>
  </si>
  <si>
    <t>45849</t>
  </si>
  <si>
    <t>6507</t>
  </si>
  <si>
    <t>54247</t>
  </si>
  <si>
    <t>GPS CHAK NO 490 JB SOUTH</t>
  </si>
  <si>
    <t>WARYAM WALA-MALE</t>
  </si>
  <si>
    <t>chak no 490 south</t>
  </si>
  <si>
    <t>490 South</t>
  </si>
  <si>
    <t>Batian Wala</t>
  </si>
  <si>
    <t>Muneer Hussain</t>
  </si>
  <si>
    <t>18041</t>
  </si>
  <si>
    <t>GPS WARIS ABAD SHORKOT SHUMALI</t>
  </si>
  <si>
    <t>SHORKOT CANTT - MALE</t>
  </si>
  <si>
    <t>near 3 pulli shorkot shumali the shorkot</t>
  </si>
  <si>
    <t>Shorkot Janoobi</t>
  </si>
  <si>
    <t>Umar Draz</t>
  </si>
  <si>
    <t>2409</t>
  </si>
  <si>
    <t>GHS KOT BAHADAR SHAH</t>
  </si>
  <si>
    <t>Tehsil ahmad pur sial distt jhang</t>
  </si>
  <si>
    <t>QAMAR MUSTAFA</t>
  </si>
  <si>
    <t>18295</t>
  </si>
  <si>
    <t>GPS ESSAY WALA SHARQI NO 1</t>
  </si>
  <si>
    <t>BANGLA YASMEEN -MALE</t>
  </si>
  <si>
    <t>Essay Wala</t>
  </si>
  <si>
    <t>Gps Essa Wala Sharqi No1</t>
  </si>
  <si>
    <t>Bangla Yasmin</t>
  </si>
  <si>
    <t>SAJID ABBAS</t>
  </si>
  <si>
    <t>18327</t>
  </si>
  <si>
    <t>GPS AKBAR ABAD HASSU BALAIL</t>
  </si>
  <si>
    <t>HASSU BALAIL -MALE</t>
  </si>
  <si>
    <t>Gps Akbar Abad</t>
  </si>
  <si>
    <t>Hassu Balil</t>
  </si>
  <si>
    <t>M  Ashraf Khan</t>
  </si>
  <si>
    <t>GPS MIAN WALA</t>
  </si>
  <si>
    <t>Esa Wala Janobi</t>
  </si>
  <si>
    <t>chah  main wala moza ESA wala janobi</t>
  </si>
  <si>
    <t>17029</t>
  </si>
  <si>
    <t>GPS MEHRAN THAL</t>
  </si>
  <si>
    <t>Ochgul Amam</t>
  </si>
  <si>
    <t>mehran thal chk no 11/1</t>
  </si>
  <si>
    <t>Mehran Thal</t>
  </si>
  <si>
    <t>och Gul Amam</t>
  </si>
  <si>
    <t>43285</t>
  </si>
  <si>
    <t>17184</t>
  </si>
  <si>
    <t>GPS BUTTAN WALA THAL</t>
  </si>
  <si>
    <t>Buttanwala</t>
  </si>
  <si>
    <t>Buttanwala mari shah skhera</t>
  </si>
  <si>
    <t>mARI SHAH SKHERA</t>
  </si>
  <si>
    <t>Zulfiqar</t>
  </si>
  <si>
    <t>13928</t>
  </si>
  <si>
    <t>29587</t>
  </si>
  <si>
    <t>18505</t>
  </si>
  <si>
    <t>GHS 424 JB CHURCH MISSION SOCIETY</t>
  </si>
  <si>
    <t>Dhama Bangla</t>
  </si>
  <si>
    <t>Chak no 424 j.b</t>
  </si>
  <si>
    <t>Chak No 424</t>
  </si>
  <si>
    <t>Chak No 431</t>
  </si>
  <si>
    <t>7702</t>
  </si>
  <si>
    <t>18515</t>
  </si>
  <si>
    <t>GHS CHAK 164 GB SHEIKHAN</t>
  </si>
  <si>
    <t>CHAK #164 GB SHEIKHAN</t>
  </si>
  <si>
    <t>CHAK # 164 GB SHEIKHAN, TEHSIL; GOJRA, DISTRICT; TOBA TEK SIGH</t>
  </si>
  <si>
    <t>CHAK # 161 GB</t>
  </si>
  <si>
    <t>Mohammad Aslam Khan</t>
  </si>
  <si>
    <t>GGHS HOUSING COLONY GOJRA</t>
  </si>
  <si>
    <t>housing colony gojra</t>
  </si>
  <si>
    <t>mohalla</t>
  </si>
  <si>
    <t>T.M.O office</t>
  </si>
  <si>
    <t>Saima Khalid</t>
  </si>
  <si>
    <t>18708</t>
  </si>
  <si>
    <t>GGPS CHAK 345 JB II CHAK NACHBLI</t>
  </si>
  <si>
    <t>345jb 2</t>
  </si>
  <si>
    <t>gg ps 345
jb 2</t>
  </si>
  <si>
    <t>345 Jb 2</t>
  </si>
  <si>
    <t>54111</t>
  </si>
  <si>
    <t>18859</t>
  </si>
  <si>
    <t>GGHS LABORATORY (ATTACH GCET (W)</t>
  </si>
  <si>
    <t>govt lab girls high school kamalia</t>
  </si>
  <si>
    <t>kamalia city</t>
  </si>
  <si>
    <t>Ume Ruba</t>
  </si>
  <si>
    <t>GPS THUL HAIRO</t>
  </si>
  <si>
    <t>Thul hairo</t>
  </si>
  <si>
    <t>Thul hairo Tehsil jampur</t>
  </si>
  <si>
    <t>Thul Hairo</t>
  </si>
  <si>
    <t>Javed hussain</t>
  </si>
  <si>
    <t>GPS LASKANI</t>
  </si>
  <si>
    <t>lundi saidan</t>
  </si>
  <si>
    <t>Laal Garh</t>
  </si>
  <si>
    <t>Mureed Bux</t>
  </si>
  <si>
    <t>13534</t>
  </si>
  <si>
    <t>GPS BOOHALI</t>
  </si>
  <si>
    <t>Boohali</t>
  </si>
  <si>
    <t>Basti Amanullah Sohrani. Mauza Boohali</t>
  </si>
  <si>
    <t>RAJAB ALI</t>
  </si>
  <si>
    <t>Rainy Water</t>
  </si>
  <si>
    <t>51763</t>
  </si>
  <si>
    <t>13547</t>
  </si>
  <si>
    <t>GPS JAHANGIR ABAD</t>
  </si>
  <si>
    <t>Thul Ali Muhammad Muhammad</t>
  </si>
  <si>
    <t>Thul ali Muhammad basti Jahangir Abad</t>
  </si>
  <si>
    <t>54803</t>
  </si>
  <si>
    <t>GGPS DRIGRI</t>
  </si>
  <si>
    <t>Khumbhi Grang</t>
  </si>
  <si>
    <t>G GPS DRIGRI  Bakhirpur</t>
  </si>
  <si>
    <t>Bakhirpur</t>
  </si>
  <si>
    <t>Naila Islam Qureshi</t>
  </si>
  <si>
    <t>32170</t>
  </si>
  <si>
    <t>GGPS DAJAL NO 3</t>
  </si>
  <si>
    <t>gaps no3dajal</t>
  </si>
  <si>
    <t>Zubira Bibi</t>
  </si>
  <si>
    <t>COOLER</t>
  </si>
  <si>
    <t>13637</t>
  </si>
  <si>
    <t>GMPS MOHALLA NASIR ABAD</t>
  </si>
  <si>
    <t>TURKABAD COLONY</t>
  </si>
  <si>
    <t>MC JAMPUR</t>
  </si>
  <si>
    <t>Aneela Nawaz</t>
  </si>
  <si>
    <t>GPS RAKH NOOR PUR</t>
  </si>
  <si>
    <t>jara mahtam</t>
  </si>
  <si>
    <t>Jara Mahtam</t>
  </si>
  <si>
    <t>33415</t>
  </si>
  <si>
    <t>13788</t>
  </si>
  <si>
    <t>GPS LUT LARR</t>
  </si>
  <si>
    <t>Lut Larr</t>
  </si>
  <si>
    <t>Tehsil Jampur</t>
  </si>
  <si>
    <t>Rahim Khan</t>
  </si>
  <si>
    <t>Roodkohi</t>
  </si>
  <si>
    <t>GPS THUL WAZIR</t>
  </si>
  <si>
    <t>Thul Wazir</t>
  </si>
  <si>
    <t>thul wazir lundi saidan</t>
  </si>
  <si>
    <t>Lal Garhl</t>
  </si>
  <si>
    <t>Abdul Ghaffor</t>
  </si>
  <si>
    <t>GHS TURKISH MODEL VILLAGE RAKH AZMAT WALA</t>
  </si>
  <si>
    <t>RAKH AZMAT WALA</t>
  </si>
  <si>
    <t>TURKISH MODEL VILLAGE RAKH AZMAT WALA</t>
  </si>
  <si>
    <t>Haseeb Ur Rehman</t>
  </si>
  <si>
    <t>13880</t>
  </si>
  <si>
    <t>GGHS MURGHAI</t>
  </si>
  <si>
    <t>Mehwish Gillani</t>
  </si>
  <si>
    <t>14171</t>
  </si>
  <si>
    <t>GGPS CHAK BABUL</t>
  </si>
  <si>
    <t>government girls primary school chak Babul</t>
  </si>
  <si>
    <t>Farhat Sikandar</t>
  </si>
  <si>
    <t>14309</t>
  </si>
  <si>
    <t>GPS OZMAN</t>
  </si>
  <si>
    <t>Ozman</t>
  </si>
  <si>
    <t>ozman</t>
  </si>
  <si>
    <t>OZMAN</t>
  </si>
  <si>
    <t>Mohammad Azhar</t>
  </si>
  <si>
    <t>14329</t>
  </si>
  <si>
    <t>GPS BASTI SHAHU KHAN</t>
  </si>
  <si>
    <t>BASTI FAREED BAKHSH KHAN CHAK LADH UMERKOT TEHSIL ROJHAN DISTRICT RAJANPUR</t>
  </si>
  <si>
    <t>GGPS GULAB KOT</t>
  </si>
  <si>
    <t>ROJHAN NO. 1 - FEMALE</t>
  </si>
  <si>
    <t>Chak Mut No2</t>
  </si>
  <si>
    <t>Ggps gulab kot</t>
  </si>
  <si>
    <t>Basti Gulab Kot</t>
  </si>
  <si>
    <t>Chak Mut</t>
  </si>
  <si>
    <t>Kanwal Anwar</t>
  </si>
  <si>
    <t>GHS MODEL JHANG ROAD TTSINGH</t>
  </si>
  <si>
    <t>New Islam Pura Toba Tek Singh</t>
  </si>
  <si>
    <t>New Islam Pura T T Singh</t>
  </si>
  <si>
    <t>Muhammad Shafeeq</t>
  </si>
  <si>
    <t>19537</t>
  </si>
  <si>
    <t>GGPS CHAK 515 GB</t>
  </si>
  <si>
    <t>515GB</t>
  </si>
  <si>
    <t>Chak no.515 toba tek singh</t>
  </si>
  <si>
    <t>NADIA HASSAN</t>
  </si>
  <si>
    <t>12417</t>
  </si>
  <si>
    <t>GGHS SINDHALIAN WALI</t>
  </si>
  <si>
    <t>Check</t>
  </si>
  <si>
    <t>sandhilanwali</t>
  </si>
  <si>
    <t>attia younas</t>
  </si>
  <si>
    <t>GGHS CHAK 665/6 GB</t>
  </si>
  <si>
    <t>Headmistress Govt. Girls High School Chak # 665/6 G.B</t>
  </si>
  <si>
    <t>665/6 gB</t>
  </si>
  <si>
    <t>665/6GB</t>
  </si>
  <si>
    <t>Umme kalsoom Qayyum CH</t>
  </si>
  <si>
    <t>18928</t>
  </si>
  <si>
    <t>GGHS CHAK 720 GB</t>
  </si>
  <si>
    <t>CHAK 720 GB</t>
  </si>
  <si>
    <t>chak no 720gb pirmahal</t>
  </si>
  <si>
    <t>Chak No 720gb</t>
  </si>
  <si>
    <t>Chak No 681/22</t>
  </si>
  <si>
    <t>26652</t>
  </si>
  <si>
    <t>13233</t>
  </si>
  <si>
    <t>38008</t>
  </si>
  <si>
    <t>20144</t>
  </si>
  <si>
    <t>GHS KANWAY WALA</t>
  </si>
  <si>
    <t>KANWAIN WALA</t>
  </si>
  <si>
    <t>KANWAIN WALA POST OFFICE SAME, TEHSIL LALIAN DISTRICT CHINIOT</t>
  </si>
  <si>
    <t>33721</t>
  </si>
  <si>
    <t>54533</t>
  </si>
  <si>
    <t>GPS ABADI HANIF MUHAJIR</t>
  </si>
  <si>
    <t>Rural Lalian</t>
  </si>
  <si>
    <t>sangra Road Lalian</t>
  </si>
  <si>
    <t>Abadi HanifMuhajar</t>
  </si>
  <si>
    <t>23240</t>
  </si>
  <si>
    <t>15159</t>
  </si>
  <si>
    <t>5448</t>
  </si>
  <si>
    <t>20236</t>
  </si>
  <si>
    <t>GPS PAKKA</t>
  </si>
  <si>
    <t>AEO (M) LALIAN NO.32</t>
  </si>
  <si>
    <t>Pakka</t>
  </si>
  <si>
    <t>gps moza pakka p/o kandiwal tehsil lalian distt chiniot</t>
  </si>
  <si>
    <t>Kandiwal</t>
  </si>
  <si>
    <t>Ghulam abbas</t>
  </si>
  <si>
    <t>GGHS GHARJAKH</t>
  </si>
  <si>
    <t>main road garjakh grw</t>
  </si>
  <si>
    <t>Mansoora Shafqat</t>
  </si>
  <si>
    <t>2179</t>
  </si>
  <si>
    <t>20455</t>
  </si>
  <si>
    <t>GGHS TALWANDI MUSA KHAN</t>
  </si>
  <si>
    <t>Talwandi Musa Khan Gujranwala</t>
  </si>
  <si>
    <t>Rifat Jahan</t>
  </si>
  <si>
    <t>20522</t>
  </si>
  <si>
    <t>GGHS AROOP</t>
  </si>
  <si>
    <t>aroop</t>
  </si>
  <si>
    <t>gghs cheema side aroop gujranwala</t>
  </si>
  <si>
    <t>muhalla cheema aroop</t>
  </si>
  <si>
    <t>Nasir Un Nisa</t>
  </si>
  <si>
    <t>20642</t>
  </si>
  <si>
    <t>GGHS CHAK JAGNA</t>
  </si>
  <si>
    <t>Chak Jagna</t>
  </si>
  <si>
    <t>chak jagna grw</t>
  </si>
  <si>
    <t>kiran shahzadi</t>
  </si>
  <si>
    <t>43463</t>
  </si>
  <si>
    <t>20682</t>
  </si>
  <si>
    <t>GMPS CHAK KHIZAR</t>
  </si>
  <si>
    <t>Chak Khizar</t>
  </si>
  <si>
    <t>Tahira Akbar</t>
  </si>
  <si>
    <t>GGPS DERA MEHDI HASSAN</t>
  </si>
  <si>
    <t>kot shera distt n tehsil grw</t>
  </si>
  <si>
    <t>Shamshad Mubarak</t>
  </si>
  <si>
    <t>20793</t>
  </si>
  <si>
    <t>GPS MOHALLA MOMAN ABAD</t>
  </si>
  <si>
    <t>momna abad rajkot</t>
  </si>
  <si>
    <t>Jamshaid Abdul Razzaq</t>
  </si>
  <si>
    <t>20872</t>
  </si>
  <si>
    <t>GHS ALI PUR CHATHA</t>
  </si>
  <si>
    <t>Alipur Chatha</t>
  </si>
  <si>
    <t>GHS ALIPUR CHATHA</t>
  </si>
  <si>
    <t>shaukat ali shahid</t>
  </si>
  <si>
    <t>62016</t>
  </si>
  <si>
    <t>GHS KALASKAY</t>
  </si>
  <si>
    <t>MUHAMMAD AFZAL SABRI</t>
  </si>
  <si>
    <t>20891</t>
  </si>
  <si>
    <t>GHS RASOOL NAGAR</t>
  </si>
  <si>
    <t>Sheikh Tasadduq Hussain</t>
  </si>
  <si>
    <t>21006</t>
  </si>
  <si>
    <t>GPS NO. 5 GAKHAR</t>
  </si>
  <si>
    <t>Ansari Town Ghakhar</t>
  </si>
  <si>
    <t>Ghakhar 1</t>
  </si>
  <si>
    <t>45419</t>
  </si>
  <si>
    <t>GPS ALLAH DITTA WALA</t>
  </si>
  <si>
    <t>JHAMAT SHUMALI - MALE</t>
  </si>
  <si>
    <t>Jhammat Shumali</t>
  </si>
  <si>
    <t>Place of Allah ditta wala u/c jhammat shumali tehsile darya khan district bhakkar</t>
  </si>
  <si>
    <t>Allah Ditta wala</t>
  </si>
  <si>
    <t>45733</t>
  </si>
  <si>
    <t>GPS CHAK NO 50 MB</t>
  </si>
  <si>
    <t>Chak No 50 Mb</t>
  </si>
  <si>
    <t>chak no 50 mb</t>
  </si>
  <si>
    <t>6470</t>
  </si>
  <si>
    <t>electric water motor with fittings</t>
  </si>
  <si>
    <t>11769</t>
  </si>
  <si>
    <t>48009</t>
  </si>
  <si>
    <t>12363</t>
  </si>
  <si>
    <t>12258</t>
  </si>
  <si>
    <t>GPS CHAK NO.538 TDA</t>
  </si>
  <si>
    <t>MIR PUR BHAGAL-II- MALE</t>
  </si>
  <si>
    <t>chak no 559/tda</t>
  </si>
  <si>
    <t>chak no 567/tda</t>
  </si>
  <si>
    <t>muhammad rafiq</t>
  </si>
  <si>
    <t>GGPS PEER JAHANIAN</t>
  </si>
  <si>
    <t>Deen pur</t>
  </si>
  <si>
    <t>basti peer jahanian</t>
  </si>
  <si>
    <t>Peer jahanian</t>
  </si>
  <si>
    <t>Azra perveen</t>
  </si>
  <si>
    <t>GGPS LOTA KHOOH</t>
  </si>
  <si>
    <t>Ibrahimwali</t>
  </si>
  <si>
    <t>ggps lota khoo</t>
  </si>
  <si>
    <t>Lota Khooh</t>
  </si>
  <si>
    <t>Ibrahim Wali</t>
  </si>
  <si>
    <t>Nazia Karim</t>
  </si>
  <si>
    <t>42365</t>
  </si>
  <si>
    <t>13108</t>
  </si>
  <si>
    <t>GPS MANJANI</t>
  </si>
  <si>
    <t>JATOI RURAL- MALE</t>
  </si>
  <si>
    <t>Basti Arif</t>
  </si>
  <si>
    <t>moza Basti arif Tehsil Jatoi District muzafar garh</t>
  </si>
  <si>
    <t>Manjani</t>
  </si>
  <si>
    <t>Jhalarein</t>
  </si>
  <si>
    <t>Ghulam Shabeer</t>
  </si>
  <si>
    <t>44142</t>
  </si>
  <si>
    <t>GPS MUD ABDUL SAMI</t>
  </si>
  <si>
    <t>Hajipur</t>
  </si>
  <si>
    <t>Madd Abdul.Sami Kulasra p/o hajipur teh.jampur dst.Rajanpur</t>
  </si>
  <si>
    <t>Madd Abdul Sami Kulasra</t>
  </si>
  <si>
    <t>13471</t>
  </si>
  <si>
    <t>GPS HAJI ABAD HAJI PUR</t>
  </si>
  <si>
    <t>GPS hajiabad markaz hajipur tehcile jampur disst rajanpur</t>
  </si>
  <si>
    <t>Siraj Ahmad</t>
  </si>
  <si>
    <t>13472</t>
  </si>
  <si>
    <t>GPS LADDAN (HAJI PUR) SONWAH</t>
  </si>
  <si>
    <t>Sonwah</t>
  </si>
  <si>
    <t>basti Ali Punjabi sonwah hajipur</t>
  </si>
  <si>
    <t>Mouzah Sonwah</t>
  </si>
  <si>
    <t>18358</t>
  </si>
  <si>
    <t>13516</t>
  </si>
  <si>
    <t>GPS LUCKY THAL</t>
  </si>
  <si>
    <t>Lucky Thal</t>
  </si>
  <si>
    <t>Lucky thal</t>
  </si>
  <si>
    <t>Mud Khund</t>
  </si>
  <si>
    <t>Khalid Bilal</t>
  </si>
  <si>
    <t>Talae</t>
  </si>
  <si>
    <t>45744</t>
  </si>
  <si>
    <t>GMPS GOGO CHAKI</t>
  </si>
  <si>
    <t>Go Go Chaki</t>
  </si>
  <si>
    <t>go go chaki</t>
  </si>
  <si>
    <t>GPS ZAMAN COLONY</t>
  </si>
  <si>
    <t>gps zaman colony</t>
  </si>
  <si>
    <t>Rashid Nadeem</t>
  </si>
  <si>
    <t>water tanki</t>
  </si>
  <si>
    <t>45918</t>
  </si>
  <si>
    <t>GGPS RAKH PAR KHUSHAB</t>
  </si>
  <si>
    <t>g g p s rakhpar</t>
  </si>
  <si>
    <t>Rakhpar  Khushab</t>
  </si>
  <si>
    <t>Mc  Khushab</t>
  </si>
  <si>
    <t>Samina Noureen</t>
  </si>
  <si>
    <t>46016</t>
  </si>
  <si>
    <t>GGPS DERA ALLAH BAKSH DAIWAL</t>
  </si>
  <si>
    <t>dera allah baksh</t>
  </si>
  <si>
    <t>Dera Allah Baksh</t>
  </si>
  <si>
    <t>15950</t>
  </si>
  <si>
    <t>46018</t>
  </si>
  <si>
    <t>GGPS DERA KUMAH</t>
  </si>
  <si>
    <t>dera  kuma  daiwal</t>
  </si>
  <si>
    <t>Shehla Noreen</t>
  </si>
  <si>
    <t>6988</t>
  </si>
  <si>
    <t>46174</t>
  </si>
  <si>
    <t>GGPS MUHAMMAD HUSSAIN NUMBERDAR</t>
  </si>
  <si>
    <t>Rakh Lukuu</t>
  </si>
  <si>
    <t>Rukh lukuu</t>
  </si>
  <si>
    <t>silo wala dira</t>
  </si>
  <si>
    <t>Lukuu</t>
  </si>
  <si>
    <t>Faiza Iqbal</t>
  </si>
  <si>
    <t>17068</t>
  </si>
  <si>
    <t>46226</t>
  </si>
  <si>
    <t>GPS MARDAN WALA</t>
  </si>
  <si>
    <t>Pilowains</t>
  </si>
  <si>
    <t>vpo pilowains tehsil noorpur thall khushab</t>
  </si>
  <si>
    <t>Gehna Shahzad</t>
  </si>
  <si>
    <t>46396</t>
  </si>
  <si>
    <t>GHS KHATWAN</t>
  </si>
  <si>
    <t>Muhmmad Luqman</t>
  </si>
  <si>
    <t>GHS JAURA KALAN</t>
  </si>
  <si>
    <t>village &amp; p/o jaura kalan</t>
  </si>
  <si>
    <t>46438</t>
  </si>
  <si>
    <t>GPS KUKRAN WALI OKHLI MOHLA</t>
  </si>
  <si>
    <t>okhli mohlar</t>
  </si>
  <si>
    <t>20711</t>
  </si>
  <si>
    <t>54186</t>
  </si>
  <si>
    <t>GPS KHAGLI</t>
  </si>
  <si>
    <t>Khagli</t>
  </si>
  <si>
    <t>Gps Khagli</t>
  </si>
  <si>
    <t>Shahjehan</t>
  </si>
  <si>
    <t>21720</t>
  </si>
  <si>
    <t>41992</t>
  </si>
  <si>
    <t>46544</t>
  </si>
  <si>
    <t>GPS GAMANDRA</t>
  </si>
  <si>
    <t>Ghamandra</t>
  </si>
  <si>
    <t>G.P.S GHAMANDRA  TENSILE  QUAIDABAD  DISTRICT  KHUSHAB</t>
  </si>
  <si>
    <t>self arrangment</t>
  </si>
  <si>
    <t>17984</t>
  </si>
  <si>
    <t>23779</t>
  </si>
  <si>
    <t>GPS KHAGLANWALA ISA KHEL</t>
  </si>
  <si>
    <t>ISA KHEL-MALE</t>
  </si>
  <si>
    <t>Khaglanwala</t>
  </si>
  <si>
    <t>khaglanwala</t>
  </si>
  <si>
    <t>Khaglanwla</t>
  </si>
  <si>
    <t>Muhammad Pervaiz Hashmi</t>
  </si>
  <si>
    <t>50407</t>
  </si>
  <si>
    <t>44563</t>
  </si>
  <si>
    <t>GGPS HAMEED PUR</t>
  </si>
  <si>
    <t>CHAWINDA - FEMALE</t>
  </si>
  <si>
    <t>Hameed Pur</t>
  </si>
  <si>
    <t>Hameed pur p/o Chawinda teh Pasrur distt sialkot</t>
  </si>
  <si>
    <t>Saima Naseer</t>
  </si>
  <si>
    <t>7113</t>
  </si>
  <si>
    <t>GGPS BALO WALI</t>
  </si>
  <si>
    <t>Balowali</t>
  </si>
  <si>
    <t>G GP/S Balowali</t>
  </si>
  <si>
    <t>shamimakhtar</t>
  </si>
  <si>
    <t>24463</t>
  </si>
  <si>
    <t>GGPS HANJRA</t>
  </si>
  <si>
    <t>Hunjra</t>
  </si>
  <si>
    <t>village hunjra p/o mohriky jaja the pasrur distt sialkot</t>
  </si>
  <si>
    <t>Soaknwind</t>
  </si>
  <si>
    <t>Nabeela Riaz</t>
  </si>
  <si>
    <t>9680</t>
  </si>
  <si>
    <t>8659</t>
  </si>
  <si>
    <t>24823</t>
  </si>
  <si>
    <t>FatehGarh Sialkot</t>
  </si>
  <si>
    <t>FatehGarh</t>
  </si>
  <si>
    <t>Mazaffar Ali Shah</t>
  </si>
  <si>
    <t>24943</t>
  </si>
  <si>
    <t>GGPS DHAISIAN</t>
  </si>
  <si>
    <t>DHAISIAN</t>
  </si>
  <si>
    <t>DHAISIAN P.O SIALKOT</t>
  </si>
  <si>
    <t>25477</t>
  </si>
  <si>
    <t>8314</t>
  </si>
  <si>
    <t>GGPS KHARL</t>
  </si>
  <si>
    <t>RANDHIR - FEMALE</t>
  </si>
  <si>
    <t>Kharl</t>
  </si>
  <si>
    <t>vill kharl p/o randhir teh sambrial dist si lkot</t>
  </si>
  <si>
    <t>Samreen Almas</t>
  </si>
  <si>
    <t>25661</t>
  </si>
  <si>
    <t>GGHS JEWEN BHINDAR</t>
  </si>
  <si>
    <t>Jewen Bhindar</t>
  </si>
  <si>
    <t>Jewen bhindar p/o baddomali dist &amp; tehsil Narowal</t>
  </si>
  <si>
    <t>Alia Khalid</t>
  </si>
  <si>
    <t>31205</t>
  </si>
  <si>
    <t>25968</t>
  </si>
  <si>
    <t>GPS IQBAL NAGAR</t>
  </si>
  <si>
    <t>village Iqbal nagar post office Talwandi bhindran tehsil and district Narowal</t>
  </si>
  <si>
    <t>Shahbaz Ahmad</t>
  </si>
  <si>
    <t>9035</t>
  </si>
  <si>
    <t>26003</t>
  </si>
  <si>
    <t>GHSS ISLAMIA KANJRUR</t>
  </si>
  <si>
    <t>Village and P/O Kanjrur</t>
  </si>
  <si>
    <t>Muhammad Khalid Bhatti</t>
  </si>
  <si>
    <t>26126</t>
  </si>
  <si>
    <t>GPS MALLAH</t>
  </si>
  <si>
    <t>Village Mallah P/O Kanjrur Tehsil Shakargarh District Narowal</t>
  </si>
  <si>
    <t>26128</t>
  </si>
  <si>
    <t>GPS FATWAL</t>
  </si>
  <si>
    <t>Fatwal</t>
  </si>
  <si>
    <t>village FATWAL p/o babral</t>
  </si>
  <si>
    <t>Muhammad aslam</t>
  </si>
  <si>
    <t>20390</t>
  </si>
  <si>
    <t>GPS BHANGALA</t>
  </si>
  <si>
    <t>Bhangala</t>
  </si>
  <si>
    <t>village bhangala post office norkot</t>
  </si>
  <si>
    <t>47271</t>
  </si>
  <si>
    <t>GPS KOTLI BARAY KHAN</t>
  </si>
  <si>
    <t>kotli baray khan</t>
  </si>
  <si>
    <t>Almas Rauf</t>
  </si>
  <si>
    <t>3011</t>
  </si>
  <si>
    <t>26268</t>
  </si>
  <si>
    <t>GGPS JAMWAL</t>
  </si>
  <si>
    <t>DUSRI - FEMALE</t>
  </si>
  <si>
    <t>Jamwal</t>
  </si>
  <si>
    <t>skg</t>
  </si>
  <si>
    <t>Basra Jala</t>
  </si>
  <si>
    <t>Riffat</t>
  </si>
  <si>
    <t>GGPS DOOGAR</t>
  </si>
  <si>
    <t>Doogar</t>
  </si>
  <si>
    <t>Raquia Begum</t>
  </si>
  <si>
    <t>39411</t>
  </si>
  <si>
    <t>26337</t>
  </si>
  <si>
    <t>GGPS MIRPUR SANIAN</t>
  </si>
  <si>
    <t>Mirpur Sanian</t>
  </si>
  <si>
    <t>mirpur sanian</t>
  </si>
  <si>
    <t>Samia Hamid</t>
  </si>
  <si>
    <t>26415</t>
  </si>
  <si>
    <t>GGPS MODEL PASWAL</t>
  </si>
  <si>
    <t>village paswal ,Post office pindi umra,Teh: shakargarh</t>
  </si>
  <si>
    <t>Memona Idress</t>
  </si>
  <si>
    <t>26417</t>
  </si>
  <si>
    <t>GGPS INAYAT PUR</t>
  </si>
  <si>
    <t>anayat pur</t>
  </si>
  <si>
    <t>ggps annayat pur</t>
  </si>
  <si>
    <t>ikhlas pur</t>
  </si>
  <si>
    <t>Misbah  Aslam</t>
  </si>
  <si>
    <t>44579</t>
  </si>
  <si>
    <t>26458</t>
  </si>
  <si>
    <t>GGPS AGO MUNDA</t>
  </si>
  <si>
    <t>Agomunda</t>
  </si>
  <si>
    <t>Village Agomunda Po box Nidala Sulehrian Teh.Skg. Dist. Narowal.</t>
  </si>
  <si>
    <t>26470</t>
  </si>
  <si>
    <t>GGPS SHAH JILIL</t>
  </si>
  <si>
    <t>Shahjalil</t>
  </si>
  <si>
    <t>shahjalil</t>
  </si>
  <si>
    <t>Kiran</t>
  </si>
  <si>
    <t>38283</t>
  </si>
  <si>
    <t>26525</t>
  </si>
  <si>
    <t>GHS SANKHATRA</t>
  </si>
  <si>
    <t>sankhatra</t>
  </si>
  <si>
    <t>50334</t>
  </si>
  <si>
    <t>26534</t>
  </si>
  <si>
    <t>GGHS SANKHATRA</t>
  </si>
  <si>
    <t>GGHS Sankhatra</t>
  </si>
  <si>
    <t>musarrat Tahira</t>
  </si>
  <si>
    <t>26627</t>
  </si>
  <si>
    <t>GGPS BHEDANKHANI</t>
  </si>
  <si>
    <t>Bhedankhani</t>
  </si>
  <si>
    <t>bhedan khani p/o badocheda  tehsil zafarwal district narowal</t>
  </si>
  <si>
    <t>GGPS THAKIAL</t>
  </si>
  <si>
    <t>Thakial</t>
  </si>
  <si>
    <t>village thakial tehsil zafarwal district narowal</t>
  </si>
  <si>
    <t>Bhatia Dewan</t>
  </si>
  <si>
    <t>Parveen Sain</t>
  </si>
  <si>
    <t>26756</t>
  </si>
  <si>
    <t>GPS UMAR KOT</t>
  </si>
  <si>
    <t>village umar kot post office Nonar District Narowal</t>
  </si>
  <si>
    <t>Muhammad Adil</t>
  </si>
  <si>
    <t>34223</t>
  </si>
  <si>
    <t>26769</t>
  </si>
  <si>
    <t>GPS MITTAR</t>
  </si>
  <si>
    <t>Mattar</t>
  </si>
  <si>
    <t>Oncha Kallan</t>
  </si>
  <si>
    <t>Munsaf Ali Raza</t>
  </si>
  <si>
    <t>21028</t>
  </si>
  <si>
    <t>26832</t>
  </si>
  <si>
    <t>GGMPS NAWAN PIND</t>
  </si>
  <si>
    <t>village Nawan Pind p/o darman</t>
  </si>
  <si>
    <t>GGPS DANWAL</t>
  </si>
  <si>
    <t>Danwal</t>
  </si>
  <si>
    <t>Village Danwal P/O Chak Dola Tehsil Zafarwal District Year</t>
  </si>
  <si>
    <t>Asif Javed</t>
  </si>
  <si>
    <t>24115</t>
  </si>
  <si>
    <t>GGPS (MODEL) NIKI BRIHMNA</t>
  </si>
  <si>
    <t>Bilalnagar</t>
  </si>
  <si>
    <t>bilalnagarpostoffice darman</t>
  </si>
  <si>
    <t>BilaL nagar</t>
  </si>
  <si>
    <t>Dingnarainpur</t>
  </si>
  <si>
    <t>26868</t>
  </si>
  <si>
    <t>GGPS BOHI</t>
  </si>
  <si>
    <t>Bhoi</t>
  </si>
  <si>
    <t>Bill Bhoi PO Darman Teh. ZWL Dist. NWL</t>
  </si>
  <si>
    <t>Dinga Narain Pur</t>
  </si>
  <si>
    <t>Waris Ali</t>
  </si>
  <si>
    <t>GPS GHARGAL BRAHMANAN</t>
  </si>
  <si>
    <t>Kargal Brahmanan</t>
  </si>
  <si>
    <t>kargal brahmanan</t>
  </si>
  <si>
    <t>Dinga Naryan Pur</t>
  </si>
  <si>
    <t>46892</t>
  </si>
  <si>
    <t>GGPS KUTKI</t>
  </si>
  <si>
    <t>KAMAR MUSHANI NO.5 -FEMALE</t>
  </si>
  <si>
    <t>CHAPRI</t>
  </si>
  <si>
    <t>KUTKI P.O BOX CHAPRI KAMMAR MUSHANI TEHSIL</t>
  </si>
  <si>
    <t>KUTKI</t>
  </si>
  <si>
    <t>MISBAH GUL</t>
  </si>
  <si>
    <t>46966</t>
  </si>
  <si>
    <t>GGPS SHABI KHEL</t>
  </si>
  <si>
    <t>wandha shabi khel sultan khel</t>
  </si>
  <si>
    <t>Mehnaz Akhter</t>
  </si>
  <si>
    <t>21949</t>
  </si>
  <si>
    <t>47018</t>
  </si>
  <si>
    <t>GHS AHMAD KHAN WALA</t>
  </si>
  <si>
    <t>Ahmad Khan Wala Mianwali</t>
  </si>
  <si>
    <t>Ghs Ahmad Khan wala mianwali</t>
  </si>
  <si>
    <t>Shahbaz Khel</t>
  </si>
  <si>
    <t>GGHS ROKHRI</t>
  </si>
  <si>
    <t>rOKHARI</t>
  </si>
  <si>
    <t>GGHS ROKHARI, TEHSIL AND DISTRICT MIANWALI</t>
  </si>
  <si>
    <t>KOKAY KHEL</t>
  </si>
  <si>
    <t>ROKHARI</t>
  </si>
  <si>
    <t>NAJIA NAWAZ</t>
  </si>
  <si>
    <t>19734</t>
  </si>
  <si>
    <t>11010</t>
  </si>
  <si>
    <t>22599</t>
  </si>
  <si>
    <t>47696</t>
  </si>
  <si>
    <t>GPS KATTA MIR WALA</t>
  </si>
  <si>
    <t>GPS karta Mir Wali p.o. chdru teh/district mianwali</t>
  </si>
  <si>
    <t>Karta Mir Wala</t>
  </si>
  <si>
    <t>Chhiru</t>
  </si>
  <si>
    <t>Abdul Bari Khan</t>
  </si>
  <si>
    <t>47280</t>
  </si>
  <si>
    <t>48469</t>
  </si>
  <si>
    <t>GGPS GULSHAN COLONY BHALWAL LALA ZAR BHAWAL COLONY</t>
  </si>
  <si>
    <t>gulshan colony chak 8 NB bhalwal</t>
  </si>
  <si>
    <t>Chak 8 NB</t>
  </si>
  <si>
    <t>48723</t>
  </si>
  <si>
    <t>GHSS CHAK NO.60 NB</t>
  </si>
  <si>
    <t>Chak no 60nb</t>
  </si>
  <si>
    <t>chak no.60nb tehsil and district sargodha</t>
  </si>
  <si>
    <t>19nb</t>
  </si>
  <si>
    <t>MIRZA MUHAMMAD ASLAM</t>
  </si>
  <si>
    <t>41590</t>
  </si>
  <si>
    <t>GGHS ZINAT SIKANDRIA RWP</t>
  </si>
  <si>
    <t>DHOCK KHABBA MILLAT COLONY RAWALPINDI</t>
  </si>
  <si>
    <t>Faaiza Manzoor</t>
  </si>
  <si>
    <t>41615</t>
  </si>
  <si>
    <t>GHS MODEL NEW ISLAMIA RAWALPINDI</t>
  </si>
  <si>
    <t>Carriage Factory Colony RWP</t>
  </si>
  <si>
    <t>Dhoke Hassu RWP</t>
  </si>
  <si>
    <t>hammad ur rehman lodhi</t>
  </si>
  <si>
    <t>6301</t>
  </si>
  <si>
    <t>41715</t>
  </si>
  <si>
    <t>GPS MC MOHALLAH WORKSHOP RWP</t>
  </si>
  <si>
    <t>PIR WADHAI - MALE</t>
  </si>
  <si>
    <t>Muhallah Workshopi</t>
  </si>
  <si>
    <t>gawala road workshopi mohallah Rawalpindi</t>
  </si>
  <si>
    <t>Workshopi Mohallah</t>
  </si>
  <si>
    <t>Mubisher Fiaz</t>
  </si>
  <si>
    <t>47480</t>
  </si>
  <si>
    <t>54324</t>
  </si>
  <si>
    <t>GPS DHOK DHALL</t>
  </si>
  <si>
    <t>CHAUNTRA - MALE</t>
  </si>
  <si>
    <t>Kurar</t>
  </si>
  <si>
    <t>VPO krahi dhoke dhal dakhli kurar rawalpindi</t>
  </si>
  <si>
    <t>Paryal</t>
  </si>
  <si>
    <t>neighbours well</t>
  </si>
  <si>
    <t>47908</t>
  </si>
  <si>
    <t>41817</t>
  </si>
  <si>
    <t>GMPS MODEL GHELA KHURD</t>
  </si>
  <si>
    <t>village gheela  khurd  post office  chakri</t>
  </si>
  <si>
    <t>ANEELA BIBI</t>
  </si>
  <si>
    <t>GMPS MODEL HARNIAN WALA</t>
  </si>
  <si>
    <t>GMPS Harnian Wala</t>
  </si>
  <si>
    <t>Village and post office Harnian wala tehsil rawalpindi</t>
  </si>
  <si>
    <t>Harnain Wala</t>
  </si>
  <si>
    <t>Zahoor Akhtar</t>
  </si>
  <si>
    <t>8661</t>
  </si>
  <si>
    <t>16653</t>
  </si>
  <si>
    <t>40048</t>
  </si>
  <si>
    <t>42035</t>
  </si>
  <si>
    <t>GHS GARHI AFGHANAN</t>
  </si>
  <si>
    <t>Garhi Afghanan</t>
  </si>
  <si>
    <t>Gbhs Garhi afghanan</t>
  </si>
  <si>
    <t>Zaheer ud din</t>
  </si>
  <si>
    <t>GES DALHORE</t>
  </si>
  <si>
    <t>Dalhore</t>
  </si>
  <si>
    <t>dalhore kotlisatian</t>
  </si>
  <si>
    <t>MAMOONA MUKHTAR</t>
  </si>
  <si>
    <t>42179</t>
  </si>
  <si>
    <t>GPS ARYARI</t>
  </si>
  <si>
    <t>Aryari</t>
  </si>
  <si>
    <t>Gbps Aryari dakaha khas Aryari</t>
  </si>
  <si>
    <t>Haider  Saleem</t>
  </si>
  <si>
    <t>49922</t>
  </si>
  <si>
    <t>42303</t>
  </si>
  <si>
    <t>GGPS CHALAWRA UPPER</t>
  </si>
  <si>
    <t>Upper Chalawara</t>
  </si>
  <si>
    <t>village upper chalawara p/o chalawara</t>
  </si>
  <si>
    <t>Dhirkot Sattian</t>
  </si>
  <si>
    <t>42410</t>
  </si>
  <si>
    <t>GHS THEKRIAN</t>
  </si>
  <si>
    <t>Thekerian</t>
  </si>
  <si>
    <t>Vill Thekerian Tehsil Gujarkhan Distt Rawalpindi</t>
  </si>
  <si>
    <t>Panjgaran Kalan</t>
  </si>
  <si>
    <t>Ch Muhammad Khalid</t>
  </si>
  <si>
    <t>GPS NEW GUL PERA P.O MANDRA</t>
  </si>
  <si>
    <t>Gulpera</t>
  </si>
  <si>
    <t>Gov.t Boys Primary School New Gulpera Markaz Mandra Gujar Khan</t>
  </si>
  <si>
    <t>Sunjoot</t>
  </si>
  <si>
    <t>Ghungreela</t>
  </si>
  <si>
    <t>Tahir Pervaiz Bhatti</t>
  </si>
  <si>
    <t>24386</t>
  </si>
  <si>
    <t>42863</t>
  </si>
  <si>
    <t>GHS DOBERAN KALAN</t>
  </si>
  <si>
    <t>doberan kalan</t>
  </si>
  <si>
    <t>maroof hussain</t>
  </si>
  <si>
    <t>GHS SANG KALAN</t>
  </si>
  <si>
    <t>SANG KALAN</t>
  </si>
  <si>
    <t>Tahir Abbas</t>
  </si>
  <si>
    <t>43097</t>
  </si>
  <si>
    <t>GHS HASAL</t>
  </si>
  <si>
    <t>Hasil</t>
  </si>
  <si>
    <t>vpo.hasil tehsil distt chakwal</t>
  </si>
  <si>
    <t>Warwak</t>
  </si>
  <si>
    <t>43209</t>
  </si>
  <si>
    <t>GGHS KOT IQBAL</t>
  </si>
  <si>
    <t>Kot Iqbal</t>
  </si>
  <si>
    <t>v.p.o kot  Iqbal Teh,  and distt chakwal</t>
  </si>
  <si>
    <t>Siral</t>
  </si>
  <si>
    <t>GGHS CHAK UMRA</t>
  </si>
  <si>
    <t>chakumra</t>
  </si>
  <si>
    <t>GGHS CHAKUMRA TEH &amp; DISTT CHAKWAL</t>
  </si>
  <si>
    <t>NAVEEDA ZAFAR U NISA</t>
  </si>
  <si>
    <t>GHS CHAKORA</t>
  </si>
  <si>
    <t>GHS CHAKORA COMPLEX CHAKWAL</t>
  </si>
  <si>
    <t>Faisal Safdar</t>
  </si>
  <si>
    <t>43241</t>
  </si>
  <si>
    <t>VPO Khanpur</t>
  </si>
  <si>
    <t>10300</t>
  </si>
  <si>
    <t>43248</t>
  </si>
  <si>
    <t>GPS ARAR BARAR</t>
  </si>
  <si>
    <t>Arrar Barar</t>
  </si>
  <si>
    <t>village arrar barar post office dhuman th and dist chakwal</t>
  </si>
  <si>
    <t>Nargis Batool</t>
  </si>
  <si>
    <t>21939</t>
  </si>
  <si>
    <t>GGPS RAWAL ZER</t>
  </si>
  <si>
    <t>village rawal zer post office shahpur</t>
  </si>
  <si>
    <t>Rawal Zer</t>
  </si>
  <si>
    <t>34687</t>
  </si>
  <si>
    <t>43448</t>
  </si>
  <si>
    <t>GGPS CHUMBI SADQAL</t>
  </si>
  <si>
    <t>Chumbi Sadqal</t>
  </si>
  <si>
    <t>chumbi Sadqal post office said pur</t>
  </si>
  <si>
    <t>Sidra Tul Mumtaz</t>
  </si>
  <si>
    <t>24799</t>
  </si>
  <si>
    <t>43591</t>
  </si>
  <si>
    <t>GGPS NARWAL</t>
  </si>
  <si>
    <t>Narwal</t>
  </si>
  <si>
    <t>Ggps Narwal ,PO Mangwal,Teh &amp; dist Chakwal</t>
  </si>
  <si>
    <t>Saiqa Javed</t>
  </si>
  <si>
    <t>GMMS MUSA KAHOUT</t>
  </si>
  <si>
    <t>Musa Kahout</t>
  </si>
  <si>
    <t>village musa kahout,p.o padshahan,Teh&amp;Distt Chakwal</t>
  </si>
  <si>
    <t>Azizurrahman</t>
  </si>
  <si>
    <t>coolers</t>
  </si>
  <si>
    <t>GHS DHERMOND</t>
  </si>
  <si>
    <t>Muhammad Asif Yaqoob</t>
  </si>
  <si>
    <t>49255</t>
  </si>
  <si>
    <t>43652</t>
  </si>
  <si>
    <t>GHS KOT SARANG</t>
  </si>
  <si>
    <t>Kot Sarang</t>
  </si>
  <si>
    <t>VPO kotsarang Tehsil Talagag Chakwal</t>
  </si>
  <si>
    <t>Muhammad Kazim Ali</t>
  </si>
  <si>
    <t>8066</t>
  </si>
  <si>
    <t>43676</t>
  </si>
  <si>
    <t>GHS DANDI TALAGANG</t>
  </si>
  <si>
    <t>Ghsdandi@yahoo.c dandi</t>
  </si>
  <si>
    <t>Jabbing Shah Dilawar</t>
  </si>
  <si>
    <t>MUHAMMAD DIN</t>
  </si>
  <si>
    <t>44071</t>
  </si>
  <si>
    <t>GHS SIR SYED KATAS</t>
  </si>
  <si>
    <t>Katas</t>
  </si>
  <si>
    <t>Govt sir syed high school katas</t>
  </si>
  <si>
    <t>rizwan mehmood</t>
  </si>
  <si>
    <t>GHS SAR KALAN</t>
  </si>
  <si>
    <t>SARKALAN</t>
  </si>
  <si>
    <t>vPO SARKALAN TEH.KALLAR KAHAR DISTT.CHAKWAL</t>
  </si>
  <si>
    <t>NOORPUR</t>
  </si>
  <si>
    <t>malik safdar abbas</t>
  </si>
  <si>
    <t>water tanker</t>
  </si>
  <si>
    <t>GPS DHOK FATEH SHAH</t>
  </si>
  <si>
    <t>KALLAR KAHAR-MALE</t>
  </si>
  <si>
    <t>Dhok Fateh Shah</t>
  </si>
  <si>
    <t>Dhok Fateh Shah, Thirchak. P/O : Kallar Kahar, District : Chakwal.</t>
  </si>
  <si>
    <t>Thirchak</t>
  </si>
  <si>
    <t>Muhammad Shoaib Riaz</t>
  </si>
  <si>
    <t>31118</t>
  </si>
  <si>
    <t>20637</t>
  </si>
  <si>
    <t>44300</t>
  </si>
  <si>
    <t>GGPS JHAMRA SHARQI</t>
  </si>
  <si>
    <t>p/o JHAMRA TEH kallar kahar distt chakwal</t>
  </si>
  <si>
    <t>Musaratjabeen</t>
  </si>
  <si>
    <t>Water Tank</t>
  </si>
  <si>
    <t>44342</t>
  </si>
  <si>
    <t>GGHS MODEL BHAKKAR</t>
  </si>
  <si>
    <t>moolah Nawab Khan bhakkar</t>
  </si>
  <si>
    <t>Urban3</t>
  </si>
  <si>
    <t>KAUSAR NAHEED</t>
  </si>
  <si>
    <t>48744</t>
  </si>
  <si>
    <t>GHS KHALIQIA BLOCK NO.17 SGD</t>
  </si>
  <si>
    <t>Govt. khaliqia H/S block no. 17 sargodha</t>
  </si>
  <si>
    <t>45NB</t>
  </si>
  <si>
    <t>MC Block No 17</t>
  </si>
  <si>
    <t>Muhammad EHTISHAM UL HAQUE HAMDANI</t>
  </si>
  <si>
    <t>48748</t>
  </si>
  <si>
    <t>GHS IQBAL NEW CIVIL LINE SARGODHA</t>
  </si>
  <si>
    <t>gHS IQBAL NEW CIVIL LINE SARGODHA</t>
  </si>
  <si>
    <t>New Civil Line</t>
  </si>
  <si>
    <t>MC - SARGODHA - 9</t>
  </si>
  <si>
    <t>Imam Bakhsh</t>
  </si>
  <si>
    <t>48793</t>
  </si>
  <si>
    <t>GGHS COMPREHENSIVE OLD CIVIL LINE SARGODHA</t>
  </si>
  <si>
    <t>107 a oldcivilline Bahadarshah zafar road sgd</t>
  </si>
  <si>
    <t>45nb</t>
  </si>
  <si>
    <t>384203</t>
  </si>
  <si>
    <t>Rubina Kouser</t>
  </si>
  <si>
    <t>41750</t>
  </si>
  <si>
    <t>48801</t>
  </si>
  <si>
    <t>GGHS CHAK NO.48 NB</t>
  </si>
  <si>
    <t>Chak48 NB SGD</t>
  </si>
  <si>
    <t>chak 48 NB SGD</t>
  </si>
  <si>
    <t>Chak 48 Nb Sgd</t>
  </si>
  <si>
    <t>Cant</t>
  </si>
  <si>
    <t>Ammara Sumreen</t>
  </si>
  <si>
    <t>11394</t>
  </si>
  <si>
    <t>GHS JOHAR COLONY SARGODHA</t>
  </si>
  <si>
    <t>Johar Colony Sargodha</t>
  </si>
  <si>
    <t>42 NB Gillwala</t>
  </si>
  <si>
    <t>muhammad fazil Awan</t>
  </si>
  <si>
    <t>48938</t>
  </si>
  <si>
    <t>GGHS SHAMSHER TOWN</t>
  </si>
  <si>
    <t>Shamsher Town</t>
  </si>
  <si>
    <t>gghs shamsher town sargodha</t>
  </si>
  <si>
    <t>M C</t>
  </si>
  <si>
    <t>51952</t>
  </si>
  <si>
    <t>48990</t>
  </si>
  <si>
    <t>GPS CHAK NO.77 SB</t>
  </si>
  <si>
    <t>Chak 77</t>
  </si>
  <si>
    <t>chak no 77 sb sargodha</t>
  </si>
  <si>
    <t>Chak 77 Sb</t>
  </si>
  <si>
    <t>74 Sb</t>
  </si>
  <si>
    <t>42819</t>
  </si>
  <si>
    <t>49007</t>
  </si>
  <si>
    <t>GPS GHURKI</t>
  </si>
  <si>
    <t>ANWAR ABAD - MALE</t>
  </si>
  <si>
    <t>Ghurki</t>
  </si>
  <si>
    <t>Ghurki tehsil and dist sargodha</t>
  </si>
  <si>
    <t>Laluwali</t>
  </si>
  <si>
    <t>12361</t>
  </si>
  <si>
    <t>25592</t>
  </si>
  <si>
    <t>49616</t>
  </si>
  <si>
    <t>GmPS RAKH BUSLANA</t>
  </si>
  <si>
    <t>Buslana</t>
  </si>
  <si>
    <t>near  Bangla  sultan pur</t>
  </si>
  <si>
    <t>Take Buslana</t>
  </si>
  <si>
    <t>Ruksana Parveen</t>
  </si>
  <si>
    <t>8772</t>
  </si>
  <si>
    <t>49635</t>
  </si>
  <si>
    <t>GHS CHAK NO.162/164 NB</t>
  </si>
  <si>
    <t>hisam bangla</t>
  </si>
  <si>
    <t>chak no 162/164 n.b</t>
  </si>
  <si>
    <t>chak 162/164 n.b</t>
  </si>
  <si>
    <t>chak 163 n.b</t>
  </si>
  <si>
    <t>49637</t>
  </si>
  <si>
    <t>GHS NO.2 SILLANWALI</t>
  </si>
  <si>
    <t>Sillanwali</t>
  </si>
  <si>
    <t>Chak No127</t>
  </si>
  <si>
    <t>Hafiz Muhammad Aslam</t>
  </si>
  <si>
    <t>14995</t>
  </si>
  <si>
    <t>30438</t>
  </si>
  <si>
    <t>21344</t>
  </si>
  <si>
    <t>GHS NO.3 KAMOKE</t>
  </si>
  <si>
    <t>LINE PAR MOHALA SLAMAT PURA</t>
  </si>
  <si>
    <t>SLAMAT PURA</t>
  </si>
  <si>
    <t>Dr. Muhammad Naeem Awan</t>
  </si>
  <si>
    <t>21348</t>
  </si>
  <si>
    <t>GHSS ISLAMIA NO.1 EMINABAD</t>
  </si>
  <si>
    <t>wahndo road govt. higher secondary school eminabad</t>
  </si>
  <si>
    <t>M.Arfan Khokhar</t>
  </si>
  <si>
    <t>21353</t>
  </si>
  <si>
    <t>chandala</t>
  </si>
  <si>
    <t>MUBASHAR AHMAD BHATTI</t>
  </si>
  <si>
    <t>GPS DERA KALANDRAN</t>
  </si>
  <si>
    <t>WAHNDO - MALE</t>
  </si>
  <si>
    <t>Dera Kalandran</t>
  </si>
  <si>
    <t>dera qalandran</t>
  </si>
  <si>
    <t>21493</t>
  </si>
  <si>
    <t>GPS CHAK ALA-UD-DIN</t>
  </si>
  <si>
    <t>DANDIAN - MALE</t>
  </si>
  <si>
    <t>Chak Alu Din</t>
  </si>
  <si>
    <t>GPS chak Alu din Teh kamoki District GUJRANWALA</t>
  </si>
  <si>
    <t>Ali Raza Khalid</t>
  </si>
  <si>
    <t>6913</t>
  </si>
  <si>
    <t>GMPS MOHAN PUR SYEDAN</t>
  </si>
  <si>
    <t>Mohan pur Syedan</t>
  </si>
  <si>
    <t>Mohan Pur syedan</t>
  </si>
  <si>
    <t>Mohan Pur Syedan</t>
  </si>
  <si>
    <t>Tehmina Seraj Din</t>
  </si>
  <si>
    <t>8585</t>
  </si>
  <si>
    <t>GHS JAHLAN</t>
  </si>
  <si>
    <t>JALHAN</t>
  </si>
  <si>
    <t>VPO JALHAN TEHSIL NOWSHEHRA VIRKAN, GUJRANWALA.</t>
  </si>
  <si>
    <t>Pervaiz Asghar</t>
  </si>
  <si>
    <t>21814</t>
  </si>
  <si>
    <t>GGHS KOT LADHA</t>
  </si>
  <si>
    <t>Gghs Kot Ladha</t>
  </si>
  <si>
    <t>GGHS kot ladha tehsil noshehra virkan district gujranwala</t>
  </si>
  <si>
    <t>Kot Ladha</t>
  </si>
  <si>
    <t>Hafiza Bushra</t>
  </si>
  <si>
    <t>22041</t>
  </si>
  <si>
    <t>GGPS UDHO WALI</t>
  </si>
  <si>
    <t>Udhowali</t>
  </si>
  <si>
    <t>udhowali</t>
  </si>
  <si>
    <t>54322</t>
  </si>
  <si>
    <t>GGPS PALUNG PUR</t>
  </si>
  <si>
    <t>AULAKH BHAIKE - FEMALE</t>
  </si>
  <si>
    <t>Plung Pur</t>
  </si>
  <si>
    <t>Village plung pur post office cheba sindhwa tehsil noshera virkan district gujrnwal</t>
  </si>
  <si>
    <t>Sadaf Rani</t>
  </si>
  <si>
    <t>27257</t>
  </si>
  <si>
    <t>GHSS PUBLIC KUNJAH</t>
  </si>
  <si>
    <t>GOVT PUBLIC HIGHER SECONDARY SCHOOL KUNJAH</t>
  </si>
  <si>
    <t>MAJID MAHMOOD</t>
  </si>
  <si>
    <t>22085</t>
  </si>
  <si>
    <t>GHS CHRISTIAN GUJRAT</t>
  </si>
  <si>
    <t>GHS CHRISTIAN KABLI GATE GUJRAT</t>
  </si>
  <si>
    <t>GUJRAT CITY</t>
  </si>
  <si>
    <t>zahid nasim</t>
  </si>
  <si>
    <t>22086</t>
  </si>
  <si>
    <t>GHS ISLAMIA GUJRAT</t>
  </si>
  <si>
    <t>Mohallah Ali Masjid Circular Road GUJRAT</t>
  </si>
  <si>
    <t>Not Applicable</t>
  </si>
  <si>
    <t>Garhi Shahdaula Gujrat</t>
  </si>
  <si>
    <t>DR.Muhammad Nawaz</t>
  </si>
  <si>
    <t>GHS TALEEM-UD-DIN J.P.JATTAN</t>
  </si>
  <si>
    <t>JALALPUR JATTAN</t>
  </si>
  <si>
    <t>Main Bazar JALALPUR JATTAN</t>
  </si>
  <si>
    <t>CH.NASIR MAHMOOD</t>
  </si>
  <si>
    <t>GHS CHAK KAMALA</t>
  </si>
  <si>
    <t>chak kamala</t>
  </si>
  <si>
    <t>govt high school chak kamala gujrat</t>
  </si>
  <si>
    <t>Chak Kamala</t>
  </si>
  <si>
    <t>syed walayat ullah shah</t>
  </si>
  <si>
    <t>14147</t>
  </si>
  <si>
    <t>22170</t>
  </si>
  <si>
    <t>GGHS DAB FATIMA-TU-ZAHRA GUJRAT</t>
  </si>
  <si>
    <t>MOHALLAH RONTI WALI MASJID. GUJRAT.</t>
  </si>
  <si>
    <t>RONTI WALI MASJID</t>
  </si>
  <si>
    <t>GUJRAT-II</t>
  </si>
  <si>
    <t>RUKHSANA QADEER</t>
  </si>
  <si>
    <t>GGHS MISS FEROZ-UD-DIN ISLAMIA GUJRAT</t>
  </si>
  <si>
    <t>PRIMERY BRANCH NEAR PEER WALAIAT SHAH MASJID HIGH BRANCH NEAR USMAN PALAZA</t>
  </si>
  <si>
    <t>Jora Street</t>
  </si>
  <si>
    <t>SHADMAN</t>
  </si>
  <si>
    <t>TABINDA JABEEN</t>
  </si>
  <si>
    <t>GHS GORALI</t>
  </si>
  <si>
    <t>Kathala Chenab</t>
  </si>
  <si>
    <t>imran aslam</t>
  </si>
  <si>
    <t>22219</t>
  </si>
  <si>
    <t>GGHS ALAM GARH (UPGRADED)</t>
  </si>
  <si>
    <t>Alam GARH</t>
  </si>
  <si>
    <t>GGHS ALAMGARH</t>
  </si>
  <si>
    <t>Alam Garh</t>
  </si>
  <si>
    <t>FARRUKH KHURSHEED</t>
  </si>
  <si>
    <t>22380</t>
  </si>
  <si>
    <t>GPS JINDAR KALAN</t>
  </si>
  <si>
    <t>KARIANWALA  I - MALE</t>
  </si>
  <si>
    <t>Jinder Kalan</t>
  </si>
  <si>
    <t>V.P.O Hajiwala Teh  &amp; Distt Gujrat</t>
  </si>
  <si>
    <t>Jinder kalan</t>
  </si>
  <si>
    <t>Hazaran Mughlan</t>
  </si>
  <si>
    <t>22512</t>
  </si>
  <si>
    <t>GGPS WARAICHAN WALA</t>
  </si>
  <si>
    <t>Waraichan Wala</t>
  </si>
  <si>
    <t>Govt modal primary school  waraichan wala</t>
  </si>
  <si>
    <t>Bushra Saddique</t>
  </si>
  <si>
    <t>28637</t>
  </si>
  <si>
    <t>23637</t>
  </si>
  <si>
    <t>GGPS CHACHIAN</t>
  </si>
  <si>
    <t>Chachian</t>
  </si>
  <si>
    <t>GGPS Chachian</t>
  </si>
  <si>
    <t>Sobia Fiyaz</t>
  </si>
  <si>
    <t>17106</t>
  </si>
  <si>
    <t>3031</t>
  </si>
  <si>
    <t>GMPS RATTI</t>
  </si>
  <si>
    <t>GUJRAT I - FEMALE</t>
  </si>
  <si>
    <t>Ratti gujrat</t>
  </si>
  <si>
    <t>Ratti</t>
  </si>
  <si>
    <t>Seerat Fatima</t>
  </si>
  <si>
    <t>22809</t>
  </si>
  <si>
    <t>GPS HANDAY SANTAL</t>
  </si>
  <si>
    <t>Handay</t>
  </si>
  <si>
    <t>village Handay post office Hajiwala</t>
  </si>
  <si>
    <t>Adnan ul haq</t>
  </si>
  <si>
    <t>22858</t>
  </si>
  <si>
    <t>GHS TALEEM UL QURAN KHARIAN</t>
  </si>
  <si>
    <t>main bazar kharian tehsil kharian  distt gujrat</t>
  </si>
  <si>
    <t>MUHAMMAD FAZAIL AKHTAR</t>
  </si>
  <si>
    <t>22903</t>
  </si>
  <si>
    <t>GGHS KHARIAN NO. 2</t>
  </si>
  <si>
    <t>mehta wali gali kharian</t>
  </si>
  <si>
    <t>Khrian</t>
  </si>
  <si>
    <t>Hafeeza Andleeb</t>
  </si>
  <si>
    <t>GGHS BAGRIAN WALA</t>
  </si>
  <si>
    <t>Govt Girls High School Bagrianwala P/O Bagrianwala Tehsil Kharian District Gujrat</t>
  </si>
  <si>
    <t>NAJMA NAHEED</t>
  </si>
  <si>
    <t>10329</t>
  </si>
  <si>
    <t>54726</t>
  </si>
  <si>
    <t>GPS SADIQ ABAD</t>
  </si>
  <si>
    <t>KAKRALI - MALE</t>
  </si>
  <si>
    <t>village Sadiq abad, po sheikh pur, tehsil kharian</t>
  </si>
  <si>
    <t>Mutazhar Iqbal</t>
  </si>
  <si>
    <t>23515</t>
  </si>
  <si>
    <t>GGPS SAR DHOK</t>
  </si>
  <si>
    <t>S.A.GIR-IV-FEMALE</t>
  </si>
  <si>
    <t>Sar Dhoke</t>
  </si>
  <si>
    <t>vpo sar dhoke</t>
  </si>
  <si>
    <t>Sardhoke</t>
  </si>
  <si>
    <t>Samina Khaliq</t>
  </si>
  <si>
    <t>34220</t>
  </si>
  <si>
    <t>23702</t>
  </si>
  <si>
    <t>GPS SOHAWA</t>
  </si>
  <si>
    <t>Sohawa (Daska)</t>
  </si>
  <si>
    <t>Model town Daska</t>
  </si>
  <si>
    <t>24004</t>
  </si>
  <si>
    <t>GGPS HACHER</t>
  </si>
  <si>
    <t>Hacher</t>
  </si>
  <si>
    <t>hacher</t>
  </si>
  <si>
    <t>Maqsooda Tahira</t>
  </si>
  <si>
    <t>22534</t>
  </si>
  <si>
    <t>GGPS DARYA NANGAL</t>
  </si>
  <si>
    <t>BALLAGAN - FEMALE</t>
  </si>
  <si>
    <t>Darya Nangal</t>
  </si>
  <si>
    <t>p o box seowal village darya nangal</t>
  </si>
  <si>
    <t>rafia malik</t>
  </si>
  <si>
    <t>GGPS CHAK NO. 114/6-R</t>
  </si>
  <si>
    <t>114/6R</t>
  </si>
  <si>
    <t>Chak no 114/6.R</t>
  </si>
  <si>
    <t>118/6R</t>
  </si>
  <si>
    <t>Fardous Yasmeen</t>
  </si>
  <si>
    <t>GGHS SAID ALI</t>
  </si>
  <si>
    <t>Sayeda Riffat Naheed</t>
  </si>
  <si>
    <t>34928</t>
  </si>
  <si>
    <t>34237</t>
  </si>
  <si>
    <t>GPS HAZARA</t>
  </si>
  <si>
    <t>Pandat Hazara</t>
  </si>
  <si>
    <t>chak pandat hazara near sulmanki Minchinabad main road</t>
  </si>
  <si>
    <t>Lala Amar Singh</t>
  </si>
  <si>
    <t>GPS SHAH MUHAMMAD BARAKA</t>
  </si>
  <si>
    <t>Shah Muhammad Bareka</t>
  </si>
  <si>
    <t>chack Shah Muhammad Bareka Tehsil Minchinabad District Bahawalnagar</t>
  </si>
  <si>
    <t>GES BRAMKA HITHAR</t>
  </si>
  <si>
    <t>MND-XIV-MALE</t>
  </si>
  <si>
    <t>Behramka hithar</t>
  </si>
  <si>
    <t>behramka hithar tehsil minchnabad bahawalnagar</t>
  </si>
  <si>
    <t>behramka hithar</t>
  </si>
  <si>
    <t>GPS SAYED WALA</t>
  </si>
  <si>
    <t>Sayed Wala</t>
  </si>
  <si>
    <t>chak sayed wala tehsil and p/o minchin abad bahawalnagar.</t>
  </si>
  <si>
    <t>Muhammad Rafiq Zia</t>
  </si>
  <si>
    <t>nearest of waterplant</t>
  </si>
  <si>
    <t>GPS KAMAIRA</t>
  </si>
  <si>
    <t>Kamera</t>
  </si>
  <si>
    <t>Chak.kamera. tehseel minchnabad</t>
  </si>
  <si>
    <t>54359</t>
  </si>
  <si>
    <t>GGPS RATI RAM</t>
  </si>
  <si>
    <t>Ratti Ram</t>
  </si>
  <si>
    <t>post office mandi sadiq gunj basti ratti ram tehsil minchinabad</t>
  </si>
  <si>
    <t>Shahnaz Tahir</t>
  </si>
  <si>
    <t>2291</t>
  </si>
  <si>
    <t>GGPS KAHAN SINGH</t>
  </si>
  <si>
    <t>Kahan Singh</t>
  </si>
  <si>
    <t>kahan sing</t>
  </si>
  <si>
    <t>GGPS DAB WALI</t>
  </si>
  <si>
    <t>Dabwali</t>
  </si>
  <si>
    <t>GGPS Dab Wali</t>
  </si>
  <si>
    <t>Fozia Majeed</t>
  </si>
  <si>
    <t>GGPS BAHO SARO</t>
  </si>
  <si>
    <t>bahu saru</t>
  </si>
  <si>
    <t>bahu saru post ofc mndi sadiq gnj mcd</t>
  </si>
  <si>
    <t>Nazia Yousaf</t>
  </si>
  <si>
    <t>GGPS BASTI NAZAM DIN</t>
  </si>
  <si>
    <t>Behramsar</t>
  </si>
  <si>
    <t>Basti Nizam din Minchanabad</t>
  </si>
  <si>
    <t>Basti nizam Din</t>
  </si>
  <si>
    <t>GGPS JHAMARA</t>
  </si>
  <si>
    <t>jhamera, post office Mandi Sadiq gunj... Minchinabad</t>
  </si>
  <si>
    <t>Rabia Noreen</t>
  </si>
  <si>
    <t>GGPS DHANGOORIAN</t>
  </si>
  <si>
    <t>P/o Mandi Sadiq Gunj Dangorian</t>
  </si>
  <si>
    <t>Nazia Hassan</t>
  </si>
  <si>
    <t>GGPS PUL BAREKA</t>
  </si>
  <si>
    <t>Baraika</t>
  </si>
  <si>
    <t>g g p s pull barika</t>
  </si>
  <si>
    <t>Tahira Kausar</t>
  </si>
  <si>
    <t>GGPS BEHRAMKA UTTAR</t>
  </si>
  <si>
    <t>G GPS Behram ka ottar moza badri narain pura</t>
  </si>
  <si>
    <t>Badri Narain Pur</t>
  </si>
  <si>
    <t>MCD2</t>
  </si>
  <si>
    <t>Afifa Yahya</t>
  </si>
  <si>
    <t>45693</t>
  </si>
  <si>
    <t>2336</t>
  </si>
  <si>
    <t>GGPS PANDIT HAZARA JEVAN RAM</t>
  </si>
  <si>
    <t>GGPS Pandat Hazara</t>
  </si>
  <si>
    <t>Frah  Anam</t>
  </si>
  <si>
    <t>GGPS FAIZ ABAD</t>
  </si>
  <si>
    <t>Fiazabad</t>
  </si>
  <si>
    <t>44328</t>
  </si>
  <si>
    <t>GGPS ORANG</t>
  </si>
  <si>
    <t>Orang</t>
  </si>
  <si>
    <t>Post Office Orang Tehsil Minchinabad</t>
  </si>
  <si>
    <t>GGPS SADHU SULTAN PURA</t>
  </si>
  <si>
    <t>Peer Ghr Chisti</t>
  </si>
  <si>
    <t>sadhu sultan pura moza peer ghr chitii</t>
  </si>
  <si>
    <t>Sadhu Sultan Pura</t>
  </si>
  <si>
    <t>Peer Garh Chishti</t>
  </si>
  <si>
    <t>Sumara Chaudhary</t>
  </si>
  <si>
    <t>GGPS SHAH KARAM</t>
  </si>
  <si>
    <t>Shah Karam</t>
  </si>
  <si>
    <t>Azra Qutab-ud-Din</t>
  </si>
  <si>
    <t>5759</t>
  </si>
  <si>
    <t>GGPS GUNGA JAL</t>
  </si>
  <si>
    <t>MCD 02-FEMALE</t>
  </si>
  <si>
    <t>ggps ganga jal minchnabad</t>
  </si>
  <si>
    <t>Gangajal</t>
  </si>
  <si>
    <t>Shamaila Iram</t>
  </si>
  <si>
    <t>53759</t>
  </si>
  <si>
    <t>GGPS FARID ABAD</t>
  </si>
  <si>
    <t>Ismail Pur Balochan</t>
  </si>
  <si>
    <t>Ismail pur  balochan</t>
  </si>
  <si>
    <t>Ismail Pur  Balochan</t>
  </si>
  <si>
    <t>GGPS SETHAN WALI</t>
  </si>
  <si>
    <t>Sethan Wali</t>
  </si>
  <si>
    <t>chak mansa ram po M.pur  sansaran.Teh.MND</t>
  </si>
  <si>
    <t>Mansa Ram</t>
  </si>
  <si>
    <t>Kabootri</t>
  </si>
  <si>
    <t>Talat Shaheen</t>
  </si>
  <si>
    <t>GGPS TROBARI PO TUBA BALUCHAN</t>
  </si>
  <si>
    <t>Trobbri</t>
  </si>
  <si>
    <t>Anis  Akhtar</t>
  </si>
  <si>
    <t>45604</t>
  </si>
  <si>
    <t>GGPS NOOR PUR LALEKA</t>
  </si>
  <si>
    <t>fareedabad</t>
  </si>
  <si>
    <t>ggps noorpurlaleka</t>
  </si>
  <si>
    <t>chak noorpur laleka</t>
  </si>
  <si>
    <t>GGPS KALLAR WALA</t>
  </si>
  <si>
    <t>Kalar Wala</t>
  </si>
  <si>
    <t>kalar wala minchin abad district bahawal nagar</t>
  </si>
  <si>
    <t>Bonga Akbar Mari Nehal</t>
  </si>
  <si>
    <t>Mussarat Rukhsana</t>
  </si>
  <si>
    <t>GMPS PHOOL MEHRAJ</t>
  </si>
  <si>
    <t>Phoolmehraj</t>
  </si>
  <si>
    <t>Rattan pura road</t>
  </si>
  <si>
    <t>Chak Phoolmehraj</t>
  </si>
  <si>
    <t>Naseem Suleman</t>
  </si>
  <si>
    <t>26888</t>
  </si>
  <si>
    <t>GPS MOONI DHAEI</t>
  </si>
  <si>
    <t>Mooni Dheai</t>
  </si>
  <si>
    <t>Mooni dheai</t>
  </si>
  <si>
    <t>Moonidhaei</t>
  </si>
  <si>
    <t>GMMS SAMOO WALI</t>
  </si>
  <si>
    <t>Samoo Wali</t>
  </si>
  <si>
    <t>samoo wali tehsil MND distrect BWN</t>
  </si>
  <si>
    <t>Samowali</t>
  </si>
  <si>
    <t>Muhammad Asim</t>
  </si>
  <si>
    <t>GMMS NAWAB COLONY FORT ABBAS</t>
  </si>
  <si>
    <t>FTS-I-MALE</t>
  </si>
  <si>
    <t>272-HR</t>
  </si>
  <si>
    <t>nawab colony fort abbas</t>
  </si>
  <si>
    <t>MC-I</t>
  </si>
  <si>
    <t>GMMS JAMIA MASJID FORT ABBAS</t>
  </si>
  <si>
    <t>272HR</t>
  </si>
  <si>
    <t>Jamia Masjid Fortabbas</t>
  </si>
  <si>
    <t>Fortabbas Citty</t>
  </si>
  <si>
    <t>MC Fort Abbas</t>
  </si>
  <si>
    <t>Muhammad Riaz Anjum</t>
  </si>
  <si>
    <t>GMMS REHEEMIA MASJID GHULAM RASOOL TOWN</t>
  </si>
  <si>
    <t>272/HR</t>
  </si>
  <si>
    <t>GMMS rahemia gulam rasool town fort abbas</t>
  </si>
  <si>
    <t>272 HR</t>
  </si>
  <si>
    <t>Atta ur Rehman</t>
  </si>
  <si>
    <t>GMMS AHL-E-HADEES MASJID FORT ABBAS</t>
  </si>
  <si>
    <t>Ali town fort abbas</t>
  </si>
  <si>
    <t>Abdul Rehman Umer</t>
  </si>
  <si>
    <t>GMMS CHISHTIA COLONY FAS</t>
  </si>
  <si>
    <t>FTS-VIII-MALE</t>
  </si>
  <si>
    <t>Chishtia colony Fort Abbas</t>
  </si>
  <si>
    <t>Mohammad Shafique Abid</t>
  </si>
  <si>
    <t>GPS SIRAJ ULOOM (TANZEEM) FORT ABBAS</t>
  </si>
  <si>
    <t>Basti Siraj Al Aloom</t>
  </si>
  <si>
    <t>Basti Siraj Al Aloom Liaqat Colony fort Abbas</t>
  </si>
  <si>
    <t>muhammad yasin zafer</t>
  </si>
  <si>
    <t>1513</t>
  </si>
  <si>
    <t>GMMS 232/9R S</t>
  </si>
  <si>
    <t>FTS-17-MALE</t>
  </si>
  <si>
    <t>232/9-R</t>
  </si>
  <si>
    <t>chak no 232/9-R</t>
  </si>
  <si>
    <t>Chak No 232/9-R S</t>
  </si>
  <si>
    <t>209/9R</t>
  </si>
  <si>
    <t>Arbaz Arshad</t>
  </si>
  <si>
    <t>GMMS CHAK NO.260/HR WEST</t>
  </si>
  <si>
    <t>FTS-IV-MALE</t>
  </si>
  <si>
    <t>Chak#260 HR W</t>
  </si>
  <si>
    <t>chak no 260/h.r west</t>
  </si>
  <si>
    <t>Chak# 260 HR W</t>
  </si>
  <si>
    <t>GMMS CHAK NO.267 HR DERA GHULAM MUHAMMAD</t>
  </si>
  <si>
    <t>267/HR</t>
  </si>
  <si>
    <t>Chak no 267/H.R Dera Ghulam Muhammad</t>
  </si>
  <si>
    <t>264/HR</t>
  </si>
  <si>
    <t>Bashir Ahmad Najmi</t>
  </si>
  <si>
    <t>5669</t>
  </si>
  <si>
    <t>GMMS 268/HR BASTI PUL</t>
  </si>
  <si>
    <t>FTS-III-MALE</t>
  </si>
  <si>
    <t>268/hr</t>
  </si>
  <si>
    <t>chak no 268/hr basti pul</t>
  </si>
  <si>
    <t>GPS CHAK NO. 302 HR SALAH BASTI</t>
  </si>
  <si>
    <t>Sillah Basti</t>
  </si>
  <si>
    <t>chak  302/hr fort Abbas, bahawalagar</t>
  </si>
  <si>
    <t>Chak 302/HR</t>
  </si>
  <si>
    <t>GPS CHAK NO 309 HR</t>
  </si>
  <si>
    <t>FTS-XIV-MALE</t>
  </si>
  <si>
    <t>309/Hr</t>
  </si>
  <si>
    <t>chak no 309/hr</t>
  </si>
  <si>
    <t>Chak No 309/Hr</t>
  </si>
  <si>
    <t>311/HR</t>
  </si>
  <si>
    <t>GPS CHAK NO. 310/HR DERA ALLAH YAR</t>
  </si>
  <si>
    <t>310/ hr</t>
  </si>
  <si>
    <t>Chak no310</t>
  </si>
  <si>
    <t>28943</t>
  </si>
  <si>
    <t>GMMS CHAK NO 331 HR</t>
  </si>
  <si>
    <t>chak 331/HR COLONY</t>
  </si>
  <si>
    <t>GMPS CHAK NO 313 HR NOOR PUR</t>
  </si>
  <si>
    <t>Chak 313\hr, Noor Pura</t>
  </si>
  <si>
    <t>Chak 313/hr Colony</t>
  </si>
  <si>
    <t>GPS CHAK NO 313 HR COLONY</t>
  </si>
  <si>
    <t>Dhagaan Pura</t>
  </si>
  <si>
    <t>Chak 313/HR Colony</t>
  </si>
  <si>
    <t>Faiz Ul Hassan Shah</t>
  </si>
  <si>
    <t>GMPS CHAK NO 319 HR</t>
  </si>
  <si>
    <t>FTS-XV-MALE</t>
  </si>
  <si>
    <t>Basti Balochan</t>
  </si>
  <si>
    <t>GMMS319/ HR basti balochan</t>
  </si>
  <si>
    <t>319/ HR</t>
  </si>
  <si>
    <t>319/HR</t>
  </si>
  <si>
    <t>37676</t>
  </si>
  <si>
    <t>GMPS GHOUS PUR, TULAMBA</t>
  </si>
  <si>
    <t>ghous pur qureshian Abdulhakim road tulamba.</t>
  </si>
  <si>
    <t>Ghous Pur Qureshian</t>
  </si>
  <si>
    <t>Ishrat Kanwal</t>
  </si>
  <si>
    <t>37241</t>
  </si>
  <si>
    <t>12088</t>
  </si>
  <si>
    <t>GGHS 118/10-R, JAHANIAN</t>
  </si>
  <si>
    <t>118/10-R Jahania</t>
  </si>
  <si>
    <t>GGHS 118/10.R, Tehsil Jahania,District Khanewal</t>
  </si>
  <si>
    <t>118/10-R</t>
  </si>
  <si>
    <t>117/10-R</t>
  </si>
  <si>
    <t>52702</t>
  </si>
  <si>
    <t>37881</t>
  </si>
  <si>
    <t>GMPS 147/10-R TWANA, JAHANIAN</t>
  </si>
  <si>
    <t>Twana</t>
  </si>
  <si>
    <t>Govt.Model Primary School 147/10-R (Twana)</t>
  </si>
  <si>
    <t>147/10-R</t>
  </si>
  <si>
    <t>12547</t>
  </si>
  <si>
    <t>37926</t>
  </si>
  <si>
    <t>GHS WAHI ALI ARIAN</t>
  </si>
  <si>
    <t>wahi ali arain</t>
  </si>
  <si>
    <t>haqran stop parmat jalalpur road lodhran</t>
  </si>
  <si>
    <t>sher pur</t>
  </si>
  <si>
    <t>muhammad shafi</t>
  </si>
  <si>
    <t>19562</t>
  </si>
  <si>
    <t>37984</t>
  </si>
  <si>
    <t>GHS MUND HALI</t>
  </si>
  <si>
    <t>Mundhali</t>
  </si>
  <si>
    <t>muza mundhali tehsil lodhran</t>
  </si>
  <si>
    <t>Muhammad Sohail Saeed</t>
  </si>
  <si>
    <t>38076</t>
  </si>
  <si>
    <t>GMPS JHOKE JANAN</t>
  </si>
  <si>
    <t>Jhoke Janan</t>
  </si>
  <si>
    <t>Sheema Ahmad</t>
  </si>
  <si>
    <t>3471</t>
  </si>
  <si>
    <t>38094</t>
  </si>
  <si>
    <t>GGPS CHAH BAHADAR WALA</t>
  </si>
  <si>
    <t>PERMAT-FEMALE</t>
  </si>
  <si>
    <t>Po Bahmniwala mouza Salsadar Lodhran.</t>
  </si>
  <si>
    <t>Bahadar Wala</t>
  </si>
  <si>
    <t>11207</t>
  </si>
  <si>
    <t>11153</t>
  </si>
  <si>
    <t>38215</t>
  </si>
  <si>
    <t>GHS MASSA KOTHA</t>
  </si>
  <si>
    <t>P/O massa kotha tehsil kehror pakka Lodhran</t>
  </si>
  <si>
    <t>malik inyat hussain</t>
  </si>
  <si>
    <t>3466</t>
  </si>
  <si>
    <t>38294</t>
  </si>
  <si>
    <t>GPS LOW INCOM SCHEME DHANOT HAFIZ ABAD</t>
  </si>
  <si>
    <t>DHANOTE - MALE</t>
  </si>
  <si>
    <t>dhanote</t>
  </si>
  <si>
    <t>5 marla scheme, Hafiz Abad dhanote</t>
  </si>
  <si>
    <t>5 marla scheme Dhanote</t>
  </si>
  <si>
    <t>Saber Hussain</t>
  </si>
  <si>
    <t>38360</t>
  </si>
  <si>
    <t>GGPS MAKHAN KOT</t>
  </si>
  <si>
    <t>Paka</t>
  </si>
  <si>
    <t>g g ps makhan kot pul 60 hazar sat marla scheem k.p</t>
  </si>
  <si>
    <t>Marla Scheem</t>
  </si>
  <si>
    <t>Rehana Firdos</t>
  </si>
  <si>
    <t>GES CHAK NO. 388/WB</t>
  </si>
  <si>
    <t>chak no.388/wb dunyapur</t>
  </si>
  <si>
    <t>Chak No 388/WB</t>
  </si>
  <si>
    <t>Muhammad Subtain</t>
  </si>
  <si>
    <t>38472</t>
  </si>
  <si>
    <t>GGHS 319/WB</t>
  </si>
  <si>
    <t>319/WB</t>
  </si>
  <si>
    <t>Chak no 319/WB tehsil Dunyapur</t>
  </si>
  <si>
    <t>319 / WB</t>
  </si>
  <si>
    <t>342 /WB</t>
  </si>
  <si>
    <t>GGPS CANAL COLONY QUTAB PUR</t>
  </si>
  <si>
    <t>Hammad Town Qutab pur</t>
  </si>
  <si>
    <t>Hammad Town</t>
  </si>
  <si>
    <t>Iffat Yasmeen</t>
  </si>
  <si>
    <t>38660</t>
  </si>
  <si>
    <t>GMPS 329 WB DUNYA PUR</t>
  </si>
  <si>
    <t>329wb thseel dunyapur</t>
  </si>
  <si>
    <t>329wb</t>
  </si>
  <si>
    <t>342wb</t>
  </si>
  <si>
    <t>25102</t>
  </si>
  <si>
    <t>54669</t>
  </si>
  <si>
    <t>GGPS BHOBAT PUR NO. 2</t>
  </si>
  <si>
    <t>bhobat Pur</t>
  </si>
  <si>
    <t>mouza bhobat put basti islam nagar</t>
  </si>
  <si>
    <t>bhobat pur Islam Nagar</t>
  </si>
  <si>
    <t>ladha bohar</t>
  </si>
  <si>
    <t>Saima Arim</t>
  </si>
  <si>
    <t>38939</t>
  </si>
  <si>
    <t>GHS JABBI KASRAN</t>
  </si>
  <si>
    <t>Jabbi Kisran</t>
  </si>
  <si>
    <t>govt.  boys high school jabbi Kisran</t>
  </si>
  <si>
    <t>SHAHID SALEEM BUTT</t>
  </si>
  <si>
    <t>38958</t>
  </si>
  <si>
    <t>GHS LANGER</t>
  </si>
  <si>
    <t>DAHREK</t>
  </si>
  <si>
    <t>v langer po bahtar tehsil fatehjang district attock</t>
  </si>
  <si>
    <t>LANGER</t>
  </si>
  <si>
    <t>Dahrek</t>
  </si>
  <si>
    <t>liaqat ali khan</t>
  </si>
  <si>
    <t>38978</t>
  </si>
  <si>
    <t>GGHS QUTBAL</t>
  </si>
  <si>
    <t>QUTBAL</t>
  </si>
  <si>
    <t>VILLAGE AND POST OFFICE QUTBAL, TEHSIL FATEH JANG</t>
  </si>
  <si>
    <t>Fozia  Irshad</t>
  </si>
  <si>
    <t>7922</t>
  </si>
  <si>
    <t>39071</t>
  </si>
  <si>
    <t>GPS ICHRIAL</t>
  </si>
  <si>
    <t>Ichral</t>
  </si>
  <si>
    <t>village Ichral, post office Gaggan, tehsil Fateh jang, District Attock</t>
  </si>
  <si>
    <t>Arranged</t>
  </si>
  <si>
    <t>10819</t>
  </si>
  <si>
    <t>48012</t>
  </si>
  <si>
    <t>39081</t>
  </si>
  <si>
    <t>GGHS DHAREK</t>
  </si>
  <si>
    <t>dhreak</t>
  </si>
  <si>
    <t>Shabnam naheed</t>
  </si>
  <si>
    <t>10711</t>
  </si>
  <si>
    <t>39189</t>
  </si>
  <si>
    <t>GGPS THATTI GUJRAN NO.2</t>
  </si>
  <si>
    <t>QUTBAL - FEMALE</t>
  </si>
  <si>
    <t>Thatti gujran</t>
  </si>
  <si>
    <t>GGP/S Thatti jujran</t>
  </si>
  <si>
    <t>Thatti Gujran</t>
  </si>
  <si>
    <t>Abida Amber</t>
  </si>
  <si>
    <t>21296</t>
  </si>
  <si>
    <t>39193</t>
  </si>
  <si>
    <t>GGPS CHAKRALA</t>
  </si>
  <si>
    <t>village chakrala po mari tehsil fateh jang district attock</t>
  </si>
  <si>
    <t>Malaal</t>
  </si>
  <si>
    <t>bring water from near well</t>
  </si>
  <si>
    <t>12851</t>
  </si>
  <si>
    <t>28516</t>
  </si>
  <si>
    <t>GGHS FATEH JANG NO.2</t>
  </si>
  <si>
    <t>FATEH Jang</t>
  </si>
  <si>
    <t>pindi road FATEH jang</t>
  </si>
  <si>
    <t>Fateh Jang</t>
  </si>
  <si>
    <t>NIGHAT SULTANA</t>
  </si>
  <si>
    <t>37495</t>
  </si>
  <si>
    <t>39245</t>
  </si>
  <si>
    <t>GHS MAGHIAN</t>
  </si>
  <si>
    <t>Maghian</t>
  </si>
  <si>
    <t>vpo maghian</t>
  </si>
  <si>
    <t>Gharibwal</t>
  </si>
  <si>
    <t>Wahid Raza</t>
  </si>
  <si>
    <t>GPS DHOK THAPLA</t>
  </si>
  <si>
    <t>KHOUR - MALE</t>
  </si>
  <si>
    <t>vDhokThapla po Kamrial Teh pindigheb distt Attock</t>
  </si>
  <si>
    <t>Dhok Thapla</t>
  </si>
  <si>
    <t>Tofeeq Ahmad Khan</t>
  </si>
  <si>
    <t>Electricity Motor</t>
  </si>
  <si>
    <t>GPS DHOK MALIAR</t>
  </si>
  <si>
    <t>Dk MILYAR</t>
  </si>
  <si>
    <t>dk milyar Po Dhullian pindi gheb</t>
  </si>
  <si>
    <t>Dk Milyar</t>
  </si>
  <si>
    <t>Ghareeb Waal</t>
  </si>
  <si>
    <t>44817</t>
  </si>
  <si>
    <t>39606</t>
  </si>
  <si>
    <t>GPS MALLANGI</t>
  </si>
  <si>
    <t>JHAMAT - MALE</t>
  </si>
  <si>
    <t>Girdi</t>
  </si>
  <si>
    <t>mallangi p.o lakarmaar.jand.attock</t>
  </si>
  <si>
    <t>Mallangi</t>
  </si>
  <si>
    <t>Muhammad Safdar Khan</t>
  </si>
  <si>
    <t>self arranged</t>
  </si>
  <si>
    <t>39611</t>
  </si>
  <si>
    <t>GPS DHOK KANDI</t>
  </si>
  <si>
    <t>GBPS Khandi, P/O Chhab, Tehsil Jand, District Attock.</t>
  </si>
  <si>
    <t>Dhok Khandi</t>
  </si>
  <si>
    <t>arranged water</t>
  </si>
  <si>
    <t>34697</t>
  </si>
  <si>
    <t>GPS ZANGORA</t>
  </si>
  <si>
    <t>Narhra</t>
  </si>
  <si>
    <t>po lakar maar,teh jand, dist attock</t>
  </si>
  <si>
    <t>Zangora</t>
  </si>
  <si>
    <t>HAJRA BIBI</t>
  </si>
  <si>
    <t>8260</t>
  </si>
  <si>
    <t>GGPS GAWA</t>
  </si>
  <si>
    <t>Taraf Nara</t>
  </si>
  <si>
    <t>village alamabad po lakkarmar tehsil Jand district attock</t>
  </si>
  <si>
    <t>Alamabad</t>
  </si>
  <si>
    <t>Shamim Un Nisa</t>
  </si>
  <si>
    <t>19541</t>
  </si>
  <si>
    <t>54402</t>
  </si>
  <si>
    <t>GPS DHOK CHHAB (BHATIOT)</t>
  </si>
  <si>
    <t>Bhatiot</t>
  </si>
  <si>
    <t>GBPS Chhab Bhatiot</t>
  </si>
  <si>
    <t>Shahid Amir</t>
  </si>
  <si>
    <t>32806</t>
  </si>
  <si>
    <t>39748</t>
  </si>
  <si>
    <t>GES R.S. JHAMAT</t>
  </si>
  <si>
    <t>Jhamat</t>
  </si>
  <si>
    <t>VPO jhamat</t>
  </si>
  <si>
    <t>4342</t>
  </si>
  <si>
    <t>39455</t>
  </si>
  <si>
    <t>4310</t>
  </si>
  <si>
    <t>54922</t>
  </si>
  <si>
    <t>GPS QANDHARI PUR</t>
  </si>
  <si>
    <t>Qandhari Pur</t>
  </si>
  <si>
    <t>qandhari pur p.o pathar garh tehsil hassan Abdal district attock</t>
  </si>
  <si>
    <t>Sharafat Ali</t>
  </si>
  <si>
    <t>39953</t>
  </si>
  <si>
    <t>GPS PIR ZAI</t>
  </si>
  <si>
    <t>Pirzai</t>
  </si>
  <si>
    <t>village pirzai TEH.hazro DISTT.Attock</t>
  </si>
  <si>
    <t>35549</t>
  </si>
  <si>
    <t>40022</t>
  </si>
  <si>
    <t>GGPS YASEEN KALAN</t>
  </si>
  <si>
    <t>GHOUR GHUSHTI - FEMALE</t>
  </si>
  <si>
    <t>yaseen Kalan</t>
  </si>
  <si>
    <t>village yaseen kalan, post office yaseen kalan, tehsil Hazro</t>
  </si>
  <si>
    <t>Yaseen Kalan</t>
  </si>
  <si>
    <t>Shenka</t>
  </si>
  <si>
    <t>Salma Razzaq</t>
  </si>
  <si>
    <t>5977</t>
  </si>
  <si>
    <t>18770</t>
  </si>
  <si>
    <t>40337</t>
  </si>
  <si>
    <t>GPS DHOK RAJPUTAN</t>
  </si>
  <si>
    <t>Dhoke Rajpotan</t>
  </si>
  <si>
    <t>dhoke rajpotan Lilla town teh PD khan distt jhelum</t>
  </si>
  <si>
    <t>Khansa  Irum</t>
  </si>
  <si>
    <t>40339</t>
  </si>
  <si>
    <t>GPS DHOK BASERA</t>
  </si>
  <si>
    <t>Dhoke Baseera</t>
  </si>
  <si>
    <t>Dhoke Baseera VPO Kandwal</t>
  </si>
  <si>
    <t>Faisal Mehmood</t>
  </si>
  <si>
    <t>40591</t>
  </si>
  <si>
    <t>GGMES BHAITH</t>
  </si>
  <si>
    <t>bhait</t>
  </si>
  <si>
    <t>village bhait p o dhok awan teh sohawa</t>
  </si>
  <si>
    <t>nagial</t>
  </si>
  <si>
    <t>20193</t>
  </si>
  <si>
    <t>40046</t>
  </si>
  <si>
    <t>40593</t>
  </si>
  <si>
    <t>GGHS DIALI</t>
  </si>
  <si>
    <t>Diali</t>
  </si>
  <si>
    <t>Govt. Girls High School Diali</t>
  </si>
  <si>
    <t>7555</t>
  </si>
  <si>
    <t>40705</t>
  </si>
  <si>
    <t>GGPS RASILA KALAN</t>
  </si>
  <si>
    <t>Rasila Kalan</t>
  </si>
  <si>
    <t>vpo rasila kalan p/o domeli teh sohawa distt jhelum</t>
  </si>
  <si>
    <t>Nabila Mukhtar</t>
  </si>
  <si>
    <t>40828</t>
  </si>
  <si>
    <t>GPS DHOK MAITAN</t>
  </si>
  <si>
    <t>dhok maitan p.o domeli tehsil sohawa distt jhelum</t>
  </si>
  <si>
    <t>Dhok maitan</t>
  </si>
  <si>
    <t>drinking water is brought from a nearby home</t>
  </si>
  <si>
    <t>30075</t>
  </si>
  <si>
    <t>18975</t>
  </si>
  <si>
    <t>40930</t>
  </si>
  <si>
    <t>GPS SALLI</t>
  </si>
  <si>
    <t>village Salli p.o dina Dist. jhelum</t>
  </si>
  <si>
    <t>Salli</t>
  </si>
  <si>
    <t>self management</t>
  </si>
  <si>
    <t>41016</t>
  </si>
  <si>
    <t>GGPS SULTAN PUR</t>
  </si>
  <si>
    <t>p.o sultanpur via Baral Colony Mangla cantt</t>
  </si>
  <si>
    <t>Ladahr</t>
  </si>
  <si>
    <t>10771</t>
  </si>
  <si>
    <t>41069</t>
  </si>
  <si>
    <t>GES DHELATER</t>
  </si>
  <si>
    <t>PUNJAR - MALE</t>
  </si>
  <si>
    <t>Jellah</t>
  </si>
  <si>
    <t>GES dhelater,tehsil kahuta,district Rawalpindi</t>
  </si>
  <si>
    <t>Dhelater</t>
  </si>
  <si>
    <t>Khadiot</t>
  </si>
  <si>
    <t>8616</t>
  </si>
  <si>
    <t>41263</t>
  </si>
  <si>
    <t>GHS DARYA GALI</t>
  </si>
  <si>
    <t>government boys high school darya gali murree</t>
  </si>
  <si>
    <t>Azhar Hussain Virk</t>
  </si>
  <si>
    <t>41269</t>
  </si>
  <si>
    <t>GHS PHAGWARI</t>
  </si>
  <si>
    <t>village and post office phagwari, tehsil murree, district rawalpindi</t>
  </si>
  <si>
    <t>WALEED MASOOD</t>
  </si>
  <si>
    <t>41273</t>
  </si>
  <si>
    <t>GHS RIAZ MODEL SEHR BAGLA</t>
  </si>
  <si>
    <t>Sehr Bagla</t>
  </si>
  <si>
    <t>village &amp; post office sehr bagla tehsil murree distt rawalpindi</t>
  </si>
  <si>
    <t>Sehr Baga</t>
  </si>
  <si>
    <t>Shahid Nawaz</t>
  </si>
  <si>
    <t>41278</t>
  </si>
  <si>
    <t>GHS BANN</t>
  </si>
  <si>
    <t>CHARHAN</t>
  </si>
  <si>
    <t>GHS BANN MURREE RWP</t>
  </si>
  <si>
    <t>BANN</t>
  </si>
  <si>
    <t>Hafiz Ahmad Jawad</t>
  </si>
  <si>
    <t>GGES KAKRAHI</t>
  </si>
  <si>
    <t>Kakrai</t>
  </si>
  <si>
    <t>Vill &amp; P.O.: Kakrai, Teh: Murree, Distt: Rwp</t>
  </si>
  <si>
    <t>Gehl</t>
  </si>
  <si>
    <t>Saima</t>
  </si>
  <si>
    <t>7588</t>
  </si>
  <si>
    <t>41367</t>
  </si>
  <si>
    <t>GPS MANGLOTA</t>
  </si>
  <si>
    <t>Mehangul</t>
  </si>
  <si>
    <t>village Manglota p/o Angoori Murree Rawalpindi</t>
  </si>
  <si>
    <t>Manglota</t>
  </si>
  <si>
    <t>30921</t>
  </si>
  <si>
    <t>GGES UPPER PAGHWARI</t>
  </si>
  <si>
    <t>Chooryan Phgwarhi Post Office Phagwari</t>
  </si>
  <si>
    <t>Phagwarhi</t>
  </si>
  <si>
    <t>Noureen Abbasi</t>
  </si>
  <si>
    <t>13172</t>
  </si>
  <si>
    <t>41475</t>
  </si>
  <si>
    <t>GGPS HARWAN</t>
  </si>
  <si>
    <t>Numb Romal</t>
  </si>
  <si>
    <t>GGPS Harwan numb romal</t>
  </si>
  <si>
    <t>Shakila Bibi</t>
  </si>
  <si>
    <t>GPS SUNBAL BIAH</t>
  </si>
  <si>
    <t>Sunbalbiah</t>
  </si>
  <si>
    <t>sunbalbiah</t>
  </si>
  <si>
    <t>Tasveer Akhter</t>
  </si>
  <si>
    <t>18133</t>
  </si>
  <si>
    <t>GMMS CHAK NO 424 HR</t>
  </si>
  <si>
    <t>424/HR</t>
  </si>
  <si>
    <t>424/HR marot</t>
  </si>
  <si>
    <t>327/HR</t>
  </si>
  <si>
    <t>Kamal Mustefa</t>
  </si>
  <si>
    <t>GMPS CHAK NO 319 HR ILYAS COLONY</t>
  </si>
  <si>
    <t>GMMS Ilyas colony 319/HR</t>
  </si>
  <si>
    <t>319HR</t>
  </si>
  <si>
    <t>GMPS CHAK NO 311 HR</t>
  </si>
  <si>
    <t>Basti Parhar</t>
  </si>
  <si>
    <t>Chak no. 311 hr fts Bwn</t>
  </si>
  <si>
    <t>Chak No 311 Hr</t>
  </si>
  <si>
    <t>M Mazhar Alam</t>
  </si>
  <si>
    <t>GMMS GHOSIA DEGGI MOHALLA FORT ABBAS</t>
  </si>
  <si>
    <t>street no 9 ali town fortabbas</t>
  </si>
  <si>
    <t>ali town fortabbas</t>
  </si>
  <si>
    <t>GPS CHAK 169 7R</t>
  </si>
  <si>
    <t>169/7R</t>
  </si>
  <si>
    <t>167/7R</t>
  </si>
  <si>
    <t>5676</t>
  </si>
  <si>
    <t>GPS CHAK NO 170 7R</t>
  </si>
  <si>
    <t>FTS -X-MALE</t>
  </si>
  <si>
    <t>170/7R</t>
  </si>
  <si>
    <t>chak 170/7R  Teh. Fort Abbas Distt. Bahawal Nagar</t>
  </si>
  <si>
    <t>Imran Farid Akhtar</t>
  </si>
  <si>
    <t>GMMS CHAK NO 186 7R W</t>
  </si>
  <si>
    <t>Chak 186/7R West</t>
  </si>
  <si>
    <t>chak  no.186/7.r(w)</t>
  </si>
  <si>
    <t>186/7R West</t>
  </si>
  <si>
    <t>187/7R</t>
  </si>
  <si>
    <t>Muhammad abbas akhtar</t>
  </si>
  <si>
    <t>5672</t>
  </si>
  <si>
    <t>GPS CHAK NO 189 7R(E)</t>
  </si>
  <si>
    <t>FTS-VI-MALE</t>
  </si>
  <si>
    <t>Chak 189/7R E</t>
  </si>
  <si>
    <t>chak 189/7R E</t>
  </si>
  <si>
    <t>ASHFAQ HUSSAIN</t>
  </si>
  <si>
    <t>GPS CHAK 191/7-R (M)</t>
  </si>
  <si>
    <t>191 /7r M</t>
  </si>
  <si>
    <t>chak no 191 /7r tehsil fortabbas</t>
  </si>
  <si>
    <t>Zafar Iqbal Bajwa</t>
  </si>
  <si>
    <t>arrange himself</t>
  </si>
  <si>
    <t>GMMS CHAK NO. 200/8-R E</t>
  </si>
  <si>
    <t>200/8r</t>
  </si>
  <si>
    <t>Chak 200/8-R(E) Fortabbs</t>
  </si>
  <si>
    <t>200/8r-E</t>
  </si>
  <si>
    <t>Naseemullah</t>
  </si>
  <si>
    <t>GMMS CHAK NO. 231/9-R S</t>
  </si>
  <si>
    <t>Chak No 231/9-R S</t>
  </si>
  <si>
    <t>chak no 231/9-R, teh.fort abbas</t>
  </si>
  <si>
    <t>GMMS CHAK NO 233/9-R N</t>
  </si>
  <si>
    <t>Chak 233-9R N</t>
  </si>
  <si>
    <t>Chak 233-9R N, Tehsil Fort Abbas Distt. Bahawalnagar</t>
  </si>
  <si>
    <t>238 /9R</t>
  </si>
  <si>
    <t>GPS CHAK NO 239 HB</t>
  </si>
  <si>
    <t>Chak 239/HB</t>
  </si>
  <si>
    <t>chak no 239/hb post office 204/9.r tehsil fortabbas</t>
  </si>
  <si>
    <t>Chak No 239/HB</t>
  </si>
  <si>
    <t>GMMS BASTI DADAPOTRA</t>
  </si>
  <si>
    <t>Basti Dadpotra</t>
  </si>
  <si>
    <t>Basti Dadpotra chak no 282/HR</t>
  </si>
  <si>
    <t>Chak No 282/HR</t>
  </si>
  <si>
    <t>281/HR</t>
  </si>
  <si>
    <t>GMMS DODHLAN</t>
  </si>
  <si>
    <t>Dodhlan</t>
  </si>
  <si>
    <t>chak no 250 h l</t>
  </si>
  <si>
    <t>Chak No 250 H L</t>
  </si>
  <si>
    <t>MUHAMMAD ABBAS</t>
  </si>
  <si>
    <t>GMMS CHAK 248/HL</t>
  </si>
  <si>
    <t>248HL</t>
  </si>
  <si>
    <t>Chak No. 248</t>
  </si>
  <si>
    <t>SAKEENA KOUSAR</t>
  </si>
  <si>
    <t>GPS CHAK 290/HR</t>
  </si>
  <si>
    <t>Colony 290/HR</t>
  </si>
  <si>
    <t>chak 290/hr</t>
  </si>
  <si>
    <t>Chak 290/HR</t>
  </si>
  <si>
    <t>GMMS CHAK 279/HR</t>
  </si>
  <si>
    <t>Chak 279/HR</t>
  </si>
  <si>
    <t>Azaafi Basti Chak No 279/HR</t>
  </si>
  <si>
    <t>Chak No 279/HR</t>
  </si>
  <si>
    <t>nearby hand pump</t>
  </si>
  <si>
    <t>GPS CHAK 304/HR</t>
  </si>
  <si>
    <t>Basti Lodrah</t>
  </si>
  <si>
    <t>chak 304/HR fort abbas</t>
  </si>
  <si>
    <t>Chao 304/HR</t>
  </si>
  <si>
    <t>304/HR</t>
  </si>
  <si>
    <t>Ù…Ø­Ù…Ø¯ Ø±ÙÛŒÙ‚</t>
  </si>
  <si>
    <t>GMMS CHAK NO. 319/HR</t>
  </si>
  <si>
    <t>Janglaat Colony</t>
  </si>
  <si>
    <t>chak no 319/hr maroot tehsil fortabbas dist Bwn</t>
  </si>
  <si>
    <t>GHS CHAK NO. 142/6-R</t>
  </si>
  <si>
    <t>142 6r</t>
  </si>
  <si>
    <t>chak no.142 6r</t>
  </si>
  <si>
    <t>Chak No142 6r</t>
  </si>
  <si>
    <t>MUHAMMAD SADDIQUE</t>
  </si>
  <si>
    <t>GPS CHAK NO 88/5-R</t>
  </si>
  <si>
    <t>88/5r</t>
  </si>
  <si>
    <t>Chao 88/5r</t>
  </si>
  <si>
    <t>Chak 88/5r</t>
  </si>
  <si>
    <t>86/5R</t>
  </si>
  <si>
    <t>Hamid Mehmood</t>
  </si>
  <si>
    <t>GMMS TANZEEM-UL-MADARIS MADINA COLONY FAQIR WALI</t>
  </si>
  <si>
    <t>madina colony Faqirwali</t>
  </si>
  <si>
    <t>Chai No 124/6R</t>
  </si>
  <si>
    <t>Faqirwali no 1</t>
  </si>
  <si>
    <t>GPS CHAK NO.161/7-R</t>
  </si>
  <si>
    <t>chak no 161/7R(s)</t>
  </si>
  <si>
    <t>Chak No 161/7R(s)</t>
  </si>
  <si>
    <t>Muhammad Latif</t>
  </si>
  <si>
    <t>6336</t>
  </si>
  <si>
    <t>GPS CHAK NO. 441/6-R</t>
  </si>
  <si>
    <t>HDN-18-MALE</t>
  </si>
  <si>
    <t>Chak 441/6R</t>
  </si>
  <si>
    <t>Chak 441/6R Tehsil Haroonabbad</t>
  </si>
  <si>
    <t>432/6R</t>
  </si>
  <si>
    <t>MOHAMMAD HANIF  DILSHAD</t>
  </si>
  <si>
    <t>GPS CHAK NO.62/4-R</t>
  </si>
  <si>
    <t>Chak No.63/4.R Teh.Haroonabad Distt.Bahawalnagar</t>
  </si>
  <si>
    <t>63/4R</t>
  </si>
  <si>
    <t>23/3R</t>
  </si>
  <si>
    <t>Muhammad Asim Waqas</t>
  </si>
  <si>
    <t>GPS CHAK NO.66/4-R</t>
  </si>
  <si>
    <t>67/4R</t>
  </si>
  <si>
    <t>Chak No.67/4.R</t>
  </si>
  <si>
    <t>5475</t>
  </si>
  <si>
    <t>GGPS 82/5-R</t>
  </si>
  <si>
    <t>82/5r</t>
  </si>
  <si>
    <t>Govt.Girls primary school 82/5r</t>
  </si>
  <si>
    <t>Shamim Ashraf</t>
  </si>
  <si>
    <t>GGPS CHAK NO. 88/5-R</t>
  </si>
  <si>
    <t>g.g.p.s /88/5r</t>
  </si>
  <si>
    <t>Sadia Habib</t>
  </si>
  <si>
    <t>GGPS CHAK NO 70/4-R</t>
  </si>
  <si>
    <t>70/4R</t>
  </si>
  <si>
    <t>G. G. P. S. 70/4r</t>
  </si>
  <si>
    <t>70/4r</t>
  </si>
  <si>
    <t>Nosheen Mushtaq</t>
  </si>
  <si>
    <t>GGPS CHAK NO. 440/6R</t>
  </si>
  <si>
    <t>440 6/R</t>
  </si>
  <si>
    <t>440 6/r haroonabad ( bwn)</t>
  </si>
  <si>
    <t>438/6R</t>
  </si>
  <si>
    <t>GGPS CHAK NO 113/6-R</t>
  </si>
  <si>
    <t>113/6R</t>
  </si>
  <si>
    <t>chak no 113/6.R</t>
  </si>
  <si>
    <t>GGPS 133/6-R W</t>
  </si>
  <si>
    <t>133/6-R</t>
  </si>
  <si>
    <t>133/6r p/o132/6r teh HND distt BWN</t>
  </si>
  <si>
    <t>133/6R</t>
  </si>
  <si>
    <t>Nadia Yasmim</t>
  </si>
  <si>
    <t>5744</t>
  </si>
  <si>
    <t>GGPS CHOWK SHAHEED</t>
  </si>
  <si>
    <t>HND-9-FEMALE</t>
  </si>
  <si>
    <t>Shaheed Chok</t>
  </si>
  <si>
    <t>govt girls primary school shaheed chok</t>
  </si>
  <si>
    <t>GPS CHAK NO. 92/6-R</t>
  </si>
  <si>
    <t>92/6-R Dera</t>
  </si>
  <si>
    <t>Chak no 92/6-R Dera Narh Singh</t>
  </si>
  <si>
    <t>Chak No 92/6-R Dera</t>
  </si>
  <si>
    <t>Sadia Murtaza</t>
  </si>
  <si>
    <t>GMMS CHAK NO 77 1L ab</t>
  </si>
  <si>
    <t>Chak no 77 1.l ab</t>
  </si>
  <si>
    <t>77/1l ab</t>
  </si>
  <si>
    <t>6334</t>
  </si>
  <si>
    <t>GPS RAILWAY FQR WARD NO.3</t>
  </si>
  <si>
    <t>HND-16-MALE</t>
  </si>
  <si>
    <t>Madni Colony Ward no. 03</t>
  </si>
  <si>
    <t>WARD NO. 3</t>
  </si>
  <si>
    <t>Faqirwali no 2</t>
  </si>
  <si>
    <t>GPS MUHAMMAD PURA WARD NO.6</t>
  </si>
  <si>
    <t>124/6R</t>
  </si>
  <si>
    <t>Mohallah Muhammad Pura Ward No.06 Faqirwali</t>
  </si>
  <si>
    <t>Abdur Rouf</t>
  </si>
  <si>
    <t>GPS CHAK NO 440 6R ( WEST )</t>
  </si>
  <si>
    <t>GPS CHAK NO 105 6R AB</t>
  </si>
  <si>
    <t>105/6r</t>
  </si>
  <si>
    <t>105/6rab</t>
  </si>
  <si>
    <t>109/6R</t>
  </si>
  <si>
    <t>Zahra Batool</t>
  </si>
  <si>
    <t>GMMS KOT MUHAMMAD YAR</t>
  </si>
  <si>
    <t>Bakka Rahmooka</t>
  </si>
  <si>
    <t>kot muhammad yar</t>
  </si>
  <si>
    <t>GPS DILAWAR JASOKA</t>
  </si>
  <si>
    <t>Dilawar Jessoka</t>
  </si>
  <si>
    <t>dilawar Jasoka</t>
  </si>
  <si>
    <t>Hafiz Muhammad Riaz</t>
  </si>
  <si>
    <t>GMMS MANASIRY RAM</t>
  </si>
  <si>
    <t>Manna siry Ram</t>
  </si>
  <si>
    <t>manna siryram</t>
  </si>
  <si>
    <t>Muhammad Manshad Saqib</t>
  </si>
  <si>
    <t>GMMS DONA KHOKHRAN</t>
  </si>
  <si>
    <t>Rama Khokhran</t>
  </si>
  <si>
    <t>dona khokhran,  moza rama khokraan ,p/o meclod ganj, Tehsil Minchinabad District Bahawalnagar</t>
  </si>
  <si>
    <t>Basti Muneer Khokhar</t>
  </si>
  <si>
    <t>GPS HARI PURA</t>
  </si>
  <si>
    <t>Hari Pura No 2</t>
  </si>
  <si>
    <t>dewan wala</t>
  </si>
  <si>
    <t>Dewan Wala</t>
  </si>
  <si>
    <t>GMMS BISHAN SINGH</t>
  </si>
  <si>
    <t>Bishan Sing</t>
  </si>
  <si>
    <t>chak sarkari</t>
  </si>
  <si>
    <t>Chak Sarkari</t>
  </si>
  <si>
    <t>Mohammad Hanif Saqib</t>
  </si>
  <si>
    <t>GPS CHAK THANIDAR</t>
  </si>
  <si>
    <t>Bonga Machi</t>
  </si>
  <si>
    <t>chak thanedar po bonga machi tehsil minchinabad distt bwn</t>
  </si>
  <si>
    <t>Chak Thanedar</t>
  </si>
  <si>
    <t>water coole</t>
  </si>
  <si>
    <t>GPS LANDI SOOBHAY DAR</t>
  </si>
  <si>
    <t>Dhab Wazirka</t>
  </si>
  <si>
    <t>Landi Sobedar</t>
  </si>
  <si>
    <t>Muhammad Asad  S-O Abdul Hafeez</t>
  </si>
  <si>
    <t>GPS GORDIAL PUR</t>
  </si>
  <si>
    <t>Gurdial Pur</t>
  </si>
  <si>
    <t>27361</t>
  </si>
  <si>
    <t>54369</t>
  </si>
  <si>
    <t>kabotri</t>
  </si>
  <si>
    <t>Sikandar Pura</t>
  </si>
  <si>
    <t>Mohammad Shafi Tabassum</t>
  </si>
  <si>
    <t>2474</t>
  </si>
  <si>
    <t>GMMS WAROOD NIZAM PUR</t>
  </si>
  <si>
    <t>TABQRA</t>
  </si>
  <si>
    <t>BASTI FATEH KOT</t>
  </si>
  <si>
    <t>GMMS QADIR ABAD</t>
  </si>
  <si>
    <t>poogal</t>
  </si>
  <si>
    <t>qadirabad mnd</t>
  </si>
  <si>
    <t>GMMS WAROOD BEHRAMKA HITHAR</t>
  </si>
  <si>
    <t>Behramka</t>
  </si>
  <si>
    <t>GMMS WAROOD MUNSHI UTAR</t>
  </si>
  <si>
    <t>Ismail Pur Rateka</t>
  </si>
  <si>
    <t>hasan wala road madena colony meclodgunj</t>
  </si>
  <si>
    <t>Madena Colony</t>
  </si>
  <si>
    <t>Muhammad Waqar</t>
  </si>
  <si>
    <t>GPS ARABIC BASTI ARAIAN</t>
  </si>
  <si>
    <t>Basti Arian</t>
  </si>
  <si>
    <t>Basti Arian post office khas Minchinabad District Bahawalnagar</t>
  </si>
  <si>
    <t>MUHAMMAD ZEESHAN ABID</t>
  </si>
  <si>
    <t>GMMS WAROOD SAR PUR</t>
  </si>
  <si>
    <t>basti said pur</t>
  </si>
  <si>
    <t>Waseela Qurban</t>
  </si>
  <si>
    <t>GMMS WAROOD SHARIF KOT</t>
  </si>
  <si>
    <t>Babal Wala</t>
  </si>
  <si>
    <t>said pur</t>
  </si>
  <si>
    <t>Rameez Badar</t>
  </si>
  <si>
    <t>GPS MASJID SHAHI MASHID</t>
  </si>
  <si>
    <t>AKAL GARDH</t>
  </si>
  <si>
    <t>Basti aryan akal gardh</t>
  </si>
  <si>
    <t>BASTI ARYAN</t>
  </si>
  <si>
    <t>GMMS  SAID PURA</t>
  </si>
  <si>
    <t>Said pur</t>
  </si>
  <si>
    <t>Said PUR</t>
  </si>
  <si>
    <t>Shahida Ishaq</t>
  </si>
  <si>
    <t>48741</t>
  </si>
  <si>
    <t>GPS ISMAEEL BALOCHAN</t>
  </si>
  <si>
    <t>Ismael Balochan</t>
  </si>
  <si>
    <t>GPS ismaeel Balochan</t>
  </si>
  <si>
    <t>Ismaeel Balochan</t>
  </si>
  <si>
    <t>54854</t>
  </si>
  <si>
    <t>GPS AAKU KA HITHAR</t>
  </si>
  <si>
    <t>Akuka Hitar</t>
  </si>
  <si>
    <t>Moza Akuka Hitar UC No. 28 Sanetka</t>
  </si>
  <si>
    <t>Sanattika</t>
  </si>
  <si>
    <t>Muhammad Muddassar</t>
  </si>
  <si>
    <t>GGES CHAK NO. 112/M</t>
  </si>
  <si>
    <t>Chak No 112/M P..O box 112/M</t>
  </si>
  <si>
    <t>Wajiha Khalid</t>
  </si>
  <si>
    <t>24582</t>
  </si>
  <si>
    <t>GMPS EID GAH CHISHTIAN</t>
  </si>
  <si>
    <t>High way road chishtian</t>
  </si>
  <si>
    <t>MUHAMMADAWAIS</t>
  </si>
  <si>
    <t>GWPS OLD CHISHTIAN NO. 2</t>
  </si>
  <si>
    <t>old ctn</t>
  </si>
  <si>
    <t>GWPS DARBAR GHAFOOR SHAH</t>
  </si>
  <si>
    <t>Mehboob Colony near jelani Msjid CTN</t>
  </si>
  <si>
    <t>Mehboob colony</t>
  </si>
  <si>
    <t>MUHAMMAD YASAR MEHMOOD</t>
  </si>
  <si>
    <t>GWPS HUSSAIN COLONY CHISHTIAN</t>
  </si>
  <si>
    <t>new gulshan iqbal chishtian</t>
  </si>
  <si>
    <t>new gulshan iqbal Chishtian</t>
  </si>
  <si>
    <t>Mohammed Shoaib Siddique</t>
  </si>
  <si>
    <t>GPS CHAH MUHAMMAD AZEEM</t>
  </si>
  <si>
    <t>Kasoordaran</t>
  </si>
  <si>
    <t>chahazeemkasoordaran tehsil chishtian district bahawalnavgar</t>
  </si>
  <si>
    <t>Chah Azeem</t>
  </si>
  <si>
    <t>Muhammad Fayyaz Kamboh Kamboh</t>
  </si>
  <si>
    <t>GPS CHAK NO. 6/FW kharlanwala</t>
  </si>
  <si>
    <t>4fw</t>
  </si>
  <si>
    <t>Basti Hafiz Abad</t>
  </si>
  <si>
    <t>Hafiz Abad 4fw</t>
  </si>
  <si>
    <t>Muhammad Akhtar Rahmani</t>
  </si>
  <si>
    <t>GPS NOORAN BALOUCHAN</t>
  </si>
  <si>
    <t>Meero Baloch</t>
  </si>
  <si>
    <t>Basti Nooran Balouchan</t>
  </si>
  <si>
    <t>Nooran Balouchan</t>
  </si>
  <si>
    <t>GPS KHANKA MUHAMMAD AZIM</t>
  </si>
  <si>
    <t>basti kasoordaran moza kasoordaran</t>
  </si>
  <si>
    <t>Taimoor Iqbal</t>
  </si>
  <si>
    <t>GPS CHAK NO.14/FW PAJRAY WALA</t>
  </si>
  <si>
    <t>14/fw</t>
  </si>
  <si>
    <t>Chak no 14 fw pajary wala</t>
  </si>
  <si>
    <t>Chak no14fw</t>
  </si>
  <si>
    <t>10/ Fw</t>
  </si>
  <si>
    <t>Muhammad Saddam</t>
  </si>
  <si>
    <t>GPS KOT ALLAH DITTA</t>
  </si>
  <si>
    <t>Kot Allah Dittah, P.O Mohar Sharif, Chishtian</t>
  </si>
  <si>
    <t>Kot Allah dittah</t>
  </si>
  <si>
    <t>Mohammad Irfan</t>
  </si>
  <si>
    <t>GPS CHAK NO 202/M E</t>
  </si>
  <si>
    <t>chak no 202 m (e) teh ctn</t>
  </si>
  <si>
    <t>202 M E</t>
  </si>
  <si>
    <t>Ali Asghar Zia</t>
  </si>
  <si>
    <t>GPS CHAK NO. 141/M TOBA</t>
  </si>
  <si>
    <t>CTN-IX-MALE</t>
  </si>
  <si>
    <t>167/m</t>
  </si>
  <si>
    <t>chak  141/m</t>
  </si>
  <si>
    <t>141/m</t>
  </si>
  <si>
    <t>167/M</t>
  </si>
  <si>
    <t>GPS CHAK NO.6/FW</t>
  </si>
  <si>
    <t>Chak 6/fw</t>
  </si>
  <si>
    <t>chak 6/fw</t>
  </si>
  <si>
    <t>5/ Fw</t>
  </si>
  <si>
    <t>Mudassar Niaz Sabir</t>
  </si>
  <si>
    <t>GGPS CHAK 7/FW NOOR DIN WALA</t>
  </si>
  <si>
    <t>CTN -V-FEMALE</t>
  </si>
  <si>
    <t>7 Fw</t>
  </si>
  <si>
    <t>Chak# 7fw Noor Din</t>
  </si>
  <si>
    <t>CHAK NO 7FW NOOR DIN</t>
  </si>
  <si>
    <t>45104</t>
  </si>
  <si>
    <t>GGPS BASTI MIAN RAJAY KHAN GUJAR</t>
  </si>
  <si>
    <t>CTN -VI-FEMALE</t>
  </si>
  <si>
    <t>Mari Shouq Shah</t>
  </si>
  <si>
    <t>basti Rajay Khan gujjar</t>
  </si>
  <si>
    <t>Basti Rajay Khan Gujjar</t>
  </si>
  <si>
    <t>Shumaila Iqbal</t>
  </si>
  <si>
    <t>40307</t>
  </si>
  <si>
    <t>GGPS KORA BHOOTNA</t>
  </si>
  <si>
    <t>Basti Zaheerabad</t>
  </si>
  <si>
    <t>Kora Bhootna</t>
  </si>
  <si>
    <t>28341</t>
  </si>
  <si>
    <t>GMPS BASTI ALLAH ABAD</t>
  </si>
  <si>
    <t>basti Allah abad Tehsil Christian</t>
  </si>
  <si>
    <t>Basti Allah Abad</t>
  </si>
  <si>
    <t>Soda</t>
  </si>
  <si>
    <t>Razia  Perveen</t>
  </si>
  <si>
    <t>5826</t>
  </si>
  <si>
    <t>GMPS CHAK NO. 128/MB</t>
  </si>
  <si>
    <t>chalk no 128 M B</t>
  </si>
  <si>
    <t>128 M B</t>
  </si>
  <si>
    <t>128/M</t>
  </si>
  <si>
    <t>Gazala Yasmin</t>
  </si>
  <si>
    <t>54724</t>
  </si>
  <si>
    <t>GGPS CHAK NO. 96/FB</t>
  </si>
  <si>
    <t>96F</t>
  </si>
  <si>
    <t>96FB</t>
  </si>
  <si>
    <t>98F</t>
  </si>
  <si>
    <t>iqra choudhary</t>
  </si>
  <si>
    <t>GGPS 98/F AZAFI BASTI</t>
  </si>
  <si>
    <t>Jinnah Colony ,98/ F Azafi Bast</t>
  </si>
  <si>
    <t>AKHTAR BIBI</t>
  </si>
  <si>
    <t>GMMS CHAK 9/FW EID GAH BAKHSHAN KHAN</t>
  </si>
  <si>
    <t>9/Fw</t>
  </si>
  <si>
    <t>9/fw bakshankhan</t>
  </si>
  <si>
    <t>9/ Fw</t>
  </si>
  <si>
    <t>Umaira Anwer</t>
  </si>
  <si>
    <t>12805</t>
  </si>
  <si>
    <t>GMMS CHAK NO 14 FW JAMIA MASJAD</t>
  </si>
  <si>
    <t>Chack No 9/fw p/O Bakhshan Khan Tehsil chishtian dist Bahawalnagar</t>
  </si>
  <si>
    <t>Muhammad Jamil Babar</t>
  </si>
  <si>
    <t>GMMS 9/FW FEEDER</t>
  </si>
  <si>
    <t>9/FW FEEDER</t>
  </si>
  <si>
    <t>GPS QALANDAR SHAH</t>
  </si>
  <si>
    <t>Basti Qalandar shah tehsil Chishtian</t>
  </si>
  <si>
    <t>Basti Qalandar Shah</t>
  </si>
  <si>
    <t>GPS SHAH ABBAS</t>
  </si>
  <si>
    <t>Lunda Bhadera</t>
  </si>
  <si>
    <t>Basti Shah Abbas p/o 10 fw Tehsil chishtian Dist BWN</t>
  </si>
  <si>
    <t>Shah Abbas</t>
  </si>
  <si>
    <t>GMMS CHAK 14/FW HAKEEM WALI</t>
  </si>
  <si>
    <t>10/ F-W</t>
  </si>
  <si>
    <t>14/F.W(Hakeem Wali)</t>
  </si>
  <si>
    <t>14/F-W Hakeem Wali</t>
  </si>
  <si>
    <t>GMMS NAIZABAD</t>
  </si>
  <si>
    <t>Dullah  Bhadera</t>
  </si>
  <si>
    <t>Basti Niaz Abad mouza Dullah bhadera</t>
  </si>
  <si>
    <t>NiazAbad</t>
  </si>
  <si>
    <t>GMMS KASOOR DARAN</t>
  </si>
  <si>
    <t>kasoordaran</t>
  </si>
  <si>
    <t>GMMS BASTI HASSAM</t>
  </si>
  <si>
    <t>CTN-XIII-MALE</t>
  </si>
  <si>
    <t>Mahta Jhedu</t>
  </si>
  <si>
    <t>Allah Dita</t>
  </si>
  <si>
    <t>GPS ABDULAH PUR</t>
  </si>
  <si>
    <t>Shali Gharbi</t>
  </si>
  <si>
    <t>Basti Abdullahpur Chak 10 Fw Tehsil Chishtian District Bhawalnagar</t>
  </si>
  <si>
    <t>bring the water from nearby house</t>
  </si>
  <si>
    <t>GMMS 9/FW TINDRAN WALA</t>
  </si>
  <si>
    <t>9/Fw P/o Bakhshan Khan tehsil Chishtian Dist. Bahawalnagar</t>
  </si>
  <si>
    <t>Irshad Ahmed</t>
  </si>
  <si>
    <t>GMMS CHAK NO 170/M</t>
  </si>
  <si>
    <t>CTN-X-MALE</t>
  </si>
  <si>
    <t>170/m</t>
  </si>
  <si>
    <t>Azafi basti 170/m dahran wala chishtian</t>
  </si>
  <si>
    <t>Azafi basti 170/m</t>
  </si>
  <si>
    <t>GPMS ADDA PULL M</t>
  </si>
  <si>
    <t>chak no 117/M adda pull murad ctn markaz 2</t>
  </si>
  <si>
    <t>Maryam Amin</t>
  </si>
  <si>
    <t>masjid</t>
  </si>
  <si>
    <t>GPS CHAK NO. 172/M</t>
  </si>
  <si>
    <t>172/M</t>
  </si>
  <si>
    <t>chak no. 172/mc</t>
  </si>
  <si>
    <t>172/Mc</t>
  </si>
  <si>
    <t>173/M</t>
  </si>
  <si>
    <t>GMMS CHAK NO 176 M (NORTH)</t>
  </si>
  <si>
    <t>Chak No 176/M North</t>
  </si>
  <si>
    <t>GMMS 176/M NORTH</t>
  </si>
  <si>
    <t>Chak No176/M North</t>
  </si>
  <si>
    <t>GMMS BAGH U ALOOM CHAK NO 204/M</t>
  </si>
  <si>
    <t>Chak No 204/M E</t>
  </si>
  <si>
    <t>Chak no. 204/M  E Tehsil: chishtian Dist: Bahawalnagar</t>
  </si>
  <si>
    <t>177/M</t>
  </si>
  <si>
    <t>FAHAD MAHMOOD</t>
  </si>
  <si>
    <t>GMMS CHAK NO 204 M. REHMAN BASTI</t>
  </si>
  <si>
    <t>Rehman Basti 204/M</t>
  </si>
  <si>
    <t>Rehman Basti Chak No 204/M Tehsil Chishtian Dist: Bahawalnagar</t>
  </si>
  <si>
    <t>Coolers</t>
  </si>
  <si>
    <t>GMMS NEW ABADI 56/F AZAFI BASTI</t>
  </si>
  <si>
    <t>10/FW</t>
  </si>
  <si>
    <t>Chak 10FW</t>
  </si>
  <si>
    <t>Soda Basti 56/F</t>
  </si>
  <si>
    <t>Muhammad Shafique Anjum</t>
  </si>
  <si>
    <t>bring water from nearby house</t>
  </si>
  <si>
    <t>GMMS BASTI MATLOOB MOSQUE REHAN</t>
  </si>
  <si>
    <t>9/Fw Purani Hatya Bakshan khan</t>
  </si>
  <si>
    <t>chak 9/Fw</t>
  </si>
  <si>
    <t>Muhammad Rizwan Akram</t>
  </si>
  <si>
    <t>GPS CHAK ABDULLAH</t>
  </si>
  <si>
    <t>CTN-VI-MALE</t>
  </si>
  <si>
    <t>Mari Shouk Shah</t>
  </si>
  <si>
    <t>Basti Dera Jamal  Chak Abdullah</t>
  </si>
  <si>
    <t>Basti Dera Jamal Khan</t>
  </si>
  <si>
    <t>GPS NOOR UL MADARSS</t>
  </si>
  <si>
    <t>14/G</t>
  </si>
  <si>
    <t>Frooq colony ayesha masjad</t>
  </si>
  <si>
    <t>14/G Farooq Colony</t>
  </si>
  <si>
    <t>Shaista Noreen</t>
  </si>
  <si>
    <t>GMMS LUNDA BHADERA</t>
  </si>
  <si>
    <t>GMMS LUNDA BHADERA P/O 10 F/W TEHSIL CHISHTIAN</t>
  </si>
  <si>
    <t>Lunda bhadera</t>
  </si>
  <si>
    <t>Farooq Awais</t>
  </si>
  <si>
    <t>GMMS CHAK NO 240 HB</t>
  </si>
  <si>
    <t>240 HB</t>
  </si>
  <si>
    <t>Chak 240 HB</t>
  </si>
  <si>
    <t>Masood Hussain shah</t>
  </si>
  <si>
    <t>GPS CHAK NO. 241/HL</t>
  </si>
  <si>
    <t>241-HL</t>
  </si>
  <si>
    <t>Chak no 241-HL Tehsil Fortabbas District Bahawalnagar</t>
  </si>
  <si>
    <t>Chak no 241-HL</t>
  </si>
  <si>
    <t>3571</t>
  </si>
  <si>
    <t>GPS CHAK NO.271/HR WEST</t>
  </si>
  <si>
    <t>271hr W</t>
  </si>
  <si>
    <t>chak no.271hr w</t>
  </si>
  <si>
    <t>Chak 271hr W</t>
  </si>
  <si>
    <t>GPS CHAK 314/HR</t>
  </si>
  <si>
    <t>314//hr</t>
  </si>
  <si>
    <t>314 hr</t>
  </si>
  <si>
    <t>314/hr</t>
  </si>
  <si>
    <t>22730</t>
  </si>
  <si>
    <t>GPS CHAK NO.218/9-R</t>
  </si>
  <si>
    <t>218/9R</t>
  </si>
  <si>
    <t>GPS chak no 218 /9.R</t>
  </si>
  <si>
    <t>218 /9R</t>
  </si>
  <si>
    <t>213/9R</t>
  </si>
  <si>
    <t>ALI RAZA YOUSAF</t>
  </si>
  <si>
    <t>watercoolers</t>
  </si>
  <si>
    <t>GPS CHAK NO.188/7-R SHARQI</t>
  </si>
  <si>
    <t>188/7-R(East)</t>
  </si>
  <si>
    <t>Chak No. 188/7-R(East)</t>
  </si>
  <si>
    <t>MUHAMMAD GULBAZ</t>
  </si>
  <si>
    <t>GPS 199/7-R</t>
  </si>
  <si>
    <t>Chak No 199/7 r TEH Fortabbas DIST Bahawalnagar</t>
  </si>
  <si>
    <t>Chak No 199/7 r</t>
  </si>
  <si>
    <t>GPS CHAK NO.229/9-R</t>
  </si>
  <si>
    <t>229/9R</t>
  </si>
  <si>
    <t>chak 229/9R</t>
  </si>
  <si>
    <t>GPS CHAK NO 305 HR</t>
  </si>
  <si>
    <t>305/HR</t>
  </si>
  <si>
    <t>chak 305/H.R Tehsil Fort Abbas</t>
  </si>
  <si>
    <t>Tahir Mukhtar</t>
  </si>
  <si>
    <t>GGPS CHAK NO. 274/HR (NEW)</t>
  </si>
  <si>
    <t>FTS-VIII-FEMALE</t>
  </si>
  <si>
    <t>274/ HR New</t>
  </si>
  <si>
    <t>GGps274HRnew</t>
  </si>
  <si>
    <t>274HR New</t>
  </si>
  <si>
    <t>Shaukat Fiaz</t>
  </si>
  <si>
    <t>GGPS CITY FORT ABBAS</t>
  </si>
  <si>
    <t>ali town street#6</t>
  </si>
  <si>
    <t>Salma Kousar</t>
  </si>
  <si>
    <t>44536</t>
  </si>
  <si>
    <t>GGPS CHAK NO 200/8-R W</t>
  </si>
  <si>
    <t>Chak No 200/8r W</t>
  </si>
  <si>
    <t>Fozia Mushtaq</t>
  </si>
  <si>
    <t>GGPS 195 HB</t>
  </si>
  <si>
    <t>195 HB</t>
  </si>
  <si>
    <t>195 HB Tehsil Fortbass District Bahawalnagar</t>
  </si>
  <si>
    <t>195 H</t>
  </si>
  <si>
    <t>21146</t>
  </si>
  <si>
    <t>GGPS CHAK NO 271 HR W</t>
  </si>
  <si>
    <t>271/HR W</t>
  </si>
  <si>
    <t>GGPS CHAK NO 268 HR</t>
  </si>
  <si>
    <t>268/HR</t>
  </si>
  <si>
    <t>GGps 268/HR Tehsil Fort Abbas</t>
  </si>
  <si>
    <t>268/Hr</t>
  </si>
  <si>
    <t>Summera Kousar</t>
  </si>
  <si>
    <t>GMPS CHAK NO. 264 HR W</t>
  </si>
  <si>
    <t>264/HR WEST</t>
  </si>
  <si>
    <t>Nazma Akram</t>
  </si>
  <si>
    <t>GGPS CHAK NO 268 HR PUL BASTI</t>
  </si>
  <si>
    <t>268 Hr Pul</t>
  </si>
  <si>
    <t>268 hr</t>
  </si>
  <si>
    <t>268 Hr Ab</t>
  </si>
  <si>
    <t>Shazia    Noreen</t>
  </si>
  <si>
    <t>GGPS CHAK NO 209/R WEST</t>
  </si>
  <si>
    <t>209/9r W</t>
  </si>
  <si>
    <t>209/9rwest</t>
  </si>
  <si>
    <t>Mahar Un Nisa</t>
  </si>
  <si>
    <t>GGPS CHAK NORTH 241/HL</t>
  </si>
  <si>
    <t>241/HL</t>
  </si>
  <si>
    <t>chak no. 241/HL North , tehsil fortabas dist.. bahawalnagar</t>
  </si>
  <si>
    <t>241HL</t>
  </si>
  <si>
    <t>GMPS CHAK NO. 242 HL</t>
  </si>
  <si>
    <t>242/HL</t>
  </si>
  <si>
    <t>Chak 242/HL, Fortabbas</t>
  </si>
  <si>
    <t>Safina Khalid</t>
  </si>
  <si>
    <t>46671</t>
  </si>
  <si>
    <t>GGPS CHAK 315/HR</t>
  </si>
  <si>
    <t>FTS-XIV-FEMALE</t>
  </si>
  <si>
    <t>315 Hr</t>
  </si>
  <si>
    <t>315-HR</t>
  </si>
  <si>
    <t>315/hr</t>
  </si>
  <si>
    <t>AZRA YASMIN</t>
  </si>
  <si>
    <t>GGPS CHAK 317/HR</t>
  </si>
  <si>
    <t>317/hr</t>
  </si>
  <si>
    <t>chak no 317/hr maroot</t>
  </si>
  <si>
    <t>Farheen Gull</t>
  </si>
  <si>
    <t>GGPS CHAK 320/HR MAROOT</t>
  </si>
  <si>
    <t>320/hr</t>
  </si>
  <si>
    <t>chak no 320/hr maroot</t>
  </si>
  <si>
    <t>10204</t>
  </si>
  <si>
    <t>29462</t>
  </si>
  <si>
    <t>1414</t>
  </si>
  <si>
    <t>GGPS CHAK 325/HR</t>
  </si>
  <si>
    <t>325/HR</t>
  </si>
  <si>
    <t>Shabana Satar</t>
  </si>
  <si>
    <t>GMPS CHAK NO 316 HR</t>
  </si>
  <si>
    <t>316/hr</t>
  </si>
  <si>
    <t>316/hr maroot</t>
  </si>
  <si>
    <t>4257</t>
  </si>
  <si>
    <t>6329</t>
  </si>
  <si>
    <t>GMPS CHAK NO. 332 HR</t>
  </si>
  <si>
    <t>FTS-15-FEMALE</t>
  </si>
  <si>
    <t>332 HR</t>
  </si>
  <si>
    <t>chack no.332/hr</t>
  </si>
  <si>
    <t>332/hr</t>
  </si>
  <si>
    <t>330/hr</t>
  </si>
  <si>
    <t>Shafiqa Anjum</t>
  </si>
  <si>
    <t>GGPS CHAK NO 291 HR</t>
  </si>
  <si>
    <t>FTS-XII-FEMALE</t>
  </si>
  <si>
    <t>291/hr</t>
  </si>
  <si>
    <t>chk no#291 Hr</t>
  </si>
  <si>
    <t>Shahnaz Kosar</t>
  </si>
  <si>
    <t>GGPS CHAK NO 292/HR</t>
  </si>
  <si>
    <t>292 HR</t>
  </si>
  <si>
    <t>chak no 292HR fort abbas</t>
  </si>
  <si>
    <t>292hr</t>
  </si>
  <si>
    <t>289 HR Kila Meel Ghar</t>
  </si>
  <si>
    <t>Memona Raheel</t>
  </si>
  <si>
    <t>5686</t>
  </si>
  <si>
    <t>GGPS CHAK NO 183/7-R N</t>
  </si>
  <si>
    <t>FTS-III-FEMALE</t>
  </si>
  <si>
    <t>183 7 R N</t>
  </si>
  <si>
    <t>183 7 r n tehsil fortabbas</t>
  </si>
  <si>
    <t>GGPS CHAK NO 186/7-R</t>
  </si>
  <si>
    <t>FTS-II-FEMALE</t>
  </si>
  <si>
    <t>186/7R</t>
  </si>
  <si>
    <t>chak no 186 7r west, P/o khichi wala,Tehsil FortAbbas,Dist Bahawal Nagar</t>
  </si>
  <si>
    <t>186 7r West</t>
  </si>
  <si>
    <t>GMMS NAGINA MASJID FORT ABBAS</t>
  </si>
  <si>
    <t>Gmms Marina Masjid Ali town Fort Abbas</t>
  </si>
  <si>
    <t>Tariq Shafiq</t>
  </si>
  <si>
    <t>GMMS MAKI MASJID FORT ABAS</t>
  </si>
  <si>
    <t>MC FTS</t>
  </si>
  <si>
    <t>usman town fts</t>
  </si>
  <si>
    <t>Mc FTS</t>
  </si>
  <si>
    <t>GMMS BILAL MASJID  FORT ABBAS</t>
  </si>
  <si>
    <t>274/HR</t>
  </si>
  <si>
    <t>Thokar par Bilal Masjid Fortabbas</t>
  </si>
  <si>
    <t>Riaz Ahmed Ijaz</t>
  </si>
  <si>
    <t>GMMS MADRASSA USMANIA 272/HR</t>
  </si>
  <si>
    <t>272/hr</t>
  </si>
  <si>
    <t>chak no 272/hr</t>
  </si>
  <si>
    <t>GMMS GHOUSIA MASJID LINE PAR FAS</t>
  </si>
  <si>
    <t>Abdullah Town Fort Abbas</t>
  </si>
  <si>
    <t>Khalid Hussain Shahid</t>
  </si>
  <si>
    <t>GMMS WARD NO. 4 AKHLAQ TOWN FAS</t>
  </si>
  <si>
    <t>IKHLAAQ TOWN FORT ABBAS</t>
  </si>
  <si>
    <t>Ikhlaaq Town</t>
  </si>
  <si>
    <t>Ameer Ali Shah</t>
  </si>
  <si>
    <t>GMMS WARD NO. 1 FORT ABBAS</t>
  </si>
  <si>
    <t>Mc Fts</t>
  </si>
  <si>
    <t>ward no 12 Gmms ward no 01</t>
  </si>
  <si>
    <t>Riaz -ul-haq</t>
  </si>
  <si>
    <t>GMMS MUHAMMADI MOSQUE FORT ABBAS</t>
  </si>
  <si>
    <t>muhalla line par Abby bakar town fort abbas</t>
  </si>
  <si>
    <t>Line Par Muhallah</t>
  </si>
  <si>
    <t>MC-II</t>
  </si>
  <si>
    <t>Tahir  Mahmood</t>
  </si>
  <si>
    <t>GMMS WAROOD DHAB WAZIR KA</t>
  </si>
  <si>
    <t>Landi Dhab Wazir Ka P/O Toba Balochan</t>
  </si>
  <si>
    <t>Landi Dhab Wazir Ka</t>
  </si>
  <si>
    <t>GPS  KOT FATEH MOHAMMAD</t>
  </si>
  <si>
    <t>Chakkoka</t>
  </si>
  <si>
    <t>Moza Chakkoka tehsil Minchinabad Dist Bahawalnagar</t>
  </si>
  <si>
    <t>Ghulam Haider</t>
  </si>
  <si>
    <t>GPS BHANI BAKHUSHAIA</t>
  </si>
  <si>
    <t>Noran Ahluka</t>
  </si>
  <si>
    <t>noran ahloka bhaini bakhshaia tehsil minchinabad district bahawal nagar</t>
  </si>
  <si>
    <t>Bhaini Bakhshaia</t>
  </si>
  <si>
    <t>Muhammad Shareef</t>
  </si>
  <si>
    <t>Null</t>
  </si>
  <si>
    <t>GPS BUKHSHA HAMA KHERA</t>
  </si>
  <si>
    <t>Bakhshaya Hama Khera</t>
  </si>
  <si>
    <t>bakhshaya hama khera</t>
  </si>
  <si>
    <t>Bholywala</t>
  </si>
  <si>
    <t>GPS MASA SINGH KONA</t>
  </si>
  <si>
    <t>MND-II-MALE</t>
  </si>
  <si>
    <t>Masa Sing Kona</t>
  </si>
  <si>
    <t>Mouza Massa Sing kona</t>
  </si>
  <si>
    <t>female school</t>
  </si>
  <si>
    <t>GPS GANASH PURA  MINCHINABAD</t>
  </si>
  <si>
    <t>Ganaish Pura</t>
  </si>
  <si>
    <t>near rest house ,
mcd</t>
  </si>
  <si>
    <t>GPS  SADQIA MINCHINABAD</t>
  </si>
  <si>
    <t>city minchin abad</t>
  </si>
  <si>
    <t>Muhammad Arslan Akhtar</t>
  </si>
  <si>
    <t>GGPS WAZEERA GADHOKA</t>
  </si>
  <si>
    <t>Wazira Gadhoka</t>
  </si>
  <si>
    <t>gaon wazira gadhoka</t>
  </si>
  <si>
    <t>GES UCH BUKHARI</t>
  </si>
  <si>
    <t>uch bukhari</t>
  </si>
  <si>
    <t>mohallah bukhari</t>
  </si>
  <si>
    <t>Uc Bukhari</t>
  </si>
  <si>
    <t>Muhammad Ishaq Joyia</t>
  </si>
  <si>
    <t>46373</t>
  </si>
  <si>
    <t>GPS MOHALLA FATANI</t>
  </si>
  <si>
    <t>MUBARAKPUR</t>
  </si>
  <si>
    <t>Bastia rawanii mubarakpur</t>
  </si>
  <si>
    <t>BASTIA RAWANI</t>
  </si>
  <si>
    <t>Syeda Iqra Batool</t>
  </si>
  <si>
    <t>GPS BASTI KHARLAN</t>
  </si>
  <si>
    <t>Moza Fareed Abad</t>
  </si>
  <si>
    <t>Basti Jumma Wali</t>
  </si>
  <si>
    <t>2657</t>
  </si>
  <si>
    <t>GPS FAZAL ELAHI</t>
  </si>
  <si>
    <t>Moza and Basti Fazal Elahi.</t>
  </si>
  <si>
    <t>basti fazal elahi</t>
  </si>
  <si>
    <t>GPS CHAK NO.150/NP</t>
  </si>
  <si>
    <t>150  np</t>
  </si>
  <si>
    <t>150  Np Basti Kamoo Wali</t>
  </si>
  <si>
    <t>basti kamoo wali</t>
  </si>
  <si>
    <t>GPS RIAZ ABAD</t>
  </si>
  <si>
    <t>Basti Riaz Abad</t>
  </si>
  <si>
    <t>GPS JHOKE NAICH</t>
  </si>
  <si>
    <t>mouza mahand p/o chani goth tehsil ape district bwp</t>
  </si>
  <si>
    <t>Basti Jhoke Naich</t>
  </si>
  <si>
    <t>Mahand Sharif</t>
  </si>
  <si>
    <t>GPS CHAK NO.147/NP</t>
  </si>
  <si>
    <t>CHAK NO 147/NP</t>
  </si>
  <si>
    <t>CHAK NO. 147/NP</t>
  </si>
  <si>
    <t>Basti Wasan Kalyar</t>
  </si>
  <si>
    <t>ATIF NIZAM</t>
  </si>
  <si>
    <t>GPS KHORAN</t>
  </si>
  <si>
    <t>Garwan</t>
  </si>
  <si>
    <t>basti khooran garwan</t>
  </si>
  <si>
    <t>JANUWALA</t>
  </si>
  <si>
    <t>saeed ahmed</t>
  </si>
  <si>
    <t>GPS BAHAWALPUR GHALWAN</t>
  </si>
  <si>
    <t>BWP GHALWAN - MALE</t>
  </si>
  <si>
    <t>BWP Ghalwan</t>
  </si>
  <si>
    <t>basti bwp ghalwan uc bwp ghalwan</t>
  </si>
  <si>
    <t>Bwp Ghalwan</t>
  </si>
  <si>
    <t>GPS ARABIC UCH SHAREEF</t>
  </si>
  <si>
    <t>govt p/s arabic uch Sharif (drbar) m/s teh ape</t>
  </si>
  <si>
    <t>City Uch Sharif</t>
  </si>
  <si>
    <t>Jameel Ahmad</t>
  </si>
  <si>
    <t>GPS MANIK NAUSHEHRA</t>
  </si>
  <si>
    <t>Manik Nau Shehra</t>
  </si>
  <si>
    <t>moza manik nau shehra basti zahoor abad kandi wala p/o such Sharif tehsil Ahmad pur</t>
  </si>
  <si>
    <t>Zahoor Abad</t>
  </si>
  <si>
    <t>KOTLA MUSA KHAN</t>
  </si>
  <si>
    <t>Javed iqbal</t>
  </si>
  <si>
    <t>36257</t>
  </si>
  <si>
    <t>2736</t>
  </si>
  <si>
    <t>GPS BASTI MOHANA</t>
  </si>
  <si>
    <t>Basti mohna  mozha muhammad pur uch sharif</t>
  </si>
  <si>
    <t>Basti Mohna</t>
  </si>
  <si>
    <t>Ban Wala</t>
  </si>
  <si>
    <t>Bashir Javed</t>
  </si>
  <si>
    <t>GPS AMIR ABAD</t>
  </si>
  <si>
    <t>Uch Moghlla</t>
  </si>
  <si>
    <t>near darbar jamal darvish uch sharif</t>
  </si>
  <si>
    <t>Muhammad muneer nawaz bhatti</t>
  </si>
  <si>
    <t>GPS (A) KHALIL ABAD</t>
  </si>
  <si>
    <t>Gamani</t>
  </si>
  <si>
    <t>Basti molvi</t>
  </si>
  <si>
    <t>Basti Molvi</t>
  </si>
  <si>
    <t>34991</t>
  </si>
  <si>
    <t>GMMS CHAK 81/M JALALPUR PIRWALA</t>
  </si>
  <si>
    <t>JALALPUR PIRWALA - MALE</t>
  </si>
  <si>
    <t>Chak 81/m</t>
  </si>
  <si>
    <t>basti Jhok Chak 81 M permat road Jalal pur pir wala</t>
  </si>
  <si>
    <t>Basti Jhoke</t>
  </si>
  <si>
    <t>Belay Wala</t>
  </si>
  <si>
    <t>Muhammad Nasir Abbas</t>
  </si>
  <si>
    <t>44396</t>
  </si>
  <si>
    <t>35051</t>
  </si>
  <si>
    <t>GGHSS 269 EB</t>
  </si>
  <si>
    <t>269 EB</t>
  </si>
  <si>
    <t>GOVT GIRLS HIGHER SECONDARY SCHOOL 269/EB BUREWALA</t>
  </si>
  <si>
    <t>CHAK NO 269/EB</t>
  </si>
  <si>
    <t>CHAK NO 265/EB</t>
  </si>
  <si>
    <t>Riffat Majeed</t>
  </si>
  <si>
    <t>36570</t>
  </si>
  <si>
    <t>43932</t>
  </si>
  <si>
    <t>35054</t>
  </si>
  <si>
    <t>GGHS 120/EB</t>
  </si>
  <si>
    <t>120EB</t>
  </si>
  <si>
    <t>CHAK NO 120/EB BUREWALA</t>
  </si>
  <si>
    <t>CHAK NO 128/EB</t>
  </si>
  <si>
    <t>34793</t>
  </si>
  <si>
    <t>GGHSS 255 EB</t>
  </si>
  <si>
    <t>255 EB</t>
  </si>
  <si>
    <t>GGHSS 255/E.B Burewala</t>
  </si>
  <si>
    <t>255/E.B Burewala</t>
  </si>
  <si>
    <t>Chak No 267/E.B</t>
  </si>
  <si>
    <t>35073</t>
  </si>
  <si>
    <t>GHS CHAK NO.253 EB</t>
  </si>
  <si>
    <t>253-EB Tufailabad Burewala, District Vehari</t>
  </si>
  <si>
    <t>253-EB</t>
  </si>
  <si>
    <t>247-eB</t>
  </si>
  <si>
    <t>MUSHTAQ AHMAD SHAHEEN</t>
  </si>
  <si>
    <t>42638</t>
  </si>
  <si>
    <t>GGES 403 EB</t>
  </si>
  <si>
    <t>403/EB</t>
  </si>
  <si>
    <t>403/EB Burewala</t>
  </si>
  <si>
    <t>Zahida Ashraf</t>
  </si>
  <si>
    <t>14801</t>
  </si>
  <si>
    <t>35165</t>
  </si>
  <si>
    <t>GPS CHAK NO. 437 EB</t>
  </si>
  <si>
    <t>Bhutto Colony 437/EB Burewala</t>
  </si>
  <si>
    <t>437/EB</t>
  </si>
  <si>
    <t>Muncipl Commetti</t>
  </si>
  <si>
    <t>Saeed Anwar</t>
  </si>
  <si>
    <t>14457</t>
  </si>
  <si>
    <t>9679</t>
  </si>
  <si>
    <t>GPS 136 EB</t>
  </si>
  <si>
    <t>DALLAN BANGLA EAST - MALE</t>
  </si>
  <si>
    <t>Chak no 136/EB Burewala</t>
  </si>
  <si>
    <t>136/EB</t>
  </si>
  <si>
    <t>128/EB</t>
  </si>
  <si>
    <t>6323</t>
  </si>
  <si>
    <t>5249</t>
  </si>
  <si>
    <t>22644</t>
  </si>
  <si>
    <t>35197</t>
  </si>
  <si>
    <t>GPS CHAK NO.323 EB</t>
  </si>
  <si>
    <t>chak no 323 e.b</t>
  </si>
  <si>
    <t>9074</t>
  </si>
  <si>
    <t>35199</t>
  </si>
  <si>
    <t>GES CHAK NO.138/EB</t>
  </si>
  <si>
    <t>ges 138/e.b</t>
  </si>
  <si>
    <t>138/EB</t>
  </si>
  <si>
    <t>4996</t>
  </si>
  <si>
    <t>8330</t>
  </si>
  <si>
    <t>35202</t>
  </si>
  <si>
    <t>GPS CHAK NO. 525/EB</t>
  </si>
  <si>
    <t>Chak No 525/ EB</t>
  </si>
  <si>
    <t>Chak No. 525/ EB</t>
  </si>
  <si>
    <t>Chak No 525/EB</t>
  </si>
  <si>
    <t>Chak No 521 EB</t>
  </si>
  <si>
    <t>10902</t>
  </si>
  <si>
    <t>35214</t>
  </si>
  <si>
    <t>GPS CHAK NO.511 EB</t>
  </si>
  <si>
    <t>511/ EB</t>
  </si>
  <si>
    <t>511/EB tahsil burewala district vehari</t>
  </si>
  <si>
    <t>511/EB</t>
  </si>
  <si>
    <t>170 EB</t>
  </si>
  <si>
    <t>35222</t>
  </si>
  <si>
    <t>GPS CHAK NO.118 EB</t>
  </si>
  <si>
    <t>118/EB</t>
  </si>
  <si>
    <t>Mazher saeed</t>
  </si>
  <si>
    <t>GPS 363 EB</t>
  </si>
  <si>
    <t>363/EB</t>
  </si>
  <si>
    <t>chak # 363/EB chowk shah junaid Burewala</t>
  </si>
  <si>
    <t>Muhammad Amin Tahir</t>
  </si>
  <si>
    <t>28457</t>
  </si>
  <si>
    <t>35255</t>
  </si>
  <si>
    <t>GPS 367 EB</t>
  </si>
  <si>
    <t>367 EB</t>
  </si>
  <si>
    <t>Chak no 367 EB</t>
  </si>
  <si>
    <t>Chak No 367 EB</t>
  </si>
  <si>
    <t>Chak No 175 EB</t>
  </si>
  <si>
    <t>5754</t>
  </si>
  <si>
    <t>35257</t>
  </si>
  <si>
    <t>GPS 369 EB</t>
  </si>
  <si>
    <t>369 EB</t>
  </si>
  <si>
    <t>Chak no 369 EB</t>
  </si>
  <si>
    <t>35266</t>
  </si>
  <si>
    <t>GPS 35 KB</t>
  </si>
  <si>
    <t>Daad Jamlaira</t>
  </si>
  <si>
    <t>35 k.b jamlaira</t>
  </si>
  <si>
    <t>35 Kb</t>
  </si>
  <si>
    <t>GPS 487 EB</t>
  </si>
  <si>
    <t>MUNIR SHAH-MALE</t>
  </si>
  <si>
    <t>487/eb</t>
  </si>
  <si>
    <t>Chak # 487 EB Burewala</t>
  </si>
  <si>
    <t>487 EB</t>
  </si>
  <si>
    <t>495 EB</t>
  </si>
  <si>
    <t>Mustanser Abbas</t>
  </si>
  <si>
    <t>GPS 489 EB</t>
  </si>
  <si>
    <t>Chak No 489 E B</t>
  </si>
  <si>
    <t>GPS 489/E.B  Burewala</t>
  </si>
  <si>
    <t>Chak No 489/E.b  Burewala</t>
  </si>
  <si>
    <t>Chak No 495 /E.B  Burewala</t>
  </si>
  <si>
    <t>Tariq Muhmood</t>
  </si>
  <si>
    <t>21102</t>
  </si>
  <si>
    <t>16373</t>
  </si>
  <si>
    <t>51992</t>
  </si>
  <si>
    <t>35304</t>
  </si>
  <si>
    <t>GPS 283 EB</t>
  </si>
  <si>
    <t>chak no 283/ eb</t>
  </si>
  <si>
    <t>chak 283</t>
  </si>
  <si>
    <t>Rashid Ali</t>
  </si>
  <si>
    <t>9151</t>
  </si>
  <si>
    <t>10230</t>
  </si>
  <si>
    <t>GGPS 377 EB</t>
  </si>
  <si>
    <t>ggps377</t>
  </si>
  <si>
    <t>sumayra zarin</t>
  </si>
  <si>
    <t>7034</t>
  </si>
  <si>
    <t>GGPS 273 EB</t>
  </si>
  <si>
    <t>ggps 273/eb</t>
  </si>
  <si>
    <t>273/eb</t>
  </si>
  <si>
    <t>14978</t>
  </si>
  <si>
    <t>32793</t>
  </si>
  <si>
    <t>35494</t>
  </si>
  <si>
    <t>GPS DOLLN BUNGLA</t>
  </si>
  <si>
    <t>Dallan Bangla</t>
  </si>
  <si>
    <t>dallan bngla</t>
  </si>
  <si>
    <t>Dallan Bngla</t>
  </si>
  <si>
    <t>170eb</t>
  </si>
  <si>
    <t>Shabana Farooq</t>
  </si>
  <si>
    <t>GPS CHAK NO 195 EB DARAKHAN NEW</t>
  </si>
  <si>
    <t>195 EB</t>
  </si>
  <si>
    <t>chak no 195/E.B Dara wala</t>
  </si>
  <si>
    <t>Muhammad Younis Khan</t>
  </si>
  <si>
    <t>9419</t>
  </si>
  <si>
    <t>35498</t>
  </si>
  <si>
    <t>GPS CHAK N0. 433/EB</t>
  </si>
  <si>
    <t>chak no. 433 eb tehsil burewala distt. vehari</t>
  </si>
  <si>
    <t>433/e.b</t>
  </si>
  <si>
    <t>199 e.b</t>
  </si>
  <si>
    <t>BINYAMIN</t>
  </si>
  <si>
    <t>GPS SALDERA HITHAR</t>
  </si>
  <si>
    <t>Saldera Hithar</t>
  </si>
  <si>
    <t>moza saldera teh .burewala  distt.vehari</t>
  </si>
  <si>
    <t>GPS KOT GHATTA NEW</t>
  </si>
  <si>
    <t>Kot Ghatta</t>
  </si>
  <si>
    <t>kot ghatta tehsile burewala dist vehari</t>
  </si>
  <si>
    <t>GPS 33/KB</t>
  </si>
  <si>
    <t>33/kb</t>
  </si>
  <si>
    <t>chak 33/kb dak khana jamlera adda</t>
  </si>
  <si>
    <t>Ejaz Ahmed</t>
  </si>
  <si>
    <t>7722</t>
  </si>
  <si>
    <t>20316</t>
  </si>
  <si>
    <t>GPS 435/EB BASTI SHEIKHAN WALI</t>
  </si>
  <si>
    <t>435/eb basti sheikhan wali</t>
  </si>
  <si>
    <t>435 Basti  Shekha</t>
  </si>
  <si>
    <t>Muhammad Iftikhar Khan</t>
  </si>
  <si>
    <t>35656</t>
  </si>
  <si>
    <t>GPS CHAK 196 WB</t>
  </si>
  <si>
    <t>196 Wb</t>
  </si>
  <si>
    <t>196 wb</t>
  </si>
  <si>
    <t>188 Wb</t>
  </si>
  <si>
    <t>MUHAMMAD REHAN AZIZ</t>
  </si>
  <si>
    <t>16805</t>
  </si>
  <si>
    <t>35692</t>
  </si>
  <si>
    <t>GPS SHARIF PURA PO ASHRAF SHAH</t>
  </si>
  <si>
    <t>Shah Sattr</t>
  </si>
  <si>
    <t>chah peer wala moza shah sattar mailsi vehari</t>
  </si>
  <si>
    <t>35716</t>
  </si>
  <si>
    <t>GPS BARKHURDAR</t>
  </si>
  <si>
    <t>GPS barkhurdar mouza barkhurdar post office mitroo tehsil mailsi district vehari</t>
  </si>
  <si>
    <t>195w/b</t>
  </si>
  <si>
    <t>Zahid Iqbal</t>
  </si>
  <si>
    <t>21606</t>
  </si>
  <si>
    <t>GPS MARI MITRU MOUZA</t>
  </si>
  <si>
    <t>MARI MITRU</t>
  </si>
  <si>
    <t>GPS MARI MITRU</t>
  </si>
  <si>
    <t>Tahir Nisar Saleemi</t>
  </si>
  <si>
    <t>GGPS MEHFOZ ABAD</t>
  </si>
  <si>
    <t>government girls p/s mahfoz abad mailsi</t>
  </si>
  <si>
    <t>Mailsi West</t>
  </si>
  <si>
    <t>Irshad BiBi</t>
  </si>
  <si>
    <t>35911</t>
  </si>
  <si>
    <t>GGPS 107 WB</t>
  </si>
  <si>
    <t>107 Wb</t>
  </si>
  <si>
    <t>ggps 107 wb</t>
  </si>
  <si>
    <t>Saima Iqbal</t>
  </si>
  <si>
    <t>38900</t>
  </si>
  <si>
    <t>35924</t>
  </si>
  <si>
    <t>GGPS SIPPRA</t>
  </si>
  <si>
    <t>sipra</t>
  </si>
  <si>
    <t>moza sipra byhni wali muhammad</t>
  </si>
  <si>
    <t>byhni wali muhammad</t>
  </si>
  <si>
    <t>lali pur</t>
  </si>
  <si>
    <t>Hafeez Fatima</t>
  </si>
  <si>
    <t>35933</t>
  </si>
  <si>
    <t>GGPS W NO 2</t>
  </si>
  <si>
    <t>Gali wakeelan wali Multan road mailsi</t>
  </si>
  <si>
    <t>Shahnaz Batool</t>
  </si>
  <si>
    <t>35967</t>
  </si>
  <si>
    <t>GGPS BASTI GHULAM SARWAR</t>
  </si>
  <si>
    <t>Chatani</t>
  </si>
  <si>
    <t>adda .mai wala syphon road Mailsi</t>
  </si>
  <si>
    <t>Basti Ghulam Sarvar</t>
  </si>
  <si>
    <t>Munaza Noreen</t>
  </si>
  <si>
    <t>39414</t>
  </si>
  <si>
    <t>35998</t>
  </si>
  <si>
    <t>GPS DHODHA</t>
  </si>
  <si>
    <t>Shamman</t>
  </si>
  <si>
    <t>Tootan Wala Mouza Shamman</t>
  </si>
  <si>
    <t>Tootan Wala</t>
  </si>
  <si>
    <t>Muhammad Fayyaz</t>
  </si>
  <si>
    <t>24982</t>
  </si>
  <si>
    <t>36002</t>
  </si>
  <si>
    <t>Shitabgarh</t>
  </si>
  <si>
    <t>Tahliwala</t>
  </si>
  <si>
    <t>36004</t>
  </si>
  <si>
    <t>GPS GARAH MORE(NEW)</t>
  </si>
  <si>
    <t>Abdul Ghafar</t>
  </si>
  <si>
    <t>36048</t>
  </si>
  <si>
    <t>GGPS SAFEER NAGAR</t>
  </si>
  <si>
    <t>safeer nagar Multan road mailsi</t>
  </si>
  <si>
    <t>Safeer Nagar</t>
  </si>
  <si>
    <t>rabia safeer</t>
  </si>
  <si>
    <t>30637</t>
  </si>
  <si>
    <t>33489</t>
  </si>
  <si>
    <t>54053</t>
  </si>
  <si>
    <t>GGPS RATH SAEE</t>
  </si>
  <si>
    <t>Rath Saee</t>
  </si>
  <si>
    <t>mouza rath saee</t>
  </si>
  <si>
    <t>195wb</t>
  </si>
  <si>
    <t>51937</t>
  </si>
  <si>
    <t>GGHS CHAK NO 477 EB</t>
  </si>
  <si>
    <t>477/EB</t>
  </si>
  <si>
    <t>chak 477/ E.B vehari</t>
  </si>
  <si>
    <t>Chak 477/EB</t>
  </si>
  <si>
    <t>Nailah Nosheen</t>
  </si>
  <si>
    <t>36298</t>
  </si>
  <si>
    <t>GPS CHAK NO.60/KB</t>
  </si>
  <si>
    <t>60kb</t>
  </si>
  <si>
    <t>36302</t>
  </si>
  <si>
    <t>GPS ZAKIR ABAD</t>
  </si>
  <si>
    <t>Karimwah</t>
  </si>
  <si>
    <t>Adda mochi Pura tehsil and district vehari</t>
  </si>
  <si>
    <t>Mochipura</t>
  </si>
  <si>
    <t>36383</t>
  </si>
  <si>
    <t>GGES PEER MURAD</t>
  </si>
  <si>
    <t>Peer Murad</t>
  </si>
  <si>
    <t>GGES peer murad vehari</t>
  </si>
  <si>
    <t>Market Committee</t>
  </si>
  <si>
    <t>Riffat Tasneem</t>
  </si>
  <si>
    <t>GGPS 5 MARLA SCHEME LUDDEN</t>
  </si>
  <si>
    <t>Luddan</t>
  </si>
  <si>
    <t>basti 5marla</t>
  </si>
  <si>
    <t>Basti 5marla</t>
  </si>
  <si>
    <t>Shazia Mushtaq</t>
  </si>
  <si>
    <t>38160</t>
  </si>
  <si>
    <t>36957</t>
  </si>
  <si>
    <t>GGPS 24 GHAGH , ABDUL HAKIM</t>
  </si>
  <si>
    <t>24 ghagh</t>
  </si>
  <si>
    <t>chak 24 ghagh</t>
  </si>
  <si>
    <t>13d</t>
  </si>
  <si>
    <t>Aisha Abbas</t>
  </si>
  <si>
    <t>54334</t>
  </si>
  <si>
    <t>GGPS THULL NAJEEB, NAWAN SHEHR(Refunctionlizing -19-05-15)</t>
  </si>
  <si>
    <t>Thull Najeeb</t>
  </si>
  <si>
    <t>mouza thull najeeb p/o salarwahin tehsil kabirwala district khanewal</t>
  </si>
  <si>
    <t>AMMARA TABASSUM</t>
  </si>
  <si>
    <t>Self Managed</t>
  </si>
  <si>
    <t>GGHSS MAKHDOOM PUR PAHORAN, KHANEWAL</t>
  </si>
  <si>
    <t>MAKHDUMPUR</t>
  </si>
  <si>
    <t>GGHSS MAKHDUMPUR PAHORAN KHANEWAL</t>
  </si>
  <si>
    <t>ZUBAIDA SAHAR D/o MUHAMMAD ISMAIL</t>
  </si>
  <si>
    <t>37106</t>
  </si>
  <si>
    <t>GmES 169/10-R, KHANEWAL</t>
  </si>
  <si>
    <t>169/10R</t>
  </si>
  <si>
    <t>169/10Rold</t>
  </si>
  <si>
    <t>170/10R</t>
  </si>
  <si>
    <t>12436</t>
  </si>
  <si>
    <t>39370</t>
  </si>
  <si>
    <t>37304</t>
  </si>
  <si>
    <t>GGPS MODEL  8-A/8-R, KACHA KHUH</t>
  </si>
  <si>
    <t>8A / 8R</t>
  </si>
  <si>
    <t>G M P/S 8A/8R</t>
  </si>
  <si>
    <t>11A / 8R</t>
  </si>
  <si>
    <t>pervaze akhtar</t>
  </si>
  <si>
    <t>18875</t>
  </si>
  <si>
    <t>37309</t>
  </si>
  <si>
    <t>GGCMS 11-A/8-R KACHA KHUH</t>
  </si>
  <si>
    <t>Khaliq Abad</t>
  </si>
  <si>
    <t>11A/8R, khaliq abad</t>
  </si>
  <si>
    <t>11A/8R</t>
  </si>
  <si>
    <t>14/8R</t>
  </si>
  <si>
    <t>Uzma Afridi</t>
  </si>
  <si>
    <t>37396</t>
  </si>
  <si>
    <t>GGHSS 105/15-L VANJARI, MIAN CHANNU</t>
  </si>
  <si>
    <t>Chack 105/15-L Vanjari</t>
  </si>
  <si>
    <t>Sadia Saleem</t>
  </si>
  <si>
    <t>37507</t>
  </si>
  <si>
    <t>GGHS 6/8-AR, TULAMBA</t>
  </si>
  <si>
    <t>6/8 AR Mian Chanun</t>
  </si>
  <si>
    <t>7/8 ARkarmai Wala</t>
  </si>
  <si>
    <t>Shagufta Azhar</t>
  </si>
  <si>
    <t>5284</t>
  </si>
  <si>
    <t>6773</t>
  </si>
  <si>
    <t>GMMS PACCA QURESHIAN</t>
  </si>
  <si>
    <t>THUL KHAIR MUHAMMAD-MALE</t>
  </si>
  <si>
    <t>Ghaleja</t>
  </si>
  <si>
    <t>Basti pacca qureshian mozza ghaleja P/O missan abad teh.&amp;dist rahim yar khan</t>
  </si>
  <si>
    <t>Basti Pacca Quershain</t>
  </si>
  <si>
    <t>Missan Abad</t>
  </si>
  <si>
    <t>GMMS HEERAN BASTI</t>
  </si>
  <si>
    <t>Bahadurpur</t>
  </si>
  <si>
    <t>bastichhtoshah mouza bahadurpur tehsil RYK.</t>
  </si>
  <si>
    <t>Bastichhtoshah</t>
  </si>
  <si>
    <t>Ghulam Jeelani</t>
  </si>
  <si>
    <t>GMMS QAZI ABDUL REHMAN</t>
  </si>
  <si>
    <t>Dudi Sanghi</t>
  </si>
  <si>
    <t>Basti Qazi abdul rehman</t>
  </si>
  <si>
    <t>Muhammad Khalid Hassan</t>
  </si>
  <si>
    <t>6784</t>
  </si>
  <si>
    <t>GMMS BASTI MACHIAN</t>
  </si>
  <si>
    <t>54 Np</t>
  </si>
  <si>
    <t>DAULAT PUR</t>
  </si>
  <si>
    <t>6788</t>
  </si>
  <si>
    <t>GMMS BASTI ABDUL WAHID</t>
  </si>
  <si>
    <t>MAU MUBARAK-MALE</t>
  </si>
  <si>
    <t>M Pur Ganga</t>
  </si>
  <si>
    <t>basti Abdul wahid</t>
  </si>
  <si>
    <t>Basti A  Wahid</t>
  </si>
  <si>
    <t>M Pur Qurashian</t>
  </si>
  <si>
    <t>6794</t>
  </si>
  <si>
    <t>GMMS BASTI GHULAM QADIR</t>
  </si>
  <si>
    <t>Basti Ghulam Qadir</t>
  </si>
  <si>
    <t>Basti ghulam qadir Chak 138/P</t>
  </si>
  <si>
    <t>Sobia Akmal</t>
  </si>
  <si>
    <t>GMMS BASTI RAMZAN</t>
  </si>
  <si>
    <t>74np</t>
  </si>
  <si>
    <t>basti ramzan mauza Chak 74np ryk</t>
  </si>
  <si>
    <t>Sonak</t>
  </si>
  <si>
    <t>GMMS SHAH DA KHOH</t>
  </si>
  <si>
    <t>Chak 83 Np</t>
  </si>
  <si>
    <t>shah da khoo.kot smaba rahim year khan</t>
  </si>
  <si>
    <t>Shah Da Khoo</t>
  </si>
  <si>
    <t>Tibbi Gull Muhammad</t>
  </si>
  <si>
    <t>RASHEED AHMED</t>
  </si>
  <si>
    <t>GMMS CHAK NO. 240/P</t>
  </si>
  <si>
    <t>chak 240/p</t>
  </si>
  <si>
    <t>chak n0o 240/p</t>
  </si>
  <si>
    <t>amjad sahi</t>
  </si>
  <si>
    <t>6801</t>
  </si>
  <si>
    <t>GMMS BASTI MAHTAB DIN</t>
  </si>
  <si>
    <t>Mud Akbar Shah</t>
  </si>
  <si>
    <t>Basti Mahtab Din kot Samaba tehsil and district rahim yar khan</t>
  </si>
  <si>
    <t>Basti Mehtab Din</t>
  </si>
  <si>
    <t>Muhammad Asif Khurshid</t>
  </si>
  <si>
    <t>GMMS MUMTAZ ABAD</t>
  </si>
  <si>
    <t>AKRAM ABAD - MALE</t>
  </si>
  <si>
    <t>Tibi Laran</t>
  </si>
  <si>
    <t>bux mohana</t>
  </si>
  <si>
    <t>Bux Mohana</t>
  </si>
  <si>
    <t>Hadayatullah</t>
  </si>
  <si>
    <t>GMMS BASTI MOCHIAN</t>
  </si>
  <si>
    <t>dhukran</t>
  </si>
  <si>
    <t>basti ghos buksh,moza dhukran,tehsil and district rahim yar khan</t>
  </si>
  <si>
    <t>basti ghos buksh</t>
  </si>
  <si>
    <t>Muhammad Asif Nadeem</t>
  </si>
  <si>
    <t>GMMS GHULAM MUHAMMAD  KOMBOO</t>
  </si>
  <si>
    <t>MURTAZA ABAD - MALE</t>
  </si>
  <si>
    <t>Thul Wazeer Khan</t>
  </si>
  <si>
    <t>P/O Hassanabad Basti Gohar Abad Tehseel and district Rahim Yar Khan</t>
  </si>
  <si>
    <t>Goharabad</t>
  </si>
  <si>
    <t>Bahodi Pur Qureshian</t>
  </si>
  <si>
    <t>GMMS BASTI PAROO SHAH</t>
  </si>
  <si>
    <t>Fazal Abad</t>
  </si>
  <si>
    <t>Basti Paroo Shah moza fazal abad tehsil rahim Yar khan</t>
  </si>
  <si>
    <t>Basti Paroo Shah</t>
  </si>
  <si>
    <t>Rajan Pur Klan</t>
  </si>
  <si>
    <t>abdul haq shah</t>
  </si>
  <si>
    <t>GMMS ABDUL KARIM JAMALI</t>
  </si>
  <si>
    <t>Dera Shamas</t>
  </si>
  <si>
    <t>basti Allah Dina.Iqbal Abad</t>
  </si>
  <si>
    <t>Allah Dina</t>
  </si>
  <si>
    <t>TARIQ HANIF</t>
  </si>
  <si>
    <t>GMMS CHAK NO. 39/P</t>
  </si>
  <si>
    <t>GMM 39P, basti gul bahar,uc darri azeem,tehsil ryk and district ryk</t>
  </si>
  <si>
    <t>Basti Gul Bahar</t>
  </si>
  <si>
    <t>GMMS NOSHAHRA AHMED ANIA P/O DARI AZIM KHAN</t>
  </si>
  <si>
    <t>Kandawali</t>
  </si>
  <si>
    <t>P/o Dari azeem Khan RYK</t>
  </si>
  <si>
    <t>NoshahraAhmedAnia</t>
  </si>
  <si>
    <t>6827</t>
  </si>
  <si>
    <t>GMMS BASTI MALKAN</t>
  </si>
  <si>
    <t>Darri Azeem Khan</t>
  </si>
  <si>
    <t>Basti Qazi Abdul Rehman p/o Dari Azeem Khan RYK</t>
  </si>
  <si>
    <t>Basti Qazi Abdul Rehman</t>
  </si>
  <si>
    <t>GMMS BASTI CHAH KALOO</t>
  </si>
  <si>
    <t>BAHISHTI -MALE</t>
  </si>
  <si>
    <t>chah kaloo rahim yar khan</t>
  </si>
  <si>
    <t>CHAH KALOO</t>
  </si>
  <si>
    <t>Muhammad boota</t>
  </si>
  <si>
    <t>GMMS LAKHOO DI WAHI</t>
  </si>
  <si>
    <t>Lakhoo di wahi</t>
  </si>
  <si>
    <t>Lakhoo di Wahi</t>
  </si>
  <si>
    <t>GMMS BASTI MAIKAN</t>
  </si>
  <si>
    <t>MUD KORA</t>
  </si>
  <si>
    <t>BASTI MAIKAN ,TEHSIL RYK</t>
  </si>
  <si>
    <t>MAIKAN</t>
  </si>
  <si>
    <t>GMMS DARUL KHARA</t>
  </si>
  <si>
    <t>Daulat Pur</t>
  </si>
  <si>
    <t>Daru khambra Daulat pur</t>
  </si>
  <si>
    <t>Daru Khambra</t>
  </si>
  <si>
    <t>6842</t>
  </si>
  <si>
    <t>GMMS GHAFFAR ABAD</t>
  </si>
  <si>
    <t>Palu Shah</t>
  </si>
  <si>
    <t>basti ghaffar abad pallu shah rahim Yar khan</t>
  </si>
  <si>
    <t>Ghaffar Abad</t>
  </si>
  <si>
    <t>M Waqas</t>
  </si>
  <si>
    <t>GMMS HAKEEM MUHAMMAD SADIQ</t>
  </si>
  <si>
    <t>basti Hakim m  sadoq.</t>
  </si>
  <si>
    <t>Basti Hakim Mohammad Sadiq</t>
  </si>
  <si>
    <t>6875</t>
  </si>
  <si>
    <t>GPS LASHARI NAGAR</t>
  </si>
  <si>
    <t>Murad Pur Sanghi</t>
  </si>
  <si>
    <t>Mouza Murad Pur,Basti Lashari Hagar,Post office Sardar Garh,Tehsil and district RYK</t>
  </si>
  <si>
    <t>Lashari Nagar</t>
  </si>
  <si>
    <t>Haji pur</t>
  </si>
  <si>
    <t>Shabir Ahmed</t>
  </si>
  <si>
    <t>54838</t>
  </si>
  <si>
    <t>GGPS MUMDANI MOZA SONAK</t>
  </si>
  <si>
    <t>SONAK-FEMALE</t>
  </si>
  <si>
    <t>GGPS Mumdani sonak BASTI MUNDHANI MAUZA SONAK</t>
  </si>
  <si>
    <t>Basti Mundhani</t>
  </si>
  <si>
    <t>SHABANA ARSHAD</t>
  </si>
  <si>
    <t>14646</t>
  </si>
  <si>
    <t>GGHS CHAK NO. 158/P</t>
  </si>
  <si>
    <t>Chak 158p</t>
  </si>
  <si>
    <t>gghs 158 p teh.sdk distt. ryk</t>
  </si>
  <si>
    <t>30738</t>
  </si>
  <si>
    <t>37201</t>
  </si>
  <si>
    <t>6979</t>
  </si>
  <si>
    <t>GGHS CHAK 145/P</t>
  </si>
  <si>
    <t>govt girls high school 145p sadiq abad</t>
  </si>
  <si>
    <t>Chak 145p</t>
  </si>
  <si>
    <t>SHABANA RASHID</t>
  </si>
  <si>
    <t>50856</t>
  </si>
  <si>
    <t>30707</t>
  </si>
  <si>
    <t>50241</t>
  </si>
  <si>
    <t>7618</t>
  </si>
  <si>
    <t>7053</t>
  </si>
  <si>
    <t>GPS CHAK NO 239-P</t>
  </si>
  <si>
    <t>239/P</t>
  </si>
  <si>
    <t>chak no 239/P sdk</t>
  </si>
  <si>
    <t>Chak No 239/P</t>
  </si>
  <si>
    <t>186/P</t>
  </si>
  <si>
    <t>Hafiz Muhammad Haris</t>
  </si>
  <si>
    <t>7275</t>
  </si>
  <si>
    <t>GGPS MAZHAR FARID COLONY</t>
  </si>
  <si>
    <t>Wahid Bakhsh Mahr</t>
  </si>
  <si>
    <t>Ahmad pur road wahid bux mahr near FFC chok</t>
  </si>
  <si>
    <t>Basti Harni</t>
  </si>
  <si>
    <t>7321</t>
  </si>
  <si>
    <t>GGPS CHAK NO.259/P</t>
  </si>
  <si>
    <t>Chak No 259/p</t>
  </si>
  <si>
    <t>Bangla manthar kandair road chak no. 259/p sdk. District RYK.</t>
  </si>
  <si>
    <t>GGPS CHAK NO. 234/P</t>
  </si>
  <si>
    <t>234/p</t>
  </si>
  <si>
    <t>chak 234/p post office Bangla Manthar Tehsil Sadiq Abad district Ryk</t>
  </si>
  <si>
    <t>Chak 234/p</t>
  </si>
  <si>
    <t>10281</t>
  </si>
  <si>
    <t>GGPS 261/P</t>
  </si>
  <si>
    <t>261-p</t>
  </si>
  <si>
    <t>chak no 261-p bangla manthar tehsil sadiqabad dist rahim yar khan</t>
  </si>
  <si>
    <t>Chak No 261-p</t>
  </si>
  <si>
    <t>8115</t>
  </si>
  <si>
    <t>GGPS GHULAM AHMAD ABAD</t>
  </si>
  <si>
    <t>ROSHAN BHAIT - FEMALE</t>
  </si>
  <si>
    <t>Awami Colony</t>
  </si>
  <si>
    <t>gulam ahmad abad awami colony sadiq abad</t>
  </si>
  <si>
    <t>10 N/p</t>
  </si>
  <si>
    <t>personaly purchase</t>
  </si>
  <si>
    <t>GGPS MATARA CHANG</t>
  </si>
  <si>
    <t>Dauo Wala</t>
  </si>
  <si>
    <t>basti matara chang markaz nawaz abad P/O dao wala</t>
  </si>
  <si>
    <t>Matara Chang</t>
  </si>
  <si>
    <t>GGPS BANGLI YAR MUHAMMAD</t>
  </si>
  <si>
    <t>Wazir Ahmadabad</t>
  </si>
  <si>
    <t>Ggps bangli yar Muhammad</t>
  </si>
  <si>
    <t>Bangli Yar Muhammad</t>
  </si>
  <si>
    <t>Bhong Shareef</t>
  </si>
  <si>
    <t>Kainnat Riaz</t>
  </si>
  <si>
    <t>30904</t>
  </si>
  <si>
    <t>GGPS MUBARAK BHARA</t>
  </si>
  <si>
    <t>Mubarak Bhara</t>
  </si>
  <si>
    <t>GGPS Mubarak Bhara</t>
  </si>
  <si>
    <t>Chachran</t>
  </si>
  <si>
    <t>Shaiesta Abd Ur Rehman</t>
  </si>
  <si>
    <t>7442</t>
  </si>
  <si>
    <t>GPS CHAK NO.218/P</t>
  </si>
  <si>
    <t>GPS 218/p markaz dhandi Sadiq Abad</t>
  </si>
  <si>
    <t>Chak No 218/P</t>
  </si>
  <si>
    <t>DHANDI</t>
  </si>
  <si>
    <t>7456</t>
  </si>
  <si>
    <t>GGPS KACHAA BHUTTA SALEH MUHAMMAD BHUTTA</t>
  </si>
  <si>
    <t>QADIR PUR-FEMALE</t>
  </si>
  <si>
    <t>Kacha bhutta</t>
  </si>
  <si>
    <t>GGPS kacha bhutta bsti Saleh Muhammad Bhutta</t>
  </si>
  <si>
    <t>GGPS 40 A/NP</t>
  </si>
  <si>
    <t>chak 40</t>
  </si>
  <si>
    <t>GGP/S chak 40/anp,kot sbzal,sdk</t>
  </si>
  <si>
    <t>40/Anp</t>
  </si>
  <si>
    <t>neighbourhood</t>
  </si>
  <si>
    <t>4921</t>
  </si>
  <si>
    <t>GMMS BASTI JAN MUHAMMAD GABOL</t>
  </si>
  <si>
    <t>AHMED PUR LAMMA - MALE</t>
  </si>
  <si>
    <t>Ali Mardan</t>
  </si>
  <si>
    <t>basti Jan Muhammad gabool</t>
  </si>
  <si>
    <t>Basti Jan Muhammad Gabool</t>
  </si>
  <si>
    <t>Darigra</t>
  </si>
  <si>
    <t>GTS MC TOWN SADIQABAD</t>
  </si>
  <si>
    <t>Chak 10 Np</t>
  </si>
  <si>
    <t>Habib Colony Sadiqabd</t>
  </si>
  <si>
    <t>Shaikh Arshad Mehood</t>
  </si>
  <si>
    <t>7543</t>
  </si>
  <si>
    <t>GMMS CHAK NO 209/P</t>
  </si>
  <si>
    <t>Chak 209/P</t>
  </si>
  <si>
    <t>chak209/p</t>
  </si>
  <si>
    <t>209/P</t>
  </si>
  <si>
    <t>Javaria Tahir</t>
  </si>
  <si>
    <t>7544</t>
  </si>
  <si>
    <t>GMMS CHAK 191 P</t>
  </si>
  <si>
    <t>chak no 191/p post office chak no 194/p Tehsil sadiqabad district Rahimyarkhan</t>
  </si>
  <si>
    <t>191/p</t>
  </si>
  <si>
    <t>Ejaz Ahmed Bajwa</t>
  </si>
  <si>
    <t>GMMS MUHAMMAD NAWAZ DASHTI</t>
  </si>
  <si>
    <t>Bakhshabad</t>
  </si>
  <si>
    <t>basti muhammad Nawaz Dashti mouza bakhshabad p.o. bhong teh. sadiqabad distt ryk</t>
  </si>
  <si>
    <t>Muhammad Nawaz Dashti</t>
  </si>
  <si>
    <t>Gharee Dhoo Dhoo</t>
  </si>
  <si>
    <t>M Farhan Javed</t>
  </si>
  <si>
    <t>GMMS GHULAM HUSSAIN KOSH</t>
  </si>
  <si>
    <t>Noor ahmad abad</t>
  </si>
  <si>
    <t>GMMS G.H.KOSH</t>
  </si>
  <si>
    <t>Ghulam Husain kosh</t>
  </si>
  <si>
    <t>7551</t>
  </si>
  <si>
    <t>GMMS MEHER LAL BASTI SHAH ALI</t>
  </si>
  <si>
    <t>BASTI AHMED ALI MAZARI</t>
  </si>
  <si>
    <t>Sagheer Ahmed</t>
  </si>
  <si>
    <t>7552</t>
  </si>
  <si>
    <t>GMMS BASTI KORRA DASHTI</t>
  </si>
  <si>
    <t>gmms kora dashti tehsil sadiq abad district ryk</t>
  </si>
  <si>
    <t>Kora Dashti</t>
  </si>
  <si>
    <t>GMMS BAIT MACHI</t>
  </si>
  <si>
    <t>GMMS BAIT MACHI BASTI MITHAL KHAN</t>
  </si>
  <si>
    <t>BASTI MITHAL KHAN</t>
  </si>
  <si>
    <t>GMMS RASHID ABAD</t>
  </si>
  <si>
    <t>Bhara</t>
  </si>
  <si>
    <t>basti Malik M Ashraf Mouza Bhara TEH Sadiq Abad district Rahim yar khan</t>
  </si>
  <si>
    <t>Basti Malik M Ashraf</t>
  </si>
  <si>
    <t>Maqbool Ahmad</t>
  </si>
  <si>
    <t>GMMS BHARA MASTOI</t>
  </si>
  <si>
    <t>Basti Haji Ghulam Rasool Kobhar</t>
  </si>
  <si>
    <t>7561</t>
  </si>
  <si>
    <t>GMMS NOOR SHAH</t>
  </si>
  <si>
    <t>basti darbar noor shah</t>
  </si>
  <si>
    <t>Darbar Noor Shah</t>
  </si>
  <si>
    <t>7562</t>
  </si>
  <si>
    <t>GMMS PEER JAFAR LAL</t>
  </si>
  <si>
    <t>wazeer Ahmad abad</t>
  </si>
  <si>
    <t>basti abid shah mouza wazeer Ahmad abad bhong tehsi sadiq abad ryk</t>
  </si>
  <si>
    <t>basti abid shah</t>
  </si>
  <si>
    <t>Rafia Saeed</t>
  </si>
  <si>
    <t>7563</t>
  </si>
  <si>
    <t>GMMS BAQIL PUR</t>
  </si>
  <si>
    <t>Wazir Ahmed Abad</t>
  </si>
  <si>
    <t>Basti Baqil Pur Moza Wazir Ahmed Abad Post Office Bhong Tehsil Sadiq Abad District Rahim Yar Khan</t>
  </si>
  <si>
    <t>Baqil Pur</t>
  </si>
  <si>
    <t>GMMS SIDRAN</t>
  </si>
  <si>
    <t>Sawetra</t>
  </si>
  <si>
    <t>Basti Sudran</t>
  </si>
  <si>
    <t>Sudran</t>
  </si>
  <si>
    <t>Anwar Ilahi</t>
  </si>
  <si>
    <t>GMMS MUHAMMAD HUSSAIN CHANDIA</t>
  </si>
  <si>
    <t>Noor Ahmedabad</t>
  </si>
  <si>
    <t>basti ibrahim Kosh, moza noor Ahmed abad,</t>
  </si>
  <si>
    <t>Basti Ibrahim Kosh</t>
  </si>
  <si>
    <t>Yasir Raza</t>
  </si>
  <si>
    <t>7566</t>
  </si>
  <si>
    <t>GPS MUMDNI CHAK NO 38/NP MACHKA</t>
  </si>
  <si>
    <t>38/np</t>
  </si>
  <si>
    <t>moza 38/np uc machka</t>
  </si>
  <si>
    <t>Lal Bakhsh</t>
  </si>
  <si>
    <t>7569</t>
  </si>
  <si>
    <t>GMMS FAIZ MUHAMMAD MOHANA</t>
  </si>
  <si>
    <t>Gheemi</t>
  </si>
  <si>
    <t>basti faiz mohana teh s d k disst r y k</t>
  </si>
  <si>
    <t>Faiz M Mohana</t>
  </si>
  <si>
    <t>bindoor abbasian</t>
  </si>
  <si>
    <t>Mohammad Jahangir</t>
  </si>
  <si>
    <t>GMMS CHAK NO. 45/NP</t>
  </si>
  <si>
    <t>chak 45/np postoffice kot sabzal tehsilsadiqabad district  Rahim yar khan</t>
  </si>
  <si>
    <t>Ghulam Muhammad Mohana</t>
  </si>
  <si>
    <t>KOT SUBZAL</t>
  </si>
  <si>
    <t>Muhammad Alamgir</t>
  </si>
  <si>
    <t>7574</t>
  </si>
  <si>
    <t>GMMS GHULAM SARWAR RIND</t>
  </si>
  <si>
    <t>basti veen khair abad u/c Dhandi</t>
  </si>
  <si>
    <t>Basti Veen Khair Abad</t>
  </si>
  <si>
    <t>GMMS CHAK NO 215/P NOOR PEER (MOUDIB)</t>
  </si>
  <si>
    <t>Gongi</t>
  </si>
  <si>
    <t>Gmms chak No 215p Noor Peer Moudib Sadiq Abad</t>
  </si>
  <si>
    <t>Chak No 215p</t>
  </si>
  <si>
    <t>264/P</t>
  </si>
  <si>
    <t>Ashfaq Ahmed</t>
  </si>
  <si>
    <t>GMMS JAM SHAFIQ KHALIT</t>
  </si>
  <si>
    <t>KOT SABZAL - MALE</t>
  </si>
  <si>
    <t>Abdul Karim Khalti</t>
  </si>
  <si>
    <t>Hazoor Bakhsh</t>
  </si>
  <si>
    <t>7585</t>
  </si>
  <si>
    <t>GMMS BASTI YAR MUHAMMAD MACHI</t>
  </si>
  <si>
    <t>Rahmoo</t>
  </si>
  <si>
    <t>Bsti Yar Muhammad Machi Mouza Rahmoo tehsil sadiqabad District Rahim Yar khan</t>
  </si>
  <si>
    <t>Basti Yar Muhammad Machi</t>
  </si>
  <si>
    <t>Ranjhay Khan</t>
  </si>
  <si>
    <t>Farhat Suboor</t>
  </si>
  <si>
    <t>GMMS BASTI ABDUL RAHMAN</t>
  </si>
  <si>
    <t>BAHADAR PUR-MALE</t>
  </si>
  <si>
    <t>Kotla Hayat</t>
  </si>
  <si>
    <t>Basti Raees Qadir Bukhsh Moza Kotla Hayat Tehsil Sadik Abad</t>
  </si>
  <si>
    <t>Basti Raees Qadir Bukhsh</t>
  </si>
  <si>
    <t>Chowk Bahadur Pur</t>
  </si>
  <si>
    <t>Hafiz  Nazir Ahmad</t>
  </si>
  <si>
    <t>GMMS BASTI FATEH MUHAMMAD</t>
  </si>
  <si>
    <t>Chack 10</t>
  </si>
  <si>
    <t>Basti Fateh Muhammad Sadiq Abad</t>
  </si>
  <si>
    <t>Basti Fateh Muhammad Muhammad</t>
  </si>
  <si>
    <t>MUHAMMAD AKMAL SHAHEEN</t>
  </si>
  <si>
    <t>7593</t>
  </si>
  <si>
    <t>GMMS BASTI BARKAT ALI</t>
  </si>
  <si>
    <t>22 N/P</t>
  </si>
  <si>
    <t>GMMS Basti Barkat Ali</t>
  </si>
  <si>
    <t>Basti Barkat Ali</t>
  </si>
  <si>
    <t>52952</t>
  </si>
  <si>
    <t>GMMS 46/D</t>
  </si>
  <si>
    <t>PIPLI PAHAR - MALE</t>
  </si>
  <si>
    <t>46/D</t>
  </si>
  <si>
    <t>GMMS 46/D markaz pipli pahar Tehsil depalpur</t>
  </si>
  <si>
    <t>46/d</t>
  </si>
  <si>
    <t>Munawar Shamim</t>
  </si>
  <si>
    <t>52956</t>
  </si>
  <si>
    <t>GMMS CHAK 38 D CHORASTA</t>
  </si>
  <si>
    <t>38D</t>
  </si>
  <si>
    <t>chorasta 38D</t>
  </si>
  <si>
    <t>M Latif</t>
  </si>
  <si>
    <t>GMMS CHOUS NAGAR</t>
  </si>
  <si>
    <t>Chak Fazal Shah</t>
  </si>
  <si>
    <t>ghousnagar</t>
  </si>
  <si>
    <t>Ghousnagar</t>
  </si>
  <si>
    <t>38D/kalan</t>
  </si>
  <si>
    <t>Muhammad Akram Javed</t>
  </si>
  <si>
    <t>2445</t>
  </si>
  <si>
    <t>GES ZAKHIRA GASHKORI</t>
  </si>
  <si>
    <t>zakhira gashkori</t>
  </si>
  <si>
    <t>GES zakhira gashkori okara</t>
  </si>
  <si>
    <t>5495</t>
  </si>
  <si>
    <t>36755</t>
  </si>
  <si>
    <t>53187</t>
  </si>
  <si>
    <t>GPS CHAK 53/3.R</t>
  </si>
  <si>
    <t>53 / 3R</t>
  </si>
  <si>
    <t>53/3R okara</t>
  </si>
  <si>
    <t>52 / 3R</t>
  </si>
  <si>
    <t>Bahawal Sher</t>
  </si>
  <si>
    <t>GGPS NEW GARDEN TOWN OKARA</t>
  </si>
  <si>
    <t>V Garden Town Okara</t>
  </si>
  <si>
    <t>g.g.p/s garden town okara</t>
  </si>
  <si>
    <t>New Garden Town Okara</t>
  </si>
  <si>
    <t>Chamra Mandi 8 City</t>
  </si>
  <si>
    <t>Nusrat Jamal</t>
  </si>
  <si>
    <t>22647</t>
  </si>
  <si>
    <t>53455</t>
  </si>
  <si>
    <t>GMPS CHAK NO. 35/2-RA</t>
  </si>
  <si>
    <t>35/2ra</t>
  </si>
  <si>
    <t>gmps35/2ra</t>
  </si>
  <si>
    <t>Khalida Akhtar</t>
  </si>
  <si>
    <t>9770</t>
  </si>
  <si>
    <t>53611</t>
  </si>
  <si>
    <t>GGHS CHAK NO.12/1-L</t>
  </si>
  <si>
    <t>12/1-l</t>
  </si>
  <si>
    <t>chak no 12/1.L Okara</t>
  </si>
  <si>
    <t>Chak No 12/1L Okara</t>
  </si>
  <si>
    <t>Chak No 11/1L</t>
  </si>
  <si>
    <t>naseem  kausar</t>
  </si>
  <si>
    <t>53790</t>
  </si>
  <si>
    <t>GGPS SAKHI ABDAL 1-A/GD</t>
  </si>
  <si>
    <t>BAMA BALA-FEMALE</t>
  </si>
  <si>
    <t>1A/GD Sakhi Abdal</t>
  </si>
  <si>
    <t>ASIFA NAHID</t>
  </si>
  <si>
    <t>11834</t>
  </si>
  <si>
    <t>54733</t>
  </si>
  <si>
    <t>GGPS 14/1.R</t>
  </si>
  <si>
    <t>Chak no 14/1.R</t>
  </si>
  <si>
    <t>IRUM SHAHEEN</t>
  </si>
  <si>
    <t>5568</t>
  </si>
  <si>
    <t>5268</t>
  </si>
  <si>
    <t>20370</t>
  </si>
  <si>
    <t>16327</t>
  </si>
  <si>
    <t>24066</t>
  </si>
  <si>
    <t>GGHS SAUKAN WIND</t>
  </si>
  <si>
    <t>vpo saukin wind</t>
  </si>
  <si>
    <t>54954</t>
  </si>
  <si>
    <t>GPS RAKH CHOUNI</t>
  </si>
  <si>
    <t>MURIDKE-V - MALE</t>
  </si>
  <si>
    <t>Rakh Choni</t>
  </si>
  <si>
    <t>village rakh choni</t>
  </si>
  <si>
    <t>Amer Shahzad</t>
  </si>
  <si>
    <t>GGHSS JAND WALA</t>
  </si>
  <si>
    <t>jandwala</t>
  </si>
  <si>
    <t>chack jandwalaP/O same thesil&amp;distt bahawalnagar</t>
  </si>
  <si>
    <t>Zareen fatima</t>
  </si>
  <si>
    <t>GES CHAWEKA</t>
  </si>
  <si>
    <t>Chaweka Uttar</t>
  </si>
  <si>
    <t>chaweka p/o jhulan Arian tehsil and distt bahawalnagar</t>
  </si>
  <si>
    <t>Chaweka</t>
  </si>
  <si>
    <t>Syed Sajid Ali Shah</t>
  </si>
  <si>
    <t>GPS TALAMAND</t>
  </si>
  <si>
    <t>Naseera Jodheka</t>
  </si>
  <si>
    <t>Talanamd,p/o 112/m Tehsil and District Bahawalnagar</t>
  </si>
  <si>
    <t>Talanamd</t>
  </si>
  <si>
    <t>Nathu Dhaka</t>
  </si>
  <si>
    <t>GPS PREETAM WALI</t>
  </si>
  <si>
    <t>GPS PREETUM WALI MALE 17 BWN</t>
  </si>
  <si>
    <t>PREETAM Wali</t>
  </si>
  <si>
    <t>GPS BAJAK</t>
  </si>
  <si>
    <t>BAJAK</t>
  </si>
  <si>
    <t>Chak Bajak Post Office Dunga Bunga Tehsil &amp; District Bahawalnagar</t>
  </si>
  <si>
    <t>MUHAMMAD ARSHAD  ZAMAN</t>
  </si>
  <si>
    <t>GPS SHER GARAH</t>
  </si>
  <si>
    <t>BWN-VI-MALE</t>
  </si>
  <si>
    <t>Ali Gohair 325</t>
  </si>
  <si>
    <t>govt primary school sher garh moza ali gohair 325</t>
  </si>
  <si>
    <t>8656</t>
  </si>
  <si>
    <t>GPS BUDHANWALI</t>
  </si>
  <si>
    <t>Muhammad Asad Khan</t>
  </si>
  <si>
    <t>Budhanwali p/o madrissa teh&amp;dist bahawalnagar</t>
  </si>
  <si>
    <t>Budhanwali</t>
  </si>
  <si>
    <t>GPS QADEER ABAD</t>
  </si>
  <si>
    <t>BWN-XII-MALE</t>
  </si>
  <si>
    <t>ASAD KHAN</t>
  </si>
  <si>
    <t>GPS QADEER ABAD TEHSIL AND DISTRICT BAHAWALNAGAR</t>
  </si>
  <si>
    <t>QADEER ABAD</t>
  </si>
  <si>
    <t>GPS JODHEKA EAST</t>
  </si>
  <si>
    <t>JODHEKA</t>
  </si>
  <si>
    <t>MOUZA JODHEKA P/O SAME TEHSIL AND DISTT BWN</t>
  </si>
  <si>
    <t>Muhammad Jahangeer</t>
  </si>
  <si>
    <t>GPS MAMUNKA UTTAR</t>
  </si>
  <si>
    <t>Mamunka Hittar</t>
  </si>
  <si>
    <t>basti jalwera wali p.o chack sadiq nagar, mouza mamunka , teh &amp; distt: Bahawalnagar</t>
  </si>
  <si>
    <t>Basti Jalwera</t>
  </si>
  <si>
    <t>Safia Maraj</t>
  </si>
  <si>
    <t>1423</t>
  </si>
  <si>
    <t>45880</t>
  </si>
  <si>
    <t>GPS MADINA MASJID</t>
  </si>
  <si>
    <t>Bahwalnagar</t>
  </si>
  <si>
    <t>Khan baba road running in halqa B</t>
  </si>
  <si>
    <t>Bahawalnagar</t>
  </si>
  <si>
    <t>Hafiz Mudaser Niaz</t>
  </si>
  <si>
    <t>GPS LOTIAN WALI</t>
  </si>
  <si>
    <t>Mamraj pura</t>
  </si>
  <si>
    <t>GPS lotian Wali, moza mamraj pura, bahawalnagar</t>
  </si>
  <si>
    <t>Lotian Wali</t>
  </si>
  <si>
    <t>Zulfiqar Hussain</t>
  </si>
  <si>
    <t>GPS KAMAL PURA</t>
  </si>
  <si>
    <t>Kamal Pura</t>
  </si>
  <si>
    <t>GPS Kamal Pura Tehsil and District Bahawalnagar</t>
  </si>
  <si>
    <t>Dinan Wala</t>
  </si>
  <si>
    <t>30273</t>
  </si>
  <si>
    <t>54504</t>
  </si>
  <si>
    <t>GPS AZIZIA</t>
  </si>
  <si>
    <t>Bahadur Ka Sharqi</t>
  </si>
  <si>
    <t>Basti Noor mahal Bahadur ka Shari</t>
  </si>
  <si>
    <t>Basti Noor Mahal</t>
  </si>
  <si>
    <t>54501</t>
  </si>
  <si>
    <t>GPS NAI ABADI DUNGA BUNGA</t>
  </si>
  <si>
    <t>Murad Mochi</t>
  </si>
  <si>
    <t>Govt.P/S Nai abadi Dunga Bunga</t>
  </si>
  <si>
    <t>MC Donga Bonga</t>
  </si>
  <si>
    <t>GPS JANDWALA KALAN</t>
  </si>
  <si>
    <t>Jandwala Kalan</t>
  </si>
  <si>
    <t>Jandwala, Tehsil &amp; District Bahawalnagar</t>
  </si>
  <si>
    <t>Muhammad Mehboob Alam</t>
  </si>
  <si>
    <t>GPS BEHARI WALI</t>
  </si>
  <si>
    <t>Behary Wali</t>
  </si>
  <si>
    <t>GPS LAB SINGH DAKHLI</t>
  </si>
  <si>
    <t>Labh Singh</t>
  </si>
  <si>
    <t>chak ghareeb abad p/o roda singh</t>
  </si>
  <si>
    <t>Ghareeb Abad</t>
  </si>
  <si>
    <t>Takoo Rampura</t>
  </si>
  <si>
    <t>GPS WATTWAN WALI EAST</t>
  </si>
  <si>
    <t>BWN-XV-MALE</t>
  </si>
  <si>
    <t>Bajak</t>
  </si>
  <si>
    <t>Basti Wattuan Wali</t>
  </si>
  <si>
    <t>GPS KAMAL MUHAMMAD BASTI</t>
  </si>
  <si>
    <t>Kamal Muhmmad</t>
  </si>
  <si>
    <t>basti kotha ahmad shah p/o dunga bunga d/t bahawalnagar</t>
  </si>
  <si>
    <t>Kotha Ahmd Shah</t>
  </si>
  <si>
    <t>Khetran Wala</t>
  </si>
  <si>
    <t>GPS KARTAR SINGH</t>
  </si>
  <si>
    <t>Kartar Sigh</t>
  </si>
  <si>
    <t>Kotha Mehr Singh Moza Kartar Singh</t>
  </si>
  <si>
    <t>Kotha Mehr Singh</t>
  </si>
  <si>
    <t>Muhammad Ahmad Sajid</t>
  </si>
  <si>
    <t>GPS WATTONA WALI WEST</t>
  </si>
  <si>
    <t>rasul pura</t>
  </si>
  <si>
    <t>Rasul Pura</t>
  </si>
  <si>
    <t>Tariq javed</t>
  </si>
  <si>
    <t>GPS ODHEY PUR</t>
  </si>
  <si>
    <t>Odhay Pur</t>
  </si>
  <si>
    <t>GPS Odhay Pur p/o khattan BWN</t>
  </si>
  <si>
    <t>Khattan</t>
  </si>
  <si>
    <t>muhammad sagheer ud din</t>
  </si>
  <si>
    <t>GPS MAHNI SABOOKA</t>
  </si>
  <si>
    <t>Mahni Sabooka</t>
  </si>
  <si>
    <t>village Bahama p/0 Rampura T/D Bahawal nagar</t>
  </si>
  <si>
    <t>Bahama</t>
  </si>
  <si>
    <t>korian wali</t>
  </si>
  <si>
    <t>GMMS BAHADAR KA</t>
  </si>
  <si>
    <t>Hussain Abad Hithar</t>
  </si>
  <si>
    <t>BahadarKa Basti Mohib Ali</t>
  </si>
  <si>
    <t>Hafiz Mohaib Ali</t>
  </si>
  <si>
    <t>Kapooran</t>
  </si>
  <si>
    <t>Nadeem Ahmad</t>
  </si>
  <si>
    <t>29198</t>
  </si>
  <si>
    <t>GPS JANOO KHANO</t>
  </si>
  <si>
    <t>Janu Khanu</t>
  </si>
  <si>
    <t>GPS Janu khanu P/O Madrissa Tehsil and District Bahawalnagar</t>
  </si>
  <si>
    <t>zia ud din</t>
  </si>
  <si>
    <t>54502</t>
  </si>
  <si>
    <t>GWPS AKUKA EAST</t>
  </si>
  <si>
    <t>Toba Qalander Shah</t>
  </si>
  <si>
    <t>Basti rehmat ali Toba qalander shah</t>
  </si>
  <si>
    <t>Basti Rehmat</t>
  </si>
  <si>
    <t>44835</t>
  </si>
  <si>
    <t>32095</t>
  </si>
  <si>
    <t>GPS JAMIA RIZVIA</t>
  </si>
  <si>
    <t>Kot Amin Khan</t>
  </si>
  <si>
    <t>basti Bashir kot</t>
  </si>
  <si>
    <t>Basti Bahir Kot</t>
  </si>
  <si>
    <t>Amanullah Ghazi</t>
  </si>
  <si>
    <t>54363</t>
  </si>
  <si>
    <t>GPS TAQWA COLONY (WALI KOT)</t>
  </si>
  <si>
    <t>Murad Kharl</t>
  </si>
  <si>
    <t>Gwps Taqwa Colony  (wali kot) PO Madrassa Teh &amp; Distt. Bahawalnagar</t>
  </si>
  <si>
    <t>Wali Kot</t>
  </si>
  <si>
    <t>GPS CHAKOKI BASTI</t>
  </si>
  <si>
    <t>Kot Sher Muhammad</t>
  </si>
  <si>
    <t>basti chakoki</t>
  </si>
  <si>
    <t>Basti Chakoki</t>
  </si>
  <si>
    <t>GPS KOT AMIN KHAN</t>
  </si>
  <si>
    <t>kot amin khan</t>
  </si>
  <si>
    <t>GPS BASTI GHULAM NABI NO. 1</t>
  </si>
  <si>
    <t>Kot Bahawal Bakhsh</t>
  </si>
  <si>
    <t>Basti. Ghulam. Nabi Teh.District Bahawal Ngar</t>
  </si>
  <si>
    <t>Basti Ghulam Nabi</t>
  </si>
  <si>
    <t>13993</t>
  </si>
  <si>
    <t>GMMS BASTI SHER MUHAMMAD</t>
  </si>
  <si>
    <t>Kot Sher Muhammed Muhammad</t>
  </si>
  <si>
    <t>Basti Sher Muhammad PO Adda Nehar Gujyani tehsil and district Bahawalnagar</t>
  </si>
  <si>
    <t>Basti Sher Muhammad</t>
  </si>
  <si>
    <t>Muhammmad Afzal</t>
  </si>
  <si>
    <t>GMPS MEHMOOD PURA AKOKA</t>
  </si>
  <si>
    <t>Mehmood Pur Akuka</t>
  </si>
  <si>
    <t>chak Ahmed pur akuka bhawalnagar</t>
  </si>
  <si>
    <t>Ahmed Pur Akuka</t>
  </si>
  <si>
    <t>54357</t>
  </si>
  <si>
    <t>GGPS NEW JODHEKA</t>
  </si>
  <si>
    <t>Jodhika</t>
  </si>
  <si>
    <t>new jodhika</t>
  </si>
  <si>
    <t>New Jodhika</t>
  </si>
  <si>
    <t>Samreen Munir</t>
  </si>
  <si>
    <t>GPS KAT KALY WALI</t>
  </si>
  <si>
    <t>Khaja Bukxh Bodla</t>
  </si>
  <si>
    <t>kat kalay wali</t>
  </si>
  <si>
    <t>Kat Kalay Wali</t>
  </si>
  <si>
    <t>54362</t>
  </si>
  <si>
    <t>GPS NATHY WALA</t>
  </si>
  <si>
    <t>BWN-III-MALE</t>
  </si>
  <si>
    <t>basti sufi bashir ahmad joyia</t>
  </si>
  <si>
    <t>7907</t>
  </si>
  <si>
    <t>GPS LATIF ABAD</t>
  </si>
  <si>
    <t>moras gurmani</t>
  </si>
  <si>
    <t>GPS LATIF ABAD Bait Moras Gurmani P/O Kala, Tehsil &amp; Dist. Dera Ghazi Khan</t>
  </si>
  <si>
    <t>Basti Gurmani</t>
  </si>
  <si>
    <t>7909</t>
  </si>
  <si>
    <t>passo pirhar</t>
  </si>
  <si>
    <t>Basti sher Garh post Office shadan lound Tehsil and District Dera Ghazi khan</t>
  </si>
  <si>
    <t>GPS MURRIANI</t>
  </si>
  <si>
    <t>suhanra zahr garbi</t>
  </si>
  <si>
    <t>basti zahr wala</t>
  </si>
  <si>
    <t>zahr wala</t>
  </si>
  <si>
    <t>Abdul Nazeef</t>
  </si>
  <si>
    <t>GPS SURBANI</t>
  </si>
  <si>
    <t>chak ladan</t>
  </si>
  <si>
    <t>basti yarani</t>
  </si>
  <si>
    <t>7921</t>
  </si>
  <si>
    <t>GPS KUNDAY WALA</t>
  </si>
  <si>
    <t>Kandy Wala</t>
  </si>
  <si>
    <t>basti kandi wala shadan lound</t>
  </si>
  <si>
    <t>Kandi Wala</t>
  </si>
  <si>
    <t>Abdul Ghani Khan</t>
  </si>
  <si>
    <t>4918</t>
  </si>
  <si>
    <t>GPS BALQANI</t>
  </si>
  <si>
    <t>chak lama</t>
  </si>
  <si>
    <t>basti balqani dgkhan</t>
  </si>
  <si>
    <t>Basti Balqani</t>
  </si>
  <si>
    <t>Ghous Iqbal</t>
  </si>
  <si>
    <t>8013</t>
  </si>
  <si>
    <t>GPS MINGAL WALA</t>
  </si>
  <si>
    <t>Basti Mingal Wala Tonmi Dgkhan</t>
  </si>
  <si>
    <t>Tonmi</t>
  </si>
  <si>
    <t>IMTIAZ HUSSAIN</t>
  </si>
  <si>
    <t>8014</t>
  </si>
  <si>
    <t>GPS JAMALA</t>
  </si>
  <si>
    <t>mouza dalana</t>
  </si>
  <si>
    <t>Jamala</t>
  </si>
  <si>
    <t>GPS KOCHHA WADANI</t>
  </si>
  <si>
    <t>Kocha Wadani</t>
  </si>
  <si>
    <t>basti kocha wadani tehsile and distric D.G KHAN</t>
  </si>
  <si>
    <t>Kocha Wadami</t>
  </si>
  <si>
    <t>Chak Nau Abad</t>
  </si>
  <si>
    <t>8019</t>
  </si>
  <si>
    <t>GPS BASTI RUSTOMANI GHARBI</t>
  </si>
  <si>
    <t>bela</t>
  </si>
  <si>
    <t>rustumani gharbi moza bela dera ghazi khan</t>
  </si>
  <si>
    <t>rustumani gharbi</t>
  </si>
  <si>
    <t>GPS JIND WANI</t>
  </si>
  <si>
    <t>jindwani,UC bela tehsil  d.g.khan</t>
  </si>
  <si>
    <t>Jindwani</t>
  </si>
  <si>
    <t>29266</t>
  </si>
  <si>
    <t>8027</t>
  </si>
  <si>
    <t>GPS BASTI SOBHA</t>
  </si>
  <si>
    <t>Dalana Patti Khas</t>
  </si>
  <si>
    <t>basti ghulam abbas esani</t>
  </si>
  <si>
    <t>Basti Sobha</t>
  </si>
  <si>
    <t>Moazam Fareed</t>
  </si>
  <si>
    <t>from pool</t>
  </si>
  <si>
    <t>8048</t>
  </si>
  <si>
    <t>GPS HAVAILY WALA</t>
  </si>
  <si>
    <t>Paki</t>
  </si>
  <si>
    <t>Havaily wala moza paki Tehsil &amp; Dist.D G Khan</t>
  </si>
  <si>
    <t>Havaily Wala</t>
  </si>
  <si>
    <t>Pakki</t>
  </si>
  <si>
    <t>GPS BASTI HOTE</t>
  </si>
  <si>
    <t>basti hote</t>
  </si>
  <si>
    <t>bastihote</t>
  </si>
  <si>
    <t>GPS HAJI FAIZ ULLAH</t>
  </si>
  <si>
    <t>Rakh Dhaoo Shekhani</t>
  </si>
  <si>
    <t>chah daroghy wala u.c dhaoo no 38 d.g,khan</t>
  </si>
  <si>
    <t>Chah Daroghy Wala</t>
  </si>
  <si>
    <t>Dhaoo</t>
  </si>
  <si>
    <t>GHULAM FAREED</t>
  </si>
  <si>
    <t>8059</t>
  </si>
  <si>
    <t>GPS KOT GUJRI</t>
  </si>
  <si>
    <t>Patti Bakhsh Jindani</t>
  </si>
  <si>
    <t>Basti Sharoo, Mouza Patti Bakhsh Jindani, Kot Mubarak</t>
  </si>
  <si>
    <t>Basti Sharoo</t>
  </si>
  <si>
    <t>Patti Satai</t>
  </si>
  <si>
    <t>Syed Muhammad Ali</t>
  </si>
  <si>
    <t>Factory Supply Line</t>
  </si>
  <si>
    <t>GPS KHOFLI</t>
  </si>
  <si>
    <t>Basti Khofli</t>
  </si>
  <si>
    <t>Basti Khofli,</t>
  </si>
  <si>
    <t>Satai</t>
  </si>
  <si>
    <t>Abid Azeem</t>
  </si>
  <si>
    <t>GPS SUMRA JIANI</t>
  </si>
  <si>
    <t>Jiyani</t>
  </si>
  <si>
    <t>basti beroth, moza jiyani, yaroo khosa, dgk</t>
  </si>
  <si>
    <t>Beroth</t>
  </si>
  <si>
    <t>Muhammad Rustum</t>
  </si>
  <si>
    <t>8074</t>
  </si>
  <si>
    <t>GPS KHALOOL</t>
  </si>
  <si>
    <t>Khalool</t>
  </si>
  <si>
    <t>Basti saleem-a-abad mouza khalool division D G Khan</t>
  </si>
  <si>
    <t>Saleem-a-Abad</t>
  </si>
  <si>
    <t>GPS CHAK NOW ABAD</t>
  </si>
  <si>
    <t>umrani</t>
  </si>
  <si>
    <t>basti jagrani</t>
  </si>
  <si>
    <t>jagrani</t>
  </si>
  <si>
    <t>Yaqoob Ahmad</t>
  </si>
  <si>
    <t>42818</t>
  </si>
  <si>
    <t>32338</t>
  </si>
  <si>
    <t>8076</t>
  </si>
  <si>
    <t>GPS UMRANI</t>
  </si>
  <si>
    <t>Umrani</t>
  </si>
  <si>
    <t>basti and mauza umrani dera ghazi khan</t>
  </si>
  <si>
    <t>Danyal Ahmad</t>
  </si>
  <si>
    <t>8078</t>
  </si>
  <si>
    <t>GPS QAMBER WALA</t>
  </si>
  <si>
    <t>Chah Gaman wala</t>
  </si>
  <si>
    <t>Chah Gaman Wala</t>
  </si>
  <si>
    <t>Waqar Younis</t>
  </si>
  <si>
    <t>8079</t>
  </si>
  <si>
    <t>GPS THULL SOBHAH</t>
  </si>
  <si>
    <t>Gazzi</t>
  </si>
  <si>
    <t>Bast shali morr,p/o kala,uc satai,markaz pacca shah nawaz,tehsil&amp;district DG khan</t>
  </si>
  <si>
    <t>Shali Morr</t>
  </si>
  <si>
    <t>8081</t>
  </si>
  <si>
    <t>GPS BASTI JUMMA KHAN</t>
  </si>
  <si>
    <t>Dabak</t>
  </si>
  <si>
    <t>moza dabak khar fort munro theseel and district D g khan</t>
  </si>
  <si>
    <t>khar fort munro</t>
  </si>
  <si>
    <t>Tuman Leghari Bala</t>
  </si>
  <si>
    <t>8082</t>
  </si>
  <si>
    <t>GPS ALI MUHAMMAD</t>
  </si>
  <si>
    <t>Patra</t>
  </si>
  <si>
    <t>Mouza Patra Roonghan</t>
  </si>
  <si>
    <t>Tuman Leghari Zareen</t>
  </si>
  <si>
    <t>8084</t>
  </si>
  <si>
    <t>GPS BASTI SHER MUHAMMAD</t>
  </si>
  <si>
    <t>Jhandaily</t>
  </si>
  <si>
    <t>rakhi gaaj p/o khar fort minro</t>
  </si>
  <si>
    <t>GPS SAVI</t>
  </si>
  <si>
    <t>Savi</t>
  </si>
  <si>
    <t>GPS savi markaz  rakhi munh</t>
  </si>
  <si>
    <t>Wazeer Haan</t>
  </si>
  <si>
    <t>8087</t>
  </si>
  <si>
    <t>GPS DALSAR</t>
  </si>
  <si>
    <t>Dalsar</t>
  </si>
  <si>
    <t>p/o khar , khar fort manro distric dera ghazi khan</t>
  </si>
  <si>
    <t>Basti Haji Murad Bakhsh</t>
  </si>
  <si>
    <t>GPS TERKHI THAL</t>
  </si>
  <si>
    <t>BAWATA-MALE</t>
  </si>
  <si>
    <t>Therki Thal</t>
  </si>
  <si>
    <t>p/o khar khar fort munroo</t>
  </si>
  <si>
    <t>Gul Deen</t>
  </si>
  <si>
    <t>water colar</t>
  </si>
  <si>
    <t>6041</t>
  </si>
  <si>
    <t>GMMS GHULAM HUSSAIN MULANA</t>
  </si>
  <si>
    <t>CHAK 10/A-MALE</t>
  </si>
  <si>
    <t>138/NP</t>
  </si>
  <si>
    <t>basti malana mouza chak 138/np</t>
  </si>
  <si>
    <t>Tarukri</t>
  </si>
  <si>
    <t>5873</t>
  </si>
  <si>
    <t>GMMS JAN MUHAMMAD</t>
  </si>
  <si>
    <t>TARANDA MUHAMMAD PANAH - MALE</t>
  </si>
  <si>
    <t>Noorwala</t>
  </si>
  <si>
    <t>Basti Jan Muhammad Baloch Noorwala Mrkz Trinda Muhammad Panah Teh# Liaqt Pur District Rahim Year Khan</t>
  </si>
  <si>
    <t>Basti Jan Muhammad Baloch Muhammad</t>
  </si>
  <si>
    <t>GPS BASTI ALLAH DAD MAN</t>
  </si>
  <si>
    <t>Sidhu Wali</t>
  </si>
  <si>
    <t>GMMS Allah Dad Missan(post office tranda Muhammad panah tehsil liaquat pur district Rahim Yar Khan)</t>
  </si>
  <si>
    <t>Gul Muhammad Langah Langah</t>
  </si>
  <si>
    <t>6118</t>
  </si>
  <si>
    <t>GMMS FAZIL MUHAMMAD BOWANA</t>
  </si>
  <si>
    <t>TRANDA GURGAGE-MALE</t>
  </si>
  <si>
    <t>Yakhtyar Maha</t>
  </si>
  <si>
    <t>moza yakhtyar maha</t>
  </si>
  <si>
    <t>Basty Bowan</t>
  </si>
  <si>
    <t>TARANDA GORGAGE</t>
  </si>
  <si>
    <t>saif ur rehman</t>
  </si>
  <si>
    <t>GMMS MALIK KARIM BUX</t>
  </si>
  <si>
    <t>NOOR WALA-MALE</t>
  </si>
  <si>
    <t>Hayat Machi</t>
  </si>
  <si>
    <t>Basti ghouse bux ghobool moza hayat matchi</t>
  </si>
  <si>
    <t>Ghouse Bux</t>
  </si>
  <si>
    <t>5878</t>
  </si>
  <si>
    <t>GTS BASTI GULZAR</t>
  </si>
  <si>
    <t>Shahbaz Pur Sharki</t>
  </si>
  <si>
    <t>Basti selah Mohammad Moza shahbaz pur sharki Markaz Tranda Mohammad Panah Tehsil Liaqat Pur distric rahim yaar khan</t>
  </si>
  <si>
    <t>Saleh Muhammad Dayya</t>
  </si>
  <si>
    <t>Taranda Muhammad Panah</t>
  </si>
  <si>
    <t>Hafiz Abdul Ghaffar</t>
  </si>
  <si>
    <t>GMMS MUSTAFA ABAD BASTI GHULAM HUSSAIN</t>
  </si>
  <si>
    <t>Dhare Oat</t>
  </si>
  <si>
    <t>Basti Gorgej, Moza Dhare Oat, P/O Taranda Muhammad Panah</t>
  </si>
  <si>
    <t>Basti Gogej</t>
  </si>
  <si>
    <t>Kachi Muhammad Khan</t>
  </si>
  <si>
    <t>Muhammad Atique</t>
  </si>
  <si>
    <t>GMMS BASTI BLOUCHAN</t>
  </si>
  <si>
    <t>Yakhtyr Maha</t>
  </si>
  <si>
    <t>basti balochaan</t>
  </si>
  <si>
    <t>SHAHID FAROOQ</t>
  </si>
  <si>
    <t>GMMS CHAK NO. 134/NP</t>
  </si>
  <si>
    <t>Chak 134 Np</t>
  </si>
  <si>
    <t>Mms school chak 134 np</t>
  </si>
  <si>
    <t>Tranda Guarguage</t>
  </si>
  <si>
    <t>Muhammad Sadiq Sabri</t>
  </si>
  <si>
    <t>GMMS PUNU ARAIN</t>
  </si>
  <si>
    <t>Tranda Gurgaig</t>
  </si>
  <si>
    <t>basti punu arain mauza tranda gurgaig liaqat pur rahim tar khan</t>
  </si>
  <si>
    <t>Punu Arain</t>
  </si>
  <si>
    <t>MUHAMMAD NAZIK</t>
  </si>
  <si>
    <t>GMMS ALLAH YAR SHEIKH</t>
  </si>
  <si>
    <t>Basti Haji Ibrahim Somro</t>
  </si>
  <si>
    <t>Kachi Muhammmad Khan</t>
  </si>
  <si>
    <t>10870</t>
  </si>
  <si>
    <t>GMMS BASTI DERKHASTI (DERGHA E HUSSAINIA)</t>
  </si>
  <si>
    <t>JHOK GHULAB SHAH</t>
  </si>
  <si>
    <t>JHOK GHULAB shah</t>
  </si>
  <si>
    <t>Nasir Nawaz Siddiqui</t>
  </si>
  <si>
    <t>GPS SUNAT ABAD</t>
  </si>
  <si>
    <t>KANDANI-MALE</t>
  </si>
  <si>
    <t>Basti sunnatabad paccalaran</t>
  </si>
  <si>
    <t>Sunnat Abad</t>
  </si>
  <si>
    <t>42783</t>
  </si>
  <si>
    <t>20283</t>
  </si>
  <si>
    <t>GMMS AZIZ ALLAH DIGROCHA</t>
  </si>
  <si>
    <t>Aziz Allah Dirgrocha Mauza Bhapla kacha tehsil Liaquat pur Disst Rahim yar khan</t>
  </si>
  <si>
    <t>Aziz Allah Dirgrocha</t>
  </si>
  <si>
    <t>Ghulam  Farid</t>
  </si>
  <si>
    <t>GMMS GULL MUHAMMAD</t>
  </si>
  <si>
    <t>Basti Gullani Miuza Gullani</t>
  </si>
  <si>
    <t>54478</t>
  </si>
  <si>
    <t>GGPS BABLU KHAN</t>
  </si>
  <si>
    <t>Ahmed Ali Lar</t>
  </si>
  <si>
    <t>basti baga lar</t>
  </si>
  <si>
    <t>Ahmad Ali Lar</t>
  </si>
  <si>
    <t>GMMS KAREEM AL-ALOOM TRANDA MEER KHAN</t>
  </si>
  <si>
    <t>Mujawran</t>
  </si>
  <si>
    <t>Basti Ali khan P/O Khan bela Tehsil Liaquat Pur Distt. R.Y.Khan</t>
  </si>
  <si>
    <t>Basti Ali Khan</t>
  </si>
  <si>
    <t>Kotla Daulat</t>
  </si>
  <si>
    <t>GPS CHAK NO.315</t>
  </si>
  <si>
    <t>chak 315</t>
  </si>
  <si>
    <t>gps chak 315/6r p/o chak 88/a tehsil liaqutpur distrck ryk</t>
  </si>
  <si>
    <t>chak 315/6r</t>
  </si>
  <si>
    <t>178/7R</t>
  </si>
  <si>
    <t>Rai Muhammed saddique</t>
  </si>
  <si>
    <t>fill water away from school</t>
  </si>
  <si>
    <t>51276</t>
  </si>
  <si>
    <t>GPS MEHMOOD KHAN KACHHALA</t>
  </si>
  <si>
    <t>Dharay Oat</t>
  </si>
  <si>
    <t>moza dharay oat p/o tranda muhammed panah tehsil liaquat pur district rahim yar khan</t>
  </si>
  <si>
    <t>Basti Kachila</t>
  </si>
  <si>
    <t>2777</t>
  </si>
  <si>
    <t>GHS 158/7-R</t>
  </si>
  <si>
    <t>158-7R</t>
  </si>
  <si>
    <t>GBHS 158-7R Liaquat Pur</t>
  </si>
  <si>
    <t>158/7-R Liaquat Pur</t>
  </si>
  <si>
    <t>Syed Khubaib Ahmed Naqvi</t>
  </si>
  <si>
    <t>54925</t>
  </si>
  <si>
    <t>Chak 158/7R</t>
  </si>
  <si>
    <t>chak 158/7R near 37000 pull</t>
  </si>
  <si>
    <t>Fatima Javed</t>
  </si>
  <si>
    <t>54933</t>
  </si>
  <si>
    <t>GGHS Chak No 225/1-L</t>
  </si>
  <si>
    <t>Non-Functional</t>
  </si>
  <si>
    <t>54934</t>
  </si>
  <si>
    <t>GGHS Chak No 179/7-R</t>
  </si>
  <si>
    <t>Chak 179/7-R</t>
  </si>
  <si>
    <t>chak 179/7-R near gulshan fraif</t>
  </si>
  <si>
    <t>54935</t>
  </si>
  <si>
    <t>GGHS Chak No 148/5-R</t>
  </si>
  <si>
    <t>chak 148 5R liaquat Pur Dist RYk</t>
  </si>
  <si>
    <t>Chak 148 5R</t>
  </si>
  <si>
    <t>GHS AMIN GRAH</t>
  </si>
  <si>
    <t>LIAQUAT ALI ASIF</t>
  </si>
  <si>
    <t>GES BUSINESS MEN COLONY</t>
  </si>
  <si>
    <t>RahimYar Khan</t>
  </si>
  <si>
    <t>buisnessmen colony</t>
  </si>
  <si>
    <t>MC Rahim Yar Khan</t>
  </si>
  <si>
    <t>Muhammad Bakhsh Sabri</t>
  </si>
  <si>
    <t>6109</t>
  </si>
  <si>
    <t>GPS CHAK NO.123/P-A</t>
  </si>
  <si>
    <t>Wah Faqiran</t>
  </si>
  <si>
    <t>Daak khana Chak#125/p RYK</t>
  </si>
  <si>
    <t>Chak #123/P-A</t>
  </si>
  <si>
    <t>Mohammad Anwar</t>
  </si>
  <si>
    <t>24637</t>
  </si>
  <si>
    <t>25334</t>
  </si>
  <si>
    <t>GGPS CHAK NO. 222/P</t>
  </si>
  <si>
    <t>222/p</t>
  </si>
  <si>
    <t>chak222/p teh&amp;District rahim yar khan</t>
  </si>
  <si>
    <t>222p</t>
  </si>
  <si>
    <t>11297</t>
  </si>
  <si>
    <t>GPS CHAK 55/P</t>
  </si>
  <si>
    <t>Chak 55</t>
  </si>
  <si>
    <t>chak no.55p post office chak no. 56p</t>
  </si>
  <si>
    <t>Chak 55p</t>
  </si>
  <si>
    <t>MUHAMMAD  GULZAR</t>
  </si>
  <si>
    <t>28063</t>
  </si>
  <si>
    <t>GPS CHAK 242/P</t>
  </si>
  <si>
    <t>242/P</t>
  </si>
  <si>
    <t>Cheema House 50/D Sadiq Town RYK</t>
  </si>
  <si>
    <t>Chak No 242/P</t>
  </si>
  <si>
    <t>15118</t>
  </si>
  <si>
    <t>49502</t>
  </si>
  <si>
    <t>6186</t>
  </si>
  <si>
    <t>GPS WAH ATTEHTA</t>
  </si>
  <si>
    <t>Wah Attahta</t>
  </si>
  <si>
    <t>Dera Ghulam Mustafa Peena, P.O. Chak#88P,Moaza Wah Attahta, Rahim Yar Khan</t>
  </si>
  <si>
    <t>Dera Ghulam Mustafa</t>
  </si>
  <si>
    <t>4464</t>
  </si>
  <si>
    <t>GPS ALLAH DITTA GOPANG</t>
  </si>
  <si>
    <t>muza manik p/o rukan pur tehsil and distract eahim yar khan</t>
  </si>
  <si>
    <t>Allah Ditta Gopang</t>
  </si>
  <si>
    <t>JAVED ASHRAF</t>
  </si>
  <si>
    <t>GPS BANGLA SHAREEN</t>
  </si>
  <si>
    <t>Bangla Shareen</t>
  </si>
  <si>
    <t>Moza Bangla Shareen Teh. &amp; distt. Rahim Yar Khan</t>
  </si>
  <si>
    <t>BanglaShareen</t>
  </si>
  <si>
    <t>GGPS CHAK 144/P WEST</t>
  </si>
  <si>
    <t>144/p</t>
  </si>
  <si>
    <t>ggps/144/p(west) bangla manthar dist ryk</t>
  </si>
  <si>
    <t>144/pwest</t>
  </si>
  <si>
    <t>139/P</t>
  </si>
  <si>
    <t>Shahnaz Kauser</t>
  </si>
  <si>
    <t>GGPS MANZOOR KHAN GOLA</t>
  </si>
  <si>
    <t>Perwali Sultan</t>
  </si>
  <si>
    <t>basti gulshan arain</t>
  </si>
  <si>
    <t>Basti Gulshan Arain</t>
  </si>
  <si>
    <t>Badli sharif</t>
  </si>
  <si>
    <t>Jahan Iqbal</t>
  </si>
  <si>
    <t>14449</t>
  </si>
  <si>
    <t>GMMS GULLU MOHANA</t>
  </si>
  <si>
    <t>Ali Pur Machiyan</t>
  </si>
  <si>
    <t>basti Gullu mahana</t>
  </si>
  <si>
    <t>Basti Gullu Mohana</t>
  </si>
  <si>
    <t>GMMS BASTI GHULAM NABI KHOKHAR</t>
  </si>
  <si>
    <t>Sadiqpur</t>
  </si>
  <si>
    <t>basti ghulam nabi khokhar</t>
  </si>
  <si>
    <t>Basti Ghulam Nabi Khokhar</t>
  </si>
  <si>
    <t>Khair Mohammad  Abbasi</t>
  </si>
  <si>
    <t>GMMS BASTI PIR JAMAN SULTAN</t>
  </si>
  <si>
    <t>GMMS Basti Pir Juman Sultan</t>
  </si>
  <si>
    <t>Basti Pir Jumman</t>
  </si>
  <si>
    <t>Muhammad Din Tabssum</t>
  </si>
  <si>
    <t>6771</t>
  </si>
  <si>
    <t>GMMS 103/P</t>
  </si>
  <si>
    <t>Chak no 103/p</t>
  </si>
  <si>
    <t>Chak No 103/P</t>
  </si>
  <si>
    <t>Madrissa Owned Motor Pump</t>
  </si>
  <si>
    <t>6772</t>
  </si>
  <si>
    <t>GMMS CHAK NO. 56/NP</t>
  </si>
  <si>
    <t>Thull Khair Muhammed Muhammad Khan</t>
  </si>
  <si>
    <t>Basti Malkan Thull khair Muhammad khan P/O Rukan Pur</t>
  </si>
  <si>
    <t>8089</t>
  </si>
  <si>
    <t>GPS BARRI SHUM</t>
  </si>
  <si>
    <t>p /o khar fort munro</t>
  </si>
  <si>
    <t>Khar Fort Munro</t>
  </si>
  <si>
    <t>purchased water cane</t>
  </si>
  <si>
    <t>GPS PHOTE THALANG</t>
  </si>
  <si>
    <t>Dhall Bun</t>
  </si>
  <si>
    <t>po khar fort munro</t>
  </si>
  <si>
    <t>Barli Phoot Thalang</t>
  </si>
  <si>
    <t>Bakht Muhammad</t>
  </si>
  <si>
    <t>GPS TARATANI</t>
  </si>
  <si>
    <t>Taratani</t>
  </si>
  <si>
    <t>8094</t>
  </si>
  <si>
    <t>GPS BAGH ALI MOLE</t>
  </si>
  <si>
    <t>Bagh Ali Mole</t>
  </si>
  <si>
    <t>basti bagh Ali mole p / o khar fort minroo</t>
  </si>
  <si>
    <t>23101</t>
  </si>
  <si>
    <t>8095</t>
  </si>
  <si>
    <t>GPS GHARI PUSHT</t>
  </si>
  <si>
    <t>Ghari Pusht</t>
  </si>
  <si>
    <t>GPS Ghari pusht P/o khar fort munro</t>
  </si>
  <si>
    <t>GPS ISHHAAQI THAL</t>
  </si>
  <si>
    <t>Phahar Sr</t>
  </si>
  <si>
    <t>P/0 Fort Munro</t>
  </si>
  <si>
    <t>Basti Ghlum Hussain</t>
  </si>
  <si>
    <t>Nohak khan</t>
  </si>
  <si>
    <t>GPS PATHAN MOLE</t>
  </si>
  <si>
    <t>p/o khar Fort munroo</t>
  </si>
  <si>
    <t>Pathan Mole</t>
  </si>
  <si>
    <t>Manzoor Ahmed</t>
  </si>
  <si>
    <t>43818</t>
  </si>
  <si>
    <t>GPS POST THOKH</t>
  </si>
  <si>
    <t>Thokh Gujri</t>
  </si>
  <si>
    <t>P/o khar Fort Munro Moza Thokh Gujri distt DG Khan</t>
  </si>
  <si>
    <t>Basti Bakhat Ali</t>
  </si>
  <si>
    <t>8105</t>
  </si>
  <si>
    <t>GPS SOHARAIN KOH</t>
  </si>
  <si>
    <t>sohran koh</t>
  </si>
  <si>
    <t>Sohran Koh</t>
  </si>
  <si>
    <t>8106</t>
  </si>
  <si>
    <t>GPS BULK SAR</t>
  </si>
  <si>
    <t>Bulak Sar</t>
  </si>
  <si>
    <t>bulak sar roonghan</t>
  </si>
  <si>
    <t>Bulak</t>
  </si>
  <si>
    <t>GPS SAKOKH</t>
  </si>
  <si>
    <t>Shamboo</t>
  </si>
  <si>
    <t>basti roonghan mouza shamboo  sakokh p/o sakhi sarwer</t>
  </si>
  <si>
    <t>Sakokh</t>
  </si>
  <si>
    <t>29075</t>
  </si>
  <si>
    <t>8108</t>
  </si>
  <si>
    <t>GPS LOWER PUSHT NO. 2</t>
  </si>
  <si>
    <t>Sohren Kach</t>
  </si>
  <si>
    <t>mouza sohren kach</t>
  </si>
  <si>
    <t>Basti Atta Muhammad</t>
  </si>
  <si>
    <t>with the help of hand pump</t>
  </si>
  <si>
    <t>8110</t>
  </si>
  <si>
    <t>GPS WASHAFI</t>
  </si>
  <si>
    <t>Washafi</t>
  </si>
  <si>
    <t>basti washafi</t>
  </si>
  <si>
    <t>Muhammmad Ismail</t>
  </si>
  <si>
    <t>17494</t>
  </si>
  <si>
    <t>34755</t>
  </si>
  <si>
    <t>8112</t>
  </si>
  <si>
    <t>GPS MAR BUN</t>
  </si>
  <si>
    <t>Han Thal</t>
  </si>
  <si>
    <t>mouza han thal, marbun tribal area,dgkhan</t>
  </si>
  <si>
    <t>Marbun</t>
  </si>
  <si>
    <t>Ahmad Nawaz</t>
  </si>
  <si>
    <t>8113</t>
  </si>
  <si>
    <t>GPS ROONGHAN NO 2</t>
  </si>
  <si>
    <t>Moza Washafi Rounghan Triable Area  Dera Ghazi Khan</t>
  </si>
  <si>
    <t>9799</t>
  </si>
  <si>
    <t>52723</t>
  </si>
  <si>
    <t>GPS GAZLOPE</t>
  </si>
  <si>
    <t>Garbun</t>
  </si>
  <si>
    <t>Garbun trible area Dg khan</t>
  </si>
  <si>
    <t>Shahbaz Rafique</t>
  </si>
  <si>
    <t>Pound</t>
  </si>
  <si>
    <t>8117</t>
  </si>
  <si>
    <t>GPS HAIDER THAL</t>
  </si>
  <si>
    <t>Palia Thal</t>
  </si>
  <si>
    <t>Haider thal,Basti Allha Yar</t>
  </si>
  <si>
    <t>Haider Thal</t>
  </si>
  <si>
    <t>from community.</t>
  </si>
  <si>
    <t>8118</t>
  </si>
  <si>
    <t>GPS MURATHLY</t>
  </si>
  <si>
    <t>Murathly</t>
  </si>
  <si>
    <t>post office Khar fort munroo Bawata</t>
  </si>
  <si>
    <t>Naik Muhammad</t>
  </si>
  <si>
    <t>6559</t>
  </si>
  <si>
    <t>8119</t>
  </si>
  <si>
    <t>GPS DHOLI</t>
  </si>
  <si>
    <t>Dholi</t>
  </si>
  <si>
    <t>moza dholi</t>
  </si>
  <si>
    <t>pipe line from small canal</t>
  </si>
  <si>
    <t>GPS GHUMAN</t>
  </si>
  <si>
    <t>Sori</t>
  </si>
  <si>
    <t>moza sori p/of yaro thuman Khosa Tribal Area dg Khan</t>
  </si>
  <si>
    <t>Sori Ghuman</t>
  </si>
  <si>
    <t>Muhammad Mosa</t>
  </si>
  <si>
    <t>8121</t>
  </si>
  <si>
    <t>GPS ZINDA PIR</t>
  </si>
  <si>
    <t>Shaheed</t>
  </si>
  <si>
    <t>gps zindapeer moza shaheed tribel area thuman khosa DGK</t>
  </si>
  <si>
    <t>Zinda peer</t>
  </si>
  <si>
    <t>Muhammad Rafiq Buzdar</t>
  </si>
  <si>
    <t>8122</t>
  </si>
  <si>
    <t>GPS KARO</t>
  </si>
  <si>
    <t>Karo</t>
  </si>
  <si>
    <t>p/of Fort manroo dg khan</t>
  </si>
  <si>
    <t>Basti Jaro</t>
  </si>
  <si>
    <t>49414</t>
  </si>
  <si>
    <t>8123</t>
  </si>
  <si>
    <t>GPS BHIRKI</t>
  </si>
  <si>
    <t>Basti baga bhirki teribale area tumun khosa</t>
  </si>
  <si>
    <t>Bhirki</t>
  </si>
  <si>
    <t>Ponds</t>
  </si>
  <si>
    <t>GPS PIR SHAH NAWAZ</t>
  </si>
  <si>
    <t>Andar Pahar Police Station Lakha P.O Dalana Tribal Area Dera Ghazi Khan</t>
  </si>
  <si>
    <t>Pir Shahnawaz</t>
  </si>
  <si>
    <t>MUHAMMAD WASEEM</t>
  </si>
  <si>
    <t>49168</t>
  </si>
  <si>
    <t>GGMPS BADA KHOSA</t>
  </si>
  <si>
    <t>Chak Jhalareen</t>
  </si>
  <si>
    <t>Basti bada khosa</t>
  </si>
  <si>
    <t>Bada Khosa</t>
  </si>
  <si>
    <t>zunaira nawaz</t>
  </si>
  <si>
    <t>GGPS GUDPUR</t>
  </si>
  <si>
    <t>Chak jhalaren</t>
  </si>
  <si>
    <t>GGPS  Gudpur December. Good. khan</t>
  </si>
  <si>
    <t>Gudpur</t>
  </si>
  <si>
    <t>Waheeda Bano</t>
  </si>
  <si>
    <t>9366</t>
  </si>
  <si>
    <t>GGPS SHAM-TALA</t>
  </si>
  <si>
    <t>shamtala</t>
  </si>
  <si>
    <t>basti Shamtala post office jhok bodo tehsil taunsa district dgkhan</t>
  </si>
  <si>
    <t>Shamtala</t>
  </si>
  <si>
    <t>TUMAN QAISRANI MITHWAN</t>
  </si>
  <si>
    <t>9367</t>
  </si>
  <si>
    <t>GGPS BANBAH NO 1</t>
  </si>
  <si>
    <t>bhambha</t>
  </si>
  <si>
    <t>RAHEELA FIRDOUS</t>
  </si>
  <si>
    <t>GGPS JADO LAKH</t>
  </si>
  <si>
    <t>jado Lakh</t>
  </si>
  <si>
    <t>Jado Lakh</t>
  </si>
  <si>
    <t>GHULAM FATIMA QAISRANI</t>
  </si>
  <si>
    <t>GGPS BAJAH</t>
  </si>
  <si>
    <t>BAJHA</t>
  </si>
  <si>
    <t>BAJHA TRIBAL AREA</t>
  </si>
  <si>
    <t>rasheed fatima</t>
  </si>
  <si>
    <t>GGPS PUGHLAH NO 1</t>
  </si>
  <si>
    <t>phugla</t>
  </si>
  <si>
    <t>Phugla No1</t>
  </si>
  <si>
    <t>9374</t>
  </si>
  <si>
    <t>GGPS LOHI</t>
  </si>
  <si>
    <t>lohi</t>
  </si>
  <si>
    <t>LOHI UC  BEROT</t>
  </si>
  <si>
    <t>LOHI</t>
  </si>
  <si>
    <t>Musarat jabeen</t>
  </si>
  <si>
    <t>9376</t>
  </si>
  <si>
    <t>GGPS BUJAL</t>
  </si>
  <si>
    <t>Bajul</t>
  </si>
  <si>
    <t>basti bajal union council  berrott</t>
  </si>
  <si>
    <t>9377</t>
  </si>
  <si>
    <t>GGPS PHOUGALAH NO 2</t>
  </si>
  <si>
    <t>PHUGLA</t>
  </si>
  <si>
    <t>9380</t>
  </si>
  <si>
    <t>GGPS KALIMAR</t>
  </si>
  <si>
    <t>Kalaymar</t>
  </si>
  <si>
    <t>kalaymar fazla</t>
  </si>
  <si>
    <t>Sarakhanum</t>
  </si>
  <si>
    <t>GGPS KHORR GHARBI</t>
  </si>
  <si>
    <t>Kachi Wanga</t>
  </si>
  <si>
    <t>khore gharbi kachi wanga p/o fazla kach tribal area dgkhan</t>
  </si>
  <si>
    <t>GHULAM FATMA</t>
  </si>
  <si>
    <t>9382</t>
  </si>
  <si>
    <t>GGPS DADA KHOH</t>
  </si>
  <si>
    <t>Zhraf</t>
  </si>
  <si>
    <t>Dada Koh</t>
  </si>
  <si>
    <t>53925</t>
  </si>
  <si>
    <t>GGPS BASTI GHAUS BUX</t>
  </si>
  <si>
    <t>dub ghooray val</t>
  </si>
  <si>
    <t>p/o bharthi teh taunsa sharif disst D G Khan</t>
  </si>
  <si>
    <t>basti ghous bakhsh</t>
  </si>
  <si>
    <t>saadia khosa</t>
  </si>
  <si>
    <t>9383</t>
  </si>
  <si>
    <t>GGPS TAKAWAL</t>
  </si>
  <si>
    <t>Thakawal</t>
  </si>
  <si>
    <t>thakawal u/c theekar 94</t>
  </si>
  <si>
    <t>9384</t>
  </si>
  <si>
    <t>GGES KHARAR BUZDAR</t>
  </si>
  <si>
    <t>GGES kharar middle school kharar buzdar</t>
  </si>
  <si>
    <t>GGPS BASTI DEENOO</t>
  </si>
  <si>
    <t>Khararr</t>
  </si>
  <si>
    <t>basti dino khararr buzdar taunsa d g khan</t>
  </si>
  <si>
    <t>Basti Dino</t>
  </si>
  <si>
    <t>GGPS BASTI GHULAM RASOOL</t>
  </si>
  <si>
    <t>Saima Sabir</t>
  </si>
  <si>
    <t>GGPS BASTI NOOREN NASEER</t>
  </si>
  <si>
    <t>Ganglion Kach</t>
  </si>
  <si>
    <t>basti noran naseer hangloon kach</t>
  </si>
  <si>
    <t>Hangloon</t>
  </si>
  <si>
    <t>coler</t>
  </si>
  <si>
    <t>9388</t>
  </si>
  <si>
    <t>GGPS HANGLOON KUCH</t>
  </si>
  <si>
    <t>Hingloon Kach</t>
  </si>
  <si>
    <t>moaza hingloon kach tribal area district dg khan</t>
  </si>
  <si>
    <t>Hingloon</t>
  </si>
  <si>
    <t>Hajra bibi</t>
  </si>
  <si>
    <t>GGPS QUTBA</t>
  </si>
  <si>
    <t>Qutba</t>
  </si>
  <si>
    <t>Basti Qutba U.C Fazla Kachh Tribal Area Taunsa Sharif</t>
  </si>
  <si>
    <t>Basti Qutba</t>
  </si>
  <si>
    <t>9391</t>
  </si>
  <si>
    <t>GGPS MURRANGE</t>
  </si>
  <si>
    <t>Murrange</t>
  </si>
  <si>
    <t>Mouza murrange basti murrange uc fazala</t>
  </si>
  <si>
    <t>Umm-E-Salma</t>
  </si>
  <si>
    <t>27713</t>
  </si>
  <si>
    <t>9392</t>
  </si>
  <si>
    <t>GGPS SOMEEGE</t>
  </si>
  <si>
    <t>Someej</t>
  </si>
  <si>
    <t>someej</t>
  </si>
  <si>
    <t>SHAZIA ANDLEEB</t>
  </si>
  <si>
    <t>GGMPS JILALAAN BORH</t>
  </si>
  <si>
    <t>Barthi Janobe</t>
  </si>
  <si>
    <t>barthi janobe trible area</t>
  </si>
  <si>
    <t>Jilalaan Borh</t>
  </si>
  <si>
    <t>saijda Parveen</t>
  </si>
  <si>
    <t>9394</t>
  </si>
  <si>
    <t>GGPS THALANG BUN</t>
  </si>
  <si>
    <t>Thalang bun</t>
  </si>
  <si>
    <t>Thalangbun</t>
  </si>
  <si>
    <t>Khadija Rahim</t>
  </si>
  <si>
    <t>9395</t>
  </si>
  <si>
    <t>GGPS ZEEN</t>
  </si>
  <si>
    <t>Zeen</t>
  </si>
  <si>
    <t>Zeen trible area distt dgkhan</t>
  </si>
  <si>
    <t>GGPS JATOO QALAT</t>
  </si>
  <si>
    <t>Jatto</t>
  </si>
  <si>
    <t>bast jatto kalat barthi</t>
  </si>
  <si>
    <t>Alina Rauf</t>
  </si>
  <si>
    <t>9397</t>
  </si>
  <si>
    <t>GGPS BARTHI NO 2</t>
  </si>
  <si>
    <t>Barthi Shumali</t>
  </si>
  <si>
    <t>barthi shumali</t>
  </si>
  <si>
    <t>Mehmooda Abbas</t>
  </si>
  <si>
    <t>GGPS BARTHI NO 1</t>
  </si>
  <si>
    <t>Barrhill Shumali</t>
  </si>
  <si>
    <t>Gulkhani Qalat barthi</t>
  </si>
  <si>
    <t>Gulkhani Qalat</t>
  </si>
  <si>
    <t>Rakhshinda Kokab</t>
  </si>
  <si>
    <t>9399</t>
  </si>
  <si>
    <t>GGPS SEMAR</t>
  </si>
  <si>
    <t>Seemar</t>
  </si>
  <si>
    <t>seemar</t>
  </si>
  <si>
    <t>GGPS BASTI NASAR-ULLAH</t>
  </si>
  <si>
    <t>Thul Mar Sar</t>
  </si>
  <si>
    <t>Basti Nasarullah u/c Theekar Tribal Area D.G Khan</t>
  </si>
  <si>
    <t>Nasarullah</t>
  </si>
  <si>
    <t>GGPS SARBIL BARTHI</t>
  </si>
  <si>
    <t>Sarbil</t>
  </si>
  <si>
    <t>sarbil barthi</t>
  </si>
  <si>
    <t>Asma Habib</t>
  </si>
  <si>
    <t>GGPS PHUGLOO</t>
  </si>
  <si>
    <t>Puglo</t>
  </si>
  <si>
    <t>GPS puglo portal.fly2tech.com barthi up theakar</t>
  </si>
  <si>
    <t>Shahina Baloch</t>
  </si>
  <si>
    <t>9403</t>
  </si>
  <si>
    <t>GGPS BASTI RAHEEM MARKI</t>
  </si>
  <si>
    <t>Marki</t>
  </si>
  <si>
    <t>Basti raheem marki po barthi teh taunsa distt dgkhan</t>
  </si>
  <si>
    <t>Raheem Marki</t>
  </si>
  <si>
    <t>Iffat Bashir</t>
  </si>
  <si>
    <t>9405</t>
  </si>
  <si>
    <t>GGPS MARKI (Barthi)</t>
  </si>
  <si>
    <t>Basti markee trible area distt dgkhan</t>
  </si>
  <si>
    <t>Markii</t>
  </si>
  <si>
    <t>9406</t>
  </si>
  <si>
    <t>GGPS GATTARAKH</t>
  </si>
  <si>
    <t>Gata Raekh</t>
  </si>
  <si>
    <t>P/O Barthi Moza Gata Raekh</t>
  </si>
  <si>
    <t>Izza Abbas</t>
  </si>
  <si>
    <t>9407</t>
  </si>
  <si>
    <t>GGPS MUT CHAKRANI</t>
  </si>
  <si>
    <t>Mouza mutt barthi trible area distt dgkhan</t>
  </si>
  <si>
    <t>MAIMOONA MUNIR</t>
  </si>
  <si>
    <t>GGPS SOHAR DUF</t>
  </si>
  <si>
    <t>Basti sohrduff barthi teible area</t>
  </si>
  <si>
    <t>Sohrduff</t>
  </si>
  <si>
    <t>9411</t>
  </si>
  <si>
    <t>GGPS BASTI SADAAT</t>
  </si>
  <si>
    <t>Basti Sadat</t>
  </si>
  <si>
    <t>DGK</t>
  </si>
  <si>
    <t>8805</t>
  </si>
  <si>
    <t>9412</t>
  </si>
  <si>
    <t>GGPS SIR THOKH</t>
  </si>
  <si>
    <t>Sir Thokh</t>
  </si>
  <si>
    <t>Block B dgk</t>
  </si>
  <si>
    <t>Iqra Nazir</t>
  </si>
  <si>
    <t>9413</t>
  </si>
  <si>
    <t>GGPS MUT CHANDIA</t>
  </si>
  <si>
    <t>Mut Chandia</t>
  </si>
  <si>
    <t>Basti mut chandia uc mubarki</t>
  </si>
  <si>
    <t>Sadia kanwal</t>
  </si>
  <si>
    <t>19567</t>
  </si>
  <si>
    <t>GGPS GANGAYALI</t>
  </si>
  <si>
    <t>Gangially</t>
  </si>
  <si>
    <t>GGPS gangially Moza gangially</t>
  </si>
  <si>
    <t>Naseem Murtaza</t>
  </si>
  <si>
    <t>9415</t>
  </si>
  <si>
    <t>GGPS KACHI PATHANI</t>
  </si>
  <si>
    <t>Pathani</t>
  </si>
  <si>
    <t>katchi pathani</t>
  </si>
  <si>
    <t>Amina AHMAD</t>
  </si>
  <si>
    <t>rod koh sangar</t>
  </si>
  <si>
    <t>9416</t>
  </si>
  <si>
    <t>GGPS CHOAIL</t>
  </si>
  <si>
    <t>CHOAIL BARTHI</t>
  </si>
  <si>
    <t>CHOAIL</t>
  </si>
  <si>
    <t>NUSRAT BALOCH</t>
  </si>
  <si>
    <t>9417</t>
  </si>
  <si>
    <t>GGPS KHALAY GALI</t>
  </si>
  <si>
    <t>Khalegali</t>
  </si>
  <si>
    <t>khalegali tehsil taunsa</t>
  </si>
  <si>
    <t>KhalegaKhalegali</t>
  </si>
  <si>
    <t>Rashda Kausir</t>
  </si>
  <si>
    <t>tallab</t>
  </si>
  <si>
    <t>GGPS KAMAWAL</t>
  </si>
  <si>
    <t>kamavil shumali</t>
  </si>
  <si>
    <t>villege kamavi maoza kamavil shumali uc bairoot 91</t>
  </si>
  <si>
    <t>Rasheeda Naoureen</t>
  </si>
  <si>
    <t>34744</t>
  </si>
  <si>
    <t>GPS GATTA SERATI</t>
  </si>
  <si>
    <t>Sarati</t>
  </si>
  <si>
    <t>sarati p/o Barthi Tribal area</t>
  </si>
  <si>
    <t>Gatta Sarati</t>
  </si>
  <si>
    <t>M Bilal</t>
  </si>
  <si>
    <t>9426</t>
  </si>
  <si>
    <t>GPS GOJJ DAGGAR</t>
  </si>
  <si>
    <t>MUBARKI MALE</t>
  </si>
  <si>
    <t>Dabb Jahanani</t>
  </si>
  <si>
    <t>p\s gojj dagger markaz hill union council mubarki taunsa</t>
  </si>
  <si>
    <t>Basti Gojj Daggar</t>
  </si>
  <si>
    <t>9430</t>
  </si>
  <si>
    <t>GPS BASTI DUZKANI</t>
  </si>
  <si>
    <t>Santas Mut</t>
  </si>
  <si>
    <t>Basti Duzkani</t>
  </si>
  <si>
    <t>GPS SHAHROO WALI</t>
  </si>
  <si>
    <t>Shahroowali</t>
  </si>
  <si>
    <t>Ghulam Younas</t>
  </si>
  <si>
    <t>9435</t>
  </si>
  <si>
    <t>GPS BAIT MALANA</t>
  </si>
  <si>
    <t>Nari janubi</t>
  </si>
  <si>
    <t>13909</t>
  </si>
  <si>
    <t>GPS BUKNA BASTI</t>
  </si>
  <si>
    <t>Jhok Bodo</t>
  </si>
  <si>
    <t>GPS basti bukna</t>
  </si>
  <si>
    <t>JHOK BODO</t>
  </si>
  <si>
    <t>13803</t>
  </si>
  <si>
    <t>9441</t>
  </si>
  <si>
    <t>GPS MUJAWAR WALI</t>
  </si>
  <si>
    <t>Mohalla Nizam Abad Near Purani sabz Mandi Taunsa Sharif</t>
  </si>
  <si>
    <t>34957</t>
  </si>
  <si>
    <t>GPS JALBANI BASTI BUZDAR</t>
  </si>
  <si>
    <t>KOKO WAH</t>
  </si>
  <si>
    <t>GPS JALBANI</t>
  </si>
  <si>
    <t>JHOKE HAIDER WALI</t>
  </si>
  <si>
    <t>sajjad ahmad</t>
  </si>
  <si>
    <t>8575</t>
  </si>
  <si>
    <t>48581</t>
  </si>
  <si>
    <t>GPS JAL WALI</t>
  </si>
  <si>
    <t>basti buzdar</t>
  </si>
  <si>
    <t>42147</t>
  </si>
  <si>
    <t>GPS MASJID BINDI</t>
  </si>
  <si>
    <t>P /O Bindi thehsil tunsa sharif</t>
  </si>
  <si>
    <t>Nabi Bakhsh</t>
  </si>
  <si>
    <t>9454</t>
  </si>
  <si>
    <t>GPS JHOKE HAMID KHAN</t>
  </si>
  <si>
    <t>Hairo Gharbi</t>
  </si>
  <si>
    <t>Jhoke hamid khan</t>
  </si>
  <si>
    <t>Ghulam Mustafa Dasti</t>
  </si>
  <si>
    <t>9776</t>
  </si>
  <si>
    <t>9459</t>
  </si>
  <si>
    <t>GPS MUNDA</t>
  </si>
  <si>
    <t>Munda</t>
  </si>
  <si>
    <t>Mouza Munda nazd Sanjar Saydan Tehsil Taunsa Sharif District DG Khan</t>
  </si>
  <si>
    <t>Basti Qari Ijaz</t>
  </si>
  <si>
    <t>CHOLANI</t>
  </si>
  <si>
    <t>Azadar Hussain Khadim</t>
  </si>
  <si>
    <t>28705</t>
  </si>
  <si>
    <t>9466</t>
  </si>
  <si>
    <t>GPS KOTANI</t>
  </si>
  <si>
    <t>P/O Kotani the:taunsa District DGK</t>
  </si>
  <si>
    <t>KOTANI</t>
  </si>
  <si>
    <t>GPS GHALOO WALI</t>
  </si>
  <si>
    <t>Jhangera</t>
  </si>
  <si>
    <t>galowali tehsil taunsa sharief disst dg khan</t>
  </si>
  <si>
    <t>Galowali</t>
  </si>
  <si>
    <t>LAKHANI</t>
  </si>
  <si>
    <t>9469</t>
  </si>
  <si>
    <t>GPS MASJID BOLANI</t>
  </si>
  <si>
    <t>Basti zahor abad vehoa</t>
  </si>
  <si>
    <t>Muhammad Umer Farooq</t>
  </si>
  <si>
    <t>9473</t>
  </si>
  <si>
    <t>GPS SUMMRA</t>
  </si>
  <si>
    <t>basti gunb</t>
  </si>
  <si>
    <t>Gunb</t>
  </si>
  <si>
    <t>KALO WALA</t>
  </si>
  <si>
    <t>Ijaz hussain</t>
  </si>
  <si>
    <t>49795</t>
  </si>
  <si>
    <t>GGPS CHAK NO.126 SB NAI ABADI</t>
  </si>
  <si>
    <t>SILLANWALI-I - FEMALE</t>
  </si>
  <si>
    <t>126 Sb</t>
  </si>
  <si>
    <t>chak no 126 sb nai abadi sillanwali</t>
  </si>
  <si>
    <t>126sb</t>
  </si>
  <si>
    <t>Shamim Qamar</t>
  </si>
  <si>
    <t>GGHSS VIJH</t>
  </si>
  <si>
    <t>VIJH</t>
  </si>
  <si>
    <t>Surraya Sultana</t>
  </si>
  <si>
    <t>49910</t>
  </si>
  <si>
    <t>GPS CHAK CHAJOO</t>
  </si>
  <si>
    <t>VIJH - MALE</t>
  </si>
  <si>
    <t>Chak Chajoo</t>
  </si>
  <si>
    <t>chak chajoo</t>
  </si>
  <si>
    <t>49916</t>
  </si>
  <si>
    <t>GPS THATTA HAKEEMA</t>
  </si>
  <si>
    <t>Thatta Hakeema</t>
  </si>
  <si>
    <t>Thatta hakeema tehsil sahiwal district sargodha</t>
  </si>
  <si>
    <t>Thatta hakeema</t>
  </si>
  <si>
    <t>50010</t>
  </si>
  <si>
    <t>GGPS JALLA BALA</t>
  </si>
  <si>
    <t>VIJH - FEMALE</t>
  </si>
  <si>
    <t>jalla Bala tehsil sahiwal district Sargodha</t>
  </si>
  <si>
    <t>Kudlathi Ara</t>
  </si>
  <si>
    <t>Ishrat Fatima</t>
  </si>
  <si>
    <t>25488</t>
  </si>
  <si>
    <t>50211</t>
  </si>
  <si>
    <t>GGES 43/12-L</t>
  </si>
  <si>
    <t>CHICHAWATNI SADAR B-FEMALE</t>
  </si>
  <si>
    <t>43/12L</t>
  </si>
  <si>
    <t>43/12.L</t>
  </si>
  <si>
    <t>Iffat Razzaq</t>
  </si>
  <si>
    <t>50249</t>
  </si>
  <si>
    <t>GGES 86/12.L</t>
  </si>
  <si>
    <t>86/12L</t>
  </si>
  <si>
    <t>chak 86/12.L Teh Chichawatni Dist Sahiwal</t>
  </si>
  <si>
    <t>Rehana Maqsood</t>
  </si>
  <si>
    <t>50342</t>
  </si>
  <si>
    <t>GPS ARAZI DAD SARANG</t>
  </si>
  <si>
    <t>Bonga Bahawal</t>
  </si>
  <si>
    <t>Murad K Kathia</t>
  </si>
  <si>
    <t>SAIF ULLAH</t>
  </si>
  <si>
    <t>31396</t>
  </si>
  <si>
    <t>50354</t>
  </si>
  <si>
    <t>GPS 62/12-L BASTI JOEA</t>
  </si>
  <si>
    <t>SHAHKOT SHARQI-MALE</t>
  </si>
  <si>
    <t>62/12LB Joya</t>
  </si>
  <si>
    <t>CHAK #62/12.L B.J  cci  sahiwal</t>
  </si>
  <si>
    <t>62/12L BJ</t>
  </si>
  <si>
    <t>Nasir Mahmood</t>
  </si>
  <si>
    <t>GPS 158/9-L</t>
  </si>
  <si>
    <t>GHAZI ABAD EAST-MALE</t>
  </si>
  <si>
    <t>158/9L</t>
  </si>
  <si>
    <t>chak 158 9L</t>
  </si>
  <si>
    <t>153/9-l</t>
  </si>
  <si>
    <t>11682</t>
  </si>
  <si>
    <t>50372</t>
  </si>
  <si>
    <t>GPS 162/9-L CHAKIAN</t>
  </si>
  <si>
    <t>Chakian</t>
  </si>
  <si>
    <t>Chak No 162/9-L chakian</t>
  </si>
  <si>
    <t>162/9L Chakian</t>
  </si>
  <si>
    <t>Chak  162/9-L</t>
  </si>
  <si>
    <t>Manzoor ahmad</t>
  </si>
  <si>
    <t>50389</t>
  </si>
  <si>
    <t>GPS 146/9 L</t>
  </si>
  <si>
    <t>146/9-L</t>
  </si>
  <si>
    <t>chak no 146/9-L tehsil chichawtni district sahiwal</t>
  </si>
  <si>
    <t>147/9-L</t>
  </si>
  <si>
    <t>30696</t>
  </si>
  <si>
    <t>50410</t>
  </si>
  <si>
    <t>GPS 101/12-L TENDER</t>
  </si>
  <si>
    <t>10112-l Tender</t>
  </si>
  <si>
    <t>chak no 101/12-L tender</t>
  </si>
  <si>
    <t>Chak 101/12-L Tender</t>
  </si>
  <si>
    <t>Chak No 101/12-L</t>
  </si>
  <si>
    <t>M.Anwar-ul-Haq</t>
  </si>
  <si>
    <t>50430</t>
  </si>
  <si>
    <t>GPS 88-A/12-L</t>
  </si>
  <si>
    <t>chak no 88A/12L</t>
  </si>
  <si>
    <t>Chak 88A/12L teh chichawatni district sahiwal</t>
  </si>
  <si>
    <t>88A/12L</t>
  </si>
  <si>
    <t>Chak no 88/12L</t>
  </si>
  <si>
    <t>50438</t>
  </si>
  <si>
    <t>GPS 37/14-L</t>
  </si>
  <si>
    <t>KARAM BALOCH -MALE</t>
  </si>
  <si>
    <t>37/14L</t>
  </si>
  <si>
    <t>chak no 37/14L</t>
  </si>
  <si>
    <t>Chal No 37/14L</t>
  </si>
  <si>
    <t>Chak No 77/12L</t>
  </si>
  <si>
    <t>Shahbaz Hassan Prince</t>
  </si>
  <si>
    <t>50442</t>
  </si>
  <si>
    <t>GPS 81/12-L</t>
  </si>
  <si>
    <t>KAMAND-MALE</t>
  </si>
  <si>
    <t>81/12-L</t>
  </si>
  <si>
    <t>chak#81/12-L</t>
  </si>
  <si>
    <t>69/12-L</t>
  </si>
  <si>
    <t>Mohammad Amin</t>
  </si>
  <si>
    <t>9272</t>
  </si>
  <si>
    <t>50443</t>
  </si>
  <si>
    <t>GPS 68/12-L</t>
  </si>
  <si>
    <t>68/12-L</t>
  </si>
  <si>
    <t>Chak No 68/12-L</t>
  </si>
  <si>
    <t>Chak  68/12-L</t>
  </si>
  <si>
    <t>Chak 69/12-L</t>
  </si>
  <si>
    <t>AMIR RAZA</t>
  </si>
  <si>
    <t>50445</t>
  </si>
  <si>
    <t>GPS 28/14-L BASTI KARAM BLOCH</t>
  </si>
  <si>
    <t>Karam Bloch</t>
  </si>
  <si>
    <t>chak no 28/14L Teh chichawtni Distt sahiwal</t>
  </si>
  <si>
    <t>28/14 L</t>
  </si>
  <si>
    <t>31/14L</t>
  </si>
  <si>
    <t>50448</t>
  </si>
  <si>
    <t>GPS 30/14-L</t>
  </si>
  <si>
    <t>30/14L</t>
  </si>
  <si>
    <t>chak no 30/14L</t>
  </si>
  <si>
    <t>29747</t>
  </si>
  <si>
    <t>50451</t>
  </si>
  <si>
    <t>GPS KANDIAN WALI 59/12-L</t>
  </si>
  <si>
    <t>Kandianwali</t>
  </si>
  <si>
    <t>Chak 59/12L (k) Tehsil Chichawatni District Sahiwal</t>
  </si>
  <si>
    <t>59/12 L</t>
  </si>
  <si>
    <t>41147</t>
  </si>
  <si>
    <t>20920</t>
  </si>
  <si>
    <t>20227</t>
  </si>
  <si>
    <t>GPS 59/12-L</t>
  </si>
  <si>
    <t>59/12L</t>
  </si>
  <si>
    <t>59/12L Tehsil Chichawatni District Sahiwal</t>
  </si>
  <si>
    <t>ABDUL HANAN</t>
  </si>
  <si>
    <t>23992</t>
  </si>
  <si>
    <t>50456</t>
  </si>
  <si>
    <t>GPS 74/12-L</t>
  </si>
  <si>
    <t>7412l</t>
  </si>
  <si>
    <t>chak no 74/12l</t>
  </si>
  <si>
    <t>74/12L</t>
  </si>
  <si>
    <t>69/12l</t>
  </si>
  <si>
    <t>Hafiz Tariq Javed</t>
  </si>
  <si>
    <t>GPS 67/12-L</t>
  </si>
  <si>
    <t>67/12L</t>
  </si>
  <si>
    <t>chak no.67/12.L</t>
  </si>
  <si>
    <t>50562</t>
  </si>
  <si>
    <t>GGPS 162/9-L CHUKIAN</t>
  </si>
  <si>
    <t>162/9l C</t>
  </si>
  <si>
    <t>162/9l c</t>
  </si>
  <si>
    <t>162/9l  C</t>
  </si>
  <si>
    <t>162/9l F</t>
  </si>
  <si>
    <t>Shazia batool</t>
  </si>
  <si>
    <t>50607</t>
  </si>
  <si>
    <t>GGPS 37/14-L</t>
  </si>
  <si>
    <t>MUTANWALA-FEMALE</t>
  </si>
  <si>
    <t>37/14L Sahiwal</t>
  </si>
  <si>
    <t>77/12L</t>
  </si>
  <si>
    <t>Shabnam Shabbir</t>
  </si>
  <si>
    <t>17539</t>
  </si>
  <si>
    <t>50611</t>
  </si>
  <si>
    <t>GGPS 67/12-L</t>
  </si>
  <si>
    <t>GGPS.67/12.L</t>
  </si>
  <si>
    <t>Chak No67/12L</t>
  </si>
  <si>
    <t>9834</t>
  </si>
  <si>
    <t>50713</t>
  </si>
  <si>
    <t>GGHSS JAHAZ GROUND SAHIWAL</t>
  </si>
  <si>
    <t>jahaz groud sahiwal</t>
  </si>
  <si>
    <t>Sughra Ali</t>
  </si>
  <si>
    <t>50733</t>
  </si>
  <si>
    <t>GGHS 145/ 9-L SWL</t>
  </si>
  <si>
    <t>Dera Raheem</t>
  </si>
  <si>
    <t>Chak No. 145/9-L, Sahiwal.</t>
  </si>
  <si>
    <t>145/9-L</t>
  </si>
  <si>
    <t>141/9-L</t>
  </si>
  <si>
    <t>Khudeja Tul Kubra</t>
  </si>
  <si>
    <t>50742</t>
  </si>
  <si>
    <t>GES  92/6-R</t>
  </si>
  <si>
    <t>MUHAMMAD-PUR-A-MALE</t>
  </si>
  <si>
    <t>chak no 92/6-R</t>
  </si>
  <si>
    <t>50801</t>
  </si>
  <si>
    <t>GGES 45/5-L</t>
  </si>
  <si>
    <t>45/5l</t>
  </si>
  <si>
    <t>GGELMSchool 45/5l</t>
  </si>
  <si>
    <t>44/5l Fujian</t>
  </si>
  <si>
    <t>Sajila Shafique</t>
  </si>
  <si>
    <t>94521</t>
  </si>
  <si>
    <t>5966</t>
  </si>
  <si>
    <t>50988</t>
  </si>
  <si>
    <t>GPS AURANG ABAD</t>
  </si>
  <si>
    <t>QUTAB SHAHANA-A-MALE</t>
  </si>
  <si>
    <t>Chak Moza Aurangabad, Sahiwal</t>
  </si>
  <si>
    <t>3103</t>
  </si>
  <si>
    <t>19031</t>
  </si>
  <si>
    <t>GGPS ARA TULLA</t>
  </si>
  <si>
    <t>Aratullha</t>
  </si>
  <si>
    <t>GGPS ARATULLHA m.pur road sahiwal</t>
  </si>
  <si>
    <t>Bahadurshah</t>
  </si>
  <si>
    <t>Shaheen Alam</t>
  </si>
  <si>
    <t>11308</t>
  </si>
  <si>
    <t>3932</t>
  </si>
  <si>
    <t>51685</t>
  </si>
  <si>
    <t>GGPS CHAK 8 KB</t>
  </si>
  <si>
    <t>PAKPATTAN 5 - FEMALE</t>
  </si>
  <si>
    <t>8 KB</t>
  </si>
  <si>
    <t>Chak 8kb</t>
  </si>
  <si>
    <t>15 KB</t>
  </si>
  <si>
    <t>Safia Ali</t>
  </si>
  <si>
    <t>51857</t>
  </si>
  <si>
    <t>GPS 55 EB</t>
  </si>
  <si>
    <t>GPS Check no 55/EB</t>
  </si>
  <si>
    <t>55/Eb</t>
  </si>
  <si>
    <t>51943</t>
  </si>
  <si>
    <t>GES 71 EB</t>
  </si>
  <si>
    <t>chak no 71 eb arifwala</t>
  </si>
  <si>
    <t>Chak No 71 Eb</t>
  </si>
  <si>
    <t>umer Hayat</t>
  </si>
  <si>
    <t>52309</t>
  </si>
  <si>
    <t>GGES ATTARI</t>
  </si>
  <si>
    <t>Attari</t>
  </si>
  <si>
    <t>gges Attari</t>
  </si>
  <si>
    <t>Saima Naseem</t>
  </si>
  <si>
    <t>14509</t>
  </si>
  <si>
    <t>52329</t>
  </si>
  <si>
    <t>GGES MAROOF</t>
  </si>
  <si>
    <t>8/D Maroof</t>
  </si>
  <si>
    <t>GGES Maroof Basir Pur</t>
  </si>
  <si>
    <t>Naiem Kouser</t>
  </si>
  <si>
    <t>GPS REHMANI</t>
  </si>
  <si>
    <t>Rehmani p/o Nutkani Dist Dgkhan</t>
  </si>
  <si>
    <t>REHMANI</t>
  </si>
  <si>
    <t>35543</t>
  </si>
  <si>
    <t>GPS IMDAD HUSSAIN</t>
  </si>
  <si>
    <t>Basti Babbi P/O nutkani teh taunsa distt D.G Khan</t>
  </si>
  <si>
    <t>4928</t>
  </si>
  <si>
    <t>54928</t>
  </si>
  <si>
    <t>9476</t>
  </si>
  <si>
    <t>GPS Masjid Qazi</t>
  </si>
  <si>
    <t>Bait Nutkani post office Nutkani Teh Taunsa  sharif Distt DGKhan</t>
  </si>
  <si>
    <t>BAIT NUTKANI</t>
  </si>
  <si>
    <t>9479</t>
  </si>
  <si>
    <t>GPS BAST FAUJA  SINDH</t>
  </si>
  <si>
    <t>fauja  sindh</t>
  </si>
  <si>
    <t>Fauja  Sindh</t>
  </si>
  <si>
    <t>WAZEER AHMAD</t>
  </si>
  <si>
    <t>GPS BAHNGI LADWANI</t>
  </si>
  <si>
    <t>Gatta Raikh</t>
  </si>
  <si>
    <t>Gatta raikh bmp post lophanu duff trbile area</t>
  </si>
  <si>
    <t>9483</t>
  </si>
  <si>
    <t>GPS KHUNDAGH SIR</t>
  </si>
  <si>
    <t>Khandagh sar</t>
  </si>
  <si>
    <t>Khandagh Sar</t>
  </si>
  <si>
    <t>9488</t>
  </si>
  <si>
    <t>GPS THAL SAR</t>
  </si>
  <si>
    <t>Choil</t>
  </si>
  <si>
    <t>Thal Sar</t>
  </si>
  <si>
    <t>37855</t>
  </si>
  <si>
    <t>9489</t>
  </si>
  <si>
    <t>GPS JOUNGAL</t>
  </si>
  <si>
    <t>basti joungal tehsil taunsa sharif district dg khan</t>
  </si>
  <si>
    <t>Joungle</t>
  </si>
  <si>
    <t>meer balakh sher</t>
  </si>
  <si>
    <t>9492</t>
  </si>
  <si>
    <t>GPS KOHR KHANTIK</t>
  </si>
  <si>
    <t>Barthi shumali</t>
  </si>
  <si>
    <t>Govt primary school khour khantick barthi</t>
  </si>
  <si>
    <t>Khour khantick</t>
  </si>
  <si>
    <t>Muhammad ayub</t>
  </si>
  <si>
    <t>GPS AKHMAR</t>
  </si>
  <si>
    <t>village akhmar sherqi</t>
  </si>
  <si>
    <t>Akhmar Sherqi</t>
  </si>
  <si>
    <t>GPS TRANG MAZRAI</t>
  </si>
  <si>
    <t>Trang</t>
  </si>
  <si>
    <t>Abdul Lateef Shah</t>
  </si>
  <si>
    <t>9501</t>
  </si>
  <si>
    <t>GPS SOHR DUF</t>
  </si>
  <si>
    <t>Barthi Janubi</t>
  </si>
  <si>
    <t>Gbps soherduf basti jafrani khor</t>
  </si>
  <si>
    <t>Bsti Jafrani Khor</t>
  </si>
  <si>
    <t>ghulam muhammad</t>
  </si>
  <si>
    <t>Self</t>
  </si>
  <si>
    <t>9502</t>
  </si>
  <si>
    <t>GPS DUB JAHNAANI</t>
  </si>
  <si>
    <t>dab jahanani</t>
  </si>
  <si>
    <t>dab jahanani uc mubarki po sakhi sarwar tehsil taunsa</t>
  </si>
  <si>
    <t>jahanani</t>
  </si>
  <si>
    <t>Hamid Khan</t>
  </si>
  <si>
    <t>GPS KHURANJI</t>
  </si>
  <si>
    <t>Sarthokh</t>
  </si>
  <si>
    <t>Basti KHURANJI TRIBAL AREA TEHSIL TAUNSA SHARIF DISTT DG khan</t>
  </si>
  <si>
    <t>Kharunji</t>
  </si>
  <si>
    <t>GPS BHARJALI</t>
  </si>
  <si>
    <t>bharjali</t>
  </si>
  <si>
    <t>GPS ROH WALA</t>
  </si>
  <si>
    <t>Gazii Bakhri</t>
  </si>
  <si>
    <t>basti roh wala tehsil tribal area district dgkhan</t>
  </si>
  <si>
    <t>Roh Wala</t>
  </si>
  <si>
    <t>9512</t>
  </si>
  <si>
    <t>GPS BASTI WAZIR KHAN</t>
  </si>
  <si>
    <t>Manjvel</t>
  </si>
  <si>
    <t>basti wazeer khan</t>
  </si>
  <si>
    <t>Basti Wazeer Khan</t>
  </si>
  <si>
    <t>MUHAMMAD AMIR FARID</t>
  </si>
  <si>
    <t>GPS LAELI</t>
  </si>
  <si>
    <t>FAZLA MALE</t>
  </si>
  <si>
    <t>Chanala</t>
  </si>
  <si>
    <t>Laeli Fazla kach Tribal Area DG Khan</t>
  </si>
  <si>
    <t>Laeli</t>
  </si>
  <si>
    <t>KHUDA BAKHSH</t>
  </si>
  <si>
    <t>9514</t>
  </si>
  <si>
    <t>GPS TAH SHUMALI</t>
  </si>
  <si>
    <t>TAh Shumali</t>
  </si>
  <si>
    <t>tah shumali traibal area</t>
  </si>
  <si>
    <t>Tah Shumali</t>
  </si>
  <si>
    <t>Wahid Bkhsh I</t>
  </si>
  <si>
    <t>9516</t>
  </si>
  <si>
    <t>GPS QUTBA  SHARQI</t>
  </si>
  <si>
    <t>qutba</t>
  </si>
  <si>
    <t>9519</t>
  </si>
  <si>
    <t>GES TUCK SHER</t>
  </si>
  <si>
    <t>Manka Janobi</t>
  </si>
  <si>
    <t>tuck sher uc fazla</t>
  </si>
  <si>
    <t>Tuck Sher</t>
  </si>
  <si>
    <t>GPS KHANO RIND</t>
  </si>
  <si>
    <t>Manjhvail</t>
  </si>
  <si>
    <t>Khano Rind</t>
  </si>
  <si>
    <t>watercoolar</t>
  </si>
  <si>
    <t>GPS KHILAN  KOH</t>
  </si>
  <si>
    <t>Bajha</t>
  </si>
  <si>
    <t>village khulain khoh tah taunsa dist dgk</t>
  </si>
  <si>
    <t>Khulain Koh</t>
  </si>
  <si>
    <t>aman ullah</t>
  </si>
  <si>
    <t>5232</t>
  </si>
  <si>
    <t>9533</t>
  </si>
  <si>
    <t>GPS HAANCE THAL</t>
  </si>
  <si>
    <t>LARRI MALE</t>
  </si>
  <si>
    <t>Hance thal</t>
  </si>
  <si>
    <t>Hance Thal</t>
  </si>
  <si>
    <t>bashir ahmed</t>
  </si>
  <si>
    <t>self base</t>
  </si>
  <si>
    <t>GPS BANDO JAMAKH</t>
  </si>
  <si>
    <t>Bandohola</t>
  </si>
  <si>
    <t>u/c fazala kachh triable area tounsa d.g.khan</t>
  </si>
  <si>
    <t>Bandojamakh</t>
  </si>
  <si>
    <t>GGPS BASTI SHER MUHAMMAD</t>
  </si>
  <si>
    <t>kharar buzdar tehsil taunsa</t>
  </si>
  <si>
    <t>Kharar buzar</t>
  </si>
  <si>
    <t>GGPS JORHA</t>
  </si>
  <si>
    <t>Johra</t>
  </si>
  <si>
    <t>village johra PO fazla tribal area taunsa</t>
  </si>
  <si>
    <t>GHULAM JANNAT</t>
  </si>
  <si>
    <t>GGPS ALLAH BAKHSH</t>
  </si>
  <si>
    <t>basti Allah bakhsh sameej thakro</t>
  </si>
  <si>
    <t>AASIA GHOUS</t>
  </si>
  <si>
    <t>8241</t>
  </si>
  <si>
    <t>GGPS DOST ALI GORMANI</t>
  </si>
  <si>
    <t>Chak # 3 Kot Chutta</t>
  </si>
  <si>
    <t>Chah Mandar wala Kot Chutta</t>
  </si>
  <si>
    <t>Chah Mandar wala</t>
  </si>
  <si>
    <t>MC KOT CHUTTA</t>
  </si>
  <si>
    <t>52318</t>
  </si>
  <si>
    <t>GGPS BASTI MALANA SHARQI</t>
  </si>
  <si>
    <t>GhousaAbad</t>
  </si>
  <si>
    <t>Markaz ghousabad basti malana sharqi</t>
  </si>
  <si>
    <t>Basti Malan Sharqi</t>
  </si>
  <si>
    <t>Kaneez Sughra</t>
  </si>
  <si>
    <t>8243</t>
  </si>
  <si>
    <t>GGPS GHOUS ABAD NO. 2</t>
  </si>
  <si>
    <t>GGPS ghous Abad # 2</t>
  </si>
  <si>
    <t>Zeenat Parveen</t>
  </si>
  <si>
    <t>GGPS DESI WALA NO. 1</t>
  </si>
  <si>
    <t>desi wala, Mraz basti jam, kotchutta</t>
  </si>
  <si>
    <t>Desi wala</t>
  </si>
  <si>
    <t>Zounera Seemab</t>
  </si>
  <si>
    <t>8246</t>
  </si>
  <si>
    <t>GGPS PANJAY WALA</t>
  </si>
  <si>
    <t>Rekra</t>
  </si>
  <si>
    <t>basti panjay wala mauza rekra ghousabad tehsil kot chutta</t>
  </si>
  <si>
    <t>Panjay Wala</t>
  </si>
  <si>
    <t>Arfa Yaqoob</t>
  </si>
  <si>
    <t>8248</t>
  </si>
  <si>
    <t>GGMPS MIAN JANOBI</t>
  </si>
  <si>
    <t>Jhoke uttra</t>
  </si>
  <si>
    <t>basti mian junabi p/o jhoke uttra teh kotchutta district  DG khan</t>
  </si>
  <si>
    <t>Basti mian junabi</t>
  </si>
  <si>
    <t>Adeela Shahnawaz</t>
  </si>
  <si>
    <t>8259</t>
  </si>
  <si>
    <t>GGPS PAKAY WALA</t>
  </si>
  <si>
    <t>ggps pakkay wala mouza aali wala</t>
  </si>
  <si>
    <t>Vajiha Naz</t>
  </si>
  <si>
    <t>21137</t>
  </si>
  <si>
    <t>GGPS BASTI MIAN SHUMALI</t>
  </si>
  <si>
    <t>p/o jhoke uttra Basti Mian Shumali tehsil kot chutta district dera ghazi khan</t>
  </si>
  <si>
    <t>Basti Mian Shumali</t>
  </si>
  <si>
    <t>Nadia Bibi</t>
  </si>
  <si>
    <t>GGPS SULTANI WALA</t>
  </si>
  <si>
    <t>Markaz aali wala tehsil kotchuta</t>
  </si>
  <si>
    <t>Chah Jhok Wala</t>
  </si>
  <si>
    <t>Anmol Zahra</t>
  </si>
  <si>
    <t>8273</t>
  </si>
  <si>
    <t>GGPS HAIDER WAHAN</t>
  </si>
  <si>
    <t>Haidar Quraishi</t>
  </si>
  <si>
    <t>chah shahbazi wala basit Haidar wahan</t>
  </si>
  <si>
    <t>Haidar Wahan</t>
  </si>
  <si>
    <t>GGPS QAISER WALA</t>
  </si>
  <si>
    <t>GGPS qaisar wala,jhoke uttra</t>
  </si>
  <si>
    <t>Nazish Gull</t>
  </si>
  <si>
    <t>4571</t>
  </si>
  <si>
    <t>GGPS BASTI RINDO WALA</t>
  </si>
  <si>
    <t>NOTAK-FEMALE</t>
  </si>
  <si>
    <t>Notak Mehmeed</t>
  </si>
  <si>
    <t>Rindo Wala Notak Mehmeed</t>
  </si>
  <si>
    <t>Basti Rindo Wala</t>
  </si>
  <si>
    <t>Asma Rubab</t>
  </si>
  <si>
    <t>GGPS JHANGLA</t>
  </si>
  <si>
    <t>Jhangla</t>
  </si>
  <si>
    <t>Durratta jhangla</t>
  </si>
  <si>
    <t>Jangla Durratta</t>
  </si>
  <si>
    <t>8281</t>
  </si>
  <si>
    <t>GGPS BOHAR WALA</t>
  </si>
  <si>
    <t>basti Dera jalab khan</t>
  </si>
  <si>
    <t>Basti Dera Jalab Khan</t>
  </si>
  <si>
    <t>GGPS BASTI MIR JALBANI</t>
  </si>
  <si>
    <t>GGPS mir jalbani</t>
  </si>
  <si>
    <t>Basti Mir Jalbani</t>
  </si>
  <si>
    <t>Kalsoom Afzal</t>
  </si>
  <si>
    <t>8287</t>
  </si>
  <si>
    <t>GGMPS BHORAY SHAH</t>
  </si>
  <si>
    <t>boohrai shah.basti malana</t>
  </si>
  <si>
    <t>Boohrai Shah</t>
  </si>
  <si>
    <t>GGPS MANGLY WALA</t>
  </si>
  <si>
    <t>amnglywala ada notak tehsil kot chutta district dg khan</t>
  </si>
  <si>
    <t>Manglywala</t>
  </si>
  <si>
    <t>9929</t>
  </si>
  <si>
    <t>8289</t>
  </si>
  <si>
    <t>GGPS BASTI NASEER</t>
  </si>
  <si>
    <t>Basti Naseer</t>
  </si>
  <si>
    <t>basti naseer garhbi</t>
  </si>
  <si>
    <t>Farhat Fayyaz</t>
  </si>
  <si>
    <t>8291</t>
  </si>
  <si>
    <t>GGPS MAMAR WALA</t>
  </si>
  <si>
    <t>Mammar wala</t>
  </si>
  <si>
    <t>Gulnaz Tabsuam</t>
  </si>
  <si>
    <t>GGPS NOTAK NO. 2</t>
  </si>
  <si>
    <t>Notak mehmeed</t>
  </si>
  <si>
    <t>Aniqa Naeem</t>
  </si>
  <si>
    <t>GGPS MANA AHMEDANI NO.2</t>
  </si>
  <si>
    <t>Mana Ahmdani</t>
  </si>
  <si>
    <t>P/O Mana Ahmdani Tehsil kotchutta District D.G.Khan</t>
  </si>
  <si>
    <t>MANA AHMADANI</t>
  </si>
  <si>
    <t>Saira Bilal</t>
  </si>
  <si>
    <t>8301</t>
  </si>
  <si>
    <t>GGPS GUL-GHOTOO</t>
  </si>
  <si>
    <t>Mohib Laskani</t>
  </si>
  <si>
    <t>basti mohib Laskani,Jhakar imam shah</t>
  </si>
  <si>
    <t>7315</t>
  </si>
  <si>
    <t>6617</t>
  </si>
  <si>
    <t>GGPS JHAKKAR IMAM SHAH</t>
  </si>
  <si>
    <t>Nighat Fatima</t>
  </si>
  <si>
    <t>8311</t>
  </si>
  <si>
    <t>GGPS HAFIZ JILAL</t>
  </si>
  <si>
    <t>Nawan Janobi</t>
  </si>
  <si>
    <t>Chah Tahir wala Nawan janobi</t>
  </si>
  <si>
    <t>Chah Tahir Wala</t>
  </si>
  <si>
    <t>GPS PIR BAKHSH KALARY</t>
  </si>
  <si>
    <t>Darkhast Jamal Khan Gharbi No 1</t>
  </si>
  <si>
    <t>basti per bakhsh kalari darkhast jamal khan gharbi no 1</t>
  </si>
  <si>
    <t>Darkhast Jamal Khan  Gharbi No 1</t>
  </si>
  <si>
    <t>5183</t>
  </si>
  <si>
    <t>8459</t>
  </si>
  <si>
    <t>GPS ALLAH BAKHSH AHMADANI</t>
  </si>
  <si>
    <t>D MALEJAMAL KHAN DARMIANI MALE</t>
  </si>
  <si>
    <t>Derkhast jamal Khan Dermiani</t>
  </si>
  <si>
    <t>basti Alllah bux Ahmadani  derkhast jamal khan dermiani</t>
  </si>
  <si>
    <t>Basti Alllah bux Ahmadani</t>
  </si>
  <si>
    <t>8463</t>
  </si>
  <si>
    <t>GPS BASHIR KHOSA</t>
  </si>
  <si>
    <t>Derkhawast Jamal Khan Dermiani</t>
  </si>
  <si>
    <t>mauza derkhawast jamal khan dermiani</t>
  </si>
  <si>
    <t>Chah Ranjhy Wala</t>
  </si>
  <si>
    <t>Derkhawast Jamal Khan Derniani</t>
  </si>
  <si>
    <t>Muhammad Salaman</t>
  </si>
  <si>
    <t>8626</t>
  </si>
  <si>
    <t>GGPS SHAHI WALA</t>
  </si>
  <si>
    <t>Thatha Gaboolan</t>
  </si>
  <si>
    <t>ggps village shahiwala</t>
  </si>
  <si>
    <t>35134</t>
  </si>
  <si>
    <t>GGMPS GAMOLI</t>
  </si>
  <si>
    <t>Gamoli</t>
  </si>
  <si>
    <t>mozagamoliskhisarwar</t>
  </si>
  <si>
    <t>Kalsoombibi</t>
  </si>
  <si>
    <t>8676</t>
  </si>
  <si>
    <t>GGPS JALBANI</t>
  </si>
  <si>
    <t>Basti jalbani</t>
  </si>
  <si>
    <t>Najma  Naz</t>
  </si>
  <si>
    <t>GGPS BASTI LEGHARI</t>
  </si>
  <si>
    <t>Basti Fouja</t>
  </si>
  <si>
    <t>basti Leghari district dgk</t>
  </si>
  <si>
    <t>Basti Leghari</t>
  </si>
  <si>
    <t>44561</t>
  </si>
  <si>
    <t>32915</t>
  </si>
  <si>
    <t>25729</t>
  </si>
  <si>
    <t>GGPS Ghulam Siddique Langrana</t>
  </si>
  <si>
    <t>basti ghulamsiddique langrana</t>
  </si>
  <si>
    <t>Basti Langrana</t>
  </si>
  <si>
    <t>Lal Bibi</t>
  </si>
  <si>
    <t>GMMS TIBBI GUL MUHAMMAD</t>
  </si>
  <si>
    <t>Chak 69 P</t>
  </si>
  <si>
    <t>tibi gul Mohammad chak 69 p</t>
  </si>
  <si>
    <t>Tibi Gul Mohammad</t>
  </si>
  <si>
    <t>54654</t>
  </si>
  <si>
    <t>GMMS CHAK 42/P</t>
  </si>
  <si>
    <t>sherh garh</t>
  </si>
  <si>
    <t>Govt mms chak 42/p bb dist.Ryk teh kpr</t>
  </si>
  <si>
    <t>chak 42/p</t>
  </si>
  <si>
    <t>SAIMA NIZAMI</t>
  </si>
  <si>
    <t>GMMS CHAK NO. 66/P SOUTH</t>
  </si>
  <si>
    <t>Chak No  66 P</t>
  </si>
  <si>
    <t>G mms chak no 66p south</t>
  </si>
  <si>
    <t>Chak No 66p South</t>
  </si>
  <si>
    <t>GMMS BASTI BALOCHAN</t>
  </si>
  <si>
    <t>KOTLA PATHAN -MALE</t>
  </si>
  <si>
    <t>Kalkan</t>
  </si>
  <si>
    <t>GMMS Balouchan</t>
  </si>
  <si>
    <t>Basti Khair Muhammad</t>
  </si>
  <si>
    <t>iSHRAT FARKHANDA</t>
  </si>
  <si>
    <t>5085</t>
  </si>
  <si>
    <t>GMMS TANZEEM BASTI AFZAL KHAN</t>
  </si>
  <si>
    <t>Chak 33/p</t>
  </si>
  <si>
    <t>Dera bhaya, chak 33/p, bagho bahar khanpur</t>
  </si>
  <si>
    <t>Dera Bhaya</t>
  </si>
  <si>
    <t>Neelam Khalid</t>
  </si>
  <si>
    <t>GPS CHAHCHAR</t>
  </si>
  <si>
    <t>CHACHRAN SHARIF - MALE</t>
  </si>
  <si>
    <t>LANJIWAR</t>
  </si>
  <si>
    <t>BASTI NATHANI  MOUZA LANJIWAR PO ZAHIRPIR</t>
  </si>
  <si>
    <t>BASTI NATHANI</t>
  </si>
  <si>
    <t>chandia</t>
  </si>
  <si>
    <t>GHSS LAB. (ATTACH WITH GCET) KHANPUR</t>
  </si>
  <si>
    <t>govt.Boys lab.higher secondary school Din Pur Chowk khan pur</t>
  </si>
  <si>
    <t>muhammad Pura khanpur</t>
  </si>
  <si>
    <t>GPS CHAK 132/NP</t>
  </si>
  <si>
    <t>RINDAN-MALE</t>
  </si>
  <si>
    <t>Chak 132 NP</t>
  </si>
  <si>
    <t>chack 132 np p/o allah abd lqp</t>
  </si>
  <si>
    <t>Rindan</t>
  </si>
  <si>
    <t>GPS KOTLA DRIGH</t>
  </si>
  <si>
    <t>Kotla Drigh</t>
  </si>
  <si>
    <t>basti ghulam mustfa drigh</t>
  </si>
  <si>
    <t>Ghulam Mushtafa Drigh</t>
  </si>
  <si>
    <t>Shahzad Ahmed</t>
  </si>
  <si>
    <t>20931</t>
  </si>
  <si>
    <t>GMMS 313/6-R</t>
  </si>
  <si>
    <t>Chak 313/6R</t>
  </si>
  <si>
    <t>chak  313/6/R liaquatpur</t>
  </si>
  <si>
    <t>Chak 313/R</t>
  </si>
  <si>
    <t>Masood mohsin</t>
  </si>
  <si>
    <t>5352</t>
  </si>
  <si>
    <t>GPS HUSSAIN NAGAR</t>
  </si>
  <si>
    <t>KOTLA NAWAB-MALE</t>
  </si>
  <si>
    <t>kotla nawqb</t>
  </si>
  <si>
    <t>mouza kotla nawab</t>
  </si>
  <si>
    <t>Hussain nagar</t>
  </si>
  <si>
    <t>Kotalla Nawab</t>
  </si>
  <si>
    <t>M Abid Khan</t>
  </si>
  <si>
    <t>5371</t>
  </si>
  <si>
    <t>RASHEEDABAD</t>
  </si>
  <si>
    <t>ADDA RASHEEDABAD, P/O FEROZA,TEHSIL LQP, DISTT. RYK</t>
  </si>
  <si>
    <t>BASHIR AHMAD ZAHID</t>
  </si>
  <si>
    <t>external hand pump</t>
  </si>
  <si>
    <t>GPS ALLAH DITTA BHELA</t>
  </si>
  <si>
    <t>ALLAH JIWAYA LAR-MALE</t>
  </si>
  <si>
    <t>Allah Ditta Bhela</t>
  </si>
  <si>
    <t>Govt.boys p/school allah ditta bhela basti munshi kareem bakhsh</t>
  </si>
  <si>
    <t>Allah Jiwaya Lar</t>
  </si>
  <si>
    <t>Muhammad Afazal</t>
  </si>
  <si>
    <t>GPS MUHAMMAD BAKHASH DIRIG</t>
  </si>
  <si>
    <t>p/s Muhammad bukhsh drigh</t>
  </si>
  <si>
    <t>Allah Bux</t>
  </si>
  <si>
    <t>5519</t>
  </si>
  <si>
    <t>GGPS BASTI KAMALAY WALA</t>
  </si>
  <si>
    <t>Basti Kamalay wala p/o pacca larn</t>
  </si>
  <si>
    <t>Basti Kamalay Wala</t>
  </si>
  <si>
    <t>Munaza Noor</t>
  </si>
  <si>
    <t>GGPS CHAK NO.7/A</t>
  </si>
  <si>
    <t>10/A - FEMALE</t>
  </si>
  <si>
    <t>chak7/a tehsil lqp markaz10/a</t>
  </si>
  <si>
    <t>Chak 7/a</t>
  </si>
  <si>
    <t>10/A</t>
  </si>
  <si>
    <t>Shakila Najum</t>
  </si>
  <si>
    <t>GPS BASTI MUHAMMAD MURAD BHATAR</t>
  </si>
  <si>
    <t>Sidhuwali</t>
  </si>
  <si>
    <t>Gps Basti Muhammad Murad Bhattar Mouza sidhuwale Markaz Gul Muhammad Langah  p / o tranda Muhammad panah tehsil liaquat pur disstrict rahim yar khan</t>
  </si>
  <si>
    <t>Basti Jam Allah Bachaya Bhattar</t>
  </si>
  <si>
    <t>GUL MUHAMMAD LANGAH</t>
  </si>
  <si>
    <t>Muhammad Imran Khan son Of Muhammad Yaseen</t>
  </si>
  <si>
    <t>54487</t>
  </si>
  <si>
    <t>GPS MUSHTAQ BHUTTO</t>
  </si>
  <si>
    <t>Bait Balouch</t>
  </si>
  <si>
    <t>basti rais Abdul sattar, bait balouch, Uc noor wala</t>
  </si>
  <si>
    <t>Rizwan Ahmad</t>
  </si>
  <si>
    <t>5511</t>
  </si>
  <si>
    <t>GPS BAIT IMAM BHAKHASH MAACHI</t>
  </si>
  <si>
    <t>Bait Imam Bux Machi</t>
  </si>
  <si>
    <t>Bait imam bux Machi U/C Gul Muhammad langha tehsil liaqutpur district Rahim yar Khan</t>
  </si>
  <si>
    <t>Bait Imam Bux</t>
  </si>
  <si>
    <t>Saira Yadmin</t>
  </si>
  <si>
    <t>GGPS BASTI HAFIZ GHULAM QADIR</t>
  </si>
  <si>
    <t>Check 127 Np</t>
  </si>
  <si>
    <t>chk 127 np</t>
  </si>
  <si>
    <t>Chk 127 Np</t>
  </si>
  <si>
    <t>Ayesha Bano</t>
  </si>
  <si>
    <t>38810</t>
  </si>
  <si>
    <t>54316</t>
  </si>
  <si>
    <t>GGPS Chak No. 239/P</t>
  </si>
  <si>
    <t>chak no 239/P</t>
  </si>
  <si>
    <t>samina iram</t>
  </si>
  <si>
    <t>GGPS GHULAM MUHAMMAD SHAH</t>
  </si>
  <si>
    <t>bahar khaki</t>
  </si>
  <si>
    <t>basti  ghulam Muhammad  shah ,chanjni</t>
  </si>
  <si>
    <t>chanjni</t>
  </si>
  <si>
    <t>Ummaira Saba Ahmad Khalil</t>
  </si>
  <si>
    <t>54477</t>
  </si>
  <si>
    <t>GGPS MALIK HABIB ULLAH</t>
  </si>
  <si>
    <t>kazmi public school abbas nagar p/o khanbela tehsil lqp dist ryk</t>
  </si>
  <si>
    <t>Malik Habibullah</t>
  </si>
  <si>
    <t>Romana Mehmood</t>
  </si>
  <si>
    <t>5808</t>
  </si>
  <si>
    <t>GMMS SADAT JAN PUR</t>
  </si>
  <si>
    <t>P/O JANPUR THES LIQATPUR DISST RAHIMYAR KHAN</t>
  </si>
  <si>
    <t>JANPUR</t>
  </si>
  <si>
    <t>SYED MUHAMMAD ASGHAR SHAH</t>
  </si>
  <si>
    <t>5809</t>
  </si>
  <si>
    <t>GMMS GHULAM ALI SHAH</t>
  </si>
  <si>
    <t>basti nibhau shah jun pur tehsil liaqatpur</t>
  </si>
  <si>
    <t>Basti Nibhau Shah</t>
  </si>
  <si>
    <t>GMMS 46/A</t>
  </si>
  <si>
    <t>chak 46/A</t>
  </si>
  <si>
    <t>Chak 46/A</t>
  </si>
  <si>
    <t>Muhammad Ayyub Akhtar</t>
  </si>
  <si>
    <t>5816</t>
  </si>
  <si>
    <t>GMMS SALEEM ABAD</t>
  </si>
  <si>
    <t>saleem abad moza amlik pur p/o jan pur</t>
  </si>
  <si>
    <t>GMMS PHULAN KHAN</t>
  </si>
  <si>
    <t>Malik pur</t>
  </si>
  <si>
    <t>Basti Phulan khan</t>
  </si>
  <si>
    <t>GMMS NO ABAD</t>
  </si>
  <si>
    <t>MUHAMMAD DAHA - MALE</t>
  </si>
  <si>
    <t>Goth Amin</t>
  </si>
  <si>
    <t>MMS nou abad basti nou abad mouza goth amin</t>
  </si>
  <si>
    <t>Basti Nou Abad</t>
  </si>
  <si>
    <t>Muhammad Saleem Shahzad</t>
  </si>
  <si>
    <t>GMMS DARBAR HAJI SHAH</t>
  </si>
  <si>
    <t>Ghimi</t>
  </si>
  <si>
    <t>basti dadpootra ghimi, tehsil liaqatpur</t>
  </si>
  <si>
    <t>basti dadpootra</t>
  </si>
  <si>
    <t>5830</t>
  </si>
  <si>
    <t>GMMS 179/7-R</t>
  </si>
  <si>
    <t>Chak No 179 /7R</t>
  </si>
  <si>
    <t>Chak no 179 /7 - R Tehsil liaquat pur distt Rahim Yar khan</t>
  </si>
  <si>
    <t>Chak No 179 /7 - R</t>
  </si>
  <si>
    <t>MUHAMMAD FAHEEM KHAN</t>
  </si>
  <si>
    <t>water filtration plant Saudi NGO</t>
  </si>
  <si>
    <t>5834</t>
  </si>
  <si>
    <t>GMMS BASTI MAZHAR KHAN</t>
  </si>
  <si>
    <t>Pacca Laran</t>
  </si>
  <si>
    <t>basti mazhar khan</t>
  </si>
  <si>
    <t>Mzar Khan</t>
  </si>
  <si>
    <t>Hassan Ali</t>
  </si>
  <si>
    <t>GMMS RUSTAM GARH</t>
  </si>
  <si>
    <t>Sadiq Pur</t>
  </si>
  <si>
    <t>gmms rustam garh mouza sadiq pur</t>
  </si>
  <si>
    <t>Dera Rana Dilshad</t>
  </si>
  <si>
    <t>Ejaz ahmad</t>
  </si>
  <si>
    <t>GMMS RAHIM BAKHSH DITANI</t>
  </si>
  <si>
    <t>praran shareef</t>
  </si>
  <si>
    <t>basti moulvi haneef praran shareef,ameen abad,liaqatpur</t>
  </si>
  <si>
    <t>basti moulvi haneef</t>
  </si>
  <si>
    <t>AMIN ABAD</t>
  </si>
  <si>
    <t>GMMS SHAHEED ABAD</t>
  </si>
  <si>
    <t>HAYAT LAR</t>
  </si>
  <si>
    <t>GMMS SHAHEED ABAD, MARKAZ HAYAT LAR FEROZA TEHSIL LQP DISTRICT. RYK</t>
  </si>
  <si>
    <t>SHAHEED ABAD</t>
  </si>
  <si>
    <t>Samra Firdous</t>
  </si>
  <si>
    <t>GMMS JAGEER CHANALI</t>
  </si>
  <si>
    <t>Haroon Abad</t>
  </si>
  <si>
    <t>Basti Fateh Muhammad arain dera ch Allah ditta</t>
  </si>
  <si>
    <t>Fateh Muhammad ARain</t>
  </si>
  <si>
    <t>Atir Naeem Qurashi</t>
  </si>
  <si>
    <t>GMMS DERA HAQ NAWAZ</t>
  </si>
  <si>
    <t>Jung Bilawal</t>
  </si>
  <si>
    <t>Basti Tota Naich</t>
  </si>
  <si>
    <t>GMMS DERA AMIR NAWAZ KHAN</t>
  </si>
  <si>
    <t>moza Jung Bilawal,  tehsil liaquat Pur</t>
  </si>
  <si>
    <t>dera Ameer Nawaz</t>
  </si>
  <si>
    <t>GMMS MUHAMMAD ALI KHUHAWAR</t>
  </si>
  <si>
    <t>Basti Muhammad Ali khuhawar muza Jung bilawal teh. LQP</t>
  </si>
  <si>
    <t>Muhammad Ali Khuhawat</t>
  </si>
  <si>
    <t>GMMS RAHIM BAKHSH NAICH</t>
  </si>
  <si>
    <t>AMIN ABAD - MALE</t>
  </si>
  <si>
    <t>Pararan Sharif</t>
  </si>
  <si>
    <t>Basti Rahim Bux Naich, Mouza Pararan Sharif</t>
  </si>
  <si>
    <t>Rahim Bux Naich</t>
  </si>
  <si>
    <t>GMMS AKHTAR ABAD</t>
  </si>
  <si>
    <t>GHOOKA</t>
  </si>
  <si>
    <t>Dara Mora Ghoka P/O Allah Abad LQP</t>
  </si>
  <si>
    <t>DARA MORA</t>
  </si>
  <si>
    <t>GMMS IBRAHIM SHAHEED</t>
  </si>
  <si>
    <t>ZAFFRABAD</t>
  </si>
  <si>
    <t>basti awan chanjni chowk teh:LQP DISTT:RYK</t>
  </si>
  <si>
    <t>Basti Chanjni</t>
  </si>
  <si>
    <t>5849</t>
  </si>
  <si>
    <t>GMMS BASTI KALYAR</t>
  </si>
  <si>
    <t>basti kalyar mouza gareeb shah tehsil liaquat Pur District Rahim Yar Khan.</t>
  </si>
  <si>
    <t>Basti Kuyar</t>
  </si>
  <si>
    <t>Muhammad Sabtain</t>
  </si>
  <si>
    <t>GMMS BASTI PANWARAN</t>
  </si>
  <si>
    <t>Allah ditta bhela</t>
  </si>
  <si>
    <t>Pasti Panwaran mouza Allah ditta bhela</t>
  </si>
  <si>
    <t>Basti Panwaran</t>
  </si>
  <si>
    <t>Ayaz Ahmed Sabir</t>
  </si>
  <si>
    <t>GMMS BASTI KAREEM BAKHSH LAAR</t>
  </si>
  <si>
    <t>Gul Muhammed Laar</t>
  </si>
  <si>
    <t>basti Kreem bux Laar maoza gul Muhammed Laar uc chanjni</t>
  </si>
  <si>
    <t>Basti Kreem Bux Laar Maoza Gul Muhammed Laar Uc Ch</t>
  </si>
  <si>
    <t>GMMS WAGHOWAN</t>
  </si>
  <si>
    <t>po malkani</t>
  </si>
  <si>
    <t>Dera Blocjan</t>
  </si>
  <si>
    <t>GMMS DERA LOHARAN</t>
  </si>
  <si>
    <t>Basti Ibrahim Khan   Zafar Abad UC Zafar Abad LQP</t>
  </si>
  <si>
    <t>Basti Ibrahim Khan</t>
  </si>
  <si>
    <t>GMMS QAZI MUHAMMAD DIN</t>
  </si>
  <si>
    <t>Basti Ahmad Ali Shah , Shahbaz Pur Gharbi , Uc Zafar Abad LQP</t>
  </si>
  <si>
    <t>Basti Ahmad Ali Shah</t>
  </si>
  <si>
    <t>Muhammad Khubaib</t>
  </si>
  <si>
    <t>GMMS ABDUL KAREEM TUMRANI</t>
  </si>
  <si>
    <t>Basti tumrani Baloch P/O shedani sharif</t>
  </si>
  <si>
    <t>Tumrani Baloch</t>
  </si>
  <si>
    <t>Allah Diwaya</t>
  </si>
  <si>
    <t>GMMS ABDULLAH KHAN</t>
  </si>
  <si>
    <t>Fazil Pur</t>
  </si>
  <si>
    <t>basti hazoor bux mouza fazal pur</t>
  </si>
  <si>
    <t>Ghulam Murtaza Asif</t>
  </si>
  <si>
    <t>GMMS NAZIR ABAD</t>
  </si>
  <si>
    <t>Nazir abad</t>
  </si>
  <si>
    <t>Basti Nazir abad markaz Dufli kabir khan</t>
  </si>
  <si>
    <t>Hafiz Muhammad Nazim</t>
  </si>
  <si>
    <t>GMMS BASTI SUBHAN KHAN</t>
  </si>
  <si>
    <t>basti mukhtair khan fazil pur</t>
  </si>
  <si>
    <t>Basti Mukhtair Khan</t>
  </si>
  <si>
    <t>GMMS HAJI GHULAM QADIR</t>
  </si>
  <si>
    <t>Basti haji ghulam quadir ,moza fazil pur tehsil liaquatpur distt rahim year khan</t>
  </si>
  <si>
    <t>Rajab Hussain</t>
  </si>
  <si>
    <t>GPS CHAK NO.551 TDA</t>
  </si>
  <si>
    <t>551/Tda</t>
  </si>
  <si>
    <t>Chak no 551</t>
  </si>
  <si>
    <t>Meer Pur Bhagal</t>
  </si>
  <si>
    <t>Muhammad Ramzan Sajid</t>
  </si>
  <si>
    <t>9013</t>
  </si>
  <si>
    <t>GGPS BASTI AMEER SHAH</t>
  </si>
  <si>
    <t>Ward # 14 D Bilal Road Kot Addu</t>
  </si>
  <si>
    <t>Bismilah Colony</t>
  </si>
  <si>
    <t>MC KOT ADDU</t>
  </si>
  <si>
    <t>4358</t>
  </si>
  <si>
    <t>12303</t>
  </si>
  <si>
    <t>GGPS CHAK NO. 511 TDA</t>
  </si>
  <si>
    <t>NOOR SHAH- FEMALE</t>
  </si>
  <si>
    <t>511/TDA</t>
  </si>
  <si>
    <t>chack no 511/TDA</t>
  </si>
  <si>
    <t>518/TDA</t>
  </si>
  <si>
    <t>Madiha Ashraf</t>
  </si>
  <si>
    <t>GPS CHAK NO. 129/ML</t>
  </si>
  <si>
    <t>AZIZ ABAD-II- MALE</t>
  </si>
  <si>
    <t>Chak No.129/ML</t>
  </si>
  <si>
    <t>Chak 129/ ML</t>
  </si>
  <si>
    <t>Farooq Anwar</t>
  </si>
  <si>
    <t>12333</t>
  </si>
  <si>
    <t>GPS CHAK NO. 504 TDA</t>
  </si>
  <si>
    <t>Chack No 504/tda</t>
  </si>
  <si>
    <t>Chak no. 504/tda tech. Kot Addu dist. Muzaffar Garh</t>
  </si>
  <si>
    <t>12377</t>
  </si>
  <si>
    <t>GHS USMAN KORIA</t>
  </si>
  <si>
    <t>Usman Koria</t>
  </si>
  <si>
    <t>usman koria p/o shah jamal tehsil and district muzaffar garh</t>
  </si>
  <si>
    <t>Usmaan Korea</t>
  </si>
  <si>
    <t>Ghulam Murtaza Hanfi</t>
  </si>
  <si>
    <t>24312</t>
  </si>
  <si>
    <t>GGHS ALODAY WALI</t>
  </si>
  <si>
    <t>alouday wali</t>
  </si>
  <si>
    <t>p/o alouday wali tehsil and district muzaffar garh</t>
  </si>
  <si>
    <t>sukhay wala</t>
  </si>
  <si>
    <t>Razia Begam</t>
  </si>
  <si>
    <t>12503</t>
  </si>
  <si>
    <t>GPS JALIL WALA</t>
  </si>
  <si>
    <t>Chah kharora mouza meeran pur Khan Garh Muzaffargarh</t>
  </si>
  <si>
    <t>Chah Kharora</t>
  </si>
  <si>
    <t>12506</t>
  </si>
  <si>
    <t>GPS GAREY WAHIN</t>
  </si>
  <si>
    <t>Garay Wahin</t>
  </si>
  <si>
    <t>makhi wala mouza garay wahin</t>
  </si>
  <si>
    <t>Makhi Wala</t>
  </si>
  <si>
    <t>Najeeb ur Rehman</t>
  </si>
  <si>
    <t>12554</t>
  </si>
  <si>
    <t>GPS BILOO SANDILA</t>
  </si>
  <si>
    <t>LANGAR SRAI- MALE</t>
  </si>
  <si>
    <t>Pakka Sandilah</t>
  </si>
  <si>
    <t>P/O Langar Sarai Tehsil&amp;Disst. Muzaffar Garh.</t>
  </si>
  <si>
    <t>Muhammad Sohail Zafar</t>
  </si>
  <si>
    <t>GES SULHI</t>
  </si>
  <si>
    <t>Sulhi</t>
  </si>
  <si>
    <t>ges sulhi moza sulhi juwana bangla m.garh</t>
  </si>
  <si>
    <t>Frazi</t>
  </si>
  <si>
    <t>ZULFIQAR ALI</t>
  </si>
  <si>
    <t>GPS JAL WALA</t>
  </si>
  <si>
    <t>WESANDAY WALI- MALE</t>
  </si>
  <si>
    <t>Jalwala</t>
  </si>
  <si>
    <t>Jalwala Wasandaywali Tehsill/ district muzafargarh</t>
  </si>
  <si>
    <t>GPS BAIT MANDU</t>
  </si>
  <si>
    <t>UTRA SANDILA- MALE</t>
  </si>
  <si>
    <t>Mando</t>
  </si>
  <si>
    <t>Moauza Mando Tehsil and distt. M.Garh</t>
  </si>
  <si>
    <t>Utra Sandila</t>
  </si>
  <si>
    <t>Muhammad Sohail Khan</t>
  </si>
  <si>
    <t>GGPS BASTI BUKHARA</t>
  </si>
  <si>
    <t>Fateh Surani</t>
  </si>
  <si>
    <t>Basti Barkhra</t>
  </si>
  <si>
    <t>Farhat Karim</t>
  </si>
  <si>
    <t>12716</t>
  </si>
  <si>
    <t>GGPS BHATTIAN WALA</t>
  </si>
  <si>
    <t>BARA SADAT- FEMALE</t>
  </si>
  <si>
    <t>bhattian wala</t>
  </si>
  <si>
    <t>Bhattia Wala</t>
  </si>
  <si>
    <t>AALI DAHA</t>
  </si>
  <si>
    <t>Madiha Zainab</t>
  </si>
  <si>
    <t>4418</t>
  </si>
  <si>
    <t>12785</t>
  </si>
  <si>
    <t>GGPS HASSAN PUR KHAS</t>
  </si>
  <si>
    <t>IFTIKHAR WALA- FEMALE</t>
  </si>
  <si>
    <t>basti raseedabad hasanpur khacha</t>
  </si>
  <si>
    <t>Hasan Pur Khacha</t>
  </si>
  <si>
    <t>Rida Fayaz</t>
  </si>
  <si>
    <t>8394</t>
  </si>
  <si>
    <t>12847</t>
  </si>
  <si>
    <t>GGPS RAMZAN ABAD</t>
  </si>
  <si>
    <t>mando</t>
  </si>
  <si>
    <t>basti ramzan abad teh&amp;distt m.garh</t>
  </si>
  <si>
    <t>ramzan abad</t>
  </si>
  <si>
    <t>Saima Bashir</t>
  </si>
  <si>
    <t>12916</t>
  </si>
  <si>
    <t>GGPS LALAY WALA</t>
  </si>
  <si>
    <t>govt girls primary school lalay wala</t>
  </si>
  <si>
    <t>Basti China</t>
  </si>
  <si>
    <t>Umama Maryum</t>
  </si>
  <si>
    <t>GPS HATHI MAR</t>
  </si>
  <si>
    <t>BARTHI SHUMALI</t>
  </si>
  <si>
    <t>HATHI MAR BARTHI SHUMALI</t>
  </si>
  <si>
    <t>Basti dahar trible area distt dgkhan</t>
  </si>
  <si>
    <t>9079</t>
  </si>
  <si>
    <t>GPS BINDAR</t>
  </si>
  <si>
    <t>Bindar</t>
  </si>
  <si>
    <t>basti bindar trible area distt dgkhan</t>
  </si>
  <si>
    <t>Faqeer Khan</t>
  </si>
  <si>
    <t>GPS JATTO KALAT</t>
  </si>
  <si>
    <t>Jatto. Kalat barthi trible area distt dgkhan</t>
  </si>
  <si>
    <t>Jatto Kalat</t>
  </si>
  <si>
    <t>21208</t>
  </si>
  <si>
    <t>GPS MOHI CHOOR</t>
  </si>
  <si>
    <t>CHOR</t>
  </si>
  <si>
    <t>GPS MOHI CHOR</t>
  </si>
  <si>
    <t>MOHI CHOR</t>
  </si>
  <si>
    <t>Muhammad Javid Iqbal</t>
  </si>
  <si>
    <t>GPS SARATI</t>
  </si>
  <si>
    <t>Gps sarati post office barthi teh taunsa tribal area</t>
  </si>
  <si>
    <t>Sarati Basti Abd Ul Rehman</t>
  </si>
  <si>
    <t>Muhammad Ramzan Hadir</t>
  </si>
  <si>
    <t>9088</t>
  </si>
  <si>
    <t>GPS KHOR JAFARANI</t>
  </si>
  <si>
    <t>GPS khor Jafrani Barthi</t>
  </si>
  <si>
    <t>Khor Jafrani</t>
  </si>
  <si>
    <t>Muhammad Chiragh Ud Din</t>
  </si>
  <si>
    <t>9089</t>
  </si>
  <si>
    <t>GPS BARTHI</t>
  </si>
  <si>
    <t>Tribal area barthi basti gulkhani qalat</t>
  </si>
  <si>
    <t>GPS TUNDANI KHOR</t>
  </si>
  <si>
    <t>Basti tundani khor PO Barthi tests ili Taunsa sharif</t>
  </si>
  <si>
    <t>Tundani Khor</t>
  </si>
  <si>
    <t>Muhammad Irfanullah</t>
  </si>
  <si>
    <t>9091</t>
  </si>
  <si>
    <t>GPS KARNI</t>
  </si>
  <si>
    <t>KIRNI</t>
  </si>
  <si>
    <t>KIRNI TRIBAL AREA DG KHAN</t>
  </si>
  <si>
    <t>ABDUL GHANI</t>
  </si>
  <si>
    <t>FROM SANGHAR ROD KOHI</t>
  </si>
  <si>
    <t>GPS SEEMAR</t>
  </si>
  <si>
    <t>Abdul Rasheed Shah</t>
  </si>
  <si>
    <t>45952</t>
  </si>
  <si>
    <t>9093</t>
  </si>
  <si>
    <t>GPS SOHR BUN</t>
  </si>
  <si>
    <t>Dombar</t>
  </si>
  <si>
    <t>Gps Sohr Bun UC Barthi</t>
  </si>
  <si>
    <t>Sohr Bun</t>
  </si>
  <si>
    <t>GHAZI KHAN</t>
  </si>
  <si>
    <t>GPS MAILA</t>
  </si>
  <si>
    <t>Dombar South</t>
  </si>
  <si>
    <t>maila</t>
  </si>
  <si>
    <t>Maila</t>
  </si>
  <si>
    <t>Abdul Rafeeq Shah</t>
  </si>
  <si>
    <t>9095</t>
  </si>
  <si>
    <t>GPS SIR BIL</t>
  </si>
  <si>
    <t>Thul Mar sar</t>
  </si>
  <si>
    <t>sarbil thul marsar p/o barthi dg khan</t>
  </si>
  <si>
    <t>GPS BINDEVE</t>
  </si>
  <si>
    <t>Phuglu</t>
  </si>
  <si>
    <t>mouza phuglu basti bindeou thekar trible area distt dgkhan</t>
  </si>
  <si>
    <t>Bindou</t>
  </si>
  <si>
    <t>Fakhar Imam</t>
  </si>
  <si>
    <t>2586</t>
  </si>
  <si>
    <t>9099</t>
  </si>
  <si>
    <t>GPS MARKI</t>
  </si>
  <si>
    <t>p/o barthi basti marki</t>
  </si>
  <si>
    <t>GPS TARAEI GERDAN</t>
  </si>
  <si>
    <t>Basti taraei garden teh trible area distt dgkhan</t>
  </si>
  <si>
    <t>Taraei Garden</t>
  </si>
  <si>
    <t>muhammad Yousuf</t>
  </si>
  <si>
    <t>GPS TUTU MAR</t>
  </si>
  <si>
    <t>tutu mar</t>
  </si>
  <si>
    <t>trible area basti tutu mar uc theeker pm barthi</t>
  </si>
  <si>
    <t>Muhammad Saleem Ullah</t>
  </si>
  <si>
    <t>22695</t>
  </si>
  <si>
    <t>9103</t>
  </si>
  <si>
    <t>GPS LOPHANI DUFF</t>
  </si>
  <si>
    <t>Lophane Duff</t>
  </si>
  <si>
    <t>bste lophane duff</t>
  </si>
  <si>
    <t>Wahid Bakhsh</t>
  </si>
  <si>
    <t>GPS THOKH THONGWANI</t>
  </si>
  <si>
    <t>Serbill</t>
  </si>
  <si>
    <t>thokh tangwani serbill tribal area</t>
  </si>
  <si>
    <t>Thokh Tangwani</t>
  </si>
  <si>
    <t>GPS KARI SIR</t>
  </si>
  <si>
    <t>Gwasani Sarbil</t>
  </si>
  <si>
    <t>Basti kari Sir Tribal Area Barthi Tehsil Taunsa Distt. DG khan</t>
  </si>
  <si>
    <t>Kari Sir</t>
  </si>
  <si>
    <t>Villagers' Hand Pump</t>
  </si>
  <si>
    <t>9106</t>
  </si>
  <si>
    <t>GES MUT CHAKRANI</t>
  </si>
  <si>
    <t>Mouza mutt trible area barthi distt dgkhan</t>
  </si>
  <si>
    <t>10947</t>
  </si>
  <si>
    <t>GPS AZGHANI BUN</t>
  </si>
  <si>
    <t>busti Azghani bun tehsil Trimble dist d g khan</t>
  </si>
  <si>
    <t>Azghani Bun</t>
  </si>
  <si>
    <t>9109</t>
  </si>
  <si>
    <t>GPS MUMDANI KALAT</t>
  </si>
  <si>
    <t>Naldaf</t>
  </si>
  <si>
    <t>Mumdani kalat p/o Barthi trible area distt dgkhan</t>
  </si>
  <si>
    <t>Mumdani Kalat</t>
  </si>
  <si>
    <t>GPS BAIL BATTAR</t>
  </si>
  <si>
    <t>Bail Battar</t>
  </si>
  <si>
    <t>Basti Bail Battar UC Mubarki tehsil Taunsa Sharif Dist DG Khan</t>
  </si>
  <si>
    <t>Muhammad Usman Ghani</t>
  </si>
  <si>
    <t>54073</t>
  </si>
  <si>
    <t>GPS ZHURAFF</t>
  </si>
  <si>
    <t>basti zuhraf uc mubarki</t>
  </si>
  <si>
    <t>Zuhraf</t>
  </si>
  <si>
    <t>GPS CHEEK</t>
  </si>
  <si>
    <t>basti cheek u/c mubarki p/o sakhi sarwar tehsil taunsa shareef</t>
  </si>
  <si>
    <t>Cheek</t>
  </si>
  <si>
    <t>Rahmat Ullah</t>
  </si>
  <si>
    <t>31119</t>
  </si>
  <si>
    <t>9113</t>
  </si>
  <si>
    <t>GPS SIR THOKH</t>
  </si>
  <si>
    <t>sir Thokh uc mubarki</t>
  </si>
  <si>
    <t>Abdul Aziz Khan</t>
  </si>
  <si>
    <t>GPS DADA KOH</t>
  </si>
  <si>
    <t>Zahr Auff</t>
  </si>
  <si>
    <t>Basti piara Dada koh u/c Mubarki p/o sakhi Sarwar DG Khan</t>
  </si>
  <si>
    <t>Basti Piara Khan</t>
  </si>
  <si>
    <t>51896</t>
  </si>
  <si>
    <t>GPS KHOTTI THAL</t>
  </si>
  <si>
    <t>Solani</t>
  </si>
  <si>
    <t>UC Mubarki Tehsil Taunsa District D.G.khan</t>
  </si>
  <si>
    <t>GPS MANKA QALAT</t>
  </si>
  <si>
    <t>fazla katch tehsil tuansa dist DG khan</t>
  </si>
  <si>
    <t>Manka Qalat</t>
  </si>
  <si>
    <t>9119</t>
  </si>
  <si>
    <t>GPS DROHI</t>
  </si>
  <si>
    <t>drohi</t>
  </si>
  <si>
    <t>Ghous Bakhsh</t>
  </si>
  <si>
    <t>fetch water from nearest water pump</t>
  </si>
  <si>
    <t>GPS MAKHA</t>
  </si>
  <si>
    <t>makha p/o fazla</t>
  </si>
  <si>
    <t>Makha</t>
  </si>
  <si>
    <t>Muhammad  Umar</t>
  </si>
  <si>
    <t>52007</t>
  </si>
  <si>
    <t>GPS SUBHANI DAGAR</t>
  </si>
  <si>
    <t>manka jnobi</t>
  </si>
  <si>
    <t>manka jnobi tribal area u/cd fazlah kachh</t>
  </si>
  <si>
    <t>sobhani daggar</t>
  </si>
  <si>
    <t>Ghulam Ilyas</t>
  </si>
  <si>
    <t>9124</t>
  </si>
  <si>
    <t>GPS KHURALI</t>
  </si>
  <si>
    <t>Khurali</t>
  </si>
  <si>
    <t>GPS khurali</t>
  </si>
  <si>
    <t>Basti Khurali</t>
  </si>
  <si>
    <t>GPS DAAG</t>
  </si>
  <si>
    <t>daag</t>
  </si>
  <si>
    <t>basti daag trible area</t>
  </si>
  <si>
    <t>riaz ahmed</t>
  </si>
  <si>
    <t>9128</t>
  </si>
  <si>
    <t>GPS AUROW</t>
  </si>
  <si>
    <t>Aurow Jora</t>
  </si>
  <si>
    <t>basti Aurow u/c fazla kuch tribal area dgkhan</t>
  </si>
  <si>
    <t>Aurow</t>
  </si>
  <si>
    <t>GPS KATCHI JUNDHI</t>
  </si>
  <si>
    <t>Jhundi</t>
  </si>
  <si>
    <t>GPS jhundi muza jhundi uc fazla kachh</t>
  </si>
  <si>
    <t>GPS SORA</t>
  </si>
  <si>
    <t>Dabh Ghoray Wail</t>
  </si>
  <si>
    <t>Basti Sora UC Theekar Tribal Area Barthi</t>
  </si>
  <si>
    <t>Sora</t>
  </si>
  <si>
    <t>9132</t>
  </si>
  <si>
    <t>GPS NALI LADWANI</t>
  </si>
  <si>
    <t>sora</t>
  </si>
  <si>
    <t>Nali Ladwani  Tehsil taunsa sharif hills shumali</t>
  </si>
  <si>
    <t>nali ladwani</t>
  </si>
  <si>
    <t>nazar hussain</t>
  </si>
  <si>
    <t>9133</t>
  </si>
  <si>
    <t>GPS MARI</t>
  </si>
  <si>
    <t>mari tribal area</t>
  </si>
  <si>
    <t>shaukat ali</t>
  </si>
  <si>
    <t>natural water flow</t>
  </si>
  <si>
    <t>GPS BARGHA-SAR-TUNGA</t>
  </si>
  <si>
    <t>Dub Ghoray Vail</t>
  </si>
  <si>
    <t>Post office Barthi Tehsil Taunsa(Tribal Area) District Dera  Ghazi Khan</t>
  </si>
  <si>
    <t>Baragh Sir Tunga</t>
  </si>
  <si>
    <t>shah nawaz</t>
  </si>
  <si>
    <t>9135</t>
  </si>
  <si>
    <t>GPS KHALI GALI</t>
  </si>
  <si>
    <t>bastikhalegali tensile taunsa</t>
  </si>
  <si>
    <t>Muhammad Muddasir Shahzad</t>
  </si>
  <si>
    <t>42336</t>
  </si>
  <si>
    <t>GPS TAKHAWAL</t>
  </si>
  <si>
    <t>Thakhawal</t>
  </si>
  <si>
    <t>basti thakhwal,uc theekar trible area taunsa DG khan</t>
  </si>
  <si>
    <t>Thkhawl</t>
  </si>
  <si>
    <t>Tanveer Ahmad</t>
  </si>
  <si>
    <t>9138</t>
  </si>
  <si>
    <t>GPS DUB GHORAY WAIL</t>
  </si>
  <si>
    <t>Dub Ghorrsy Wail</t>
  </si>
  <si>
    <t>dub ghorray wail</t>
  </si>
  <si>
    <t>Dub Ghorray Wail</t>
  </si>
  <si>
    <t>9139</t>
  </si>
  <si>
    <t>GPS MANJU-WEEL</t>
  </si>
  <si>
    <t>Manjhuweel</t>
  </si>
  <si>
    <t>Manjhuweel near Kharar Buzdar Tribal Area D.G Khan</t>
  </si>
  <si>
    <t>Umar Khan</t>
  </si>
  <si>
    <t>GPS TOR GATH</t>
  </si>
  <si>
    <t>Basti Tor Gath Mari P o barthi tehsil and District Dg khan</t>
  </si>
  <si>
    <t>Torgath</t>
  </si>
  <si>
    <t>9141</t>
  </si>
  <si>
    <t>GPS CHAJRO</t>
  </si>
  <si>
    <t>Skandi</t>
  </si>
  <si>
    <t>chajroo</t>
  </si>
  <si>
    <t>Chajroo</t>
  </si>
  <si>
    <t>9145</t>
  </si>
  <si>
    <t>GPS GORAHA</t>
  </si>
  <si>
    <t>Goraha</t>
  </si>
  <si>
    <t>Basti Goraha</t>
  </si>
  <si>
    <t>NABI BAKHSH</t>
  </si>
  <si>
    <t>9147</t>
  </si>
  <si>
    <t>GPS KORO SHUMALI</t>
  </si>
  <si>
    <t>Bairot</t>
  </si>
  <si>
    <t>koro shumali triable area d g khan</t>
  </si>
  <si>
    <t>Koro Shumali</t>
  </si>
  <si>
    <t>Rehan Ullah</t>
  </si>
  <si>
    <t>Andar Kanwan</t>
  </si>
  <si>
    <t>Post Office Kot Qaisrani, Kanwan Bore</t>
  </si>
  <si>
    <t>Kanwan Bore</t>
  </si>
  <si>
    <t>53497</t>
  </si>
  <si>
    <t>GPS KAMAWAIL</t>
  </si>
  <si>
    <t>Kamawail</t>
  </si>
  <si>
    <t>kamawail triable area taunsa</t>
  </si>
  <si>
    <t>majeed ullah</t>
  </si>
  <si>
    <t>9153</t>
  </si>
  <si>
    <t>GPS SIGHRA</t>
  </si>
  <si>
    <t>Sighra</t>
  </si>
  <si>
    <t>village Sighra</t>
  </si>
  <si>
    <t>Muhammad Ramzan Qasim</t>
  </si>
  <si>
    <t>GPS HAMAL WALI</t>
  </si>
  <si>
    <t>Hamal Wali</t>
  </si>
  <si>
    <t>Hamal wali</t>
  </si>
  <si>
    <t>GPS GORAN THUL</t>
  </si>
  <si>
    <t>goran thul uc 90 mithwan</t>
  </si>
  <si>
    <t>Goran Thul</t>
  </si>
  <si>
    <t>9157</t>
  </si>
  <si>
    <t>GPS BAMBAH NO II</t>
  </si>
  <si>
    <t>Kohar Shumali</t>
  </si>
  <si>
    <t>GPS Bhambha No 2, village  Kuhar Shumali</t>
  </si>
  <si>
    <t>GHULAMMUHAMMAD</t>
  </si>
  <si>
    <t>GPS LAZDAN</t>
  </si>
  <si>
    <t>Lazdan</t>
  </si>
  <si>
    <t>lazdan p/o vehoa tribal area DG khan</t>
  </si>
  <si>
    <t>allah nawaz</t>
  </si>
  <si>
    <t>GPS KHALIRO</t>
  </si>
  <si>
    <t>KHALIRO</t>
  </si>
  <si>
    <t>GPS KHALAIRO</t>
  </si>
  <si>
    <t>KHALAIRO</t>
  </si>
  <si>
    <t>Jamshed Iqbal</t>
  </si>
  <si>
    <t>9161</t>
  </si>
  <si>
    <t>GPS BAJHA</t>
  </si>
  <si>
    <t>basti Bajha uc mithwan</t>
  </si>
  <si>
    <t>Ghulam Abass</t>
  </si>
  <si>
    <t>tab</t>
  </si>
  <si>
    <t>9163</t>
  </si>
  <si>
    <t>GPS LAKHI BHER</t>
  </si>
  <si>
    <t>JANDWANGA</t>
  </si>
  <si>
    <t>LAKHI BHIR TRIBAL AREA</t>
  </si>
  <si>
    <t>LAKHI BHIR</t>
  </si>
  <si>
    <t>ABDUL QADIR</t>
  </si>
  <si>
    <t>FROM PRIVATE SECTOR</t>
  </si>
  <si>
    <t>GPS BHABHA NO 1</t>
  </si>
  <si>
    <t>bhambha po litra trible area dg khan</t>
  </si>
  <si>
    <t>GPS NALA SHARQI NO 1</t>
  </si>
  <si>
    <t>Khodath Nala Sharqi</t>
  </si>
  <si>
    <t>khohi dath nala sharqi</t>
  </si>
  <si>
    <t>Khohi Dath Nala Sharqi</t>
  </si>
  <si>
    <t>Etzaz Munir</t>
  </si>
  <si>
    <t>39987</t>
  </si>
  <si>
    <t>GPS NALA GHARBI</t>
  </si>
  <si>
    <t>Nala Gharbi</t>
  </si>
  <si>
    <t>nala gharbi</t>
  </si>
  <si>
    <t>rifaat abbas</t>
  </si>
  <si>
    <t>GPS RUK DHARI</t>
  </si>
  <si>
    <t>RUKDHERI</t>
  </si>
  <si>
    <t>BASTI RUKDHERI</t>
  </si>
  <si>
    <t>muhammad rafeeq</t>
  </si>
  <si>
    <t>GPS NALA SHARQI NO 2</t>
  </si>
  <si>
    <t>KAMAWIL JANOBI</t>
  </si>
  <si>
    <t>KAMAWIL JANOBI TRIBAL AREA</t>
  </si>
  <si>
    <t>KAMAAWIL JANOBI</t>
  </si>
  <si>
    <t>allou din</t>
  </si>
  <si>
    <t>GPS LOHI</t>
  </si>
  <si>
    <t>basti lohi trible area d.g.khan</t>
  </si>
  <si>
    <t>GHULAM RASOOL</t>
  </si>
  <si>
    <t>9172</t>
  </si>
  <si>
    <t>GPS MASJID KACHOOR</t>
  </si>
  <si>
    <t>Basti  Kacoor Tehsile  Taunsa disttrict  D.G.Khan</t>
  </si>
  <si>
    <t>Kachoor</t>
  </si>
  <si>
    <t>9173</t>
  </si>
  <si>
    <t>GGPS JOOTAR</t>
  </si>
  <si>
    <t>jadwanga</t>
  </si>
  <si>
    <t>basti joter p/o lakhani</t>
  </si>
  <si>
    <t>joter</t>
  </si>
  <si>
    <t>sumaira rashid</t>
  </si>
  <si>
    <t>GGMPS BHANWAR</t>
  </si>
  <si>
    <t>BHanwar</t>
  </si>
  <si>
    <t>bhanwar p o phugla</t>
  </si>
  <si>
    <t>Sakeena Akhtar</t>
  </si>
  <si>
    <t>GGPS DALI WALI</t>
  </si>
  <si>
    <t>Rasheeda Tasneem</t>
  </si>
  <si>
    <t>GGPS HARNAY WALI</t>
  </si>
  <si>
    <t>Nari</t>
  </si>
  <si>
    <t>Harney wali</t>
  </si>
  <si>
    <t>Harney Wali</t>
  </si>
  <si>
    <t>Chand Sultana</t>
  </si>
  <si>
    <t>given by neighbours</t>
  </si>
  <si>
    <t>GGPS MORE JAHNGI</t>
  </si>
  <si>
    <t>more jhangi</t>
  </si>
  <si>
    <t>KHANZADI ASMA KANWAL</t>
  </si>
  <si>
    <t>9216</t>
  </si>
  <si>
    <t>GGPS RAKH MORE JHANGI</t>
  </si>
  <si>
    <t>basti rakh More jhangi</t>
  </si>
  <si>
    <t>Rakh More Jhangi</t>
  </si>
  <si>
    <t>Zakia Hamid</t>
  </si>
  <si>
    <t>53918</t>
  </si>
  <si>
    <t>GGMPS CHOONI</t>
  </si>
  <si>
    <t>chooni</t>
  </si>
  <si>
    <t>basti chooni p/o termin</t>
  </si>
  <si>
    <t>MUSSRAT JABEEN</t>
  </si>
  <si>
    <t>GGMPS SHADI WALA</t>
  </si>
  <si>
    <t>basti shadi wala p/o lakhani tehsil taunsa district dg khan</t>
  </si>
  <si>
    <t>Shadi Wala</t>
  </si>
  <si>
    <t>Reahana Batool</t>
  </si>
  <si>
    <t>11166</t>
  </si>
  <si>
    <t>GGPS LALU NO. 2</t>
  </si>
  <si>
    <t>basti lalu</t>
  </si>
  <si>
    <t>Lalu</t>
  </si>
  <si>
    <t>9267</t>
  </si>
  <si>
    <t>GGPS BOHAR NO. 1</t>
  </si>
  <si>
    <t>basti bohar tehsil taunsa distrct dgkhan</t>
  </si>
  <si>
    <t>Asma Mujtba</t>
  </si>
  <si>
    <t>9288</t>
  </si>
  <si>
    <t>GGPS TAUNSA NO. 11</t>
  </si>
  <si>
    <t>mohalla nazam GGPS NO 11 TAUNSA</t>
  </si>
  <si>
    <t>MC Taunsa</t>
  </si>
  <si>
    <t>Rifat Jabeen</t>
  </si>
  <si>
    <t>9342</t>
  </si>
  <si>
    <t>GGPS HUMMAL</t>
  </si>
  <si>
    <t>Hamal</t>
  </si>
  <si>
    <t>Basti hamal p/o kathgarh tehsil tunsa sharif disst.dgk</t>
  </si>
  <si>
    <t>Basti Hamal</t>
  </si>
  <si>
    <t>Rehana Abid</t>
  </si>
  <si>
    <t>9346</t>
  </si>
  <si>
    <t>GGMPS BASTI SHAH</t>
  </si>
  <si>
    <t>Lighari/</t>
  </si>
  <si>
    <t>basti shah p/o Nutkani</t>
  </si>
  <si>
    <t>GGPS FATEH KHAN</t>
  </si>
  <si>
    <t>basti fateh khan</t>
  </si>
  <si>
    <t>Amna Sarwar</t>
  </si>
  <si>
    <t>GGPS FAZILA KATCHH</t>
  </si>
  <si>
    <t>BASTI thaleel</t>
  </si>
  <si>
    <t>Zahidah Bibi</t>
  </si>
  <si>
    <t>GGPS BASTI BIROT</t>
  </si>
  <si>
    <t>basti birot p/o kot qaisrani teh tribal Area d g khan</t>
  </si>
  <si>
    <t>Afifa Ejaz</t>
  </si>
  <si>
    <t>9357</t>
  </si>
  <si>
    <t>GGPS BASTI NALA GHARBI</t>
  </si>
  <si>
    <t>GGPS nala gharbi</t>
  </si>
  <si>
    <t>Bassran Bibi</t>
  </si>
  <si>
    <t>9358</t>
  </si>
  <si>
    <t>GGPS CHUKEN-ZAM</t>
  </si>
  <si>
    <t>Chukezam</t>
  </si>
  <si>
    <t>Chuken Zam</t>
  </si>
  <si>
    <t>ASIA IRUM</t>
  </si>
  <si>
    <t>9362</t>
  </si>
  <si>
    <t>GGES GOHRHA</t>
  </si>
  <si>
    <t>Gorha</t>
  </si>
  <si>
    <t>37125</t>
  </si>
  <si>
    <t>9365</t>
  </si>
  <si>
    <t>GGPS MUD BATHI</t>
  </si>
  <si>
    <t>Bathi</t>
  </si>
  <si>
    <t>P/o Jhoke Bodo, Tehsil Taunsa DG Khan</t>
  </si>
  <si>
    <t>Mud Bathi</t>
  </si>
  <si>
    <t>Rabia Khanam</t>
  </si>
  <si>
    <t>GPS BARA SADAT</t>
  </si>
  <si>
    <t>basti Hasan wala</t>
  </si>
  <si>
    <t>Hasan Wala</t>
  </si>
  <si>
    <t>Muhammad Shoaib Khan</t>
  </si>
  <si>
    <t>GPS CHIMROO WALI</t>
  </si>
  <si>
    <t>Chimroo wali</t>
  </si>
  <si>
    <t>bsti Chimroo wali p/o khangarh t/d m.garh</t>
  </si>
  <si>
    <t>Chimroo Wali</t>
  </si>
  <si>
    <t>Muhammad Asif Shahzad</t>
  </si>
  <si>
    <t>12942</t>
  </si>
  <si>
    <t>GPS CHAN WALA</t>
  </si>
  <si>
    <t>Chan wala</t>
  </si>
  <si>
    <t>12944</t>
  </si>
  <si>
    <t>GPS BAGH PUR</t>
  </si>
  <si>
    <t>SHAH GARH- MALE</t>
  </si>
  <si>
    <t>Bagh Pur</t>
  </si>
  <si>
    <t>Moza Bagh Pur, p/o Mondka, Tehsil &amp; District Muzaffargarh</t>
  </si>
  <si>
    <t>Qaisar  Abbas</t>
  </si>
  <si>
    <t>39952</t>
  </si>
  <si>
    <t>GPS MEER DAD</t>
  </si>
  <si>
    <t>Punjgrian</t>
  </si>
  <si>
    <t>basti wanveri Wala mouza punjgrian p.o basti drigh tehsil and district Muzaffar garh</t>
  </si>
  <si>
    <t>Wanveri Wala</t>
  </si>
  <si>
    <t>Fiaz Muhammad Khan</t>
  </si>
  <si>
    <t>12947</t>
  </si>
  <si>
    <t>GPS JAMIA USMANIA</t>
  </si>
  <si>
    <t>MUZAFFARGARH- MALE</t>
  </si>
  <si>
    <t>rawaly wala muzaffargarh</t>
  </si>
  <si>
    <t>Wazir Ahmad</t>
  </si>
  <si>
    <t>54921</t>
  </si>
  <si>
    <t>GPS KHANGAN SHUMALI</t>
  </si>
  <si>
    <t>KHANGHAN SHUMALI</t>
  </si>
  <si>
    <t>CHAH KHILOO WALA P/O KHAN PUR BAGGA SHER M.GARH</t>
  </si>
  <si>
    <t>KHILOO WALA</t>
  </si>
  <si>
    <t>Hafeez ullah</t>
  </si>
  <si>
    <t>GPS LASHKAR PUR</t>
  </si>
  <si>
    <t>lashkar pur</t>
  </si>
  <si>
    <t>p/o khudai mouza lashkar pur tehsil &amp; district muzaffergarh</t>
  </si>
  <si>
    <t>Muhammad Kafeel Anjum</t>
  </si>
  <si>
    <t>GPS CHAK NO. 4/4 R</t>
  </si>
  <si>
    <t>6/4r</t>
  </si>
  <si>
    <t>p/o rang pur 6/4r</t>
  </si>
  <si>
    <t>Muhammed Sajid</t>
  </si>
  <si>
    <t>12958</t>
  </si>
  <si>
    <t>GPS YOUSAF WALA</t>
  </si>
  <si>
    <t>ROHILLAN WALI- MALE</t>
  </si>
  <si>
    <t>Kandhi Balouchan</t>
  </si>
  <si>
    <t>basti badrain moza kandhi blouchan markz rohillan wali tesil district muzaffar garh</t>
  </si>
  <si>
    <t>Badrain</t>
  </si>
  <si>
    <t>Muhammad  Naveed</t>
  </si>
  <si>
    <t>UMMER PUR- MALE</t>
  </si>
  <si>
    <t>Makhan Baela</t>
  </si>
  <si>
    <t>haji Moor basti kumharan</t>
  </si>
  <si>
    <t>Rohillan Wali</t>
  </si>
  <si>
    <t>54378</t>
  </si>
  <si>
    <t>GMMS SAM WALA</t>
  </si>
  <si>
    <t>duniya pur</t>
  </si>
  <si>
    <t>ada saam wala jhang road teh. &amp; distt. muzaffargarh</t>
  </si>
  <si>
    <t>saam wala</t>
  </si>
  <si>
    <t>GPS YARA JOIA</t>
  </si>
  <si>
    <t>Yara Joia</t>
  </si>
  <si>
    <t>Basti yara joya moza yara joya post office shah jamal Tehsil &amp; Distt.M.Garh</t>
  </si>
  <si>
    <t>25466</t>
  </si>
  <si>
    <t>12974</t>
  </si>
  <si>
    <t>GPS MASSA SANDILA</t>
  </si>
  <si>
    <t>Massa Sandila</t>
  </si>
  <si>
    <t>Basti kanera , Mauza Massa Sandila, Teh. &amp; Distt. M.Garh</t>
  </si>
  <si>
    <t>Irfan Rasul</t>
  </si>
  <si>
    <t>45798</t>
  </si>
  <si>
    <t>12975</t>
  </si>
  <si>
    <t>GPS LOHACHAN WALA</t>
  </si>
  <si>
    <t>basti lohanch wala mouza bait qaim shah p/o danrein teh&amp; dist muzaffargarh</t>
  </si>
  <si>
    <t>Danrein</t>
  </si>
  <si>
    <t>Syed Noman Aleem Shah</t>
  </si>
  <si>
    <t>12977</t>
  </si>
  <si>
    <t>GPS SHEIKH LAAL WALA</t>
  </si>
  <si>
    <t>Utra</t>
  </si>
  <si>
    <t>p/o utra sandila moza utra basti mosay wala Th/ d  m.garh</t>
  </si>
  <si>
    <t>Mosay Wala</t>
  </si>
  <si>
    <t>Basti kanday wala P/0 kanday wala</t>
  </si>
  <si>
    <t>Ashar Khan Dasti</t>
  </si>
  <si>
    <t>4469</t>
  </si>
  <si>
    <t>GPS PHAMBI WALA</t>
  </si>
  <si>
    <t>USMAN KORIA- MALE</t>
  </si>
  <si>
    <t>Meetla</t>
  </si>
  <si>
    <t>phambi wala p/o Darain</t>
  </si>
  <si>
    <t>Phambi Wala</t>
  </si>
  <si>
    <t>Qutab Ambrend</t>
  </si>
  <si>
    <t>SHAHJAMAL</t>
  </si>
  <si>
    <t>12983</t>
  </si>
  <si>
    <t>GPS BADDAY WALA</t>
  </si>
  <si>
    <t>SHAH JAMAL- MALE</t>
  </si>
  <si>
    <t>Moor Muhammad Bhabha</t>
  </si>
  <si>
    <t>badday wala uc usman korea</t>
  </si>
  <si>
    <t>Badday Wala</t>
  </si>
  <si>
    <t>Fahad Ahmad</t>
  </si>
  <si>
    <t>12996</t>
  </si>
  <si>
    <t>GGPS MOUZA QURESHI</t>
  </si>
  <si>
    <t>SHAH JAMAL- FEMALE</t>
  </si>
  <si>
    <t>Qutub Ambriend</t>
  </si>
  <si>
    <t>ggps mouza qureshi wala</t>
  </si>
  <si>
    <t>Molao Korea</t>
  </si>
  <si>
    <t>Shakila Majeed</t>
  </si>
  <si>
    <t>52394</t>
  </si>
  <si>
    <t>44336</t>
  </si>
  <si>
    <t>GPS MASOOD ABAD</t>
  </si>
  <si>
    <t>Gairy Wahin</t>
  </si>
  <si>
    <t>liaqatabad khan garh muzaffargarh</t>
  </si>
  <si>
    <t>Pairey Wala</t>
  </si>
  <si>
    <t>Hafiz Nazir Ahmad</t>
  </si>
  <si>
    <t>13018</t>
  </si>
  <si>
    <t>GPS KHAKHI ABAD</t>
  </si>
  <si>
    <t>p/o mochiwali Gps khakhi abad</t>
  </si>
  <si>
    <t>Muhammad Naeem ullah</t>
  </si>
  <si>
    <t>44710</t>
  </si>
  <si>
    <t>13023</t>
  </si>
  <si>
    <t>GPS BASTI DILAWAR</t>
  </si>
  <si>
    <t>Khan Pur Janubi</t>
  </si>
  <si>
    <t>khan pur janubi, p/o ibrahim wali, tehsil &amp; district muzaffargarh</t>
  </si>
  <si>
    <t>Gindi Wala</t>
  </si>
  <si>
    <t>Faisal Ayyaz</t>
  </si>
  <si>
    <t>13029</t>
  </si>
  <si>
    <t>GGPS SADIQ WALA</t>
  </si>
  <si>
    <t>Dittan Wali</t>
  </si>
  <si>
    <t>Village and moza dittan wali p/o mondka tehsil o zila muzaffargarh</t>
  </si>
  <si>
    <t>Dittanwali</t>
  </si>
  <si>
    <t>najma kausar</t>
  </si>
  <si>
    <t>24476</t>
  </si>
  <si>
    <t>GPS CHABUTRA ADHA</t>
  </si>
  <si>
    <t>Chabutra Adha</t>
  </si>
  <si>
    <t>GPS chabutra adha p/o rang pur</t>
  </si>
  <si>
    <t>Abrar  Ahmed</t>
  </si>
  <si>
    <t>13036</t>
  </si>
  <si>
    <t>GPS CHARAGH BELA NO. 3</t>
  </si>
  <si>
    <t>Charagh Bela</t>
  </si>
  <si>
    <t>Moza Charagh Bela P/O Rang Pur M.Garh</t>
  </si>
  <si>
    <t>Waseem Shoukat</t>
  </si>
  <si>
    <t>13041</t>
  </si>
  <si>
    <t>GPS JHOK BURGAY WALA</t>
  </si>
  <si>
    <t>Bullay wahin</t>
  </si>
  <si>
    <t>GPS Jhok Burgay wala Muzaffargarh</t>
  </si>
  <si>
    <t>Jhok Burgay wala</t>
  </si>
  <si>
    <t>THATHA QURESHI</t>
  </si>
  <si>
    <t>41695</t>
  </si>
  <si>
    <t>54377</t>
  </si>
  <si>
    <t>GGPS LOTAY WALA</t>
  </si>
  <si>
    <t>Basti Lotay Wala shahjamal</t>
  </si>
  <si>
    <t>Lotay Wala</t>
  </si>
  <si>
    <t>Sumreen Atta</t>
  </si>
  <si>
    <t>31175</t>
  </si>
  <si>
    <t>54630</t>
  </si>
  <si>
    <t>GPS MAHNI SIAL</t>
  </si>
  <si>
    <t>MahniSial</t>
  </si>
  <si>
    <t>Monza Mahni Sial, Thatha sialan, Muradabad, Muzaffargarh</t>
  </si>
  <si>
    <t>Thattha Sialan</t>
  </si>
  <si>
    <t>Muhammad Tahir Naeem</t>
  </si>
  <si>
    <t>34560</t>
  </si>
  <si>
    <t>4410</t>
  </si>
  <si>
    <t>54853</t>
  </si>
  <si>
    <t>GGPS Ali Abad Rodan Wala</t>
  </si>
  <si>
    <t>BASIRA- FEMALE</t>
  </si>
  <si>
    <t>RODAN WALA</t>
  </si>
  <si>
    <t>ALI ABAD RODAN WALA, BASIRA</t>
  </si>
  <si>
    <t>RAKSHANDA TABEER</t>
  </si>
  <si>
    <t>54317</t>
  </si>
  <si>
    <t>GGPS SHAH WALA</t>
  </si>
  <si>
    <t>Aloody Wali</t>
  </si>
  <si>
    <t>Post Office  aloody wali Tehsil and District M.garh</t>
  </si>
  <si>
    <t>Adeela Ayoub</t>
  </si>
  <si>
    <t>54910</t>
  </si>
  <si>
    <t>GPS ADDA MUHAMMAD WALA</t>
  </si>
  <si>
    <t>Jalal Wala</t>
  </si>
  <si>
    <t>chaha jalal WalaBasti Muhammad wala patti sultan mehmood post office langar sariae tehsil, district m. garh</t>
  </si>
  <si>
    <t>13052</t>
  </si>
  <si>
    <t>GHS JHUGGI WALA</t>
  </si>
  <si>
    <t>jhuggi wala</t>
  </si>
  <si>
    <t>P/o jhuggi wala tehsil jatoi Distt M.Garh</t>
  </si>
  <si>
    <t>GPS KACH PAK</t>
  </si>
  <si>
    <t>SHAHER SULTAN CITY- MALE</t>
  </si>
  <si>
    <t>Kach Pak</t>
  </si>
  <si>
    <t>mauza kach pak p/o shaher sultan, tehsil jatoi, district muzaffar garh</t>
  </si>
  <si>
    <t>Pervaiz Iqbal</t>
  </si>
  <si>
    <t>GPS CHIT KALROO</t>
  </si>
  <si>
    <t>Chit Kalroo</t>
  </si>
  <si>
    <t>chit Kalroo</t>
  </si>
  <si>
    <t>BAKAINI</t>
  </si>
  <si>
    <t>Tauqeer Ahmed</t>
  </si>
  <si>
    <t>GGPS ALI MUHAMMAD WALA</t>
  </si>
  <si>
    <t>Wariyan Wala</t>
  </si>
  <si>
    <t>basti tehrani p /o mir hazar khan tehsil jatoi, district muzaffar garh</t>
  </si>
  <si>
    <t>Ayesha Rasheed</t>
  </si>
  <si>
    <t>13214</t>
  </si>
  <si>
    <t>GGPS BASTI ALLAH BAKHSH</t>
  </si>
  <si>
    <t>belay wala</t>
  </si>
  <si>
    <t>Basti Allah bakhsh</t>
  </si>
  <si>
    <t>Amna Urf Tanveer Kaussar</t>
  </si>
  <si>
    <t>31833</t>
  </si>
  <si>
    <t>13255</t>
  </si>
  <si>
    <t>GGPS CHITT WALA</t>
  </si>
  <si>
    <t>Billu Sandila</t>
  </si>
  <si>
    <t>basti chitt wala near masu  shah</t>
  </si>
  <si>
    <t>Chitt Wala</t>
  </si>
  <si>
    <t>kotla lal shah</t>
  </si>
  <si>
    <t>farkhanda jabeen</t>
  </si>
  <si>
    <t>GGPS CHIT CALROO</t>
  </si>
  <si>
    <t>Chit Carloo</t>
  </si>
  <si>
    <t>chit Carloo</t>
  </si>
  <si>
    <t>Sidra Nosheen</t>
  </si>
  <si>
    <t>13274</t>
  </si>
  <si>
    <t>GPS NOORIA FARIDIA</t>
  </si>
  <si>
    <t>basti bokhri teh. jatoi</t>
  </si>
  <si>
    <t>Basti Bokhri</t>
  </si>
  <si>
    <t>GPS SAFDER HUSSAIN WALA</t>
  </si>
  <si>
    <t>Ram Pur 1</t>
  </si>
  <si>
    <t>pnjabi arain rampur1</t>
  </si>
  <si>
    <t>Pnjabi Arain</t>
  </si>
  <si>
    <t>Muhammad Wasim</t>
  </si>
  <si>
    <t>3864</t>
  </si>
  <si>
    <t>13277</t>
  </si>
  <si>
    <t>GPS S JAVAID ABAD</t>
  </si>
  <si>
    <t>Basti pachar mouza jatoi shumali</t>
  </si>
  <si>
    <t>Pachar</t>
  </si>
  <si>
    <t>Abiid Nadeem</t>
  </si>
  <si>
    <t>13279</t>
  </si>
  <si>
    <t>GPS AMEERAN KHAN</t>
  </si>
  <si>
    <t>Basti Laskani Moaza Bhinda mehrban</t>
  </si>
  <si>
    <t>Basti Laskani</t>
  </si>
  <si>
    <t>13309</t>
  </si>
  <si>
    <t>GGPS BASTI RAMZAN KHAN</t>
  </si>
  <si>
    <t>basti Ramzan khan shaher sultan</t>
  </si>
  <si>
    <t>Basti Ramzan Khan</t>
  </si>
  <si>
    <t>13326</t>
  </si>
  <si>
    <t>GGPS TAMGHAY WALA</t>
  </si>
  <si>
    <t>p/o head bakaini bastion gharpal</t>
  </si>
  <si>
    <t>Gharpal</t>
  </si>
  <si>
    <t>13330</t>
  </si>
  <si>
    <t>GGPS MIR WALA</t>
  </si>
  <si>
    <t>basti mir wala mouza bair band merkaz shaher sultan tahsil jatoi distt muzafer garh</t>
  </si>
  <si>
    <t>Mir Wala</t>
  </si>
  <si>
    <t>13335</t>
  </si>
  <si>
    <t>GPS KHURSHID ABAD (KOT RATTA)</t>
  </si>
  <si>
    <t>Kot Rataa</t>
  </si>
  <si>
    <t>moza kot ratta</t>
  </si>
  <si>
    <t>Kot Ratta</t>
  </si>
  <si>
    <t>13339</t>
  </si>
  <si>
    <t>GGPS BASTI LAGHARI NO. 2</t>
  </si>
  <si>
    <t>Mela Chacha</t>
  </si>
  <si>
    <t>moza mela chacha uc belay wala</t>
  </si>
  <si>
    <t>Basti Bahadur</t>
  </si>
  <si>
    <t>Aabda Perveen</t>
  </si>
  <si>
    <t>13342</t>
  </si>
  <si>
    <t>basti mehmoodabad mouza qadir pur p/o Dammar wala shumali tehsil jatoi distt Muzaffar garh</t>
  </si>
  <si>
    <t>Sonia Altaf</t>
  </si>
  <si>
    <t>29963</t>
  </si>
  <si>
    <t>13382</t>
  </si>
  <si>
    <t>GES CHATOOL</t>
  </si>
  <si>
    <t>Chatool</t>
  </si>
  <si>
    <t>Mauza chatool uc wah lashari tehsil Jampur district Rajanpur</t>
  </si>
  <si>
    <t>ali arshad</t>
  </si>
  <si>
    <t>24691</t>
  </si>
  <si>
    <t>13387</t>
  </si>
  <si>
    <t>GGHS SALIM ABAD</t>
  </si>
  <si>
    <t>P/O Saleem Abad</t>
  </si>
  <si>
    <t>Allah Abad Gharbi</t>
  </si>
  <si>
    <t>safeena naz</t>
  </si>
  <si>
    <t>GGPS CHAK NO.158/NP</t>
  </si>
  <si>
    <t>MAHAND SHARIF - FEMALE</t>
  </si>
  <si>
    <t>158/NP</t>
  </si>
  <si>
    <t>G.G P/S Chak No 158 /NP</t>
  </si>
  <si>
    <t>45039</t>
  </si>
  <si>
    <t>GGPS BASTI LAL DIN</t>
  </si>
  <si>
    <t>Fareeda Abad</t>
  </si>
  <si>
    <t>basti lal din chanigoth</t>
  </si>
  <si>
    <t>Basti Lal Din</t>
  </si>
  <si>
    <t>GGPS MEHMOOD SHAH MANDHAL</t>
  </si>
  <si>
    <t>basti laal shah mandhal</t>
  </si>
  <si>
    <t>Basti Laal Shah</t>
  </si>
  <si>
    <t>19343</t>
  </si>
  <si>
    <t>GPS MUMTAZ ABAD</t>
  </si>
  <si>
    <t>MEHRAB WALA - MALE</t>
  </si>
  <si>
    <t>Mehrab Wala</t>
  </si>
  <si>
    <t>Jinah colony Mumtaz Abad P/O Sadiq Garh Palace DNS</t>
  </si>
  <si>
    <t>Mumtaz Abad</t>
  </si>
  <si>
    <t>Muhammad Abbas Haider</t>
  </si>
  <si>
    <t>GPS CHAK NO.157/NP</t>
  </si>
  <si>
    <t>157/np</t>
  </si>
  <si>
    <t>Chak No.157/np P/O Chani Goth</t>
  </si>
  <si>
    <t>Chak 157/np</t>
  </si>
  <si>
    <t>Muhammad Atta Ullah</t>
  </si>
  <si>
    <t>GTPS KARAM PUR</t>
  </si>
  <si>
    <t>Wadhnoor</t>
  </si>
  <si>
    <t>Basti Karam pur post office khair pur daha tehseel Ahmad pur east district bahawal pur</t>
  </si>
  <si>
    <t>Abdul Qudus</t>
  </si>
  <si>
    <t>GPS TANZEEM SHAMS-UL-ALOOM</t>
  </si>
  <si>
    <t>Mohallah Jugpura</t>
  </si>
  <si>
    <t>Eid gah mohallah jugpura</t>
  </si>
  <si>
    <t>Jugpura</t>
  </si>
  <si>
    <t>Muhammad Shahbaz Fareedi</t>
  </si>
  <si>
    <t>GPS SONAY WALI</t>
  </si>
  <si>
    <t>basti soney wali moza sadiqabad</t>
  </si>
  <si>
    <t>Soney Wali</t>
  </si>
  <si>
    <t>Abid Manzoor</t>
  </si>
  <si>
    <t>GPS CHAUDHRY MAHENGA</t>
  </si>
  <si>
    <t>Lodan Wali</t>
  </si>
  <si>
    <t>basti mahi Arin lodan wali</t>
  </si>
  <si>
    <t>Mahi Arin</t>
  </si>
  <si>
    <t>MUHAMMAD IJAZ</t>
  </si>
  <si>
    <t>35077</t>
  </si>
  <si>
    <t>GGPS BASTI SADAT</t>
  </si>
  <si>
    <t>Uchmoghlla</t>
  </si>
  <si>
    <t>Govt,girls,primary school Basti sadat uch sharif</t>
  </si>
  <si>
    <t>Uch Egfemd HwtsnGillani</t>
  </si>
  <si>
    <t>Asia Shafqat</t>
  </si>
  <si>
    <t>54771</t>
  </si>
  <si>
    <t>GPS ABDUL MAJEED SOLGI</t>
  </si>
  <si>
    <t>MANGLOTI - MALE</t>
  </si>
  <si>
    <t>Mud Peerwah</t>
  </si>
  <si>
    <t>GPS Abdul Majeed Balouch Solagi Moza Mud Peerwah Basti Ghulam Hussain Solagi</t>
  </si>
  <si>
    <t>Basti ghulam Hussain Solagi</t>
  </si>
  <si>
    <t>Mud Peer Wah</t>
  </si>
  <si>
    <t>Mujahid U Ddin</t>
  </si>
  <si>
    <t>GPS KHADIM HUSSAIN JOIYA</t>
  </si>
  <si>
    <t>Mud Rashid</t>
  </si>
  <si>
    <t>Basti Viha Mouza Mud Rasheed Ahmadpur East</t>
  </si>
  <si>
    <t>Basti Khadm Joiya</t>
  </si>
  <si>
    <t>Khuda Bukhsh Maher</t>
  </si>
  <si>
    <t>M Akram</t>
  </si>
  <si>
    <t>GHS SADIQ DANE MODEL BAHAWALPUR</t>
  </si>
  <si>
    <t>Karna</t>
  </si>
  <si>
    <t>NEAR FARID GATE BAHAWALPUR</t>
  </si>
  <si>
    <t>Farid Gate</t>
  </si>
  <si>
    <t>BWP CITY 1</t>
  </si>
  <si>
    <t>GGPS RIAZ COLONY BAHAWALPUR</t>
  </si>
  <si>
    <t>Basti Kna</t>
  </si>
  <si>
    <t>Riaz colony</t>
  </si>
  <si>
    <t>Basti Krna</t>
  </si>
  <si>
    <t>GPS RAMAN</t>
  </si>
  <si>
    <t>Nowshehra</t>
  </si>
  <si>
    <t>jumma basti ramman</t>
  </si>
  <si>
    <t>Ramman</t>
  </si>
  <si>
    <t>RAMAN</t>
  </si>
  <si>
    <t>Ch. Muhammad Kaleem Haider</t>
  </si>
  <si>
    <t>GGHSS MODEL TOWN-A (ATTACH WITH GCET) BAHAWALPUR</t>
  </si>
  <si>
    <t>Quaid-e-Azam Model Higher Secondary School Attached QAED (F) MTA Bwp</t>
  </si>
  <si>
    <t>Model Town A</t>
  </si>
  <si>
    <t>Model town A</t>
  </si>
  <si>
    <t>Tabinda Kokab</t>
  </si>
  <si>
    <t>38090</t>
  </si>
  <si>
    <t>54755</t>
  </si>
  <si>
    <t>GGPS MIANI JHABAIL</t>
  </si>
  <si>
    <t>Bhinda Ghulam Hussain</t>
  </si>
  <si>
    <t>Bastia miani jhabail</t>
  </si>
  <si>
    <t>Miani Jhabail</t>
  </si>
  <si>
    <t>Hafiza Ayesha Zia</t>
  </si>
  <si>
    <t>9648</t>
  </si>
  <si>
    <t>29274</t>
  </si>
  <si>
    <t>54863</t>
  </si>
  <si>
    <t>GGPS BASTI ALLAH YAR</t>
  </si>
  <si>
    <t>Kassra Mojal</t>
  </si>
  <si>
    <t>Basti Allah yar</t>
  </si>
  <si>
    <t>Mari Kasim Shah</t>
  </si>
  <si>
    <t>GPS CHAK NO.165/M-A</t>
  </si>
  <si>
    <t>chak no 165/m_a teshil Hasilpur district Bahawalpur</t>
  </si>
  <si>
    <t>165/m a</t>
  </si>
  <si>
    <t>163/M</t>
  </si>
  <si>
    <t>Aysha sadiqa</t>
  </si>
  <si>
    <t>GPS CHAK NO.142/M</t>
  </si>
  <si>
    <t>142/m</t>
  </si>
  <si>
    <t>GPS Chak No.142/M</t>
  </si>
  <si>
    <t>188/M</t>
  </si>
  <si>
    <t>17576</t>
  </si>
  <si>
    <t>GPS CHAK NO.146/M- BOHRAN</t>
  </si>
  <si>
    <t>146MB</t>
  </si>
  <si>
    <t>Chak No.146M.B</t>
  </si>
  <si>
    <t>25613</t>
  </si>
  <si>
    <t>3741</t>
  </si>
  <si>
    <t>GPS CHAK NO.21/F.W</t>
  </si>
  <si>
    <t>chak no 21/fw tehsil hasilpur disst bahawalpur</t>
  </si>
  <si>
    <t>Chak No 21 Fw</t>
  </si>
  <si>
    <t>71/F</t>
  </si>
  <si>
    <t>Mubashar Zafar</t>
  </si>
  <si>
    <t>GGPS IQRA GHAREEB ABAD</t>
  </si>
  <si>
    <t>KHAIROO DEYH - FEMALE</t>
  </si>
  <si>
    <t>GGP/S Iqra Ghreeb Abad Hasilpur</t>
  </si>
  <si>
    <t>GhreebAbad</t>
  </si>
  <si>
    <t>Shah Rangeela</t>
  </si>
  <si>
    <t>9034</t>
  </si>
  <si>
    <t>GGPS CHAK NO.159/M</t>
  </si>
  <si>
    <t>CHHOONA WALA ROAD- FEMALE</t>
  </si>
  <si>
    <t>Chak No 159/M</t>
  </si>
  <si>
    <t>chak no 159/M</t>
  </si>
  <si>
    <t>159/M</t>
  </si>
  <si>
    <t>192/M</t>
  </si>
  <si>
    <t>Mehak Salahudeen</t>
  </si>
  <si>
    <t>GGPS BASTI MEHMOOD KOT</t>
  </si>
  <si>
    <t>Basti Mehmood kot</t>
  </si>
  <si>
    <t>Humaira Afzal</t>
  </si>
  <si>
    <t>3885</t>
  </si>
  <si>
    <t>GPS PATHANAN</t>
  </si>
  <si>
    <t>HASILPUR OLD - MALE</t>
  </si>
  <si>
    <t>basti PATHANA moza chohan</t>
  </si>
  <si>
    <t>Pathana</t>
  </si>
  <si>
    <t>GGHS CHAK NO.50/DB</t>
  </si>
  <si>
    <t>CHAK 50/DB EAST</t>
  </si>
  <si>
    <t>GGHS CHAK NO. 50/DB EAST YAZMAN</t>
  </si>
  <si>
    <t>57/DB</t>
  </si>
  <si>
    <t>rAZIA SULTANA</t>
  </si>
  <si>
    <t>GPS CHAK NO.146/DB</t>
  </si>
  <si>
    <t>Chak 146/DB</t>
  </si>
  <si>
    <t>Chak No. 146/DB Tehsil Yazman District Bahawalpur</t>
  </si>
  <si>
    <t>Chak No146/DB</t>
  </si>
  <si>
    <t>Mulazam Hussain</t>
  </si>
  <si>
    <t>GPS 92/DB DIN GARH</t>
  </si>
  <si>
    <t>chak No. 92/dB Yazman</t>
  </si>
  <si>
    <t>Chak No. 92/DB</t>
  </si>
  <si>
    <t>CHANAN PEER</t>
  </si>
  <si>
    <t>Hamza Irshad</t>
  </si>
  <si>
    <t>GPS CHAK NO.116/DNB</t>
  </si>
  <si>
    <t>Khutri</t>
  </si>
  <si>
    <t>Chak no 116/DNB</t>
  </si>
  <si>
    <t>Chak No 116 DNB</t>
  </si>
  <si>
    <t>M Nadeem Akhtar</t>
  </si>
  <si>
    <t>4194</t>
  </si>
  <si>
    <t>GGPS CHAK NO.21/DNB</t>
  </si>
  <si>
    <t>Chack no 21/dnb P/O  Chack no 22/dnb</t>
  </si>
  <si>
    <t>21/dnb</t>
  </si>
  <si>
    <t>22/DNB</t>
  </si>
  <si>
    <t>Abida Praveen</t>
  </si>
  <si>
    <t>GGPS CHAK NO.100/DB OLD</t>
  </si>
  <si>
    <t>100db Old</t>
  </si>
  <si>
    <t>chak100db old.</t>
  </si>
  <si>
    <t>Rafiqa Naseem</t>
  </si>
  <si>
    <t>45992</t>
  </si>
  <si>
    <t>4294</t>
  </si>
  <si>
    <t>GGES CHAK NO.105/DNB</t>
  </si>
  <si>
    <t>MERANA - FEMALE</t>
  </si>
  <si>
    <t>98/DNB</t>
  </si>
  <si>
    <t>chak no 105/DNB TEHSIL YAZMAN</t>
  </si>
  <si>
    <t>105/DNB</t>
  </si>
  <si>
    <t>Fozia Muzaffar</t>
  </si>
  <si>
    <t>3527</t>
  </si>
  <si>
    <t>GPS TANZEEM YAZMAN</t>
  </si>
  <si>
    <t>YAZMAN CITY - MALE</t>
  </si>
  <si>
    <t>Ward # 14 Yazman</t>
  </si>
  <si>
    <t>Yazman City</t>
  </si>
  <si>
    <t>MC Yazman</t>
  </si>
  <si>
    <t>Muhammad Tahir Mehmood</t>
  </si>
  <si>
    <t>GPS TANZEEM CHAH FAZIL WALA</t>
  </si>
  <si>
    <t>SAMA SATTA - MALE</t>
  </si>
  <si>
    <t>Basti Jhok Fareed</t>
  </si>
  <si>
    <t>Hafiz Wajahat Masood</t>
  </si>
  <si>
    <t>27311</t>
  </si>
  <si>
    <t>50424</t>
  </si>
  <si>
    <t>3378</t>
  </si>
  <si>
    <t>GGPS CHAK NO.29/BC</t>
  </si>
  <si>
    <t>12/BC</t>
  </si>
  <si>
    <t>GHS THAKKAL ARAIN</t>
  </si>
  <si>
    <t>P/o fateh pur kamal mouza jhoran tehsil khan pur</t>
  </si>
  <si>
    <t>Thakal arain</t>
  </si>
  <si>
    <t>MALIK BILAL MAJEED</t>
  </si>
  <si>
    <t>6651</t>
  </si>
  <si>
    <t>50549</t>
  </si>
  <si>
    <t>4486</t>
  </si>
  <si>
    <t>GHS BAGH-O-BAHAR</t>
  </si>
  <si>
    <t>Hasso Wala</t>
  </si>
  <si>
    <t>GBHS BAGH O BAHAR KHANPUR</t>
  </si>
  <si>
    <t>Bagh Bahar</t>
  </si>
  <si>
    <t>GES BASTI SHAH MUHAMMAD</t>
  </si>
  <si>
    <t>Kot Ghunia</t>
  </si>
  <si>
    <t>basti shah muhammad</t>
  </si>
  <si>
    <t>Basti Shah Muhammad Muhammad</t>
  </si>
  <si>
    <t>GPS GHALA MANDI KHAN PUR</t>
  </si>
  <si>
    <t>Ghalla Mandi old Khanpur</t>
  </si>
  <si>
    <t>aslam mehmood siddiqui</t>
  </si>
  <si>
    <t>35223</t>
  </si>
  <si>
    <t>49878</t>
  </si>
  <si>
    <t>GPS GUD PUR</t>
  </si>
  <si>
    <t>Waghwan</t>
  </si>
  <si>
    <t>basti Gud pur Mouza waghwan p/o langiwar Tehsil Khan pur district Rahim yar khan</t>
  </si>
  <si>
    <t>Gud Pur</t>
  </si>
  <si>
    <t>Fiaz Ahmed</t>
  </si>
  <si>
    <t>GGPS KHAIR MUHAMMAD KHOSA</t>
  </si>
  <si>
    <t>smmoka</t>
  </si>
  <si>
    <t>GGPS khair muhammad khosa</t>
  </si>
  <si>
    <t>khair muhammad khosa</t>
  </si>
  <si>
    <t>Aarfa saleem</t>
  </si>
  <si>
    <t>GGPS TATAR CHACHAR</t>
  </si>
  <si>
    <t>Tartar Chachar</t>
  </si>
  <si>
    <t>basti azeem bux zahir pir</t>
  </si>
  <si>
    <t>Basti Azeem Bux</t>
  </si>
  <si>
    <t>Zahir Pir</t>
  </si>
  <si>
    <t>Eshrat bashir</t>
  </si>
  <si>
    <t>GGPS BASTI LAKHA</t>
  </si>
  <si>
    <t>Kotli Murad</t>
  </si>
  <si>
    <t>basti lakha moza kotli murad teh khanpur distric rahim yar khan</t>
  </si>
  <si>
    <t>Durdana Shahnaz</t>
  </si>
  <si>
    <t>GGPS CHAHMUKHI WALA</t>
  </si>
  <si>
    <t>Ggps chah mukhi wala</t>
  </si>
  <si>
    <t>Basti Noon</t>
  </si>
  <si>
    <t>4913</t>
  </si>
  <si>
    <t>GGPS BASTI TURK KHAN LAAR</t>
  </si>
  <si>
    <t>kotla khan lar</t>
  </si>
  <si>
    <t>basti turk khan lar</t>
  </si>
  <si>
    <t>Humera Akber</t>
  </si>
  <si>
    <t>7709</t>
  </si>
  <si>
    <t>GGPS CHAK NO.112/1-L</t>
  </si>
  <si>
    <t>112/1L</t>
  </si>
  <si>
    <t>Ggps112/1L</t>
  </si>
  <si>
    <t>4974</t>
  </si>
  <si>
    <t>GGPS 122/1-L</t>
  </si>
  <si>
    <t>Bagho Bhar</t>
  </si>
  <si>
    <t>GGPS 122/1L bagho bhar</t>
  </si>
  <si>
    <t>122/1L</t>
  </si>
  <si>
    <t>Sahar Nafees</t>
  </si>
  <si>
    <t>23005</t>
  </si>
  <si>
    <t>GGPS CHAK NO 101/1-L</t>
  </si>
  <si>
    <t>101/L</t>
  </si>
  <si>
    <t>Chak no 101/1L P/B103/L tehsil khanpur distric rahimyar khan</t>
  </si>
  <si>
    <t>101/1L</t>
  </si>
  <si>
    <t>GGPS 132/1-L</t>
  </si>
  <si>
    <t>132/1L</t>
  </si>
  <si>
    <t>Robina Nazia</t>
  </si>
  <si>
    <t>GMMS JANGI NO. 2</t>
  </si>
  <si>
    <t>Mitha Merani</t>
  </si>
  <si>
    <t>GMMS Jungi No 2</t>
  </si>
  <si>
    <t>Zafar Iqbal Javed</t>
  </si>
  <si>
    <t>GMMS BASTI KUMHARAN</t>
  </si>
  <si>
    <t>Lalo Wala</t>
  </si>
  <si>
    <t>GMMS MOHAMMAD YAR KHAN</t>
  </si>
  <si>
    <t>Kamil Lar</t>
  </si>
  <si>
    <t>Basti M Yar Khan p/o Jetha Bhutta</t>
  </si>
  <si>
    <t>Basti M Kalhora</t>
  </si>
  <si>
    <t>Partab Jee</t>
  </si>
  <si>
    <t>GMMS NOOR MUHAMMAD PILAL</t>
  </si>
  <si>
    <t>Talay Wala</t>
  </si>
  <si>
    <t>Basti Murad Palal Moza Talaly wala</t>
  </si>
  <si>
    <t>Basti murad palal</t>
  </si>
  <si>
    <t>GMMS FAROOQ ABAD</t>
  </si>
  <si>
    <t>CHAK NO 107/NP</t>
  </si>
  <si>
    <t>Basti Jamman Shah, Chak No. 107/N.P, Daak Khana Nawan Kot, Tehsil Khan Pur, District Rahim Yar Khan.</t>
  </si>
  <si>
    <t>CHAK NO107/NP</t>
  </si>
  <si>
    <t>NAWAIN ARAIN</t>
  </si>
  <si>
    <t>AYUB DILDAR</t>
  </si>
  <si>
    <t>GMMS MARFANI</t>
  </si>
  <si>
    <t>basti marfani</t>
  </si>
  <si>
    <t>Basti Mrfani</t>
  </si>
  <si>
    <t>GMMS MIANY PO JAJJAH ABBASIAN</t>
  </si>
  <si>
    <t>Ghaghala</t>
  </si>
  <si>
    <t>Basti Pahor</t>
  </si>
  <si>
    <t>GMMS ABDUL GHANI LAR PO JAJJA ABASIAN</t>
  </si>
  <si>
    <t>basti ghani lar</t>
  </si>
  <si>
    <t>Abdul ghani Lar</t>
  </si>
  <si>
    <t>5027</t>
  </si>
  <si>
    <t>GMMS GHANIR PO ZAHIR PIR</t>
  </si>
  <si>
    <t>Ghaneer</t>
  </si>
  <si>
    <t>Basti Ghaneer P.O Zahir pir, Tehsil  Khanpur.</t>
  </si>
  <si>
    <t>Muhammad Shaheen Tabassum</t>
  </si>
  <si>
    <t>5028</t>
  </si>
  <si>
    <t>GPS AHMAD YAR</t>
  </si>
  <si>
    <t>Ahmad Kudan</t>
  </si>
  <si>
    <t>basti hamedullah,mouza Ahmad kudan, p/o zahir pir</t>
  </si>
  <si>
    <t>Munshi Hamedullah Dada</t>
  </si>
  <si>
    <t>28985</t>
  </si>
  <si>
    <t>GMMS ABDUL REHMAN</t>
  </si>
  <si>
    <t>mohal</t>
  </si>
  <si>
    <t>basti faridabad</t>
  </si>
  <si>
    <t>faridabad</t>
  </si>
  <si>
    <t>GMMS KOLYARAN</t>
  </si>
  <si>
    <t>FATEH PUR KAMAL-MALE</t>
  </si>
  <si>
    <t>smoka</t>
  </si>
  <si>
    <t>basti kulyaran post office zahir pir teh. khanpur dist. ryk</t>
  </si>
  <si>
    <t>kulyaran</t>
  </si>
  <si>
    <t>GMMS SMOKA</t>
  </si>
  <si>
    <t>Samoka</t>
  </si>
  <si>
    <t>Samoka p/o Zahir pir tehsil Khan Pur</t>
  </si>
  <si>
    <t>5032</t>
  </si>
  <si>
    <t>GPS MAKHAN BELA NO 1</t>
  </si>
  <si>
    <t>basti chah chatta mouza makhan bela</t>
  </si>
  <si>
    <t>Chah Chatta</t>
  </si>
  <si>
    <t>Mohammad Akhtar Babar</t>
  </si>
  <si>
    <t>GMMS KOTLA KAHN LAR</t>
  </si>
  <si>
    <t>Kotla Khan Lar</t>
  </si>
  <si>
    <t>basti Umar Bakhsh Lar mouza kotla Khan Lar</t>
  </si>
  <si>
    <t>Basti Umar Bakhsh Lar</t>
  </si>
  <si>
    <t>54421</t>
  </si>
  <si>
    <t>GMMS BIBI CHACHAR</t>
  </si>
  <si>
    <t>basti bibi Chachar</t>
  </si>
  <si>
    <t>Bibi Chachar</t>
  </si>
  <si>
    <t>Hannan Habib</t>
  </si>
  <si>
    <t>54330</t>
  </si>
  <si>
    <t>GMMS GHULAM SARWAR SHAH</t>
  </si>
  <si>
    <t>Hafiz muhammad naeem yaqoob</t>
  </si>
  <si>
    <t>GMMS GHALEEJA</t>
  </si>
  <si>
    <t>BAKHRANI</t>
  </si>
  <si>
    <t>basti jam abdul Aziz mouza bakhrani</t>
  </si>
  <si>
    <t>Basti Jam Abdul Aziz</t>
  </si>
  <si>
    <t>GMMS GHULAM MUSTAFA LOLAI</t>
  </si>
  <si>
    <t>basti lamochran</t>
  </si>
  <si>
    <t>Basti Lamochran</t>
  </si>
  <si>
    <t>5041</t>
  </si>
  <si>
    <t>GMMS MUD RAHIM</t>
  </si>
  <si>
    <t>chak#63/p</t>
  </si>
  <si>
    <t>basti manzoor ahmed ghunia</t>
  </si>
  <si>
    <t>Basti manzoor ahmed ghunia</t>
  </si>
  <si>
    <t>GPS CHAK NO 136/1-L</t>
  </si>
  <si>
    <t>Chak No 136 /1L</t>
  </si>
  <si>
    <t>Govt p/s chak 136 /1L P/ O mud mangla Teh Khan pur</t>
  </si>
  <si>
    <t>Abrar Ahmad</t>
  </si>
  <si>
    <t>GMMS CHAK NO 26/P-I</t>
  </si>
  <si>
    <t>bus stop mari Allah bachaya</t>
  </si>
  <si>
    <t>Mari ALLAH BACHAYA</t>
  </si>
  <si>
    <t>GMMS SHAH MOHAMMAD</t>
  </si>
  <si>
    <t>M M S Shah Muhammad Mauza Dunya pur Teh Khan pur</t>
  </si>
  <si>
    <t>Basti Arrain</t>
  </si>
  <si>
    <t>13595</t>
  </si>
  <si>
    <t>GGPS KOLOI WALA</t>
  </si>
  <si>
    <t>moza nasier pur</t>
  </si>
  <si>
    <t>Basti Fathe Muhammad</t>
  </si>
  <si>
    <t>Bushra Riaz</t>
  </si>
  <si>
    <t>13614</t>
  </si>
  <si>
    <t>GGPS BASTI IMAM BUX</t>
  </si>
  <si>
    <t>Thul Harro</t>
  </si>
  <si>
    <t>basti hazara khan thul harro</t>
  </si>
  <si>
    <t>Hazara Khan</t>
  </si>
  <si>
    <t>Ismat Bibi</t>
  </si>
  <si>
    <t>6263</t>
  </si>
  <si>
    <t>GGPS KHAMISA ABAD</t>
  </si>
  <si>
    <t>MASSAN SHAH - FEMALE</t>
  </si>
  <si>
    <t>Babul Wali</t>
  </si>
  <si>
    <t>babul wali</t>
  </si>
  <si>
    <t>KOTLA DEWAN</t>
  </si>
  <si>
    <t>Faryal Javed</t>
  </si>
  <si>
    <t>GGPS BASTI MALKANI</t>
  </si>
  <si>
    <t>BASTI TOORA BAZGEER, TEH JAMPUR DIST RAJANPUR</t>
  </si>
  <si>
    <t>BASTI TORA BAZGEER</t>
  </si>
  <si>
    <t>Farida Perveen</t>
  </si>
  <si>
    <t>13645</t>
  </si>
  <si>
    <t>GGPS BASTI JATTAN</t>
  </si>
  <si>
    <t>GUDDANWALA</t>
  </si>
  <si>
    <t>BASTI TAJ MUHAMMAD</t>
  </si>
  <si>
    <t>BASTI TAJ MUHAMAD MHAMMAD</t>
  </si>
  <si>
    <t>Mahwish Shahid</t>
  </si>
  <si>
    <t>13648</t>
  </si>
  <si>
    <t>KOT TAHIR - FEMALE</t>
  </si>
  <si>
    <t>KOT JANU</t>
  </si>
  <si>
    <t>GGP/S AKHTAR ABAD</t>
  </si>
  <si>
    <t>Sidra Iftikhar</t>
  </si>
  <si>
    <t>37829</t>
  </si>
  <si>
    <t>13681</t>
  </si>
  <si>
    <t>GMPS SAILRA NO. 1</t>
  </si>
  <si>
    <t>Basti qabeer wala moza silra un qamber shah</t>
  </si>
  <si>
    <t>Nighat Farooq</t>
  </si>
  <si>
    <t>13732</t>
  </si>
  <si>
    <t>GGPS THUL HARROW NO 2</t>
  </si>
  <si>
    <t>Thull Harrow</t>
  </si>
  <si>
    <t>basti Hazarah Khan</t>
  </si>
  <si>
    <t>Basti Hazarah Khan</t>
  </si>
  <si>
    <t>Saima Younis</t>
  </si>
  <si>
    <t>13738</t>
  </si>
  <si>
    <t>GPS BASTI LAGHARI MOOSA ALLAH ABAD</t>
  </si>
  <si>
    <t>Allah bad</t>
  </si>
  <si>
    <t>basti ahmdani</t>
  </si>
  <si>
    <t>YASIN GHAFFAR</t>
  </si>
  <si>
    <t>GPS BARARAN</t>
  </si>
  <si>
    <t>MUHAMMAD PUR - MALE</t>
  </si>
  <si>
    <t>Bukhara</t>
  </si>
  <si>
    <t>Basti Bakhaa khan hajana, Muhammad pur, Jampur.</t>
  </si>
  <si>
    <t>Basti Hajana</t>
  </si>
  <si>
    <t>BUKHARA</t>
  </si>
  <si>
    <t>14650</t>
  </si>
  <si>
    <t>GPS JHANDIR</t>
  </si>
  <si>
    <t>Basti jhandir UC and Moza bukhara.Tehsil Jampur District Rajanpur</t>
  </si>
  <si>
    <t>Basti Jhandir</t>
  </si>
  <si>
    <t>Muhammad Danish Shah</t>
  </si>
  <si>
    <t>13757</t>
  </si>
  <si>
    <t>GPS KACHI BUX</t>
  </si>
  <si>
    <t>Dukkar</t>
  </si>
  <si>
    <t>Mauza dukar basti mastoi</t>
  </si>
  <si>
    <t>Basti Mastoi</t>
  </si>
  <si>
    <t>13762</t>
  </si>
  <si>
    <t>GPS KOTLA GUJJAR</t>
  </si>
  <si>
    <t>Kotla Gujjar</t>
  </si>
  <si>
    <t>Mouza kotla gujjar u/c basti tufki</t>
  </si>
  <si>
    <t>Basti Daha</t>
  </si>
  <si>
    <t>Muhammad kalim hussan</t>
  </si>
  <si>
    <t>13768</t>
  </si>
  <si>
    <t>Nawan Shahr</t>
  </si>
  <si>
    <t>moza nawan shahr union council noshehra Gharbi post office Dajal Tehsil Jampur district rajanpur</t>
  </si>
  <si>
    <t>Nawan shahr</t>
  </si>
  <si>
    <t>Wazeer Ahmad</t>
  </si>
  <si>
    <t>GPS FAIZ ABAD</t>
  </si>
  <si>
    <t>Raqba Nowshera NOWSHERA</t>
  </si>
  <si>
    <t>Nowshera gharbi p/o dajal teh jampur dist rajanpur</t>
  </si>
  <si>
    <t>Nawa Shahar</t>
  </si>
  <si>
    <t>13773</t>
  </si>
  <si>
    <t>GPS MUHAMMAD NAWAZ BURREY WALA</t>
  </si>
  <si>
    <t>Burrey wala</t>
  </si>
  <si>
    <t>moza burrey wala post office dajal tehsil jampur distt Rajanpur</t>
  </si>
  <si>
    <t>Jamshad Umar</t>
  </si>
  <si>
    <t>13774</t>
  </si>
  <si>
    <t>GPS WAH SAIDAN PO DAJAL RANJAN PUR</t>
  </si>
  <si>
    <t>basti dhandla p/o dajal  Teh. Jampur .Dist .Rajanpur</t>
  </si>
  <si>
    <t>GPS ARAIN WALA P/O DAJAL</t>
  </si>
  <si>
    <t>Basti hanbhi</t>
  </si>
  <si>
    <t>Gps arain wala p/o Dajal</t>
  </si>
  <si>
    <t>Basti chandhrh</t>
  </si>
  <si>
    <t>13778</t>
  </si>
  <si>
    <t>GPS DHINGANA</t>
  </si>
  <si>
    <t>RAQBA  DHINGANA</t>
  </si>
  <si>
    <t>RAQBA DHINGANA P/O DAJAL TEH.JAMPUR DISTT.RAJANPUR</t>
  </si>
  <si>
    <t>BASTI AHMED BUX</t>
  </si>
  <si>
    <t>Muhammad Ahsan Rauf</t>
  </si>
  <si>
    <t>GPS CHAK CHHINA</t>
  </si>
  <si>
    <t>SHAHANI</t>
  </si>
  <si>
    <t>BASTI SHAFI SARI MAOZA SHAHANI</t>
  </si>
  <si>
    <t>BASTI SHAFI SARI</t>
  </si>
  <si>
    <t>JHOK MAHAR</t>
  </si>
  <si>
    <t>13782</t>
  </si>
  <si>
    <t>GPS DARAZ THUL</t>
  </si>
  <si>
    <t>Daraz Thul</t>
  </si>
  <si>
    <t>daraz thul</t>
  </si>
  <si>
    <t>Ansar Shehzad</t>
  </si>
  <si>
    <t>13783</t>
  </si>
  <si>
    <t>GPS KALERI THAL</t>
  </si>
  <si>
    <t>Kalari Thal</t>
  </si>
  <si>
    <t>GPS Kalari  thal</t>
  </si>
  <si>
    <t>rainy water</t>
  </si>
  <si>
    <t>13784</t>
  </si>
  <si>
    <t>GPS DARAJ THUL</t>
  </si>
  <si>
    <t>Daraj Thul</t>
  </si>
  <si>
    <t>gps daraj thul tuman gurchani</t>
  </si>
  <si>
    <t>Salah Uddin</t>
  </si>
  <si>
    <t>Rian water</t>
  </si>
  <si>
    <t>13785</t>
  </si>
  <si>
    <t>GPS BASTI BAHAR MOZA KOTHA JINDU</t>
  </si>
  <si>
    <t>Basti Palu Khan Kaleri</t>
  </si>
  <si>
    <t>Basti Palu Khan</t>
  </si>
  <si>
    <t>13787</t>
  </si>
  <si>
    <t>GPS RAKH REGISTAN BASTI KARIM BUX</t>
  </si>
  <si>
    <t>Rakh Ragistan</t>
  </si>
  <si>
    <t>p/0 lal garh</t>
  </si>
  <si>
    <t>40447</t>
  </si>
  <si>
    <t>13789</t>
  </si>
  <si>
    <t>GPS MURRANJ</t>
  </si>
  <si>
    <t>Budha Thul</t>
  </si>
  <si>
    <t>budha thul</t>
  </si>
  <si>
    <t>13790</t>
  </si>
  <si>
    <t>GPS RAKH DARAIJA KOLOI WALA</t>
  </si>
  <si>
    <t>mauza kaloi wala</t>
  </si>
  <si>
    <t>21629</t>
  </si>
  <si>
    <t>51629</t>
  </si>
  <si>
    <t>13792</t>
  </si>
  <si>
    <t>GPS MUD MEO MOUZA</t>
  </si>
  <si>
    <t>Mudd Meo</t>
  </si>
  <si>
    <t>near sonwah hajipur</t>
  </si>
  <si>
    <t>GPS CHAMBRI</t>
  </si>
  <si>
    <t>Chambari</t>
  </si>
  <si>
    <t>CHAMBARI</t>
  </si>
  <si>
    <t>TRIBAL AREA</t>
  </si>
  <si>
    <t>Allah Wasaya Khan</t>
  </si>
  <si>
    <t>rain</t>
  </si>
  <si>
    <t>11746</t>
  </si>
  <si>
    <t>GPS CHAK NO.503 TDA</t>
  </si>
  <si>
    <t>503/tda</t>
  </si>
  <si>
    <t>chak no 503/tda teh kot adu</t>
  </si>
  <si>
    <t>Chak 503/tda</t>
  </si>
  <si>
    <t>11747</t>
  </si>
  <si>
    <t>GPS CHAK NO. 505 TDA</t>
  </si>
  <si>
    <t>CHAK 505TDA</t>
  </si>
  <si>
    <t>Gps chak no 505TDA</t>
  </si>
  <si>
    <t>CHAK  505TDA</t>
  </si>
  <si>
    <t>23783</t>
  </si>
  <si>
    <t>GGPS CHAWOND WALI</t>
  </si>
  <si>
    <t>Rao baila shrqi</t>
  </si>
  <si>
    <t>Basti chawand wali</t>
  </si>
  <si>
    <t>Chawand wali</t>
  </si>
  <si>
    <t>Taqdees Fatima</t>
  </si>
  <si>
    <t>11836</t>
  </si>
  <si>
    <t>GGPS AHMAD WALA NO. 2</t>
  </si>
  <si>
    <t>Dovna</t>
  </si>
  <si>
    <t>arikora shah punvar janubi gujrat teh kot addu dist m grah</t>
  </si>
  <si>
    <t>Arikora Shah</t>
  </si>
  <si>
    <t>Munazzah Batool</t>
  </si>
  <si>
    <t>GGPS WAN WALA</t>
  </si>
  <si>
    <t>GURMANI- FEMALE</t>
  </si>
  <si>
    <t>Pati Naich</t>
  </si>
  <si>
    <t>chah jam wala Moza pati naich</t>
  </si>
  <si>
    <t>Chah Jam Wala</t>
  </si>
  <si>
    <t>kashif abad</t>
  </si>
  <si>
    <t>Shaista Khan</t>
  </si>
  <si>
    <t>GGPS SONAY WALA</t>
  </si>
  <si>
    <t>Bhubhar Mustaqil</t>
  </si>
  <si>
    <t>Basti chah sonay Wala near bypass Tariq Chok kot adu</t>
  </si>
  <si>
    <t>Chah Sonay Wala</t>
  </si>
  <si>
    <t>Ummara Kiran</t>
  </si>
  <si>
    <t>22915</t>
  </si>
  <si>
    <t>12059</t>
  </si>
  <si>
    <t>GGPS SULTAN MAHMOOD WALA</t>
  </si>
  <si>
    <t>Tiba Mustaqil Darmiyani</t>
  </si>
  <si>
    <t>near hanjra house d.d.p</t>
  </si>
  <si>
    <t>Hanjra House Khaji Wala</t>
  </si>
  <si>
    <t>Shabana Jahangir</t>
  </si>
  <si>
    <t>44477</t>
  </si>
  <si>
    <t>12093</t>
  </si>
  <si>
    <t>gurmani sharki</t>
  </si>
  <si>
    <t>chah nai wala moza &amp;uc gurmani sharki</t>
  </si>
  <si>
    <t>nai wala</t>
  </si>
  <si>
    <t>Arif naeem</t>
  </si>
  <si>
    <t>GPS MORE JHANGI</t>
  </si>
  <si>
    <t>Khokar</t>
  </si>
  <si>
    <t>ada maksoda p/o gurmani</t>
  </si>
  <si>
    <t>Sarlay Wala</t>
  </si>
  <si>
    <t>GPS BHUTTA ABAD</t>
  </si>
  <si>
    <t>Tibbi Nizam</t>
  </si>
  <si>
    <t>basti bhutta abad mouza tibbi nizam uc gurmani sharqi</t>
  </si>
  <si>
    <t>Bhutta Abad</t>
  </si>
  <si>
    <t>Gurmani sharki</t>
  </si>
  <si>
    <t>GGHS KOT MUBARAK</t>
  </si>
  <si>
    <t>KOT MUBARAK</t>
  </si>
  <si>
    <t>KOT MUBARAK, DERA GHAZI KHAN</t>
  </si>
  <si>
    <t>MRS NUDRAT SALEEM</t>
  </si>
  <si>
    <t>12098</t>
  </si>
  <si>
    <t>GPS SAIR WALI DAD</t>
  </si>
  <si>
    <t>Thatha Gurmani Gharbi</t>
  </si>
  <si>
    <t>Village darohal mouza thatha Gurmani techil kotadu District muzaffarghar</t>
  </si>
  <si>
    <t>Darohal</t>
  </si>
  <si>
    <t>GPS BASTI MAHAR</t>
  </si>
  <si>
    <t>Bate Zani</t>
  </si>
  <si>
    <t>peer Wala p/o qasba Gujrat tensil kotaddu dist. Muzaffarnagar grah</t>
  </si>
  <si>
    <t>GPS CHAJRAY WALI</t>
  </si>
  <si>
    <t>GUJRAT- MALE</t>
  </si>
  <si>
    <t>Biat Ziani</t>
  </si>
  <si>
    <t>basti Ghangla mouza bait Zaini p/o qasba gujrat tehsil kot adu muzaffargarh</t>
  </si>
  <si>
    <t>Ghangla</t>
  </si>
  <si>
    <t>Muhmmad Tahir Abbas</t>
  </si>
  <si>
    <t>GPS BASTI ADAM</t>
  </si>
  <si>
    <t>Basti more jhangi union council allurid. Tensil kot addu District Muzaffargarh</t>
  </si>
  <si>
    <t>Muhammad Aamir Shazad</t>
  </si>
  <si>
    <t>2358</t>
  </si>
  <si>
    <t>GPS SHAH WALA</t>
  </si>
  <si>
    <t>Jhandeer Dureja</t>
  </si>
  <si>
    <t>mullan wala uc thatha gurmani</t>
  </si>
  <si>
    <t>Mulla Wala</t>
  </si>
  <si>
    <t>PANWAR JANOBI</t>
  </si>
  <si>
    <t>BASTI PEER WALA, MOZA PANWAR JANOBI,TEHSIL KOT ADDU, DISST MUZAFFARGARH</t>
  </si>
  <si>
    <t>PEER WALA</t>
  </si>
  <si>
    <t>SHAHID RAZA</t>
  </si>
  <si>
    <t>13590</t>
  </si>
  <si>
    <t>GPS BASTI CHAN</t>
  </si>
  <si>
    <t>GHAZI GHAT-I- MALE</t>
  </si>
  <si>
    <t>haji shah basti chan</t>
  </si>
  <si>
    <t>Basti Chan</t>
  </si>
  <si>
    <t>Mursaleen Nasir</t>
  </si>
  <si>
    <t>GPS BASTI LURKA</t>
  </si>
  <si>
    <t>Bait Sohni</t>
  </si>
  <si>
    <t>basti angra bait sohni uc gujrat tehsil lot adu district muzafargarh</t>
  </si>
  <si>
    <t>Basti Angra</t>
  </si>
  <si>
    <t>7279</t>
  </si>
  <si>
    <t>12125</t>
  </si>
  <si>
    <t>GPS BASTI KHAR</t>
  </si>
  <si>
    <t>basti khar monza bait sohnri</t>
  </si>
  <si>
    <t>Basti Khar</t>
  </si>
  <si>
    <t>11080</t>
  </si>
  <si>
    <t>4395</t>
  </si>
  <si>
    <t>GPS PIR BULAND JADEED</t>
  </si>
  <si>
    <t>NOOR SHAH-I- MALE</t>
  </si>
  <si>
    <t>Chak#154/ml</t>
  </si>
  <si>
    <t>Chak#154/ML chah kharak wala kot Adu</t>
  </si>
  <si>
    <t>Kharak Wala</t>
  </si>
  <si>
    <t>Hasnain sattar</t>
  </si>
  <si>
    <t>10851</t>
  </si>
  <si>
    <t>12134</t>
  </si>
  <si>
    <t>GPS TEETKY WALA</t>
  </si>
  <si>
    <t>Pirhar Garbi</t>
  </si>
  <si>
    <t>GPS teetky wala pirhar garbi kot addu second</t>
  </si>
  <si>
    <t>Chah Teetky Wala</t>
  </si>
  <si>
    <t>Mudassir Latif</t>
  </si>
  <si>
    <t>GPS JAJ</t>
  </si>
  <si>
    <t>Jaj</t>
  </si>
  <si>
    <t>p/o thackro Moza jaj tribal area DG khan</t>
  </si>
  <si>
    <t>ABDUL WAHEED</t>
  </si>
  <si>
    <t>water stream</t>
  </si>
  <si>
    <t>8752</t>
  </si>
  <si>
    <t>GGPS PIND KHAN (TRATANI SAMAND)</t>
  </si>
  <si>
    <t>Tratani</t>
  </si>
  <si>
    <t>GGPS PAIND KHAN</t>
  </si>
  <si>
    <t>Zeenat</t>
  </si>
  <si>
    <t>GGPS KHAKHI GHARBI</t>
  </si>
  <si>
    <t>Khakhi Gharbi</t>
  </si>
  <si>
    <t>khaji baig wala khakhi gharbi</t>
  </si>
  <si>
    <t>Basti Khakhi</t>
  </si>
  <si>
    <t>8757</t>
  </si>
  <si>
    <t>GGPS BASTI MEHTRAN</t>
  </si>
  <si>
    <t>HAJI GHAZI-FEMALE</t>
  </si>
  <si>
    <t>Bait Mohri</t>
  </si>
  <si>
    <t>bait mohri basti mehtran dgkhan</t>
  </si>
  <si>
    <t>Basti Mehtran</t>
  </si>
  <si>
    <t>Haji Ghazi</t>
  </si>
  <si>
    <t>Humaira Mehwish</t>
  </si>
  <si>
    <t>GGPS KOT MUBARAK</t>
  </si>
  <si>
    <t>kot mubarak</t>
  </si>
  <si>
    <t>Sajida Firdus</t>
  </si>
  <si>
    <t>GGHSS NUTKANI</t>
  </si>
  <si>
    <t>p/O NUTKANI</t>
  </si>
  <si>
    <t>GGHS BARTHI</t>
  </si>
  <si>
    <t>Barthi North</t>
  </si>
  <si>
    <t>Barthi Triablearea D G KHAN</t>
  </si>
  <si>
    <t>8839</t>
  </si>
  <si>
    <t>GHS MUT CHANDIA</t>
  </si>
  <si>
    <t>sangas mut</t>
  </si>
  <si>
    <t>p/o sakhi sarwar teh.trible area DG Khan moaza sangas mut</t>
  </si>
  <si>
    <t>mut chandia</t>
  </si>
  <si>
    <t>8861</t>
  </si>
  <si>
    <t>GPS JERH LEGHARI</t>
  </si>
  <si>
    <t>Jarh Leghari</t>
  </si>
  <si>
    <t>51671</t>
  </si>
  <si>
    <t>GPS DUMRA</t>
  </si>
  <si>
    <t>Dumra Shumali</t>
  </si>
  <si>
    <t>basti dumra shumali, tehsil taunsa sharif</t>
  </si>
  <si>
    <t>Dumra</t>
  </si>
  <si>
    <t>Faisal Shahzad</t>
  </si>
  <si>
    <t>8865</t>
  </si>
  <si>
    <t>GPS ARA-KHARH-WADO</t>
  </si>
  <si>
    <t>Basti douna</t>
  </si>
  <si>
    <t>Inamullah</t>
  </si>
  <si>
    <t>8866</t>
  </si>
  <si>
    <t>GPS MANGLA BHUTTA</t>
  </si>
  <si>
    <t>BHUTTA</t>
  </si>
  <si>
    <t>MANGLA BHUTTA</t>
  </si>
  <si>
    <t>HAFIZ MUHAMMAD IQBAL</t>
  </si>
  <si>
    <t>8868</t>
  </si>
  <si>
    <t>GPS HADWAR</t>
  </si>
  <si>
    <t>HADWAR</t>
  </si>
  <si>
    <t>GPS HADWAR SHUMALI</t>
  </si>
  <si>
    <t>HADWAR SHUMAL</t>
  </si>
  <si>
    <t>Asif Nazir</t>
  </si>
  <si>
    <t>Drinking cooler</t>
  </si>
  <si>
    <t>5222</t>
  </si>
  <si>
    <t>8873</t>
  </si>
  <si>
    <t>GPS RAKH MORE JHANGI</t>
  </si>
  <si>
    <t>TIBBI QAISRANI MALE</t>
  </si>
  <si>
    <t>RAKH MORJHANGI</t>
  </si>
  <si>
    <t>P/O RETRA, RAKH MORJHANGI, U/C MORJHANGI</t>
  </si>
  <si>
    <t>GPS BOLANI NO.2</t>
  </si>
  <si>
    <t>BOLANI</t>
  </si>
  <si>
    <t>BASTI JAEWAR</t>
  </si>
  <si>
    <t>50878</t>
  </si>
  <si>
    <t>GPS RUSTMANI BALCHANI</t>
  </si>
  <si>
    <t>TAH MIANA</t>
  </si>
  <si>
    <t>BASTI BALCHANI, MOUZA TAH MIANA, P/O TIBBI QAISRANI, U/C JHOK BODO</t>
  </si>
  <si>
    <t>BASTI BALCHANI</t>
  </si>
  <si>
    <t>30692</t>
  </si>
  <si>
    <t>8881</t>
  </si>
  <si>
    <t>GPS KHAR WALA</t>
  </si>
  <si>
    <t>Kotla Sjawal</t>
  </si>
  <si>
    <t>TBI qaisrani taunsa shareef  DG.Khan</t>
  </si>
  <si>
    <t>Khar Wala</t>
  </si>
  <si>
    <t>PANJGRAIN</t>
  </si>
  <si>
    <t>Muhammad Musa</t>
  </si>
  <si>
    <t>GPS NEW LEGHARI</t>
  </si>
  <si>
    <t>KOTHA MUBARAK P/O LITRA TEHSILTAUNSA DISTT DGK</t>
  </si>
  <si>
    <t>KOTHA MUBARAK</t>
  </si>
  <si>
    <t>15221</t>
  </si>
  <si>
    <t>8883</t>
  </si>
  <si>
    <t>GPS GHALLO</t>
  </si>
  <si>
    <t>BASTI MANGLA, P/O TIBBI QAISRANI, U/C JHOK BODO</t>
  </si>
  <si>
    <t>BASTI MANGLA</t>
  </si>
  <si>
    <t>ZAHID IQBAL</t>
  </si>
  <si>
    <t>GPS JASKANI</t>
  </si>
  <si>
    <t>Rohri</t>
  </si>
  <si>
    <t>Basti Jaskani</t>
  </si>
  <si>
    <t>Jaskani</t>
  </si>
  <si>
    <t>Muhammad Bakhsh</t>
  </si>
  <si>
    <t>8885</t>
  </si>
  <si>
    <t>GPS ROHRI</t>
  </si>
  <si>
    <t>Basti manjotha post office tibi qaisrani</t>
  </si>
  <si>
    <t>GPS BASTI MARHA</t>
  </si>
  <si>
    <t>Basti Marha post office Nutkani</t>
  </si>
  <si>
    <t>Basti Marha</t>
  </si>
  <si>
    <t>GPS SABO KHEL</t>
  </si>
  <si>
    <t>Chattri</t>
  </si>
  <si>
    <t>Basti Sabo Khel Post Office Vehova Tehsil Taunsa Sharif District Dera Ghazi Khan</t>
  </si>
  <si>
    <t>Sabo Khel</t>
  </si>
  <si>
    <t>GPS RAHIM RUSTMANI</t>
  </si>
  <si>
    <t>Litri</t>
  </si>
  <si>
    <t>p/o Tibbi,village Rahim Abad</t>
  </si>
  <si>
    <t>GPS CHORAKAY</t>
  </si>
  <si>
    <t>CHORHKY</t>
  </si>
  <si>
    <t>BASTI CHORHKY, P/O TIBBI QAISRANI, U/C LITRA</t>
  </si>
  <si>
    <t>GPS TIBBI MIANA</t>
  </si>
  <si>
    <t>TIBBI MIANA, P/O TIBBI QAISRANI, U/C JHOK BODO</t>
  </si>
  <si>
    <t>TIBBI MIANA</t>
  </si>
  <si>
    <t>GPS BAIT JARH</t>
  </si>
  <si>
    <t>Bait jarh Leghari Moza jarh Leghari</t>
  </si>
  <si>
    <t>Bait Jarh Leghari</t>
  </si>
  <si>
    <t>GPS HAJWANI</t>
  </si>
  <si>
    <t>Basti Hajwani UC Kot Qaisrani</t>
  </si>
  <si>
    <t>Basti Hajwani</t>
  </si>
  <si>
    <t>Saif ullah</t>
  </si>
  <si>
    <t>Rakh Jhoke Bodo</t>
  </si>
  <si>
    <t>Basti Hamal wali union jhoke bodo</t>
  </si>
  <si>
    <t>Fazal ur rehman</t>
  </si>
  <si>
    <t>8918</t>
  </si>
  <si>
    <t>GPS SHEAHLANI GHARBI</t>
  </si>
  <si>
    <t>Basti  sheahlani gharbi post office kot qaisrani</t>
  </si>
  <si>
    <t>Sheahlani Gharbi</t>
  </si>
  <si>
    <t>54145</t>
  </si>
  <si>
    <t>47114</t>
  </si>
  <si>
    <t>8919</t>
  </si>
  <si>
    <t>GPS KUKRA</t>
  </si>
  <si>
    <t>basti kukra</t>
  </si>
  <si>
    <t>Kukra</t>
  </si>
  <si>
    <t>GPS NO. 4 TAUNSA SHARIF</t>
  </si>
  <si>
    <t>Mohala mohajran Wala mangrotha road taunsa</t>
  </si>
  <si>
    <t>Azmat Ullah</t>
  </si>
  <si>
    <t>8932</t>
  </si>
  <si>
    <t>GPS CHAH IMAM BAKHSH WALA</t>
  </si>
  <si>
    <t>Taunsa sharif</t>
  </si>
  <si>
    <t>Jholk Bhutta</t>
  </si>
  <si>
    <t>35158</t>
  </si>
  <si>
    <t>8934</t>
  </si>
  <si>
    <t>GPS BELWANI</t>
  </si>
  <si>
    <t>Pukhan</t>
  </si>
  <si>
    <t>Village Bilwani P/O Kot Qaisrani</t>
  </si>
  <si>
    <t>water pipe line from village up to 800 ft</t>
  </si>
  <si>
    <t>GPS MANGROTHA EAST NO.1</t>
  </si>
  <si>
    <t>GPS no 1 mangrotha East tehsil taunsa</t>
  </si>
  <si>
    <t>Reaz Ahmad</t>
  </si>
  <si>
    <t>by aid of neighbour s</t>
  </si>
  <si>
    <t>GPS BANGAN</t>
  </si>
  <si>
    <t>basti bangan</t>
  </si>
  <si>
    <t>Bangan</t>
  </si>
  <si>
    <t>Khalid wazir</t>
  </si>
  <si>
    <t>8944</t>
  </si>
  <si>
    <t>GPS SANGHI WALI</t>
  </si>
  <si>
    <t>MANGROTHA</t>
  </si>
  <si>
    <t>SANGHI WALI</t>
  </si>
  <si>
    <t>kashif hussain</t>
  </si>
  <si>
    <t>8947</t>
  </si>
  <si>
    <t>GPS SOKAR NO 3</t>
  </si>
  <si>
    <t>Sukar</t>
  </si>
  <si>
    <t>post office sokar tehsil taunsa district dgkhan</t>
  </si>
  <si>
    <t>Zahid NawAz Khan</t>
  </si>
  <si>
    <t>8951</t>
  </si>
  <si>
    <t>GPS KALATI</t>
  </si>
  <si>
    <t>chit paani</t>
  </si>
  <si>
    <t>basti kalati mauza chit paani tehsil taunsa</t>
  </si>
  <si>
    <t>kalati</t>
  </si>
  <si>
    <t>52042</t>
  </si>
  <si>
    <t>8952</t>
  </si>
  <si>
    <t>GPS ESANI</t>
  </si>
  <si>
    <t>Gonna</t>
  </si>
  <si>
    <t>moza gonna, gps esani</t>
  </si>
  <si>
    <t>Esani</t>
  </si>
  <si>
    <t>Awais Rehman</t>
  </si>
  <si>
    <t>8955</t>
  </si>
  <si>
    <t>GPS KALAIRI NO. 1</t>
  </si>
  <si>
    <t>GOUNA</t>
  </si>
  <si>
    <t>BASTI BHARGARI TAUNSA</t>
  </si>
  <si>
    <t>basti bhargari</t>
  </si>
  <si>
    <t>Nazeer Ahmad</t>
  </si>
  <si>
    <t>30355</t>
  </si>
  <si>
    <t>8958</t>
  </si>
  <si>
    <t>GPS MATTI</t>
  </si>
  <si>
    <t>Matti</t>
  </si>
  <si>
    <t>GOVT PRIMARY SCHOOL MATTI</t>
  </si>
  <si>
    <t>Muhammad Tahir khan</t>
  </si>
  <si>
    <t>8959</t>
  </si>
  <si>
    <t>GPS KARITA</t>
  </si>
  <si>
    <t>Chitpani</t>
  </si>
  <si>
    <t>P/O sokar basti kareeta</t>
  </si>
  <si>
    <t>Basti Kareeta</t>
  </si>
  <si>
    <t>Ghulam Sidduque</t>
  </si>
  <si>
    <t>masjid near the school</t>
  </si>
  <si>
    <t>15345</t>
  </si>
  <si>
    <t>8962</t>
  </si>
  <si>
    <t>GPS HAIRO GHARBI NO 1</t>
  </si>
  <si>
    <t>Hairo Gharbi teh taunsa District DG Khan</t>
  </si>
  <si>
    <t>Irshad Muhammad</t>
  </si>
  <si>
    <t>GPS GUDI WALA NO. 1</t>
  </si>
  <si>
    <t>Gps Guddi wala No.1 markaz Bindi</t>
  </si>
  <si>
    <t>Sheikh Jiwanda</t>
  </si>
  <si>
    <t>8968</t>
  </si>
  <si>
    <t>GPS NEW HAIRO EAST TAUNSA</t>
  </si>
  <si>
    <t>Lalo</t>
  </si>
  <si>
    <t>village lalo</t>
  </si>
  <si>
    <t>GPS LANGAH</t>
  </si>
  <si>
    <t>GPS Langah Mauza Langah</t>
  </si>
  <si>
    <t>39840</t>
  </si>
  <si>
    <t>GPS BAKHARI TAUNSA</t>
  </si>
  <si>
    <t>Bakhri</t>
  </si>
  <si>
    <t>Bakhri Nau Bramda Tehsil Taunsa Sharif Distt. D.G. Khan</t>
  </si>
  <si>
    <t>Bakhri Nau Bramda</t>
  </si>
  <si>
    <t>Asif Faiz</t>
  </si>
  <si>
    <t>8971</t>
  </si>
  <si>
    <t>GPS SHEIKH JIVENDA</t>
  </si>
  <si>
    <t>village marah</t>
  </si>
  <si>
    <t>Village Marah</t>
  </si>
  <si>
    <t>38474</t>
  </si>
  <si>
    <t>GPS AZIZ ABAD NO. 2</t>
  </si>
  <si>
    <t>Palowaan Jqnobi</t>
  </si>
  <si>
    <t>moza bindi,uc bindi,markaz bindi 2</t>
  </si>
  <si>
    <t>Paloowan</t>
  </si>
  <si>
    <t>GPS BODO MANA</t>
  </si>
  <si>
    <t>DARABI</t>
  </si>
  <si>
    <t>MAKWAL KALAN</t>
  </si>
  <si>
    <t>Ahmad Bakhsh</t>
  </si>
  <si>
    <t>GPS BASTI HABIB</t>
  </si>
  <si>
    <t>Lahnga</t>
  </si>
  <si>
    <t>Tehsiltaunsa post office Hairo Sharqi</t>
  </si>
  <si>
    <t>MozaLahnga</t>
  </si>
  <si>
    <t>Riaz ahmad</t>
  </si>
  <si>
    <t>8982</t>
  </si>
  <si>
    <t>GPS SERI-WAH</t>
  </si>
  <si>
    <t>basti sari wah tehsil taunsa distt dg khan</t>
  </si>
  <si>
    <t>Sari Wah</t>
  </si>
  <si>
    <t>8994</t>
  </si>
  <si>
    <t>GPS MAKWAL KALAN</t>
  </si>
  <si>
    <t>34403</t>
  </si>
  <si>
    <t>Khushi Abad / (Old Basti Peer) U/C Choolani Tehsil Taunsa Disstt. D.G.Khan</t>
  </si>
  <si>
    <t>Old Basti Peer</t>
  </si>
  <si>
    <t>Muhammad Nasarullah</t>
  </si>
  <si>
    <t>Students take water Coolers for avial water in nearby mosque ,  Need a new water pupm in school which is deep from present water pump because upper level water is not useable for drinking.</t>
  </si>
  <si>
    <t>9001</t>
  </si>
  <si>
    <t>GPS KOT MUBARAK</t>
  </si>
  <si>
    <t>basti Kot Mubarak tehsil Taunsa district dg khan</t>
  </si>
  <si>
    <t>faiz muhammad</t>
  </si>
  <si>
    <t>GPS GANJAY WLAI</t>
  </si>
  <si>
    <t>basti ganjy wali</t>
  </si>
  <si>
    <t>Ganjay Wali</t>
  </si>
  <si>
    <t>muhammad azam</t>
  </si>
  <si>
    <t>GPS KANAY WALI</t>
  </si>
  <si>
    <t>basti kanay wali. trimin.post office Nutkani</t>
  </si>
  <si>
    <t>Kanay Wali</t>
  </si>
  <si>
    <t>9007</t>
  </si>
  <si>
    <t>GPS KAKRI WALI</t>
  </si>
  <si>
    <t>Jhangrah</t>
  </si>
  <si>
    <t>Basti kakri wali p/o tremin mouza jhangrah tehsil taunsa district D G khan</t>
  </si>
  <si>
    <t>Kakri Wali</t>
  </si>
  <si>
    <t>GPS QUDRAT ABAD</t>
  </si>
  <si>
    <t>basti qudrat abad vehoa tehsil taunsa dist.dera ghazi khan</t>
  </si>
  <si>
    <t>Qudrat Abad</t>
  </si>
  <si>
    <t>Vahoa Shumali</t>
  </si>
  <si>
    <t>9025</t>
  </si>
  <si>
    <t>GPS LALANI</t>
  </si>
  <si>
    <t>Rulahri</t>
  </si>
  <si>
    <t>basti lalani</t>
  </si>
  <si>
    <t>Lalani</t>
  </si>
  <si>
    <t>Allah Daad</t>
  </si>
  <si>
    <t>GPS BATLA</t>
  </si>
  <si>
    <t>basti batla</t>
  </si>
  <si>
    <t>Batla</t>
  </si>
  <si>
    <t>9028</t>
  </si>
  <si>
    <t>GPS ISANI</t>
  </si>
  <si>
    <t>BASTI essani</t>
  </si>
  <si>
    <t>haq nawaz</t>
  </si>
  <si>
    <t>GPS MITHAY WALI</t>
  </si>
  <si>
    <t>Mitheywali</t>
  </si>
  <si>
    <t>Gps mithewali tehseel taunsa sharif dist Dg khan</t>
  </si>
  <si>
    <t>Mithewali</t>
  </si>
  <si>
    <t>RAHMAT ULLAH</t>
  </si>
  <si>
    <t>GPS NEW SIKANDAR ABAD</t>
  </si>
  <si>
    <t>Koohar</t>
  </si>
  <si>
    <t>Basti Sikandar Abad P/O Vahoa Teh.Taunsa Distt.DG Khan</t>
  </si>
  <si>
    <t>Sikandar Abad</t>
  </si>
  <si>
    <t>3781</t>
  </si>
  <si>
    <t>GPS MANDHRAIN</t>
  </si>
  <si>
    <t>basti mandhrsin p\o vehoa teh . tounsa Sharif distt. d.g.khan</t>
  </si>
  <si>
    <t>Mandhrain</t>
  </si>
  <si>
    <t>14049</t>
  </si>
  <si>
    <t>9041</t>
  </si>
  <si>
    <t>GPS GAMAN WALI</t>
  </si>
  <si>
    <t>Murrah</t>
  </si>
  <si>
    <t>gaman wali teh taunsa</t>
  </si>
  <si>
    <t>Gaman Wali</t>
  </si>
  <si>
    <t>Ayaz Haider</t>
  </si>
  <si>
    <t>GPS SIKANDAR ABAD</t>
  </si>
  <si>
    <t>village mithey wali tehsil taunsa dist. dera ghazi khan</t>
  </si>
  <si>
    <t>asmat ullah</t>
  </si>
  <si>
    <t>9046</t>
  </si>
  <si>
    <t>GPS SHEIKH IBRAHIM</t>
  </si>
  <si>
    <t>Basti sheikh ibrahim tehsil taunsa dgk</t>
  </si>
  <si>
    <t>Sheikh Ibrahim</t>
  </si>
  <si>
    <t>8693</t>
  </si>
  <si>
    <t>9047</t>
  </si>
  <si>
    <t>GPS TIBBA IMAM</t>
  </si>
  <si>
    <t>Tibba imam p/o nutkani teh taunsa distt dg khan</t>
  </si>
  <si>
    <t>GPS GADDER</t>
  </si>
  <si>
    <t>BABBI</t>
  </si>
  <si>
    <t>primary school basti gadder</t>
  </si>
  <si>
    <t>GADDER</t>
  </si>
  <si>
    <t>9049</t>
  </si>
  <si>
    <t>GPS BABI</t>
  </si>
  <si>
    <t>Bubbi</t>
  </si>
  <si>
    <t>basti bubbi p/o nutkani the taunsa sharif</t>
  </si>
  <si>
    <t>9050</t>
  </si>
  <si>
    <t>GPS NAGIRA JANUBI</t>
  </si>
  <si>
    <t>Mouza Kathgarh</t>
  </si>
  <si>
    <t>Nagira Janubi tehsil taunsa p/ o nutkani District D.G Khan</t>
  </si>
  <si>
    <t>Nagira Janubi</t>
  </si>
  <si>
    <t>9052</t>
  </si>
  <si>
    <t>GPS BAQIR WALA</t>
  </si>
  <si>
    <t>baqir wala p/o nutkani teh:taunsa sharief distt:DG khan</t>
  </si>
  <si>
    <t>Baqir Wala</t>
  </si>
  <si>
    <t>9058</t>
  </si>
  <si>
    <t>GPS BASTI MARRAL</t>
  </si>
  <si>
    <t>Basti Marral p/o nutkani</t>
  </si>
  <si>
    <t>Basti Marral</t>
  </si>
  <si>
    <t>GPS NEW GUT</t>
  </si>
  <si>
    <t>Kathgarh</t>
  </si>
  <si>
    <t>GPS New Gut</t>
  </si>
  <si>
    <t>Lal Wali Jhok</t>
  </si>
  <si>
    <t>Muhammad Ismail Raza</t>
  </si>
  <si>
    <t>9062</t>
  </si>
  <si>
    <t>GPS CHAH BUKHI</t>
  </si>
  <si>
    <t>post office Nutkani Tehsile Taunsa sharif Disttrict D.G.Khan</t>
  </si>
  <si>
    <t>Chah Bukhi</t>
  </si>
  <si>
    <t>9066</t>
  </si>
  <si>
    <t>GPS MURRANG</t>
  </si>
  <si>
    <t>Murrung</t>
  </si>
  <si>
    <t>murrung</t>
  </si>
  <si>
    <t>Murung</t>
  </si>
  <si>
    <t>GUL FARAZ</t>
  </si>
  <si>
    <t>GPS KACHAL</t>
  </si>
  <si>
    <t>Kachal</t>
  </si>
  <si>
    <t>kachal</t>
  </si>
  <si>
    <t>M. GHIAS UL DIN</t>
  </si>
  <si>
    <t>9068</t>
  </si>
  <si>
    <t>GPS PHATANI</t>
  </si>
  <si>
    <t>pathani</t>
  </si>
  <si>
    <t>rot kohi</t>
  </si>
  <si>
    <t>9069</t>
  </si>
  <si>
    <t>GGPS DOOSTRI KALAT</t>
  </si>
  <si>
    <t>dostri Kalat Barthi</t>
  </si>
  <si>
    <t>Dostri Kalat</t>
  </si>
  <si>
    <t>SAIMA SANA</t>
  </si>
  <si>
    <t>GPS NAK PATRI</t>
  </si>
  <si>
    <t>HINGLOON Kuch</t>
  </si>
  <si>
    <t>basti nakh patri tribal area d g khan</t>
  </si>
  <si>
    <t>Nakh Patri</t>
  </si>
  <si>
    <t>47575</t>
  </si>
  <si>
    <t>9071</t>
  </si>
  <si>
    <t>GPS GAWASANI</t>
  </si>
  <si>
    <t>tribal area taunsa d g khan</t>
  </si>
  <si>
    <t>Gawasani</t>
  </si>
  <si>
    <t>Khair Muhammad</t>
  </si>
  <si>
    <t>9072</t>
  </si>
  <si>
    <t>GGMPS BASTI RODO GHARBI</t>
  </si>
  <si>
    <t>Rodo</t>
  </si>
  <si>
    <t>GGPS Basti Rodo Gharbi Trouble Area Dear Ghazi Khan</t>
  </si>
  <si>
    <t>9073</t>
  </si>
  <si>
    <t>GGPS RODO SHARQI</t>
  </si>
  <si>
    <t>BEROT MANDWANI</t>
  </si>
  <si>
    <t>RODO  SHARQI</t>
  </si>
  <si>
    <t>RODO SHARQI</t>
  </si>
  <si>
    <t>FROM DEWAN PETROLEUM TANKER WATER</t>
  </si>
  <si>
    <t>GPS KALRACHI</t>
  </si>
  <si>
    <t>kalrachi</t>
  </si>
  <si>
    <t>Kalrachi</t>
  </si>
  <si>
    <t>25580</t>
  </si>
  <si>
    <t>9075</t>
  </si>
  <si>
    <t>GPS DAGHAY WAR</t>
  </si>
  <si>
    <t>Dhagay War</t>
  </si>
  <si>
    <t>dhagay war p/o barthi</t>
  </si>
  <si>
    <t>11139</t>
  </si>
  <si>
    <t>12135</t>
  </si>
  <si>
    <t>GPS BASTI GORAHA</t>
  </si>
  <si>
    <t>SHEIKH UMMER- MALE</t>
  </si>
  <si>
    <t>gps basti goraha daya chokha gharbi</t>
  </si>
  <si>
    <t>12137</t>
  </si>
  <si>
    <t>GPS BUDHAY WALA</t>
  </si>
  <si>
    <t>pirhar gharbi mustaqil</t>
  </si>
  <si>
    <t>bhudday wala</t>
  </si>
  <si>
    <t>GPS TAPPA QASIM</t>
  </si>
  <si>
    <t>shadi khan munda</t>
  </si>
  <si>
    <t>chah tappa moza shadi khan munda</t>
  </si>
  <si>
    <t>chah tappa</t>
  </si>
  <si>
    <t>GPS KHAN WALI</t>
  </si>
  <si>
    <t>Pirhargharbi Gharbi</t>
  </si>
  <si>
    <t>mastoiwala pirhargharbi</t>
  </si>
  <si>
    <t>12142</t>
  </si>
  <si>
    <t>GPS ISMAIL WALA</t>
  </si>
  <si>
    <t>chah ranjhay Wala moza drigh kot adu m.garh</t>
  </si>
  <si>
    <t>Ranjhay Wala</t>
  </si>
  <si>
    <t>12146</t>
  </si>
  <si>
    <t>GPS BASTI MACHI</t>
  </si>
  <si>
    <t>Bait Angra</t>
  </si>
  <si>
    <t>Shaikh Umer</t>
  </si>
  <si>
    <t>GPS HAYAT KHAN WALA</t>
  </si>
  <si>
    <t>Hayat Wala, Moza Darigh, Bukhi Road. Tehsil Kot Addu</t>
  </si>
  <si>
    <t>Hayat Wala</t>
  </si>
  <si>
    <t>MUKHTIAR AHMAD BHUTTA</t>
  </si>
  <si>
    <t>4407</t>
  </si>
  <si>
    <t>GPS LANGRI WALA</t>
  </si>
  <si>
    <t>WANDER- MALE</t>
  </si>
  <si>
    <t>Wander Garbi</t>
  </si>
  <si>
    <t>ch.598 tda tehseel kotadu distric muzzaffar garh</t>
  </si>
  <si>
    <t>Langri Wala</t>
  </si>
  <si>
    <t>Wandar</t>
  </si>
  <si>
    <t>Kashif GHAFFOOR</t>
  </si>
  <si>
    <t>GPS MAHMOOD WALA</t>
  </si>
  <si>
    <t>PAtti Jhandeer</t>
  </si>
  <si>
    <t>PAtti Jhandeer Gadi Wala P.O Sinawan</t>
  </si>
  <si>
    <t>Gadi Wala</t>
  </si>
  <si>
    <t>12165</t>
  </si>
  <si>
    <t>GPS TARIQ MAHMOOD ABAD</t>
  </si>
  <si>
    <t>Patti Khar</t>
  </si>
  <si>
    <t>Basti sial</t>
  </si>
  <si>
    <t>12166</t>
  </si>
  <si>
    <t>GPS HEAD CHANNAN WALA</t>
  </si>
  <si>
    <t>Patti Chakir Khan</t>
  </si>
  <si>
    <t>Patti Chakir Khan Head Chanan Wala</t>
  </si>
  <si>
    <t>12171</t>
  </si>
  <si>
    <t>GPS CHAK NO. 135/ML</t>
  </si>
  <si>
    <t>Aziza abad</t>
  </si>
  <si>
    <t>chak no 135/ Ml</t>
  </si>
  <si>
    <t>Chak No 135/Ml</t>
  </si>
  <si>
    <t>Pervaz Akhtar</t>
  </si>
  <si>
    <t>GPS CHAK NO. 136/ML</t>
  </si>
  <si>
    <t>Chak No 136 ML, post office Rangpur,Tehsil Kot Addu, District MUZAFFERGARH</t>
  </si>
  <si>
    <t>Chak No 136 ML</t>
  </si>
  <si>
    <t>GPS SHARIF ABAD</t>
  </si>
  <si>
    <t>mochi darbar mouza patti naich</t>
  </si>
  <si>
    <t>Basti Sharif Abad</t>
  </si>
  <si>
    <t>Malik Mushtaq Ahmad</t>
  </si>
  <si>
    <t>GPS PATTI KHAR</t>
  </si>
  <si>
    <t>chah chakan wala mouza patti khar</t>
  </si>
  <si>
    <t>Chakan Wala</t>
  </si>
  <si>
    <t>12184</t>
  </si>
  <si>
    <t>GPS THATHI HAMZA NO. 2</t>
  </si>
  <si>
    <t>Daya Chokha Gharbai</t>
  </si>
  <si>
    <t>Chah Saeed Wala mouza daya Chokha gharbai</t>
  </si>
  <si>
    <t>Chah Saeed Wala</t>
  </si>
  <si>
    <t>12189</t>
  </si>
  <si>
    <t>GPS BEARY WALA</t>
  </si>
  <si>
    <t>Pattal Sharki</t>
  </si>
  <si>
    <t>Chah beary Wala moza pattal sharki kot addu</t>
  </si>
  <si>
    <t>Beary Wala</t>
  </si>
  <si>
    <t>Pattal Gharbi</t>
  </si>
  <si>
    <t>GPS MADINA TUL ULOOM</t>
  </si>
  <si>
    <t>HINJRAI-II- MALE</t>
  </si>
  <si>
    <t>Tibba Mustaqil Gharbi</t>
  </si>
  <si>
    <t>Chah Pahay Wala Daira Din Pannah</t>
  </si>
  <si>
    <t>Chah Pahay Wala</t>
  </si>
  <si>
    <t>MUHAMMAD Arshad Shahid</t>
  </si>
  <si>
    <t>12193</t>
  </si>
  <si>
    <t>GPS BASHIR WALA</t>
  </si>
  <si>
    <t>Rakh Tibba</t>
  </si>
  <si>
    <t>jahangir abad rakh tiba mustaqil</t>
  </si>
  <si>
    <t>12196</t>
  </si>
  <si>
    <t>GPS CHATTAY WALA</t>
  </si>
  <si>
    <t>Tibba Mustaqil</t>
  </si>
  <si>
    <t>chatty Wala pull hzara makaz daira din panah</t>
  </si>
  <si>
    <t>Chatty Wala Pul Hzara</t>
  </si>
  <si>
    <t>27092</t>
  </si>
  <si>
    <t>12198</t>
  </si>
  <si>
    <t>GPS FAZAL ABAD</t>
  </si>
  <si>
    <t>Hinjrai Ghair Mustaqil Sharqi</t>
  </si>
  <si>
    <t>basti Qureshi wali hanjrai ghair mustaqil sharqi</t>
  </si>
  <si>
    <t>Qureshi</t>
  </si>
  <si>
    <t>Hanjari 2</t>
  </si>
  <si>
    <t>ATIQ UR REHMAN</t>
  </si>
  <si>
    <t>6235</t>
  </si>
  <si>
    <t>12201</t>
  </si>
  <si>
    <t>GPS TIBBA SHARQI</t>
  </si>
  <si>
    <t>Tibba Ghair Mustakil Sharqi</t>
  </si>
  <si>
    <t>Chah Kanjo Wala Tibba Ghair Mustakil Sharqi</t>
  </si>
  <si>
    <t>Kanjo Wala</t>
  </si>
  <si>
    <t>Muhammad Yasir Suleiman</t>
  </si>
  <si>
    <t>12202</t>
  </si>
  <si>
    <t>GPS MITHU KHAN WALA</t>
  </si>
  <si>
    <t>Janu Ghair Must</t>
  </si>
  <si>
    <t>chah mool wala janu ghair mustaqil union council no 4</t>
  </si>
  <si>
    <t>Chah Mool Wala</t>
  </si>
  <si>
    <t>39165</t>
  </si>
  <si>
    <t>GPS BHONKIN WALI</t>
  </si>
  <si>
    <t>Janu Gair Mustaqil</t>
  </si>
  <si>
    <t>chah Donay Wala moza janu Gair Mustaqil uc bait Qaim Wala tehsil kot addu muzafar garh</t>
  </si>
  <si>
    <t>Dony Wala</t>
  </si>
  <si>
    <t>Aurangzaib</t>
  </si>
  <si>
    <t>GPS NISHAN WALA</t>
  </si>
  <si>
    <t>HINJRAI-I- MALE</t>
  </si>
  <si>
    <t>Hanjrai Ghair Mustaqil Darmiani  Hanjrai Ghair Mustaqil Darmiani</t>
  </si>
  <si>
    <t>gpsnishanwali@gmail.com</t>
  </si>
  <si>
    <t>Basti Sheenh</t>
  </si>
  <si>
    <t>Muhammad Akash</t>
  </si>
  <si>
    <t>GPS MEHRI WALA</t>
  </si>
  <si>
    <t>Gher Mustaqil Darmiani</t>
  </si>
  <si>
    <t>basti shakrela moza gher mustaqil darmiani union hinjrai ehsanpur</t>
  </si>
  <si>
    <t>Basti Shakrela</t>
  </si>
  <si>
    <t>44532</t>
  </si>
  <si>
    <t>12209</t>
  </si>
  <si>
    <t>Daira Din Panah Mustaqil</t>
  </si>
  <si>
    <t>chah nirali wala daira din panah</t>
  </si>
  <si>
    <t>Nirali Wala</t>
  </si>
  <si>
    <t>MC Daira din Pannah</t>
  </si>
  <si>
    <t>ghulam abbas</t>
  </si>
  <si>
    <t>Katcha pattal Ghair Mustaqil Kot Adu</t>
  </si>
  <si>
    <t>chah Shah wala moza katcha pattal ghair mustaqil kot adu</t>
  </si>
  <si>
    <t>Chah Shah Wala</t>
  </si>
  <si>
    <t>CHAHUDHRY</t>
  </si>
  <si>
    <t>Tanveer Abbas</t>
  </si>
  <si>
    <t>GPS CHAK NO. 153/ML</t>
  </si>
  <si>
    <t>Chak NO 153/ML</t>
  </si>
  <si>
    <t>chak no 153/Ml Tehsil Kot addu</t>
  </si>
  <si>
    <t>Chak no 153/ML</t>
  </si>
  <si>
    <t>7779</t>
  </si>
  <si>
    <t>12215</t>
  </si>
  <si>
    <t>GPS BASTI SIRAI</t>
  </si>
  <si>
    <t>Bhobhar Mustaqil</t>
  </si>
  <si>
    <t>basti sirae</t>
  </si>
  <si>
    <t>Basti Sirae</t>
  </si>
  <si>
    <t>12216</t>
  </si>
  <si>
    <t>GPS PROHAY WALA</t>
  </si>
  <si>
    <t>Kcha Patal</t>
  </si>
  <si>
    <t>chah lail Wala kotadu</t>
  </si>
  <si>
    <t>Chah Lail Wala</t>
  </si>
  <si>
    <t>12217</t>
  </si>
  <si>
    <t>GPS HABIB WALA</t>
  </si>
  <si>
    <t>basti rind pul maggsan</t>
  </si>
  <si>
    <t>Habib Wala</t>
  </si>
  <si>
    <t>Muhammad Toheed</t>
  </si>
  <si>
    <t>GPS FAQIR WALI</t>
  </si>
  <si>
    <t>Faqir Wali</t>
  </si>
  <si>
    <t>Basti Khosa Moza faqir wali Center Tunsa Barrage</t>
  </si>
  <si>
    <t>12221</t>
  </si>
  <si>
    <t>GPS CHAK NO.149 ML</t>
  </si>
  <si>
    <t>Chak#149ml</t>
  </si>
  <si>
    <t>chak#149ml</t>
  </si>
  <si>
    <t>Muhammad AKmal</t>
  </si>
  <si>
    <t>29186</t>
  </si>
  <si>
    <t>GPS CHAK NO.148 ML</t>
  </si>
  <si>
    <t>148ml</t>
  </si>
  <si>
    <t>chak No 148ml</t>
  </si>
  <si>
    <t>24493</t>
  </si>
  <si>
    <t>4396</t>
  </si>
  <si>
    <t>GPS CHAK NO.147 ML</t>
  </si>
  <si>
    <t>NOOR SHAH-II- MALE</t>
  </si>
  <si>
    <t>Chak No147 Ml</t>
  </si>
  <si>
    <t>chak no.147 ml</t>
  </si>
  <si>
    <t>Near Mir Pur</t>
  </si>
  <si>
    <t>wasim akram</t>
  </si>
  <si>
    <t>12227</t>
  </si>
  <si>
    <t>GPS KINGRI WALA</t>
  </si>
  <si>
    <t>EHSAN PUR-II- MALE</t>
  </si>
  <si>
    <t>Hunjrai Mustaqil Shrqi</t>
  </si>
  <si>
    <t>chah mohanry wala ehsan pur hunjrai mustaqil shrqi</t>
  </si>
  <si>
    <t>Chah Mohanry Wala</t>
  </si>
  <si>
    <t>40049</t>
  </si>
  <si>
    <t>12228</t>
  </si>
  <si>
    <t>GPS BASRI WALA</t>
  </si>
  <si>
    <t>HINJRAI MUSTAQIL SHARQI</t>
  </si>
  <si>
    <t>GPS BASRI WALA CHAH TAHLI WALA HINJRAI MUSTAQIL SHARQI MARKAZ EHSAN PUR 2 TEHSIL KOT ADDU DISTRICT MUZAFFARGARH</t>
  </si>
  <si>
    <t>CHAH TAHLI WALA/KARLO WALA</t>
  </si>
  <si>
    <t>AASIM NIAZ</t>
  </si>
  <si>
    <t>12230</t>
  </si>
  <si>
    <t>GGPS USMANI WALA</t>
  </si>
  <si>
    <t>hanjri mustaqil  sharqi ehsan pur</t>
  </si>
  <si>
    <t>Shorat Wala</t>
  </si>
  <si>
    <t>Muhammad Javaid</t>
  </si>
  <si>
    <t>12231</t>
  </si>
  <si>
    <t>GPS SHOHRAT WALA</t>
  </si>
  <si>
    <t>Hunjri Mustaqik Sherki</t>
  </si>
  <si>
    <t>chah neel wala hunjri mustaqil sherki</t>
  </si>
  <si>
    <t>Chah Neel Wala</t>
  </si>
  <si>
    <t>43049</t>
  </si>
  <si>
    <t>35442</t>
  </si>
  <si>
    <t>Hunjrai Mustaqil Sherqi</t>
  </si>
  <si>
    <t>malik wala mauza hanjrai mustaqil sherqi ehsan pur</t>
  </si>
  <si>
    <t>Muhammad Zaman Aslam</t>
  </si>
  <si>
    <t>GPS DHOON WALA</t>
  </si>
  <si>
    <t>RAKH EHSAN PUR</t>
  </si>
  <si>
    <t>Basti Meerani wala post office Ehsan pur</t>
  </si>
  <si>
    <t>MEERANI WALA</t>
  </si>
  <si>
    <t>MUHAMMAD TOFEEQ SHAHID</t>
  </si>
  <si>
    <t>12235</t>
  </si>
  <si>
    <t>GPS HAYYAT WALA NO.2</t>
  </si>
  <si>
    <t>Mustaqil Ahsan Pur</t>
  </si>
  <si>
    <t>Mouza Mustaqil Ahsan Pur P/o ahsan Pur teh kot Adu district M.garh</t>
  </si>
  <si>
    <t>Chah Khob Kali</t>
  </si>
  <si>
    <t>GPS KAKAY WALA</t>
  </si>
  <si>
    <t>chah bagh wala p/o ehsan pur</t>
  </si>
  <si>
    <t>12239</t>
  </si>
  <si>
    <t>GPS KOUSAR ABAD</t>
  </si>
  <si>
    <t>Meer Pir Bhagal</t>
  </si>
  <si>
    <t>chak no 519/TDA</t>
  </si>
  <si>
    <t>mir pur baroon</t>
  </si>
  <si>
    <t>9042</t>
  </si>
  <si>
    <t>GPS KHEWAY WALA</t>
  </si>
  <si>
    <t>Jaam Wala</t>
  </si>
  <si>
    <t>chah jam wala po rungpur</t>
  </si>
  <si>
    <t>Jam Wala</t>
  </si>
  <si>
    <t>GPS BAHADAR WALI</t>
  </si>
  <si>
    <t>pattal monda sharqi</t>
  </si>
  <si>
    <t>chah Bahadur wali, mauza pattal Munda sharqi, near  rngpur , tehsil kot addu , district Muzaffargarh.</t>
  </si>
  <si>
    <t>Chah Bahadur Wali</t>
  </si>
  <si>
    <t>12246</t>
  </si>
  <si>
    <t>GPS CHAH CHATTEY WALA</t>
  </si>
  <si>
    <t>Perhar Munda Sharqi</t>
  </si>
  <si>
    <t>Chah Chattey Wala</t>
  </si>
  <si>
    <t>GPS FAZAL WALA</t>
  </si>
  <si>
    <t>Patal Munda Sharqi</t>
  </si>
  <si>
    <t>Chah Ahmad Yar Wala Patal Munda Sharqi P/O Rangpore</t>
  </si>
  <si>
    <t>Ahmad Yar Wala</t>
  </si>
  <si>
    <t>Muhammad Waseem Akram</t>
  </si>
  <si>
    <t>GPS CHAK NO.627 TDA</t>
  </si>
  <si>
    <t>Chak#627/tda</t>
  </si>
  <si>
    <t>chak#627./tda  p/o chak#626/tda kot a
ddu m garh</t>
  </si>
  <si>
    <t>GPS CHAK NO.621 TDA</t>
  </si>
  <si>
    <t>Chak No 621/TDA</t>
  </si>
  <si>
    <t>Chak. No.621/TDA Tehsil Kot Addu Dist. M.Garh</t>
  </si>
  <si>
    <t>22060</t>
  </si>
  <si>
    <t>GPS CHAK NO.630 TDA</t>
  </si>
  <si>
    <t>Chak No 630TDA</t>
  </si>
  <si>
    <t>632/TDA</t>
  </si>
  <si>
    <t>12257</t>
  </si>
  <si>
    <t>GPS CHAK NO.646 TDA</t>
  </si>
  <si>
    <t>646/TDA</t>
  </si>
  <si>
    <t>chak no 646/TDA Tehsil kot addu</t>
  </si>
  <si>
    <t>ALLAH BUKHSH Khan</t>
  </si>
  <si>
    <t>13796</t>
  </si>
  <si>
    <t>GPS RASHID ABAD</t>
  </si>
  <si>
    <t>JATAN THER</t>
  </si>
  <si>
    <t>GPS QURAISHI ABAD</t>
  </si>
  <si>
    <t>Muhammad Pur No1</t>
  </si>
  <si>
    <t>chack Muhammad pur basti daddar wala</t>
  </si>
  <si>
    <t>Basti Daddar Wala</t>
  </si>
  <si>
    <t>Muhammad Pur 1</t>
  </si>
  <si>
    <t>13799</t>
  </si>
  <si>
    <t>GPS GHULAM QADIR JASKANI &amp; FAIZ KHALILANI</t>
  </si>
  <si>
    <t>Rakh Charowala</t>
  </si>
  <si>
    <t>rakh charowala p/o dajal</t>
  </si>
  <si>
    <t>Ghulam Qadir Jaskani</t>
  </si>
  <si>
    <t>GPS BASTI AFZAL KHAN JOGIANI</t>
  </si>
  <si>
    <t>basti afzal khan jogiani mauza rakh azmat  wala jampur</t>
  </si>
  <si>
    <t>Basti Afzal Khan Jogiani</t>
  </si>
  <si>
    <t>genarator pump</t>
  </si>
  <si>
    <t>19791</t>
  </si>
  <si>
    <t>GPS MOOSA KHAN HOTWANI</t>
  </si>
  <si>
    <t>Thul Janan</t>
  </si>
  <si>
    <t>Awami colony Jampur</t>
  </si>
  <si>
    <t>from tube well</t>
  </si>
  <si>
    <t>GPS HAJI ABBAS HUSSAIN KHOSA</t>
  </si>
  <si>
    <t>THUL HAIRO</t>
  </si>
  <si>
    <t>MAUZA THUL HAIRO TEHSIL JAMPUR DISTT RAJANPUR</t>
  </si>
  <si>
    <t>HAJI ABBAS HUSSAIN KHOSA</t>
  </si>
  <si>
    <t>26903</t>
  </si>
  <si>
    <t>GPS BASTI ALI HAIDER KHALILANI</t>
  </si>
  <si>
    <t>Islam Pur</t>
  </si>
  <si>
    <t>Basti Ali Haider Khalilani Moza Islam pur tehsil jampur District rajanpur</t>
  </si>
  <si>
    <t>Basti Ali Haider Khalilani</t>
  </si>
  <si>
    <t>27979</t>
  </si>
  <si>
    <t>13806</t>
  </si>
  <si>
    <t>GPS BASTI WASHAL KHAN HAQDADANI</t>
  </si>
  <si>
    <t>basti washal khan</t>
  </si>
  <si>
    <t>Muhammad Isa</t>
  </si>
  <si>
    <t>24545</t>
  </si>
  <si>
    <t>54545</t>
  </si>
  <si>
    <t>13808</t>
  </si>
  <si>
    <t>GPS BASTI SONHARA KHAN KALERI</t>
  </si>
  <si>
    <t>Chittar Faqeer</t>
  </si>
  <si>
    <t>Basti sonhara khan kaleri jampur</t>
  </si>
  <si>
    <t>Basti Sonhara Kaleri</t>
  </si>
  <si>
    <t>13809</t>
  </si>
  <si>
    <t>GPS BASTI MALIK RAMZAN</t>
  </si>
  <si>
    <t>Lundisaidan</t>
  </si>
  <si>
    <t>Basti Malik Ramzan</t>
  </si>
  <si>
    <t>Bismillah</t>
  </si>
  <si>
    <t>GPS BASTI LASHKAR KHAN BAGHLANI</t>
  </si>
  <si>
    <t>Thul Serak</t>
  </si>
  <si>
    <t>Basti lashkar khan baghlani, Thul siraki, Tehsil jampur</t>
  </si>
  <si>
    <t>13811</t>
  </si>
  <si>
    <t>GPS BASTI NAZAR SOUNTRA</t>
  </si>
  <si>
    <t>basti dhamal thull mahtam</t>
  </si>
  <si>
    <t>48666</t>
  </si>
  <si>
    <t>GPS SAKHI BOR BUKHSH</t>
  </si>
  <si>
    <t>Thul hero</t>
  </si>
  <si>
    <t>basti Balach Mouza Thul hairo tenhsile Jampur</t>
  </si>
  <si>
    <t>Basti Balach</t>
  </si>
  <si>
    <t>GPS THAL SAEED</t>
  </si>
  <si>
    <t>tibbi lundan</t>
  </si>
  <si>
    <t>basti kala kareen union council tibbi lundan jampur</t>
  </si>
  <si>
    <t>basti lanjwani</t>
  </si>
  <si>
    <t>13828</t>
  </si>
  <si>
    <t>GGPS JHOKE MAKWAL</t>
  </si>
  <si>
    <t>Jhok Makwal</t>
  </si>
  <si>
    <t>13829</t>
  </si>
  <si>
    <t>p/o dajal tehseel jampur district rajanpur</t>
  </si>
  <si>
    <t>Basti Diraja</t>
  </si>
  <si>
    <t>48854</t>
  </si>
  <si>
    <t>13838</t>
  </si>
  <si>
    <t>GPS BASTI QABOOL KHAN BABRA</t>
  </si>
  <si>
    <t>basti qabool babrha near liaqta abad 2R</t>
  </si>
  <si>
    <t>Qabool Babrha Moza Haji Pur</t>
  </si>
  <si>
    <t>Muhammad Imran Aziz</t>
  </si>
  <si>
    <t>54340</t>
  </si>
  <si>
    <t>GGHS TURKISH MODEL VILLAGE RAKH AZMAT WALA</t>
  </si>
  <si>
    <t>Turkish Model Village Rakh Azmat Wala Jampur</t>
  </si>
  <si>
    <t>Turkish Model Village</t>
  </si>
  <si>
    <t>Pervin Akhtar</t>
  </si>
  <si>
    <t>15148</t>
  </si>
  <si>
    <t>13843</t>
  </si>
  <si>
    <t>GHS NOORPUR MACHHI WALA</t>
  </si>
  <si>
    <t>Noorpur Machi Noor Pur MachiWala</t>
  </si>
  <si>
    <t>noor pur machi wala rajan pur</t>
  </si>
  <si>
    <t>Noor Pur Machi WalA</t>
  </si>
  <si>
    <t>Moazzam Ali</t>
  </si>
  <si>
    <t>13903</t>
  </si>
  <si>
    <t>GPS NOORI JAMIA MASJID</t>
  </si>
  <si>
    <t>Fazil pur</t>
  </si>
  <si>
    <t>mohalla rana faiz fazil pur</t>
  </si>
  <si>
    <t>Muhammad  Zafar Nawaz</t>
  </si>
  <si>
    <t>13908</t>
  </si>
  <si>
    <t>GPS BASTI POLI</t>
  </si>
  <si>
    <t>GPS basti poli</t>
  </si>
  <si>
    <t>Basti Poli</t>
  </si>
  <si>
    <t>Farah Noreen</t>
  </si>
  <si>
    <t>GPS MUD MAINGRAJ</t>
  </si>
  <si>
    <t>Chak Sohrani</t>
  </si>
  <si>
    <t>basti mangraija</t>
  </si>
  <si>
    <t>Basti mangraija</t>
  </si>
  <si>
    <t>Lassa</t>
  </si>
  <si>
    <t>13917</t>
  </si>
  <si>
    <t>GPS BAKHSHA WALI</t>
  </si>
  <si>
    <t>Kotla Androon</t>
  </si>
  <si>
    <t>Bukhshay Wali Moza Kotla Androon</t>
  </si>
  <si>
    <t>Bukhshay Wali</t>
  </si>
  <si>
    <t>Matloob Hussain Saqib</t>
  </si>
  <si>
    <t>48924</t>
  </si>
  <si>
    <t>GGHS CHAK NO.27 NB</t>
  </si>
  <si>
    <t>chak no. 27 nb sargodha</t>
  </si>
  <si>
    <t>Chak No 27</t>
  </si>
  <si>
    <t>Shahneela sabohi</t>
  </si>
  <si>
    <t>50950</t>
  </si>
  <si>
    <t>GGHS CHAK NO.50 NB</t>
  </si>
  <si>
    <t>Chak No. 50/NB Sargodha</t>
  </si>
  <si>
    <t>Chak No 50/NB Sargodha</t>
  </si>
  <si>
    <t>50/NB</t>
  </si>
  <si>
    <t>8315</t>
  </si>
  <si>
    <t>48929</t>
  </si>
  <si>
    <t>GGES ZAFAR COLONY SARGODHA</t>
  </si>
  <si>
    <t>gges Zafar colony block#c sgd</t>
  </si>
  <si>
    <t>Shagufta Shafaq</t>
  </si>
  <si>
    <t>48944</t>
  </si>
  <si>
    <t>GGHS LAK MORE</t>
  </si>
  <si>
    <t>Lak</t>
  </si>
  <si>
    <t>gghs lak more</t>
  </si>
  <si>
    <t>Lak More</t>
  </si>
  <si>
    <t>75072</t>
  </si>
  <si>
    <t>48947</t>
  </si>
  <si>
    <t>GGHS SAKESAR BAR</t>
  </si>
  <si>
    <t>Jura Sakasr</t>
  </si>
  <si>
    <t>Govt.girls high school sakasr bar sgd</t>
  </si>
  <si>
    <t>Sakasar Bar</t>
  </si>
  <si>
    <t>Jura Sakesar</t>
  </si>
  <si>
    <t>Fozia Sarwar</t>
  </si>
  <si>
    <t>49003</t>
  </si>
  <si>
    <t>GPS CHANAN WALA</t>
  </si>
  <si>
    <t>village chanan wala laluwali sargodha</t>
  </si>
  <si>
    <t>Chanan Wala</t>
  </si>
  <si>
    <t>Ghulam Razzaq</t>
  </si>
  <si>
    <t>18070</t>
  </si>
  <si>
    <t>34317</t>
  </si>
  <si>
    <t>49029</t>
  </si>
  <si>
    <t>GPS ADHE WALI KHOI</t>
  </si>
  <si>
    <t>Chak 91 Sb</t>
  </si>
  <si>
    <t>adhe wali khoi near gulberg town sargodha</t>
  </si>
  <si>
    <t>Adhe Wali Khoi</t>
  </si>
  <si>
    <t>88/SB</t>
  </si>
  <si>
    <t>Jawad Ahmad</t>
  </si>
  <si>
    <t>8854</t>
  </si>
  <si>
    <t>111520</t>
  </si>
  <si>
    <t>49059</t>
  </si>
  <si>
    <t>GHS MITHA LAK</t>
  </si>
  <si>
    <t>mitha lak</t>
  </si>
  <si>
    <t>village mitha lak deh sargodha</t>
  </si>
  <si>
    <t>GGPS U.P CHURCH GILL WALA</t>
  </si>
  <si>
    <t>ggps up church gillwala. sgd</t>
  </si>
  <si>
    <t>47 Nb</t>
  </si>
  <si>
    <t>49382</t>
  </si>
  <si>
    <t>GMMS DERA GHULAM MUHAMMAD DHAREMA</t>
  </si>
  <si>
    <t>gmms dera ghulam muhammad dharema</t>
  </si>
  <si>
    <t>Hafiz Abdul Aziz</t>
  </si>
  <si>
    <t>13110</t>
  </si>
  <si>
    <t>27476</t>
  </si>
  <si>
    <t>49383</t>
  </si>
  <si>
    <t>GMMS CHAK NO.5 RAKH DHEREMA AZAFI ABADI</t>
  </si>
  <si>
    <t>Chak No 5 Rakh Dharema Azafi Abadi</t>
  </si>
  <si>
    <t>GMMS CHAK NO 5 RAKH DHAREMA AZAFI ABADI</t>
  </si>
  <si>
    <t>58/NB</t>
  </si>
  <si>
    <t>32438</t>
  </si>
  <si>
    <t>11736</t>
  </si>
  <si>
    <t>49384</t>
  </si>
  <si>
    <t>GMMS CHAK NO.70 NB</t>
  </si>
  <si>
    <t>Chak NO70NB</t>
  </si>
  <si>
    <t>Govt M M School Basti Hameed Chak No 70 NB Sargodha</t>
  </si>
  <si>
    <t>ChakNo70NB</t>
  </si>
  <si>
    <t>Khalid Mehmood Shah</t>
  </si>
  <si>
    <t>49408</t>
  </si>
  <si>
    <t>GGHS SHAHPUR CITY</t>
  </si>
  <si>
    <t>Shah Pur City</t>
  </si>
  <si>
    <t>Govt Girls High School Shah pur city</t>
  </si>
  <si>
    <t>Nuzhat Karim</t>
  </si>
  <si>
    <t>49411</t>
  </si>
  <si>
    <t>GHSS SHAHPUR SADAR (Old Name GCET)</t>
  </si>
  <si>
    <t>Shahpur sadar</t>
  </si>
  <si>
    <t>SYED GHULAM RAZA SHAH</t>
  </si>
  <si>
    <t>21204</t>
  </si>
  <si>
    <t>49632</t>
  </si>
  <si>
    <t>GGHSS CHAK NO.107 NB</t>
  </si>
  <si>
    <t>CHAK NO 107NB</t>
  </si>
  <si>
    <t>CHAK NO 107NB Sillanwali Sargodha</t>
  </si>
  <si>
    <t>CHAK NO 111 NB</t>
  </si>
  <si>
    <t>Praveen Akhter</t>
  </si>
  <si>
    <t>49656</t>
  </si>
  <si>
    <t>GGHS CHAK NO. 163 NB</t>
  </si>
  <si>
    <t>Shahnikdar</t>
  </si>
  <si>
    <t>gghs 163nb</t>
  </si>
  <si>
    <t>163nb</t>
  </si>
  <si>
    <t>Chak No 163</t>
  </si>
  <si>
    <t>Masooda Aziz</t>
  </si>
  <si>
    <t>50038</t>
  </si>
  <si>
    <t>GGPS KHANJAR KHAN WALA</t>
  </si>
  <si>
    <t>Khanjar Khan Wala</t>
  </si>
  <si>
    <t>khanjar khan wala</t>
  </si>
  <si>
    <t>Bhochra Kohna</t>
  </si>
  <si>
    <t>31905</t>
  </si>
  <si>
    <t>32368</t>
  </si>
  <si>
    <t>50085</t>
  </si>
  <si>
    <t>GMMS THATHI YAROO JAGIR</t>
  </si>
  <si>
    <t>Thathi yaroo Jageer</t>
  </si>
  <si>
    <t>Govt. Masjid Maktab School Thathi yaroo jageer</t>
  </si>
  <si>
    <t>Thathi yaroo jageer</t>
  </si>
  <si>
    <t>SIAL SHARIF</t>
  </si>
  <si>
    <t>12163</t>
  </si>
  <si>
    <t>48324</t>
  </si>
  <si>
    <t>GPS GHEIWAL</t>
  </si>
  <si>
    <t>Ghaiwal</t>
  </si>
  <si>
    <t>ghaiwal po midh ranjha teh kott dist sargodha</t>
  </si>
  <si>
    <t>Ghaiwall</t>
  </si>
  <si>
    <t>48534</t>
  </si>
  <si>
    <t>GGPS VIRKAN WALI</t>
  </si>
  <si>
    <t>Virkanwali</t>
  </si>
  <si>
    <t>Virkanwali Teh. Kotmomin Distt. Sargodha</t>
  </si>
  <si>
    <t>Mehwish Jabeen</t>
  </si>
  <si>
    <t>50963</t>
  </si>
  <si>
    <t>48544</t>
  </si>
  <si>
    <t>GGPS CHAK NO.12 SB</t>
  </si>
  <si>
    <t>12 sb</t>
  </si>
  <si>
    <t>Chak 12 Sb. Tehsil Kotmomin Dist. Sargodha</t>
  </si>
  <si>
    <t>Chak #12 Sb</t>
  </si>
  <si>
    <t>17940</t>
  </si>
  <si>
    <t>54849</t>
  </si>
  <si>
    <t>GPS KOT SHAH NAWAZ</t>
  </si>
  <si>
    <t>Kot Shah Nawaz</t>
  </si>
  <si>
    <t>gps kot shah nawaz tehsil kot momin district sargodha</t>
  </si>
  <si>
    <t>Kot Miana</t>
  </si>
  <si>
    <t>ARSLAN NAWAZ</t>
  </si>
  <si>
    <t>54850</t>
  </si>
  <si>
    <t>GPS CHAK KHANA</t>
  </si>
  <si>
    <t>MIDH RANJHA-II - MALE</t>
  </si>
  <si>
    <t>Chak Khana</t>
  </si>
  <si>
    <t>chak khana P/o lakseen district sargodha tehsil kotmomin</t>
  </si>
  <si>
    <t>Jan Muhammad Wala</t>
  </si>
  <si>
    <t>54916</t>
  </si>
  <si>
    <t>GHS MODEL KOT MOMIN</t>
  </si>
  <si>
    <t>Near special education centrekotmomin</t>
  </si>
  <si>
    <t>MC Kotmomin</t>
  </si>
  <si>
    <t>48071</t>
  </si>
  <si>
    <t>GHS MODEL MIANI</t>
  </si>
  <si>
    <t>JEEVAN WAL</t>
  </si>
  <si>
    <t>GOVT. MODEL HIGH SCHOOL MIANI, TEHSIL BHERA, P/O MIANI</t>
  </si>
  <si>
    <t>MIANI</t>
  </si>
  <si>
    <t>MUHAMMAD BASHIR GONDAL</t>
  </si>
  <si>
    <t>48075</t>
  </si>
  <si>
    <t>GHS BHERA</t>
  </si>
  <si>
    <t>GHS BHERA , TEHSIL BHERA,DISTRICT SRGODHA</t>
  </si>
  <si>
    <t>Shaikh Sikandar Hayat</t>
  </si>
  <si>
    <t>27562</t>
  </si>
  <si>
    <t>48085</t>
  </si>
  <si>
    <t>GGHS MIANI</t>
  </si>
  <si>
    <t>GOVT.GIRLS HIGH SCHOOL MIANI</t>
  </si>
  <si>
    <t>NAMAK MIANI</t>
  </si>
  <si>
    <t>48376</t>
  </si>
  <si>
    <t>GPS CHAL PUR</t>
  </si>
  <si>
    <t>chalpur</t>
  </si>
  <si>
    <t>44717</t>
  </si>
  <si>
    <t>GPS RAY PUR</t>
  </si>
  <si>
    <t>Raypur</t>
  </si>
  <si>
    <t>village ray pur teh,bhalwal dist sargodha</t>
  </si>
  <si>
    <t>Ray Pur</t>
  </si>
  <si>
    <t>Ch M Nazir</t>
  </si>
  <si>
    <t>48390</t>
  </si>
  <si>
    <t>GPS KOT AHMAD KHAN</t>
  </si>
  <si>
    <t>MIANI - MALE</t>
  </si>
  <si>
    <t>Kot  Ahmed Khan</t>
  </si>
  <si>
    <t>kot ahmed khan</t>
  </si>
  <si>
    <t>Kot Ahmed Khan</t>
  </si>
  <si>
    <t>MUHAMMAD HANIF ABID</t>
  </si>
  <si>
    <t>20034</t>
  </si>
  <si>
    <t>42183</t>
  </si>
  <si>
    <t>GPS MC CPC NO.1 BHERA</t>
  </si>
  <si>
    <t>beroon darwaza ganj Wala bhera</t>
  </si>
  <si>
    <t>Shazia Niazi</t>
  </si>
  <si>
    <t>48441</t>
  </si>
  <si>
    <t>GPS FAIZ ABAD NOON</t>
  </si>
  <si>
    <t>Faiz Abad Noon</t>
  </si>
  <si>
    <t>45333</t>
  </si>
  <si>
    <t>42910</t>
  </si>
  <si>
    <t>48636</t>
  </si>
  <si>
    <t>GGPS JEWAN WAL</t>
  </si>
  <si>
    <t>Jewanwall</t>
  </si>
  <si>
    <t>GGPS JEWAN Wall</t>
  </si>
  <si>
    <t>Naziran Begum</t>
  </si>
  <si>
    <t>16046</t>
  </si>
  <si>
    <t>48643</t>
  </si>
  <si>
    <t>GGPS RAKH MELOWAL</t>
  </si>
  <si>
    <t>Rakh Melowal</t>
  </si>
  <si>
    <t>RakhchargahTehsil Bhera</t>
  </si>
  <si>
    <t>Rakh melowal</t>
  </si>
  <si>
    <t>48662</t>
  </si>
  <si>
    <t>GGPS HAJIKA</t>
  </si>
  <si>
    <t>BHERA - FEMALE</t>
  </si>
  <si>
    <t>Jhamat Ranjhawala</t>
  </si>
  <si>
    <t>37005</t>
  </si>
  <si>
    <t>GGPS GUNGA RAM DASA</t>
  </si>
  <si>
    <t>GGPS GUNGA RAMDASA jhugiyan khokharan bhera, sgd</t>
  </si>
  <si>
    <t>jhugiyan khokharan</t>
  </si>
  <si>
    <t>Hazoor pur</t>
  </si>
  <si>
    <t>Maria Habib Hashemi</t>
  </si>
  <si>
    <t>27362</t>
  </si>
  <si>
    <t>48709</t>
  </si>
  <si>
    <t>GPS DERA FAZAL KA</t>
  </si>
  <si>
    <t>Dera Fazalka</t>
  </si>
  <si>
    <t>dera Fazalka</t>
  </si>
  <si>
    <t>SAIDA</t>
  </si>
  <si>
    <t>50102</t>
  </si>
  <si>
    <t>GHS 50/12-L</t>
  </si>
  <si>
    <t>Chak 50/12L</t>
  </si>
  <si>
    <t>Chak 50/12L, Tehsil Chichawatni, District Sahiwal</t>
  </si>
  <si>
    <t>50/12L</t>
  </si>
  <si>
    <t>IRFANULLAH FAROOQ</t>
  </si>
  <si>
    <t>51555</t>
  </si>
  <si>
    <t>45555</t>
  </si>
  <si>
    <t>45023</t>
  </si>
  <si>
    <t>50331</t>
  </si>
  <si>
    <t>GPS DOUNDA SUNDRANA</t>
  </si>
  <si>
    <t>Dounda Sundrana</t>
  </si>
  <si>
    <t>GPS dounda sundrana</t>
  </si>
  <si>
    <t>Asgar Ali Atif</t>
  </si>
  <si>
    <t>16394</t>
  </si>
  <si>
    <t>50332</t>
  </si>
  <si>
    <t>GPS AHMAD BAGHILA</t>
  </si>
  <si>
    <t>Ahmad Baghila</t>
  </si>
  <si>
    <t>Ahmad baghila</t>
  </si>
  <si>
    <t>Muhammad Iltaf</t>
  </si>
  <si>
    <t>50367</t>
  </si>
  <si>
    <t>GPS 183/9-L</t>
  </si>
  <si>
    <t>183/9L</t>
  </si>
  <si>
    <t>chak no 183/9L</t>
  </si>
  <si>
    <t>5980</t>
  </si>
  <si>
    <t>50476</t>
  </si>
  <si>
    <t>GPS 98/12-L MIAN KHARA</t>
  </si>
  <si>
    <t>98/12-L Mian Khaira</t>
  </si>
  <si>
    <t>chak no 98(a)/12-l (Basti Mian Khaira)</t>
  </si>
  <si>
    <t>98A/12-LMian Khaira</t>
  </si>
  <si>
    <t>20/14L</t>
  </si>
  <si>
    <t>Mujahid Shahzada</t>
  </si>
  <si>
    <t>GGPS 161/9-L</t>
  </si>
  <si>
    <t>161/9L</t>
  </si>
  <si>
    <t>chak No 161 / 9 L</t>
  </si>
  <si>
    <t>Uzma Riasat</t>
  </si>
  <si>
    <t>49836</t>
  </si>
  <si>
    <t>50557</t>
  </si>
  <si>
    <t>GGPS 163/9-L OLD ABADI</t>
  </si>
  <si>
    <t>Old Abdi</t>
  </si>
  <si>
    <t>163/9l old abbadi</t>
  </si>
  <si>
    <t>163 9L OLd Abdi</t>
  </si>
  <si>
    <t>GGPS 17/14-L</t>
  </si>
  <si>
    <t>17 /14 L</t>
  </si>
  <si>
    <t>GGPS 17/14 L</t>
  </si>
  <si>
    <t>17/14 L</t>
  </si>
  <si>
    <t>Mahmooda Tasnim</t>
  </si>
  <si>
    <t>3846</t>
  </si>
  <si>
    <t>50587</t>
  </si>
  <si>
    <t>GGPS 12/14-L</t>
  </si>
  <si>
    <t>12/14-L</t>
  </si>
  <si>
    <t>chak#12/14-L Tehsil Chichawatni Distt Sahiwal</t>
  </si>
  <si>
    <t>6/14L</t>
  </si>
  <si>
    <t>50590</t>
  </si>
  <si>
    <t>GGPS 118/7-DR</t>
  </si>
  <si>
    <t>Chak 118/7-DR</t>
  </si>
  <si>
    <t>chak no.118/7DR</t>
  </si>
  <si>
    <t>119/7-DR</t>
  </si>
  <si>
    <t>Veena Sherazi</t>
  </si>
  <si>
    <t>11255</t>
  </si>
  <si>
    <t>10115</t>
  </si>
  <si>
    <t>50594</t>
  </si>
  <si>
    <t>GGPS 27/14-L</t>
  </si>
  <si>
    <t>27/14 L</t>
  </si>
  <si>
    <t>chak no 27/14 L</t>
  </si>
  <si>
    <t>Chak No 27/14 L</t>
  </si>
  <si>
    <t>12546</t>
  </si>
  <si>
    <t>5035</t>
  </si>
  <si>
    <t>50618</t>
  </si>
  <si>
    <t>GGPS 80/12-L</t>
  </si>
  <si>
    <t>80/12L</t>
  </si>
  <si>
    <t>GGPS 80/12.L</t>
  </si>
  <si>
    <t>Chak No 80/12L</t>
  </si>
  <si>
    <t>Fakhira Tabassum</t>
  </si>
  <si>
    <t>50621</t>
  </si>
  <si>
    <t>GGPS 84-A/12-L</t>
  </si>
  <si>
    <t>84A/12L</t>
  </si>
  <si>
    <t>Ggps 84A / 12L</t>
  </si>
  <si>
    <t>84/12L</t>
  </si>
  <si>
    <t>Farah Servat</t>
  </si>
  <si>
    <t>26754</t>
  </si>
  <si>
    <t>GGPS 94/12-L</t>
  </si>
  <si>
    <t>chak no 94/12-L Tehsil chichawatni District  sahiwal</t>
  </si>
  <si>
    <t>Chak No 94/12L</t>
  </si>
  <si>
    <t>50651</t>
  </si>
  <si>
    <t>GHSS 58-A/GD</t>
  </si>
  <si>
    <t>58-a/gD</t>
  </si>
  <si>
    <t>58-A/GD</t>
  </si>
  <si>
    <t>ch. safdar ali</t>
  </si>
  <si>
    <t>21265</t>
  </si>
  <si>
    <t>GHS SAHIWAL</t>
  </si>
  <si>
    <t>JINNAH ROAD SAHIWAL</t>
  </si>
  <si>
    <t>old Civil Line</t>
  </si>
  <si>
    <t>NAVEED AZMAT</t>
  </si>
  <si>
    <t>50859</t>
  </si>
  <si>
    <t>GPS NAMA SIAL</t>
  </si>
  <si>
    <t>NamA Sial</t>
  </si>
  <si>
    <t>chak Nama sial Sahiwal</t>
  </si>
  <si>
    <t>Nama Sial</t>
  </si>
  <si>
    <t>Nosher Ali</t>
  </si>
  <si>
    <t>13874</t>
  </si>
  <si>
    <t>50919</t>
  </si>
  <si>
    <t>GPS 75/5-L</t>
  </si>
  <si>
    <t>75/5-L</t>
  </si>
  <si>
    <t>chak no 75/5L</t>
  </si>
  <si>
    <t>chak 75/5L</t>
  </si>
  <si>
    <t>15455</t>
  </si>
  <si>
    <t>50923</t>
  </si>
  <si>
    <t>GPS 79/5-L</t>
  </si>
  <si>
    <t>79/5L Swl</t>
  </si>
  <si>
    <t>chak 79/5l sahiwal</t>
  </si>
  <si>
    <t>Shujat Ali</t>
  </si>
  <si>
    <t>26601</t>
  </si>
  <si>
    <t>50958</t>
  </si>
  <si>
    <t>GPS DADRA ZEREEN</t>
  </si>
  <si>
    <t>p/o Dadra Bala dadra Zareen</t>
  </si>
  <si>
    <t>Dadra Zareen</t>
  </si>
  <si>
    <t>7120</t>
  </si>
  <si>
    <t>50979</t>
  </si>
  <si>
    <t>GPS 65-A /GD-WEST</t>
  </si>
  <si>
    <t>65-A/g-d West</t>
  </si>
  <si>
    <t>65AGD west</t>
  </si>
  <si>
    <t>65/AGD West</t>
  </si>
  <si>
    <t>15029</t>
  </si>
  <si>
    <t>8055</t>
  </si>
  <si>
    <t>GPS 65-A/GD ZAKHRY</t>
  </si>
  <si>
    <t>65-A/G-D Zakhiry</t>
  </si>
  <si>
    <t>chak no 65-A/G-D zakhiry, p/o noor shah, sahiwal</t>
  </si>
  <si>
    <t>65-A/G-d Zakhiry</t>
  </si>
  <si>
    <t>Abdul Rauf Anwar</t>
  </si>
  <si>
    <t>50989</t>
  </si>
  <si>
    <t>GPS DOLLA ZEREIN</t>
  </si>
  <si>
    <t>Dolla Zarien</t>
  </si>
  <si>
    <t>dolla Zarien</t>
  </si>
  <si>
    <t>Ashraf Ali Sharazi</t>
  </si>
  <si>
    <t>7094</t>
  </si>
  <si>
    <t>50995</t>
  </si>
  <si>
    <t>GPS KHOLORI</t>
  </si>
  <si>
    <t>Kholori</t>
  </si>
  <si>
    <t>G.P.S KHOLORI TEHSIL AND DISTRICT SAHIWAL</t>
  </si>
  <si>
    <t>33176</t>
  </si>
  <si>
    <t>5973</t>
  </si>
  <si>
    <t>51103</t>
  </si>
  <si>
    <t>GGPS AGRI FARM</t>
  </si>
  <si>
    <t>YADGAR SAHIWAL-FEMALE</t>
  </si>
  <si>
    <t>Zarati Farm</t>
  </si>
  <si>
    <t>GGPS ZARATI FARM SAHIWAL</t>
  </si>
  <si>
    <t>88/9L</t>
  </si>
  <si>
    <t>Ruqia Sabar</t>
  </si>
  <si>
    <t>21648</t>
  </si>
  <si>
    <t>22885</t>
  </si>
  <si>
    <t>51205</t>
  </si>
  <si>
    <t>GGPS GALARY JANOOBI</t>
  </si>
  <si>
    <t>Gallary Janoobi</t>
  </si>
  <si>
    <t>gallaray jannobi</t>
  </si>
  <si>
    <t>3067</t>
  </si>
  <si>
    <t>51254</t>
  </si>
  <si>
    <t>GGPS 122/9-L ADA KAMEER</t>
  </si>
  <si>
    <t>Chak No 122/9l</t>
  </si>
  <si>
    <t>GGPS 122/9l</t>
  </si>
  <si>
    <t>Rashida Latif</t>
  </si>
  <si>
    <t>45567</t>
  </si>
  <si>
    <t>51270</t>
  </si>
  <si>
    <t>GGPS 157/9-L</t>
  </si>
  <si>
    <t>157/9-L</t>
  </si>
  <si>
    <t>chak # 157/9-l</t>
  </si>
  <si>
    <t>chak #157/9-l</t>
  </si>
  <si>
    <t>Tammat Nasir</t>
  </si>
  <si>
    <t>6395</t>
  </si>
  <si>
    <t>51275</t>
  </si>
  <si>
    <t>GPS CHAH SAMANDA WALA</t>
  </si>
  <si>
    <t>NOOR SHAH-B-MALE</t>
  </si>
  <si>
    <t>Noor Shah B</t>
  </si>
  <si>
    <t>chah samandy wala</t>
  </si>
  <si>
    <t>Chah Samandy Wala</t>
  </si>
  <si>
    <t>Mubeen Ali</t>
  </si>
  <si>
    <t>18620</t>
  </si>
  <si>
    <t>5978</t>
  </si>
  <si>
    <t>51280</t>
  </si>
  <si>
    <t>GPS TIBBI BARAN 70/4-R</t>
  </si>
  <si>
    <t>YOUSAFWALA-B-MALE</t>
  </si>
  <si>
    <t>Tibbi Baran</t>
  </si>
  <si>
    <t>70/4r tibbi baran</t>
  </si>
  <si>
    <t>69/4R</t>
  </si>
  <si>
    <t>Pervez Abbas</t>
  </si>
  <si>
    <t>51281</t>
  </si>
  <si>
    <t>GPS ROSHA SHANI AHMED SHAH</t>
  </si>
  <si>
    <t>Arazi Rosha Shani</t>
  </si>
  <si>
    <t>Arazi rosha shani p/o noor shah sahiwal</t>
  </si>
  <si>
    <t>Rosha Shani Ahmad  Shah</t>
  </si>
  <si>
    <t>53595</t>
  </si>
  <si>
    <t>GHSS CHAK NO. 9/1-AL AKHTAR ABAD</t>
  </si>
  <si>
    <t>9/1-AL</t>
  </si>
  <si>
    <t>Mumtaz Ali</t>
  </si>
  <si>
    <t>28669</t>
  </si>
  <si>
    <t>53600</t>
  </si>
  <si>
    <t>GHS CHAK 8/1-L</t>
  </si>
  <si>
    <t>8/1-L</t>
  </si>
  <si>
    <t>Chak No. 8/1-L Tehsil Renala Khurd District Okara</t>
  </si>
  <si>
    <t>chak No. 8/1-L Okara</t>
  </si>
  <si>
    <t>10/1-L</t>
  </si>
  <si>
    <t>GGHSS 9/1-AL AKHTAR ABAD</t>
  </si>
  <si>
    <t>akhtarabad</t>
  </si>
  <si>
    <t>GGHSS 9/1AL AKHTARABAD OKARA</t>
  </si>
  <si>
    <t>Shahida Nasser</t>
  </si>
  <si>
    <t>53638</t>
  </si>
  <si>
    <t>GGHS SATGHARA</t>
  </si>
  <si>
    <t>SATGHARA</t>
  </si>
  <si>
    <t>GOVT.GIRLS HIGH SCHOOL SATGHARA</t>
  </si>
  <si>
    <t>Rehana Kousar d/o Abdul hakeem</t>
  </si>
  <si>
    <t>47140</t>
  </si>
  <si>
    <t>53644</t>
  </si>
  <si>
    <t>GGHS CHAK NO.4-GD</t>
  </si>
  <si>
    <t>4/GD GHULAM RASOOLWALA</t>
  </si>
  <si>
    <t>4/GD GHULAM RASOOL WALA THE.RENALA KHURD DISTT.OKARA</t>
  </si>
  <si>
    <t>CHAK NO 4/GD</t>
  </si>
  <si>
    <t>4/GD</t>
  </si>
  <si>
    <t>naseem e saher</t>
  </si>
  <si>
    <t>33528</t>
  </si>
  <si>
    <t>53771</t>
  </si>
  <si>
    <t>GGPS 5-1L</t>
  </si>
  <si>
    <t>Five One L</t>
  </si>
  <si>
    <t>g g p school five one l</t>
  </si>
  <si>
    <t>farha ijaz</t>
  </si>
  <si>
    <t>53838</t>
  </si>
  <si>
    <t>GMMS KOT MUMTAZ KHAN</t>
  </si>
  <si>
    <t>Kot Mumtaz Khan</t>
  </si>
  <si>
    <t>PO BOX KHAS BAMA BALA MARULA ROAD KOTMUMTAZKHAN RENALA KHUARD OKARA</t>
  </si>
  <si>
    <t>8134</t>
  </si>
  <si>
    <t>GGPS LATIF ABAD</t>
  </si>
  <si>
    <t>GGPS latifabad, basti buzdar,moza dagar chitt</t>
  </si>
  <si>
    <t>27901</t>
  </si>
  <si>
    <t>8197</t>
  </si>
  <si>
    <t>GGPS CHAK DALAIL</t>
  </si>
  <si>
    <t>Chak Dalail</t>
  </si>
  <si>
    <t>GPS chak Dalail markaz darahma</t>
  </si>
  <si>
    <t>8198</t>
  </si>
  <si>
    <t>GGPS BARBOCHI WALA</t>
  </si>
  <si>
    <t>Khakhi Garbi</t>
  </si>
  <si>
    <t>chah barbochiwala khakhi gharbi p/o khas dera ghazi khan</t>
  </si>
  <si>
    <t>Barbochiwala</t>
  </si>
  <si>
    <t>Hamida Nasreen</t>
  </si>
  <si>
    <t>8204</t>
  </si>
  <si>
    <t>GGES GAGOO SHARIF</t>
  </si>
  <si>
    <t>Gagoo</t>
  </si>
  <si>
    <t>gges gagoo shareef tehsi dgk district dgkhan</t>
  </si>
  <si>
    <t>Gagoo Sharef</t>
  </si>
  <si>
    <t>8214</t>
  </si>
  <si>
    <t>GGPS KALA NO.2</t>
  </si>
  <si>
    <t>kala p/o kala dera ghazi khan</t>
  </si>
  <si>
    <t>kaneez rubab</t>
  </si>
  <si>
    <t>GGPS GHAJJANI</t>
  </si>
  <si>
    <t>gajjani</t>
  </si>
  <si>
    <t>basti gajjani dera ghazi khan</t>
  </si>
  <si>
    <t>shero dasti</t>
  </si>
  <si>
    <t>Haleema bibi</t>
  </si>
  <si>
    <t>3489</t>
  </si>
  <si>
    <t>GGMPS BASTI DARKHAN</t>
  </si>
  <si>
    <t>KALA-FEMALE</t>
  </si>
  <si>
    <t>ChakDanda Shadan Lund</t>
  </si>
  <si>
    <t>GGMPS BASTI DARKHSN P/O SHADAN LUND</t>
  </si>
  <si>
    <t>BASTI DARKHAN</t>
  </si>
  <si>
    <t>Aziz khanum</t>
  </si>
  <si>
    <t>8266</t>
  </si>
  <si>
    <t>GGPS BAIGAY WALA</t>
  </si>
  <si>
    <t>Baigay Wala</t>
  </si>
  <si>
    <t>baigay wala kot chutta</t>
  </si>
  <si>
    <t>20508</t>
  </si>
  <si>
    <t>8295</t>
  </si>
  <si>
    <t>GGPS BORHANI WALA</t>
  </si>
  <si>
    <t>G G P/S Burhani Wala</t>
  </si>
  <si>
    <t>Burhani Wala</t>
  </si>
  <si>
    <t>Shazia Abbas</t>
  </si>
  <si>
    <t>8310</t>
  </si>
  <si>
    <t>GGPS BASTI YARAY WALI</t>
  </si>
  <si>
    <t>P/O Box Mana AHMDANI, Moza Yarywali</t>
  </si>
  <si>
    <t>Ara jaffar</t>
  </si>
  <si>
    <t>GGPS Wallay Wala</t>
  </si>
  <si>
    <t>masoma abad colony</t>
  </si>
  <si>
    <t>Masoma abad Colony</t>
  </si>
  <si>
    <t>URBAN Churhatta</t>
  </si>
  <si>
    <t>11784</t>
  </si>
  <si>
    <t>8336</t>
  </si>
  <si>
    <t>GGPS DODEY WALA</t>
  </si>
  <si>
    <t>Ggps dody wala,basti gubra,daggar chit.</t>
  </si>
  <si>
    <t>Badti Gubra</t>
  </si>
  <si>
    <t>Shabana Naheed</t>
  </si>
  <si>
    <t>8341</t>
  </si>
  <si>
    <t>GGPS NO. 1 GADAI</t>
  </si>
  <si>
    <t>DG Khan</t>
  </si>
  <si>
    <t>Gaddai, DG Khan</t>
  </si>
  <si>
    <t>Gaddai</t>
  </si>
  <si>
    <t>Saher Noreen</t>
  </si>
  <si>
    <t>GGPS AMBREND WALA</t>
  </si>
  <si>
    <t>Gadai  Shumali</t>
  </si>
  <si>
    <t>geelani  coloni gadai  shumali   DGkhan</t>
  </si>
  <si>
    <t>Ambrind  Wala</t>
  </si>
  <si>
    <t>Gadai Shamali</t>
  </si>
  <si>
    <t>Kaniz  Sughra</t>
  </si>
  <si>
    <t>GGPS WADOOR</t>
  </si>
  <si>
    <t>Roop Zahra</t>
  </si>
  <si>
    <t>8368</t>
  </si>
  <si>
    <t>GGMPS CHAH MUHAMMAD KHAN</t>
  </si>
  <si>
    <t>Ghadi</t>
  </si>
  <si>
    <t>Khayaban E sarwar</t>
  </si>
  <si>
    <t>Dg Khan</t>
  </si>
  <si>
    <t>Khayaban e Sarwar</t>
  </si>
  <si>
    <t>Rehana Manzoor</t>
  </si>
  <si>
    <t>GGMPS SULTAN SANDILA</t>
  </si>
  <si>
    <t>kot daud</t>
  </si>
  <si>
    <t>block 8 house no 131 dera ghazi khan</t>
  </si>
  <si>
    <t>PIR ADIL</t>
  </si>
  <si>
    <t>Zareena Naaz</t>
  </si>
  <si>
    <t>GGPS RASTU JARWAR</t>
  </si>
  <si>
    <t>SHAH SADAR DIN-FEMALE</t>
  </si>
  <si>
    <t>Shahsaddardin</t>
  </si>
  <si>
    <t>Basti jarwar Shah saddar din</t>
  </si>
  <si>
    <t>Mian Ibrahim</t>
  </si>
  <si>
    <t>GGPS BASTI LAGHORE</t>
  </si>
  <si>
    <t>Bahadur garh</t>
  </si>
  <si>
    <t>basti laghore</t>
  </si>
  <si>
    <t>Anum Batool</t>
  </si>
  <si>
    <t>8402</t>
  </si>
  <si>
    <t>GGPS RAHIM BAKHSH WALI</t>
  </si>
  <si>
    <t>Shah Saddar Din</t>
  </si>
  <si>
    <t>patti sultan shah saddar din</t>
  </si>
  <si>
    <t>Patti Sultan</t>
  </si>
  <si>
    <t>Aasma Siddique</t>
  </si>
  <si>
    <t>GPS TAJ WALA</t>
  </si>
  <si>
    <t>Samina Gharbi</t>
  </si>
  <si>
    <t>GPS TAJ WALA,CHAH LAHORI WALA,P/O SAMINA,DIST DGK</t>
  </si>
  <si>
    <t>Lahori Wala</t>
  </si>
  <si>
    <t>muhammad shafiq</t>
  </si>
  <si>
    <t>GPS JEHIRKILL</t>
  </si>
  <si>
    <t>Uc samina chaha din pur colony samina d g khan</t>
  </si>
  <si>
    <t>Din Pur Colony</t>
  </si>
  <si>
    <t>8481</t>
  </si>
  <si>
    <t>Moza Chotala Tehsil &amp; Disstrict DG KHAN</t>
  </si>
  <si>
    <t>MUHAMMAD IMTIAZ</t>
  </si>
  <si>
    <t>8484</t>
  </si>
  <si>
    <t>GPS FATAH SHAH WALA</t>
  </si>
  <si>
    <t>Wada khoh Hisam wala</t>
  </si>
  <si>
    <t>Wada Khoh Hisam Wala</t>
  </si>
  <si>
    <t>Muhammad Lal</t>
  </si>
  <si>
    <t>23069</t>
  </si>
  <si>
    <t>8486</t>
  </si>
  <si>
    <t>GPS KAHEERI WALA</t>
  </si>
  <si>
    <t>Chah mosay wala moza haji ghazi dera ghazi khan</t>
  </si>
  <si>
    <t>Kaheeri Wala</t>
  </si>
  <si>
    <t>8487</t>
  </si>
  <si>
    <t>Haji Ghazi Gharbi</t>
  </si>
  <si>
    <t>ghulala Haji Ghazi Gharbi</t>
  </si>
  <si>
    <t>Ghulala</t>
  </si>
  <si>
    <t>GPS LOTAY WALA</t>
  </si>
  <si>
    <t>Kotla Sikhanni</t>
  </si>
  <si>
    <t>Saudi wala. chah</t>
  </si>
  <si>
    <t>Saudi Wala</t>
  </si>
  <si>
    <t>8493</t>
  </si>
  <si>
    <t>GPS DURHATTA KARIM SHAH</t>
  </si>
  <si>
    <t>basti durratta karam shah</t>
  </si>
  <si>
    <t>Durhatta Karim Shah</t>
  </si>
  <si>
    <t>Malik Muhammad Fakhar Imam</t>
  </si>
  <si>
    <t>8510</t>
  </si>
  <si>
    <t>GPS BAIT JHAMAT</t>
  </si>
  <si>
    <t>Bait Suwai</t>
  </si>
  <si>
    <t>Bait jhamat post office shadan Lound dera Ghazi khan</t>
  </si>
  <si>
    <t>Bait Jhamat</t>
  </si>
  <si>
    <t>Muhammad saeed</t>
  </si>
  <si>
    <t>8516</t>
  </si>
  <si>
    <t>GPS DORAHATA</t>
  </si>
  <si>
    <t>bait shadan tehhsil &amp; District  DG Khan</t>
  </si>
  <si>
    <t>Bait Shadan</t>
  </si>
  <si>
    <t>Roshan Zameer</t>
  </si>
  <si>
    <t>GPS HAFIZ MUSOO</t>
  </si>
  <si>
    <t>basti seerak khan mouza noor wah</t>
  </si>
  <si>
    <t>Basti Seerak Khan</t>
  </si>
  <si>
    <t>Muhammad Razaq</t>
  </si>
  <si>
    <t>8551</t>
  </si>
  <si>
    <t>GPS NOOR WAH</t>
  </si>
  <si>
    <t>GPS NOOR WAH Basti bakshani noor wah bela dgkhan</t>
  </si>
  <si>
    <t>Basti bakshani</t>
  </si>
  <si>
    <t>GPS DURHATA SHEIKHWALA</t>
  </si>
  <si>
    <t>Gadai Gharbi</t>
  </si>
  <si>
    <t>Durhatta Sheikh Wala  p/o loharwala D.G.K</t>
  </si>
  <si>
    <t>Durhata Sheikh Walla</t>
  </si>
  <si>
    <t>GPS GHORI WALA</t>
  </si>
  <si>
    <t>Chabri Bala Gharbi</t>
  </si>
  <si>
    <t>Chah ghori wala p/o chabri Bala D G Khan</t>
  </si>
  <si>
    <t>Ghori Wala</t>
  </si>
  <si>
    <t>CHABRI BALA</t>
  </si>
  <si>
    <t>MUHAMMAD SAQIB</t>
  </si>
  <si>
    <t>8567</t>
  </si>
  <si>
    <t>GPS BASTI HAJANA</t>
  </si>
  <si>
    <t>basti hajana gadai gharbi P/O khas DGKhan</t>
  </si>
  <si>
    <t>8578</t>
  </si>
  <si>
    <t>GPS EISAN WALA</t>
  </si>
  <si>
    <t>Kot Mubarak Sa</t>
  </si>
  <si>
    <t>chah easan wala kot mubarak janobi dera ghazikhan</t>
  </si>
  <si>
    <t>Eisan Wala</t>
  </si>
  <si>
    <t>8579</t>
  </si>
  <si>
    <t>GPS KALLIANI WALA</t>
  </si>
  <si>
    <t>Rakhdhow Shekhani</t>
  </si>
  <si>
    <t>inayat Wala moza rakh dhow sheikhani</t>
  </si>
  <si>
    <t>Inayat Wala</t>
  </si>
  <si>
    <t>GPS HAQANIA</t>
  </si>
  <si>
    <t>Gharib Abad (Pir Kot), Yaroo Khosa, DGKhan</t>
  </si>
  <si>
    <t>ABDUL MAJID</t>
  </si>
  <si>
    <t>GPS SHAHANI WALA</t>
  </si>
  <si>
    <t>Chk Kora Khan</t>
  </si>
  <si>
    <t>band ali wala chak kora khan kot mubarak Dera Ghazi Khan</t>
  </si>
  <si>
    <t>Band Ali Wala</t>
  </si>
  <si>
    <t>Water supply scheme by disst Govt</t>
  </si>
  <si>
    <t>8583</t>
  </si>
  <si>
    <t>GPS MURAD DASTI</t>
  </si>
  <si>
    <t>Murad Dasti</t>
  </si>
  <si>
    <t>chah wali wala murad dasti</t>
  </si>
  <si>
    <t>Wali Wala</t>
  </si>
  <si>
    <t>8584</t>
  </si>
  <si>
    <t>GPS BAKHSHA DEWALA</t>
  </si>
  <si>
    <t>Pati Sultan Lashari</t>
  </si>
  <si>
    <t>Pati sultan Lashari  . shah sadar din DGkhan</t>
  </si>
  <si>
    <t>Moza Pati Sultan Lashari</t>
  </si>
  <si>
    <t>8586</t>
  </si>
  <si>
    <t>GPS JOGIANI WALA</t>
  </si>
  <si>
    <t>Chack Kora Khan</t>
  </si>
  <si>
    <t>Band Thilay Wala, Basti Sobha, Chack Kora Khan</t>
  </si>
  <si>
    <t>Waqas Ahmad Awan</t>
  </si>
  <si>
    <t>Cement Factory Supply Lime</t>
  </si>
  <si>
    <t>8587</t>
  </si>
  <si>
    <t>GPS SHAHANA WALA</t>
  </si>
  <si>
    <t>Mirhata</t>
  </si>
  <si>
    <t>basti Sadat,  mirhata, Sadardin west dgk khan</t>
  </si>
  <si>
    <t>MIRHATTA</t>
  </si>
  <si>
    <t>Muhammad Sharif Sikhani</t>
  </si>
  <si>
    <t>8592</t>
  </si>
  <si>
    <t>GPS MOMEN WALA</t>
  </si>
  <si>
    <t>band sandoor wala moza khalol chak nau abad</t>
  </si>
  <si>
    <t>Band Sandoor Wala</t>
  </si>
  <si>
    <t>Hand Pump, Electric Motor</t>
  </si>
  <si>
    <t>42867</t>
  </si>
  <si>
    <t>8594</t>
  </si>
  <si>
    <t>GPS BUZ KUSHI</t>
  </si>
  <si>
    <t>Khar</t>
  </si>
  <si>
    <t>Post office khar fort munroo</t>
  </si>
  <si>
    <t>Khar Fort Munroo</t>
  </si>
  <si>
    <t>Muhammad Zareef</t>
  </si>
  <si>
    <t>Purchased water can</t>
  </si>
  <si>
    <t>GPS BASTI NOOR (TRIBAL AREA)</t>
  </si>
  <si>
    <t>Gud</t>
  </si>
  <si>
    <t>gud  market Karh fortminro</t>
  </si>
  <si>
    <t>Kahr</t>
  </si>
  <si>
    <t>attached  with a pvt  home</t>
  </si>
  <si>
    <t>8599</t>
  </si>
  <si>
    <t>GPS SOHRAIN KHUND</t>
  </si>
  <si>
    <t>Gagon thal</t>
  </si>
  <si>
    <t>sohrain mol monza gagon thal po fort minro</t>
  </si>
  <si>
    <t>Sohrain mol</t>
  </si>
  <si>
    <t>8601</t>
  </si>
  <si>
    <t>GPS AMIR MUHAMMAD HIJHBANI</t>
  </si>
  <si>
    <t>maarha</t>
  </si>
  <si>
    <t>Maarha</t>
  </si>
  <si>
    <t>Muhammad Jafar</t>
  </si>
  <si>
    <t>GPS SAINAGH KHOR</t>
  </si>
  <si>
    <t>Senagh Khor</t>
  </si>
  <si>
    <t>GPS Senagh khor p/o sakhi sarwar tahsil trible area district dera ghazi khan</t>
  </si>
  <si>
    <t>Nasim Ullah</t>
  </si>
  <si>
    <t>8619</t>
  </si>
  <si>
    <t>GPS MATTI MOHEE</t>
  </si>
  <si>
    <t>tuman khosa</t>
  </si>
  <si>
    <t>Marha</t>
  </si>
  <si>
    <t>8623</t>
  </si>
  <si>
    <t>GPS PISHI LEGHARI</t>
  </si>
  <si>
    <t>Pheeshi</t>
  </si>
  <si>
    <t>Tribal area dgkhan</t>
  </si>
  <si>
    <t>51218</t>
  </si>
  <si>
    <t>8627</t>
  </si>
  <si>
    <t>GGPS BANDWANI</t>
  </si>
  <si>
    <t>Bandowni</t>
  </si>
  <si>
    <t>basti bandowni mamoori</t>
  </si>
  <si>
    <t>15441</t>
  </si>
  <si>
    <t>GGPS PATTI TALLI</t>
  </si>
  <si>
    <t>Patti Talli</t>
  </si>
  <si>
    <t>patti talli p/o shah sadar din teh, district dera ghazi khan</t>
  </si>
  <si>
    <t>Rabia Jafar</t>
  </si>
  <si>
    <t>GPS PALIAH THAL</t>
  </si>
  <si>
    <t>Palya thal</t>
  </si>
  <si>
    <t>Bawata</t>
  </si>
  <si>
    <t>Bwata</t>
  </si>
  <si>
    <t>Bahar Khan</t>
  </si>
  <si>
    <t>26084</t>
  </si>
  <si>
    <t>8643</t>
  </si>
  <si>
    <t>GPS DALANA</t>
  </si>
  <si>
    <t>PO box Dalana khas tribal area Dera Ghazi khan</t>
  </si>
  <si>
    <t>Sajawal Hassan</t>
  </si>
  <si>
    <t>39690</t>
  </si>
  <si>
    <t>8645</t>
  </si>
  <si>
    <t>GPS TEERKY</t>
  </si>
  <si>
    <t>KHAR</t>
  </si>
  <si>
    <t>Basti Theerky Khar Fort Munro Teh. &amp; Dist. D.G.Khan</t>
  </si>
  <si>
    <t>THEERKY</t>
  </si>
  <si>
    <t>By Hand Filling Cooler</t>
  </si>
  <si>
    <t>GGPS MAUJ ALI</t>
  </si>
  <si>
    <t>p/o khar dg khan</t>
  </si>
  <si>
    <t>Maoj Ali</t>
  </si>
  <si>
    <t>Perveen  MEHR</t>
  </si>
  <si>
    <t>49498</t>
  </si>
  <si>
    <t>GGPS BANGI KACHAL</t>
  </si>
  <si>
    <t>Rakhi munh</t>
  </si>
  <si>
    <t>basti Bangi kachal rakhi munh</t>
  </si>
  <si>
    <t>Bangi kachal</t>
  </si>
  <si>
    <t>Zeenat Majeed</t>
  </si>
  <si>
    <t>8653</t>
  </si>
  <si>
    <t>GGPS BAWATA</t>
  </si>
  <si>
    <t>Sarwat Bi Bi</t>
  </si>
  <si>
    <t>8654</t>
  </si>
  <si>
    <t>GGPS GAGAN THAL</t>
  </si>
  <si>
    <t>Gagan Thal</t>
  </si>
  <si>
    <t>Gagan thal</t>
  </si>
  <si>
    <t>Sakina Bibi</t>
  </si>
  <si>
    <t>14465</t>
  </si>
  <si>
    <t>GGPS MULAN WALA</t>
  </si>
  <si>
    <t>Ggps Mulan Wala</t>
  </si>
  <si>
    <t>Mulan Wala</t>
  </si>
  <si>
    <t>8672</t>
  </si>
  <si>
    <t>GGPS BAIG WALA</t>
  </si>
  <si>
    <t>Baigwala mauza nari dhamraya</t>
  </si>
  <si>
    <t>Baig Wala</t>
  </si>
  <si>
    <t>Abida Yasmin</t>
  </si>
  <si>
    <t>35029</t>
  </si>
  <si>
    <t>4501</t>
  </si>
  <si>
    <t>8685</t>
  </si>
  <si>
    <t>GGPS MC NO.7</t>
  </si>
  <si>
    <t>SADAR CITY-FEMALE</t>
  </si>
  <si>
    <t>Chorata</t>
  </si>
  <si>
    <t>block chorata dgkhan</t>
  </si>
  <si>
    <t>Choratta</t>
  </si>
  <si>
    <t>Peer Kataal</t>
  </si>
  <si>
    <t>Zahida Jabeen</t>
  </si>
  <si>
    <t>8694</t>
  </si>
  <si>
    <t>GGPS MEHMOOD WALA</t>
  </si>
  <si>
    <t>basti mahmoodwala</t>
  </si>
  <si>
    <t>Mahmoodwala</t>
  </si>
  <si>
    <t>8701</t>
  </si>
  <si>
    <t>GPS FAIZ MUHAMMAD KALOI</t>
  </si>
  <si>
    <t>Somra</t>
  </si>
  <si>
    <t>GPS Faiz Muhammad Kaloi</t>
  </si>
  <si>
    <t>8703</t>
  </si>
  <si>
    <t>GPS NEW MALIK WALA</t>
  </si>
  <si>
    <t>Pati Makwal</t>
  </si>
  <si>
    <t>p/o kala d g Khan</t>
  </si>
  <si>
    <t>Thali Wala</t>
  </si>
  <si>
    <t>Aziz ur Rehman</t>
  </si>
  <si>
    <t>8707</t>
  </si>
  <si>
    <t>GPS BASTI ALI MUHAMMAD NEW</t>
  </si>
  <si>
    <t>Basti Alli muhammd</t>
  </si>
  <si>
    <t>Basti All Muhmmad New</t>
  </si>
  <si>
    <t>Tuman Leguari Zareen</t>
  </si>
  <si>
    <t>8709</t>
  </si>
  <si>
    <t>GPS BASTI KOTHI MUSA</t>
  </si>
  <si>
    <t>Kothi</t>
  </si>
  <si>
    <t>mouza kothi, B.M.P Post Rakhi Munh, Tehsil Tribal Area, District Dera Ghazi Khan</t>
  </si>
  <si>
    <t>Basti Kothi Musa</t>
  </si>
  <si>
    <t>near by people fetch water</t>
  </si>
  <si>
    <t>GPS AHMAD KHAN JATT</t>
  </si>
  <si>
    <t>Basti Ahmad khan jatt kharar buzdar UC mubarki tehsil Taunsa Sharif Distt.D.G.Khan</t>
  </si>
  <si>
    <t>Ahmad Kahn Jatt</t>
  </si>
  <si>
    <t>GPS BASTI ZUBAIR KHAN</t>
  </si>
  <si>
    <t>Theekr</t>
  </si>
  <si>
    <t>basti zubair khan tehsil taunsa</t>
  </si>
  <si>
    <t>Basti Zubair Khan</t>
  </si>
  <si>
    <t>allah bakhsh</t>
  </si>
  <si>
    <t>53908</t>
  </si>
  <si>
    <t>GPS HAJI MUHAMMAD DIN BUZDAR</t>
  </si>
  <si>
    <t>basti hadyani moza sir thokh</t>
  </si>
  <si>
    <t>Basti Muhammad Din</t>
  </si>
  <si>
    <t>53909</t>
  </si>
  <si>
    <t>GPS MUHAMMAD KHAN BUZDAR</t>
  </si>
  <si>
    <t>Sirthokh</t>
  </si>
  <si>
    <t>GPS Muhammad khan buzdar u/c mubarki</t>
  </si>
  <si>
    <t>Muhammad Shahmeer</t>
  </si>
  <si>
    <t>supplying by neighbors</t>
  </si>
  <si>
    <t>8713</t>
  </si>
  <si>
    <t>GPS ROHAIL DARKHAN</t>
  </si>
  <si>
    <t>GPS  Rohail  Darkhan check  Bhurgarah</t>
  </si>
  <si>
    <t>Rohail Darkhan</t>
  </si>
  <si>
    <t>GGPS BASTI KHOSA NO. 2</t>
  </si>
  <si>
    <t>Basti serrey wala Mamoori</t>
  </si>
  <si>
    <t>Serrey wala</t>
  </si>
  <si>
    <t>sanober bibi</t>
  </si>
  <si>
    <t>Basti meerani p/omamoori D G Khan</t>
  </si>
  <si>
    <t>Basti meraani</t>
  </si>
  <si>
    <t>Nadia Hassan</t>
  </si>
  <si>
    <t>8726</t>
  </si>
  <si>
    <t>GGPS MAMDANI</t>
  </si>
  <si>
    <t>Chak Lama</t>
  </si>
  <si>
    <t>Basti mamdani p/o shadn lund dgk</t>
  </si>
  <si>
    <t>Basti Mamdani</t>
  </si>
  <si>
    <t>53912</t>
  </si>
  <si>
    <t>GGPS SARIN WALA</t>
  </si>
  <si>
    <t>Rawan</t>
  </si>
  <si>
    <t>basti kohawar moza rawan pir adil</t>
  </si>
  <si>
    <t>Marrium Nawaz</t>
  </si>
  <si>
    <t>47643</t>
  </si>
  <si>
    <t>8748</t>
  </si>
  <si>
    <t>GPS BAILAB SHUMALI</t>
  </si>
  <si>
    <t>Tukra Shumali</t>
  </si>
  <si>
    <t>Tukra Shumali GPS Bailab Shumali p/o Dalana Thana Lakha Trible Area Tamun Khosa Dera Ghazi Khan</t>
  </si>
  <si>
    <t>Rain</t>
  </si>
  <si>
    <t>51067</t>
  </si>
  <si>
    <t>10416</t>
  </si>
  <si>
    <t>GPS PAKKI MOHANI WALI</t>
  </si>
  <si>
    <t>Khokar Isra</t>
  </si>
  <si>
    <t>pakki mohani .moza khokar isra .tehsil karor District Layyah</t>
  </si>
  <si>
    <t>Pakki Mohani Wali</t>
  </si>
  <si>
    <t>Ghulam Asghar</t>
  </si>
  <si>
    <t>17481</t>
  </si>
  <si>
    <t>2589</t>
  </si>
  <si>
    <t>10428</t>
  </si>
  <si>
    <t>GPS CHAK NO. 115/TDA</t>
  </si>
  <si>
    <t>aolakh Thal Jandi</t>
  </si>
  <si>
    <t>CHAK NO 115/TDA, P/O SHAHPUR, TEHSIL KAROR, DISTRICT LAYYAH</t>
  </si>
  <si>
    <t>Gps 115/TDA</t>
  </si>
  <si>
    <t>Muhammad Aqil</t>
  </si>
  <si>
    <t>10429</t>
  </si>
  <si>
    <t>GMMS CHAK NO. 256 TDA</t>
  </si>
  <si>
    <t>Nowshehra Thal Klan</t>
  </si>
  <si>
    <t>Chack no 256 TDA teh karor Dist layyah</t>
  </si>
  <si>
    <t>Chak No 256 TDA</t>
  </si>
  <si>
    <t>14981</t>
  </si>
  <si>
    <t>10430</t>
  </si>
  <si>
    <t>GPS CHAK NO. 307 TDA</t>
  </si>
  <si>
    <t>QAZI ABAD MALE</t>
  </si>
  <si>
    <t>govt. primary school chak no. 307/TDA ada qazi abad</t>
  </si>
  <si>
    <t>307/TDA</t>
  </si>
  <si>
    <t>NOSHEHRA THAL KALAN</t>
  </si>
  <si>
    <t>Muhammad Ahsan Razzaq</t>
  </si>
  <si>
    <t>10431</t>
  </si>
  <si>
    <t>GPS CHAK NO. 262 TDA NO. 1</t>
  </si>
  <si>
    <t>chak no 262/tda</t>
  </si>
  <si>
    <t>262/tda</t>
  </si>
  <si>
    <t>112/ML</t>
  </si>
  <si>
    <t>Jamshed Bhatti</t>
  </si>
  <si>
    <t>46597</t>
  </si>
  <si>
    <t>GMMS CHAK NO. 116-B/TDA</t>
  </si>
  <si>
    <t>116 B/TDA</t>
  </si>
  <si>
    <t>Chak116B/TDA  Teh. Karor, dist. Layyah
.</t>
  </si>
  <si>
    <t>116B/ TDA</t>
  </si>
  <si>
    <t>Tanvir Abbas</t>
  </si>
  <si>
    <t>GPS CHAK NO 242 TDA</t>
  </si>
  <si>
    <t>PIR CHATTAR MALE</t>
  </si>
  <si>
    <t>Chak No 242 Tda</t>
  </si>
  <si>
    <t>chak no 242/tda</t>
  </si>
  <si>
    <t>chak No 242tda</t>
  </si>
  <si>
    <t>10448</t>
  </si>
  <si>
    <t>GMMS CHAK NO 230-A/TDA</t>
  </si>
  <si>
    <t>chak no 230A  tda</t>
  </si>
  <si>
    <t>Chak No 230A  Tda</t>
  </si>
  <si>
    <t>12901</t>
  </si>
  <si>
    <t>GMMS CHAK NO. 247 TDA DERA G. HUSSAIN</t>
  </si>
  <si>
    <t>FATEH PUR - MALE</t>
  </si>
  <si>
    <t>Gps247dera Ghulam Hussain</t>
  </si>
  <si>
    <t>chak 247  t..d.a dera Ghulam Hussain</t>
  </si>
  <si>
    <t>247tda</t>
  </si>
  <si>
    <t>GMMS CHAK NO. 259 TDA NO. 2</t>
  </si>
  <si>
    <t>chak no 289/TDA</t>
  </si>
  <si>
    <t>chak no 298/tDA tehsil karor distt layyah</t>
  </si>
  <si>
    <t>289/tDA</t>
  </si>
  <si>
    <t>306/TDA</t>
  </si>
  <si>
    <t>Mazher Maqsood</t>
  </si>
  <si>
    <t>GMMS AOULAKH NASHEB</t>
  </si>
  <si>
    <t>Aoulakh Nashaib</t>
  </si>
  <si>
    <t>Aoulakh Nashaib Tehsil Karor Disrict Layyah</t>
  </si>
  <si>
    <t>10458</t>
  </si>
  <si>
    <t>GMMS SOLANG BAGH WALA</t>
  </si>
  <si>
    <t>Siwag</t>
  </si>
  <si>
    <t>Chak No 99-A/TDA Tehsil Karor Lal Esan District Layyah</t>
  </si>
  <si>
    <t>Chak 99-A/TDA</t>
  </si>
  <si>
    <t>Mureed Abbas</t>
  </si>
  <si>
    <t>20562</t>
  </si>
  <si>
    <t>10466</t>
  </si>
  <si>
    <t>GGPS CHAK NO 89 TDA</t>
  </si>
  <si>
    <t>Chak No 89tda</t>
  </si>
  <si>
    <t>chak no 89tda teh karor dist layyah</t>
  </si>
  <si>
    <t>98/ML</t>
  </si>
  <si>
    <t>shazia parveen</t>
  </si>
  <si>
    <t>10472</t>
  </si>
  <si>
    <t>GGES CHAK NO.91/TDA</t>
  </si>
  <si>
    <t>91tda</t>
  </si>
  <si>
    <t>chak no 91/tda tehsil karor district layyah</t>
  </si>
  <si>
    <t>91/tda</t>
  </si>
  <si>
    <t>Azra kalsoom</t>
  </si>
  <si>
    <t>9837</t>
  </si>
  <si>
    <t>43768</t>
  </si>
  <si>
    <t>10473</t>
  </si>
  <si>
    <t>GGPS CHAK NO. 239-A / TDA</t>
  </si>
  <si>
    <t>239A TDA</t>
  </si>
  <si>
    <t>239A TDA Tehsil karor district Layyah</t>
  </si>
  <si>
    <t>Nargis Naseem</t>
  </si>
  <si>
    <t>34369</t>
  </si>
  <si>
    <t>GPS WARD NO. 1 FATEH PUR</t>
  </si>
  <si>
    <t>Ward#1  Fatehpur</t>
  </si>
  <si>
    <t>Mc Fateh Pur</t>
  </si>
  <si>
    <t>GGPS BASTI REHAIN</t>
  </si>
  <si>
    <t>SIWAG DAGGAR</t>
  </si>
  <si>
    <t>chak no 99A/TDA</t>
  </si>
  <si>
    <t>Chak No 99A/TDA</t>
  </si>
  <si>
    <t>faiza ghaffar</t>
  </si>
  <si>
    <t>54674</t>
  </si>
  <si>
    <t>GGPS CHAK NO.239/TDA (SHER MUHAMMAD NUMBER DAR)</t>
  </si>
  <si>
    <t>Mojgharh</t>
  </si>
  <si>
    <t>CHAK no 239 tda</t>
  </si>
  <si>
    <t>CHAK 239 TDA</t>
  </si>
  <si>
    <t>anum Amir</t>
  </si>
  <si>
    <t>7365</t>
  </si>
  <si>
    <t>29023</t>
  </si>
  <si>
    <t>54673</t>
  </si>
  <si>
    <t>GGPS CHAK NO. 223/TDA (NEW)</t>
  </si>
  <si>
    <t>Moj Garh</t>
  </si>
  <si>
    <t>Chak No 223/TDA Fateh pur, Tehsil karor, District Layyah</t>
  </si>
  <si>
    <t>Chak No 223/TDA</t>
  </si>
  <si>
    <t>Robia Ramzan</t>
  </si>
  <si>
    <t>54518</t>
  </si>
  <si>
    <t>GGPS KARIM HAIDER SHAH</t>
  </si>
  <si>
    <t>marhan wali</t>
  </si>
  <si>
    <t>GGPS karim haider shah</t>
  </si>
  <si>
    <t>basti karim haider shah</t>
  </si>
  <si>
    <t>safia bano</t>
  </si>
  <si>
    <t>10487</t>
  </si>
  <si>
    <t>GGPS CHAK NO. 247 TDA (NEW)</t>
  </si>
  <si>
    <t>Chak No. 247/TDA</t>
  </si>
  <si>
    <t>GGPS Chak No. 247/TDA Tehsil Karor District Layyah</t>
  </si>
  <si>
    <t>Yasmeen Shoukat</t>
  </si>
  <si>
    <t>21576</t>
  </si>
  <si>
    <t>54676</t>
  </si>
  <si>
    <t>GGPS BASEERA</t>
  </si>
  <si>
    <t>post office laskani Wala tehsile Karor district layyah</t>
  </si>
  <si>
    <t>Rabia Ghaffar</t>
  </si>
  <si>
    <t>37327</t>
  </si>
  <si>
    <t>GPS GARRA BALOCHAN WALA</t>
  </si>
  <si>
    <t>SAMTIA-MALE</t>
  </si>
  <si>
    <t>chah garra blochan wala</t>
  </si>
  <si>
    <t>4197</t>
  </si>
  <si>
    <t>27731</t>
  </si>
  <si>
    <t>54947</t>
  </si>
  <si>
    <t>GGPS BASTI KHARA CHAH BALOUCHAN</t>
  </si>
  <si>
    <t>KAROR - FEMALE</t>
  </si>
  <si>
    <t>basti khaira chah balochan karor district layyah.</t>
  </si>
  <si>
    <t>Kiran Saher</t>
  </si>
  <si>
    <t>10558</t>
  </si>
  <si>
    <t>GES KHARAL AZIM</t>
  </si>
  <si>
    <t>JAMAN SHAH - MALE</t>
  </si>
  <si>
    <t>mouza kharal azeem</t>
  </si>
  <si>
    <t>MUKHTIAR HUSSAIN</t>
  </si>
  <si>
    <t>10611</t>
  </si>
  <si>
    <t>GGHS CHAK NO 152 TDA</t>
  </si>
  <si>
    <t>Chak no.152/TDA,Layyah</t>
  </si>
  <si>
    <t>Chak 152</t>
  </si>
  <si>
    <t>Ludhana</t>
  </si>
  <si>
    <t>Riffat sultana</t>
  </si>
  <si>
    <t>38896</t>
  </si>
  <si>
    <t>10666</t>
  </si>
  <si>
    <t>GPS CHAK NO 341 TDA</t>
  </si>
  <si>
    <t>341TDA</t>
  </si>
  <si>
    <t>Chak No 341 Tda Tehsil and District Layyah</t>
  </si>
  <si>
    <t>Chak No 341</t>
  </si>
  <si>
    <t>LAYYAH THAL KALAN</t>
  </si>
  <si>
    <t>12839</t>
  </si>
  <si>
    <t>24240</t>
  </si>
  <si>
    <t>28259</t>
  </si>
  <si>
    <t>4712</t>
  </si>
  <si>
    <t>10667</t>
  </si>
  <si>
    <t>GPS CHAK NO 288 TDA</t>
  </si>
  <si>
    <t>LAYYAH THAL KALAN MALE</t>
  </si>
  <si>
    <t>chak No.288 /TDA Tehsil &amp; District Layyah</t>
  </si>
  <si>
    <t>288 TDA</t>
  </si>
  <si>
    <t>339 layyah Thal Kalan</t>
  </si>
  <si>
    <t>Safdar Riaz</t>
  </si>
  <si>
    <t>GPS JUGLANA KHOH CHAK NO. 169/TDA</t>
  </si>
  <si>
    <t>Sarishta Thal  Jandi Sharki</t>
  </si>
  <si>
    <t>juglana khoh 169p/o ladhana dis layyah</t>
  </si>
  <si>
    <t>Juglana Khoh</t>
  </si>
  <si>
    <t>M Saleem</t>
  </si>
  <si>
    <t>35464</t>
  </si>
  <si>
    <t>10716</t>
  </si>
  <si>
    <t>GPS JUGLANI BASTI</t>
  </si>
  <si>
    <t>mouza bait dabli</t>
  </si>
  <si>
    <t>BAKHRI AHMAD KHAN</t>
  </si>
  <si>
    <t>Azhar Iqbal</t>
  </si>
  <si>
    <t>40470</t>
  </si>
  <si>
    <t>10733</t>
  </si>
  <si>
    <t>GPS SIKHANI WALA</t>
  </si>
  <si>
    <t>uthmahar moza khan wala</t>
  </si>
  <si>
    <t>Wasawa Shumali</t>
  </si>
  <si>
    <t>Mohammad Hashim</t>
  </si>
  <si>
    <t>25082</t>
  </si>
  <si>
    <t>10759</t>
  </si>
  <si>
    <t>GPS NOORAY WALA CHAK NO 118 TDA</t>
  </si>
  <si>
    <t>KOTLA HAJI SHAH MALE</t>
  </si>
  <si>
    <t>Chak no.118/tda Layyah</t>
  </si>
  <si>
    <t>Chak no118/ Tda</t>
  </si>
  <si>
    <t>mulazim hussain</t>
  </si>
  <si>
    <t>18220</t>
  </si>
  <si>
    <t>18961</t>
  </si>
  <si>
    <t>3528</t>
  </si>
  <si>
    <t>GPS ADAM WALA CHAK NO.114 TDA</t>
  </si>
  <si>
    <t>chak no 114 A TDA teh &amp; distt layyah</t>
  </si>
  <si>
    <t>Adam Wala 114A TDA</t>
  </si>
  <si>
    <t>38164</t>
  </si>
  <si>
    <t>18689</t>
  </si>
  <si>
    <t>10817</t>
  </si>
  <si>
    <t>GGES CHAK NO 333 TDA</t>
  </si>
  <si>
    <t>chak no.333/TDA tehsil &amp; district LAYYAH</t>
  </si>
  <si>
    <t>Chak No 333/TDA</t>
  </si>
  <si>
    <t>Saira Sultana</t>
  </si>
  <si>
    <t>27160</t>
  </si>
  <si>
    <t>26475</t>
  </si>
  <si>
    <t>10822</t>
  </si>
  <si>
    <t>GGPS CHAK NO.433/TDA</t>
  </si>
  <si>
    <t>chak no 433</t>
  </si>
  <si>
    <t>Chak No 433</t>
  </si>
  <si>
    <t>Sadia Naveed</t>
  </si>
  <si>
    <t>10833</t>
  </si>
  <si>
    <t>GGPS CHAK NO. 332/TDA</t>
  </si>
  <si>
    <t>ÙØªØ­ Ù¾ÙˆØ± Ø±ÙˆÚˆ Ø§ÚˆØ§ Ù†ÙˆØ± ÙˆØ§Ù„Ø§ Ú†Ú© Ù†Ù…Ø¨Ø± 332 ØªØ­ØµÛŒÙ„ Ùˆ Ø¶Ù„Ø¹ Ù„ÛŒÛ</t>
  </si>
  <si>
    <t>3636</t>
  </si>
  <si>
    <t>11069</t>
  </si>
  <si>
    <t>GPS CHAK NO. 173-A TDA</t>
  </si>
  <si>
    <t>172/TDA MALE</t>
  </si>
  <si>
    <t>Chak No 173-A TDA</t>
  </si>
  <si>
    <t>Chak No. 173-A TDA layyah</t>
  </si>
  <si>
    <t>172/TDA</t>
  </si>
  <si>
    <t>36194</t>
  </si>
  <si>
    <t>GPS BASTI PANWAR</t>
  </si>
  <si>
    <t>Chah Aqil Wala Peer Jaggi Sharqi</t>
  </si>
  <si>
    <t>Chah Aqil Wala</t>
  </si>
  <si>
    <t>11095</t>
  </si>
  <si>
    <t>GPS ABBAS NAGAR</t>
  </si>
  <si>
    <t>Bahader Gamoo Sehool</t>
  </si>
  <si>
    <t>Basti Nohan Bahader Gamoo Sehool Chak No 172TDA</t>
  </si>
  <si>
    <t>Nohan</t>
  </si>
  <si>
    <t>Hafiz Muhammad Zubair</t>
  </si>
  <si>
    <t>GPS DARBAR MIAN RANJHA</t>
  </si>
  <si>
    <t>Vehniwal That</t>
  </si>
  <si>
    <t>darbar mian ranjha</t>
  </si>
  <si>
    <t>Darbar Mian Ranjha</t>
  </si>
  <si>
    <t>51442</t>
  </si>
  <si>
    <t>GPS BASTI HAIDRO</t>
  </si>
  <si>
    <t>JAKHARR MALE</t>
  </si>
  <si>
    <t>khokhar wala</t>
  </si>
  <si>
    <t>basti haidro post office khokhar wala tehsil distt layyah</t>
  </si>
  <si>
    <t>basti haidro</t>
  </si>
  <si>
    <t>Sadiq Muhammad</t>
  </si>
  <si>
    <t>13669</t>
  </si>
  <si>
    <t>32996</t>
  </si>
  <si>
    <t>11127</t>
  </si>
  <si>
    <t>GPS AMEER RAZA KHAN WALA</t>
  </si>
  <si>
    <t>Docharkha  Thaljandi</t>
  </si>
  <si>
    <t>Govt.ps.Amir Raza khan wala Tiba pathan wala (Layyah)</t>
  </si>
  <si>
    <t>Tiba Pathan Wala</t>
  </si>
  <si>
    <t>Ahmad Nawaz Khan</t>
  </si>
  <si>
    <t>2606</t>
  </si>
  <si>
    <t>GPS CHAK NO. 120-A TDA (DERA GHULMA MUHAMMAD)</t>
  </si>
  <si>
    <t>LAYYAH-I - MALE</t>
  </si>
  <si>
    <t>Thind Kalan</t>
  </si>
  <si>
    <t>Chak No 120-A/TDA Dera Ghulam Muhammad</t>
  </si>
  <si>
    <t>Chak No 120-A/TDA</t>
  </si>
  <si>
    <t>11142</t>
  </si>
  <si>
    <t>GPS CHAK NO. 118 TDA</t>
  </si>
  <si>
    <t>Noshra That Kalan</t>
  </si>
  <si>
    <t>chak 118 tda</t>
  </si>
  <si>
    <t>Chak 118tda</t>
  </si>
  <si>
    <t>45109</t>
  </si>
  <si>
    <t>33674</t>
  </si>
  <si>
    <t>GPS SHAFFI ABAD CHAK NO. 117 BTDA</t>
  </si>
  <si>
    <t>Chak # 117-B/TDA</t>
  </si>
  <si>
    <t>Shafiabad,  chak # 117-B/TDA</t>
  </si>
  <si>
    <t>Shaffiabad</t>
  </si>
  <si>
    <t>Meesam Raza</t>
  </si>
  <si>
    <t>18624</t>
  </si>
  <si>
    <t>GPS CHAK NO. 139 TDA</t>
  </si>
  <si>
    <t>KOTLA NARANG SARANG - MALE</t>
  </si>
  <si>
    <t>chak no 139 layyah</t>
  </si>
  <si>
    <t>Chak No 139</t>
  </si>
  <si>
    <t>23505</t>
  </si>
  <si>
    <t>2619</t>
  </si>
  <si>
    <t>11191</t>
  </si>
  <si>
    <t>GGPS MC NO. 2 LAYYAH</t>
  </si>
  <si>
    <t>LAYYAH-I - FEMALE</t>
  </si>
  <si>
    <t>Qazian wala moh</t>
  </si>
  <si>
    <t>lubna iram</t>
  </si>
  <si>
    <t>13091</t>
  </si>
  <si>
    <t>18615</t>
  </si>
  <si>
    <t>11235</t>
  </si>
  <si>
    <t>GGPS CHAK NO. 420/TDA</t>
  </si>
  <si>
    <t>GGPS chak 420</t>
  </si>
  <si>
    <t>Chak no 420</t>
  </si>
  <si>
    <t>Sumaira Akhtar</t>
  </si>
  <si>
    <t>GGPS CHAK NO. 280/TDA (MADINA TOWN)</t>
  </si>
  <si>
    <t>Chak No 281/tda</t>
  </si>
  <si>
    <t>chak no 280/tda madina town</t>
  </si>
  <si>
    <t>Basti Habib Arain</t>
  </si>
  <si>
    <t>Rehana Begum</t>
  </si>
  <si>
    <t>22683</t>
  </si>
  <si>
    <t>GGPS CHAK NO. 428/TDA</t>
  </si>
  <si>
    <t>GGPS CHAK NO .428 TDA</t>
  </si>
  <si>
    <t>Chak  428/tda</t>
  </si>
  <si>
    <t>Ayesha BiBi</t>
  </si>
  <si>
    <t>36146</t>
  </si>
  <si>
    <t>11248</t>
  </si>
  <si>
    <t>GGPS CHAK NO. 467 T</t>
  </si>
  <si>
    <t>GGPS Chak no 467/tda</t>
  </si>
  <si>
    <t>Shakeela Kousar</t>
  </si>
  <si>
    <t>54383</t>
  </si>
  <si>
    <t>GGPS CHAK NO.387/TDA</t>
  </si>
  <si>
    <t>387chk</t>
  </si>
  <si>
    <t>387tda</t>
  </si>
  <si>
    <t>Narjis Batool</t>
  </si>
  <si>
    <t>54859</t>
  </si>
  <si>
    <t>GPS NAWAZ KALRU WALA</t>
  </si>
  <si>
    <t>Pahar Pur Nashaib</t>
  </si>
  <si>
    <t>chah shakre wala pahar pur nashaib tehs &amp; dist Layyah</t>
  </si>
  <si>
    <t>Bait wasava shumali</t>
  </si>
  <si>
    <t>SAJID KAREEM</t>
  </si>
  <si>
    <t>GGPS SAMUNDARY</t>
  </si>
  <si>
    <t>Phar Pur Nashaib</t>
  </si>
  <si>
    <t>post office phar pur</t>
  </si>
  <si>
    <t>Phar Pur</t>
  </si>
  <si>
    <t>GHS MUD WALA</t>
  </si>
  <si>
    <t>Gagray Wali</t>
  </si>
  <si>
    <t>Ghs mudwala wala</t>
  </si>
  <si>
    <t>Mud Wala</t>
  </si>
  <si>
    <t>Yaki Wali</t>
  </si>
  <si>
    <t>Rashid Nazar Abbas</t>
  </si>
  <si>
    <t>11261</t>
  </si>
  <si>
    <t>GHS URLA</t>
  </si>
  <si>
    <t>Misson Koat Bhowa</t>
  </si>
  <si>
    <t>basti urla p/o sultan pur tehsil ali pur district muzaffargarh</t>
  </si>
  <si>
    <t>Urla</t>
  </si>
  <si>
    <t>GGHS ADDA NALKA</t>
  </si>
  <si>
    <t>Bait Moaizuddin</t>
  </si>
  <si>
    <t>basti nalka adda near head punjnad Alipur</t>
  </si>
  <si>
    <t>Adda Nalka</t>
  </si>
  <si>
    <t>Damar Wala Janobi</t>
  </si>
  <si>
    <t>Mehwish Masood</t>
  </si>
  <si>
    <t>11313</t>
  </si>
  <si>
    <t>GPS CHAJRA</t>
  </si>
  <si>
    <t>KHAIR PUR-III- MALE</t>
  </si>
  <si>
    <t>Mithan Wali</t>
  </si>
  <si>
    <t>basti kulab machi mouza mithan wali p/o khairpur sadat tehsil a lipur</t>
  </si>
  <si>
    <t>Basti Kulab Wala Machi</t>
  </si>
  <si>
    <t>Gabbar Arain</t>
  </si>
  <si>
    <t>109080</t>
  </si>
  <si>
    <t>GPS BAIT DEWAN</t>
  </si>
  <si>
    <t>Bait Dewan</t>
  </si>
  <si>
    <t>GPS Bait dewan Tehsile Ali pur.</t>
  </si>
  <si>
    <t>Mehboob Ahmad</t>
  </si>
  <si>
    <t>11348</t>
  </si>
  <si>
    <t>GPS BAIT JHABAIL</t>
  </si>
  <si>
    <t>Bait Jhabail</t>
  </si>
  <si>
    <t>bait meer Ahmad jhabail</t>
  </si>
  <si>
    <t>Khangarh Doma</t>
  </si>
  <si>
    <t>Shahzad Hasnain</t>
  </si>
  <si>
    <t>GPS LANGER WAH</t>
  </si>
  <si>
    <t>Langarwah</t>
  </si>
  <si>
    <t>basti Langarwah moza Langarwah</t>
  </si>
  <si>
    <t>GPS PARARA</t>
  </si>
  <si>
    <t>Parara</t>
  </si>
  <si>
    <t>mouza parara</t>
  </si>
  <si>
    <t>Muhammad Akhtar Jilani</t>
  </si>
  <si>
    <t>11363</t>
  </si>
  <si>
    <t>GPS KHAN WAH</t>
  </si>
  <si>
    <t>Khanwah</t>
  </si>
  <si>
    <t>Hafiz Muhammad Asadullah</t>
  </si>
  <si>
    <t>11367</t>
  </si>
  <si>
    <t>GPS AMIR PUR DAHA</t>
  </si>
  <si>
    <t>Ameer Pur Daha</t>
  </si>
  <si>
    <t>Basti Kulachi Alipur</t>
  </si>
  <si>
    <t>Saif Ur Rehman</t>
  </si>
  <si>
    <t>11458</t>
  </si>
  <si>
    <t>GPS SONTRAY WALA</t>
  </si>
  <si>
    <t>CHAH SHAH WALA</t>
  </si>
  <si>
    <t>Sontary Wala</t>
  </si>
  <si>
    <t>Latti</t>
  </si>
  <si>
    <t>Ilyas Raza</t>
  </si>
  <si>
    <t>11460</t>
  </si>
  <si>
    <t>GPS SAIDANI</t>
  </si>
  <si>
    <t>Fateh Pur Janobi1</t>
  </si>
  <si>
    <t>basti ratur awan fateh Pur janobi1</t>
  </si>
  <si>
    <t>Basti Ratur Awan</t>
  </si>
  <si>
    <t>Jafir Abbas</t>
  </si>
  <si>
    <t>GPS MIRO WALA</t>
  </si>
  <si>
    <t>Kotla Ghulam Shah</t>
  </si>
  <si>
    <t>Basti ghaghri mirowala</t>
  </si>
  <si>
    <t>Basti Ghaghri Mirowala</t>
  </si>
  <si>
    <t>asad abdullah</t>
  </si>
  <si>
    <t>6795</t>
  </si>
  <si>
    <t>GHSS GUJRAT</t>
  </si>
  <si>
    <t>ghss gujrat</t>
  </si>
  <si>
    <t>SAEED AKHTAR MEO</t>
  </si>
  <si>
    <t>11495</t>
  </si>
  <si>
    <t>GHSS MAHMOOD KOT</t>
  </si>
  <si>
    <t>PANWAR SHUMALI</t>
  </si>
  <si>
    <t>ghss mahmood kot</t>
  </si>
  <si>
    <t>MAHMOOD KOT CITY</t>
  </si>
  <si>
    <t>GHSS GHAZI GHAT</t>
  </si>
  <si>
    <t>bait uttara</t>
  </si>
  <si>
    <t>p/O ghazi ghat</t>
  </si>
  <si>
    <t>32248</t>
  </si>
  <si>
    <t>GHSS BUDH</t>
  </si>
  <si>
    <t>Basti budh mouza Budh</t>
  </si>
  <si>
    <t>149600</t>
  </si>
  <si>
    <t>11526</t>
  </si>
  <si>
    <t>GGHS MAHMOOD KOT STATION</t>
  </si>
  <si>
    <t>Khohwar</t>
  </si>
  <si>
    <t>near railway station mahmood  kot  the. kot addu district muzaffar garh</t>
  </si>
  <si>
    <t>Mahmood Kot  Station</t>
  </si>
  <si>
    <t>AISHA AKBAR</t>
  </si>
  <si>
    <t>GGES DOUNA</t>
  </si>
  <si>
    <t>GGE/S:Douna ,Basti Douna near Karam Dad Qureshi, District Muzaffargarh.</t>
  </si>
  <si>
    <t>Safia Khan</t>
  </si>
  <si>
    <t>32740</t>
  </si>
  <si>
    <t>11561</t>
  </si>
  <si>
    <t>GGHS NAWAN BUDH</t>
  </si>
  <si>
    <t>nawan budh</t>
  </si>
  <si>
    <t>Nawan Budh</t>
  </si>
  <si>
    <t>Shamim Rehana</t>
  </si>
  <si>
    <t>GGES MODEL KOT ADU DOUBLE SHIFT</t>
  </si>
  <si>
    <t>G.g M/E school double shift tibba sheher kot adu.</t>
  </si>
  <si>
    <t>Kiran Zafar</t>
  </si>
  <si>
    <t>11601</t>
  </si>
  <si>
    <t>GPS FAROOQ GURMANI</t>
  </si>
  <si>
    <t>muza esan wala near tari pull p/o sinawan tehsil kot adu district muzaffar garh</t>
  </si>
  <si>
    <t>Pirhar Gharbi Ghair Mustaqil</t>
  </si>
  <si>
    <t>Basti lashari,Moza pirhar gharbi,tehsil kot addu,distt. muzaffargarh</t>
  </si>
  <si>
    <t>11633</t>
  </si>
  <si>
    <t>GPS RAHMOON WALI</t>
  </si>
  <si>
    <t>mouza pirhar gharbi gheir mustaqil</t>
  </si>
  <si>
    <t>11681</t>
  </si>
  <si>
    <t>GPS CHAK NO. 134/ML</t>
  </si>
  <si>
    <t>Putal Munda</t>
  </si>
  <si>
    <t>gps chak no 134/m.l</t>
  </si>
  <si>
    <t>134/ml</t>
  </si>
  <si>
    <t>4209</t>
  </si>
  <si>
    <t>GPS FAROOQ ABAD (CHAK NO. 133/ML)</t>
  </si>
  <si>
    <t>133M/l</t>
  </si>
  <si>
    <t>chak 133.m/l</t>
  </si>
  <si>
    <t>133/Ml</t>
  </si>
  <si>
    <t>Raouf shahzad</t>
  </si>
  <si>
    <t>33616</t>
  </si>
  <si>
    <t>bait Nishan Wala</t>
  </si>
  <si>
    <t>Mouza Nishan Wala UC Hanjrai Post Office D.D Panah</t>
  </si>
  <si>
    <t>Nishan Wala</t>
  </si>
  <si>
    <t>54804</t>
  </si>
  <si>
    <t>GPS KARTAL</t>
  </si>
  <si>
    <t>kartal</t>
  </si>
  <si>
    <t>GPS KARTAL TEH PASRUR DISTT SIALKOT</t>
  </si>
  <si>
    <t>Kartal</t>
  </si>
  <si>
    <t>Muhammad Mohsan</t>
  </si>
  <si>
    <t>GPS PINDI MINHASAN</t>
  </si>
  <si>
    <t>PINDI MINHASAN</t>
  </si>
  <si>
    <t>VILLAGE PINDI MINHASAN POST OFFICE KINGRA TEHSIL PASRUR DISTRICT SIALKOT</t>
  </si>
  <si>
    <t>16108</t>
  </si>
  <si>
    <t>46906</t>
  </si>
  <si>
    <t>46905</t>
  </si>
  <si>
    <t>24675</t>
  </si>
  <si>
    <t>GHSS LAB. MODEL PASRUR</t>
  </si>
  <si>
    <t>katchary road Pasrur</t>
  </si>
  <si>
    <t>163200</t>
  </si>
  <si>
    <t>24681</t>
  </si>
  <si>
    <t>GGHSS LADY ANDERSAN SIALKOT</t>
  </si>
  <si>
    <t>Adda Pasrurian mohallah islamabad, Sialkot.</t>
  </si>
  <si>
    <t>Naika Pura</t>
  </si>
  <si>
    <t>145926</t>
  </si>
  <si>
    <t>GHS CHANU MOME</t>
  </si>
  <si>
    <t>CHANNU MOME</t>
  </si>
  <si>
    <t>CHANNU MOME, SIALKOT</t>
  </si>
  <si>
    <t>CHARIND</t>
  </si>
  <si>
    <t>24715</t>
  </si>
  <si>
    <t>GHS CHITTI SHAIKHAN</t>
  </si>
  <si>
    <t>Chitti sheikhan p.o gohadpur sialkot</t>
  </si>
  <si>
    <t>Chitti  sheikhan</t>
  </si>
  <si>
    <t>Mian Muhammad Munir</t>
  </si>
  <si>
    <t>49115</t>
  </si>
  <si>
    <t>24718</t>
  </si>
  <si>
    <t>GGHSS KHAROTA SYEDAN</t>
  </si>
  <si>
    <t>Kharota Syedan</t>
  </si>
  <si>
    <t>kharota syedan Sialkot</t>
  </si>
  <si>
    <t>24775</t>
  </si>
  <si>
    <t>GMES BHAROKAY</t>
  </si>
  <si>
    <t>VILLAGE BHAROKAY. P.O.BADIANA. TEHSIL SIALKOT.DISTRICT SIALKOT</t>
  </si>
  <si>
    <t>BHAROKAY</t>
  </si>
  <si>
    <t>Farhat Dilpazir</t>
  </si>
  <si>
    <t>32274</t>
  </si>
  <si>
    <t>24777</t>
  </si>
  <si>
    <t>GMES WADIAN WALA</t>
  </si>
  <si>
    <t>p o box khas wadianwala.</t>
  </si>
  <si>
    <t>Muhammad Sarfraz Bajwa</t>
  </si>
  <si>
    <t>38570</t>
  </si>
  <si>
    <t>GGHS KHANNA</t>
  </si>
  <si>
    <t>Govt. Girls High School Khanna Sialkot P/O Kotli Loharan West Sialkot</t>
  </si>
  <si>
    <t>24824</t>
  </si>
  <si>
    <t>GGPS JINNAH MEMORIAL MIANA PURA (E)</t>
  </si>
  <si>
    <t>New Mianapura</t>
  </si>
  <si>
    <t>GGPS jinnah memorial Mianapura East</t>
  </si>
  <si>
    <t>Nia Miana Pura East</t>
  </si>
  <si>
    <t>Miana Pura</t>
  </si>
  <si>
    <t>Magdeline Saleem</t>
  </si>
  <si>
    <t>54809</t>
  </si>
  <si>
    <t>GPS MIANI</t>
  </si>
  <si>
    <t>village Sandra Badra Sialkot.</t>
  </si>
  <si>
    <t>25240</t>
  </si>
  <si>
    <t>25924</t>
  </si>
  <si>
    <t>54385</t>
  </si>
  <si>
    <t>GPS HARAR</t>
  </si>
  <si>
    <t>Harrar</t>
  </si>
  <si>
    <t>villege harrar po same skt</t>
  </si>
  <si>
    <t>Mubarak Ahmed</t>
  </si>
  <si>
    <t>GGPS NAI ABADI BHAROKAY</t>
  </si>
  <si>
    <t>Nai Abadi Bharokay p/o Gunah kalan Teh.Disst,Sialkot</t>
  </si>
  <si>
    <t>Nai Abadi Bharokay</t>
  </si>
  <si>
    <t>Maria Javed</t>
  </si>
  <si>
    <t>25036</t>
  </si>
  <si>
    <t>GMPS KOTLI CHANDU</t>
  </si>
  <si>
    <t>Kotli Chando</t>
  </si>
  <si>
    <t>kotli chando</t>
  </si>
  <si>
    <t>Sheeni</t>
  </si>
  <si>
    <t>25038</t>
  </si>
  <si>
    <t>GGPS THAY DARGAI</t>
  </si>
  <si>
    <t>Thay  Dargai</t>
  </si>
  <si>
    <t>Thay Dargai</t>
  </si>
  <si>
    <t>Pindi Ponjoran</t>
  </si>
  <si>
    <t>10263</t>
  </si>
  <si>
    <t>22096</t>
  </si>
  <si>
    <t>GHS PUBLIC NO.2 GUJRAT</t>
  </si>
  <si>
    <t>Adjacent Sir syed college railway road gujrat</t>
  </si>
  <si>
    <t>Syed Mustazhar Hussain Naqwi</t>
  </si>
  <si>
    <t>GHS PUBLIC NO. 1</t>
  </si>
  <si>
    <t>shahdoula road</t>
  </si>
  <si>
    <t>City Gujrat</t>
  </si>
  <si>
    <t>Ghari Shahdoula</t>
  </si>
  <si>
    <t>1309</t>
  </si>
  <si>
    <t>51876</t>
  </si>
  <si>
    <t>22101</t>
  </si>
  <si>
    <t>GHS ISLAMIA CHHANI DEONA</t>
  </si>
  <si>
    <t>CHHANI DEONA</t>
  </si>
  <si>
    <t>VILLAGE CHHANI DEONA, P.O DEONA MANDI, TEHSIL AND DISTRICT GUJRAT</t>
  </si>
  <si>
    <t>DEONA</t>
  </si>
  <si>
    <t>22108</t>
  </si>
  <si>
    <t>GHS HAJIWALA</t>
  </si>
  <si>
    <t>HAJIWALA</t>
  </si>
  <si>
    <t>V P O HAJIWALA GUJRAT</t>
  </si>
  <si>
    <t>Shahid Manzoor</t>
  </si>
  <si>
    <t>17928</t>
  </si>
  <si>
    <t>22128</t>
  </si>
  <si>
    <t>GHS QASIM ABAD</t>
  </si>
  <si>
    <t>HEAD KHANKI ROAD QASIM ABAD GUJRAT</t>
  </si>
  <si>
    <t>QASIM ABAD</t>
  </si>
  <si>
    <t>JASOOKI</t>
  </si>
  <si>
    <t>22147</t>
  </si>
  <si>
    <t>GGHS MISS.F.J.M.B. GUJRAT</t>
  </si>
  <si>
    <t>Fattu Pura</t>
  </si>
  <si>
    <t>gghs mfj gujrat ramtalai road gujrat</t>
  </si>
  <si>
    <t>22159</t>
  </si>
  <si>
    <t>GGHSS GOLAKI</t>
  </si>
  <si>
    <t>GOVT GIRLS HIGHER SECONDARY SCHOOL GOLEKI</t>
  </si>
  <si>
    <t>rehana perveen</t>
  </si>
  <si>
    <t>22164</t>
  </si>
  <si>
    <t>GGHS ISLAMIA KUNJAH</t>
  </si>
  <si>
    <t>kunjah</t>
  </si>
  <si>
    <t>near national bank kunjah branch</t>
  </si>
  <si>
    <t>18794</t>
  </si>
  <si>
    <t>GGHS BHAGOWAL KUURD</t>
  </si>
  <si>
    <t>Bhagowal khurd</t>
  </si>
  <si>
    <t>village bhagowal khurd post office jalalpur jattan</t>
  </si>
  <si>
    <t>Ikhlas Garh</t>
  </si>
  <si>
    <t>22318</t>
  </si>
  <si>
    <t>GPS TALEEM-UD-DIN J.P.JATTAN</t>
  </si>
  <si>
    <t>J.P.JATTAN II - MALE</t>
  </si>
  <si>
    <t>Mohalla Sadhu JalalPurJattan</t>
  </si>
  <si>
    <t>MC Jalalpur JATTAN</t>
  </si>
  <si>
    <t>Abid Javed</t>
  </si>
  <si>
    <t>18799</t>
  </si>
  <si>
    <t>22382</t>
  </si>
  <si>
    <t>GES RANGRA</t>
  </si>
  <si>
    <t>TANDA I- MALE</t>
  </si>
  <si>
    <t>Rangra</t>
  </si>
  <si>
    <t>rangra gujrat</t>
  </si>
  <si>
    <t>RANGRA</t>
  </si>
  <si>
    <t>Surkhpur</t>
  </si>
  <si>
    <t>27346</t>
  </si>
  <si>
    <t>48668</t>
  </si>
  <si>
    <t>22423</t>
  </si>
  <si>
    <t>GPS BANIAN</t>
  </si>
  <si>
    <t>KUNJAH  I - MALE</t>
  </si>
  <si>
    <t>Baniyaa</t>
  </si>
  <si>
    <t>Vill.Baniyaan Kunjah teh&amp;distt.Gujrat</t>
  </si>
  <si>
    <t>Suleman Rasool</t>
  </si>
  <si>
    <t>50736</t>
  </si>
  <si>
    <t>30968</t>
  </si>
  <si>
    <t>GGPS CHACHIAN MIANI</t>
  </si>
  <si>
    <t>Chachian Miani</t>
  </si>
  <si>
    <t>vill. miani chachian p/o Alam Garh teh. &amp; dist. Gujrat</t>
  </si>
  <si>
    <t>Rukhsana Altaf</t>
  </si>
  <si>
    <t>21892</t>
  </si>
  <si>
    <t>22506</t>
  </si>
  <si>
    <t>GGCMS ALAM GARH</t>
  </si>
  <si>
    <t>J.P.JATTAN-V-FEMALE</t>
  </si>
  <si>
    <t>Alamgarh</t>
  </si>
  <si>
    <t>alamgarh</t>
  </si>
  <si>
    <t>saima butool akram</t>
  </si>
  <si>
    <t>22536</t>
  </si>
  <si>
    <t>GGPS KHORI RASUL PUR</t>
  </si>
  <si>
    <t>KARIANWALA I - FEMALE</t>
  </si>
  <si>
    <t>Khoori</t>
  </si>
  <si>
    <t>Village p.o khoori rasul pur T/D Gujrat</t>
  </si>
  <si>
    <t>Khoori rasul pur</t>
  </si>
  <si>
    <t>Peroshah</t>
  </si>
  <si>
    <t>GMPS MEHSIAN</t>
  </si>
  <si>
    <t>DAULAT NAGER-II-FEMALE</t>
  </si>
  <si>
    <t>Mehsian</t>
  </si>
  <si>
    <t>p/o daulat nagar village mehsian tehsil&amp;district gujrat</t>
  </si>
  <si>
    <t>12934</t>
  </si>
  <si>
    <t>22821</t>
  </si>
  <si>
    <t>GPS PANDORI</t>
  </si>
  <si>
    <t>DAULAT NAGER - MALE</t>
  </si>
  <si>
    <t>GPS. Pandori Tehsil. &amp; Dist. Gujrat</t>
  </si>
  <si>
    <t>17285</t>
  </si>
  <si>
    <t>7461</t>
  </si>
  <si>
    <t>GHS BHADDAR</t>
  </si>
  <si>
    <t>bhaddar</t>
  </si>
  <si>
    <t>vpo bhaddar district gujrat tehsil kharian</t>
  </si>
  <si>
    <t>SHAHZAD AHMAD</t>
  </si>
  <si>
    <t>23047</t>
  </si>
  <si>
    <t>GPS CHAK SIKANDAR</t>
  </si>
  <si>
    <t>p.o rajowal vill chak sikandr</t>
  </si>
  <si>
    <t>SABOUR</t>
  </si>
  <si>
    <t>Asad Nasim</t>
  </si>
  <si>
    <t>12007</t>
  </si>
  <si>
    <t>23130</t>
  </si>
  <si>
    <t>GGPS NIGRIAN</t>
  </si>
  <si>
    <t>KHARIAN IV - FEMALE</t>
  </si>
  <si>
    <t>Nigrian</t>
  </si>
  <si>
    <t>GGPS Nigrian, Kharian (Gujrat)</t>
  </si>
  <si>
    <t>MIRZA TAHIR</t>
  </si>
  <si>
    <t>Saleema Bibi</t>
  </si>
  <si>
    <t>43406</t>
  </si>
  <si>
    <t>GMPS GURDAN WALA</t>
  </si>
  <si>
    <t>DINGA II -FEMALE</t>
  </si>
  <si>
    <t>Gurdanawala</t>
  </si>
  <si>
    <t>Gurdanawala tehsil kharian district gujrat</t>
  </si>
  <si>
    <t>Lubna aslam</t>
  </si>
  <si>
    <t>13033</t>
  </si>
  <si>
    <t>23152</t>
  </si>
  <si>
    <t>GGPS BHATTIAN</t>
  </si>
  <si>
    <t>KHARIAN II - FEMALE</t>
  </si>
  <si>
    <t>village Bhattian PO Raryala Tehsil Kharian District Gujrat</t>
  </si>
  <si>
    <t>Hamza</t>
  </si>
  <si>
    <t>29297</t>
  </si>
  <si>
    <t>24701</t>
  </si>
  <si>
    <t>21090</t>
  </si>
  <si>
    <t>23164</t>
  </si>
  <si>
    <t>GGPS KOTLA BAHLOT</t>
  </si>
  <si>
    <t>kotla bhalot</t>
  </si>
  <si>
    <t>village kotla bhalot teh.and po.box kharian dist.gujrat</t>
  </si>
  <si>
    <t>Pindi Sultan Pur</t>
  </si>
  <si>
    <t>28785</t>
  </si>
  <si>
    <t>4476</t>
  </si>
  <si>
    <t>23216</t>
  </si>
  <si>
    <t>GGPS CHAK SIKANDAR</t>
  </si>
  <si>
    <t>KAKRALI-IV-FEMALE</t>
  </si>
  <si>
    <t>Village Chak Sikandar, P.O Rajowal, Tahsil kharain District Gujrat</t>
  </si>
  <si>
    <t>17722</t>
  </si>
  <si>
    <t>GGPS PHOOLARWAN</t>
  </si>
  <si>
    <t>KAKRALI-V-FEMALE</t>
  </si>
  <si>
    <t>PHOOLARWAN</t>
  </si>
  <si>
    <t>Village phoolarwan post office Bhaddar tehsil kharian District Gujrat</t>
  </si>
  <si>
    <t>Tanzila Zulfiqar</t>
  </si>
  <si>
    <t>14272</t>
  </si>
  <si>
    <t>GGPS CHAK MEHMOOD</t>
  </si>
  <si>
    <t>Chak Mehmood</t>
  </si>
  <si>
    <t>Chak mehmood p.o khaas</t>
  </si>
  <si>
    <t>TAPIALA</t>
  </si>
  <si>
    <t>Tahziba Siddique</t>
  </si>
  <si>
    <t>23290</t>
  </si>
  <si>
    <t>GGPS SHAH QULI</t>
  </si>
  <si>
    <t>Shah Quli</t>
  </si>
  <si>
    <t>GGPS SHAH QULLI, P/O dinga Teh kharian District Gujrat</t>
  </si>
  <si>
    <t>SHAH QULLI</t>
  </si>
  <si>
    <t>Tayyeba Noreen</t>
  </si>
  <si>
    <t>20589</t>
  </si>
  <si>
    <t>47357</t>
  </si>
  <si>
    <t>23353</t>
  </si>
  <si>
    <t>GMPS GAKHARY</t>
  </si>
  <si>
    <t>LALAMUSA III - FEMALE</t>
  </si>
  <si>
    <t>Gakhary</t>
  </si>
  <si>
    <t>GMPS Gakhary</t>
  </si>
  <si>
    <t>Tehmina Jamil</t>
  </si>
  <si>
    <t>23977</t>
  </si>
  <si>
    <t>11285</t>
  </si>
  <si>
    <t>26406</t>
  </si>
  <si>
    <t>2113</t>
  </si>
  <si>
    <t>54918</t>
  </si>
  <si>
    <t>GPS MEHNWAL</t>
  </si>
  <si>
    <t>NOONA WALI II - MALE</t>
  </si>
  <si>
    <t>Mehnwal</t>
  </si>
  <si>
    <t>Village Mehnwal post office bhao Gaseet pur</t>
  </si>
  <si>
    <t>BHAU GHASEET PUR</t>
  </si>
  <si>
    <t>Muhammad Maroof</t>
  </si>
  <si>
    <t>40198</t>
  </si>
  <si>
    <t>54951</t>
  </si>
  <si>
    <t>GGPS GHAKHAR</t>
  </si>
  <si>
    <t>GHAKHAR</t>
  </si>
  <si>
    <t>Ghakhar p/o Channan kharian Gujrat</t>
  </si>
  <si>
    <t>Zaheera Iqbal</t>
  </si>
  <si>
    <t>23586</t>
  </si>
  <si>
    <t>GPS DANDI MALIAR</t>
  </si>
  <si>
    <t>S.A.GIR I - MALE</t>
  </si>
  <si>
    <t>Dandi Maliar</t>
  </si>
  <si>
    <t>Village Dandi Maliar P/O Dandi Nizam Teh:Sarai Alamgir Distt:Gujrat</t>
  </si>
  <si>
    <t>Baisa</t>
  </si>
  <si>
    <t>Yasar Manzoor</t>
  </si>
  <si>
    <t>54347</t>
  </si>
  <si>
    <t>GPS SUKHOKAY GORAYA</t>
  </si>
  <si>
    <t>MALOMEHY - MALE</t>
  </si>
  <si>
    <t>Sukhokey</t>
  </si>
  <si>
    <t>po box mundkey gorya village sukhokay</t>
  </si>
  <si>
    <t>Sukhokay</t>
  </si>
  <si>
    <t>Muhammad Ahmed Umair</t>
  </si>
  <si>
    <t>35090</t>
  </si>
  <si>
    <t>26708</t>
  </si>
  <si>
    <t>23915</t>
  </si>
  <si>
    <t>GGPS MUND</t>
  </si>
  <si>
    <t>Mund</t>
  </si>
  <si>
    <t>vill.mund p.o. rachara,tehsil Daska,district Sialkot</t>
  </si>
  <si>
    <t>Bogray</t>
  </si>
  <si>
    <t>Samina Kauser</t>
  </si>
  <si>
    <t>24038</t>
  </si>
  <si>
    <t>GHS ALHAR</t>
  </si>
  <si>
    <t>Alhar tehsil pasrur district sialkot</t>
  </si>
  <si>
    <t>Rana Muhammad Arshad</t>
  </si>
  <si>
    <t>24054</t>
  </si>
  <si>
    <t>GHSS MEHRAJKAY</t>
  </si>
  <si>
    <t>merajke</t>
  </si>
  <si>
    <t>merajke teh pasrur, sialkot</t>
  </si>
  <si>
    <t>MEHRAJKAY</t>
  </si>
  <si>
    <t>muhammad ayub sabir</t>
  </si>
  <si>
    <t>47020</t>
  </si>
  <si>
    <t>GGHS JUDHALA</t>
  </si>
  <si>
    <t>Judhala</t>
  </si>
  <si>
    <t>v.P/O Judhala tehsil Pasrur District Sialkot</t>
  </si>
  <si>
    <t>FARIHA AZIZ</t>
  </si>
  <si>
    <t>24068</t>
  </si>
  <si>
    <t>GGHS PINDI BHAGO</t>
  </si>
  <si>
    <t>Amna Shahnawaz</t>
  </si>
  <si>
    <t>42213</t>
  </si>
  <si>
    <t>24069</t>
  </si>
  <si>
    <t>GGHS MEHRAJKAY</t>
  </si>
  <si>
    <t>Govt. Girls High School Merajke</t>
  </si>
  <si>
    <t>Tanveer Firdous</t>
  </si>
  <si>
    <t>21598</t>
  </si>
  <si>
    <t>33155</t>
  </si>
  <si>
    <t>24131</t>
  </si>
  <si>
    <t>GGHS CHAHAR BAJWA</t>
  </si>
  <si>
    <t>CHAHAR BAJWA</t>
  </si>
  <si>
    <t>24132</t>
  </si>
  <si>
    <t>GGHS CHARWAH</t>
  </si>
  <si>
    <t>CHARWA</t>
  </si>
  <si>
    <t>VPO CHARWA TEH PASRUR DISTT SIALKOT</t>
  </si>
  <si>
    <t>kiran waris ali</t>
  </si>
  <si>
    <t>24142</t>
  </si>
  <si>
    <t>GPS CHAK PROPI</t>
  </si>
  <si>
    <t>BAN BAJWA - MALE</t>
  </si>
  <si>
    <t>Chak Propi</t>
  </si>
  <si>
    <t>Chak Propi p/o Propi Nagra tehsil pasrur district sialkot</t>
  </si>
  <si>
    <t>Adam Kay Nagra</t>
  </si>
  <si>
    <t>24172</t>
  </si>
  <si>
    <t>GPS DHEROKAY BAMBAY</t>
  </si>
  <si>
    <t>Dherokay</t>
  </si>
  <si>
    <t>Dherokay banbay</t>
  </si>
  <si>
    <t>Dherokay  Banbay</t>
  </si>
  <si>
    <t>Dugri Harian</t>
  </si>
  <si>
    <t>Niamat Masih</t>
  </si>
  <si>
    <t>GPS CHARAR</t>
  </si>
  <si>
    <t>Chrar</t>
  </si>
  <si>
    <t>village charar teh pasrur dist sialkot</t>
  </si>
  <si>
    <t>Talwadi Anayat Khan</t>
  </si>
  <si>
    <t>34497</t>
  </si>
  <si>
    <t>12592</t>
  </si>
  <si>
    <t>24205</t>
  </si>
  <si>
    <t>GPS CHAND</t>
  </si>
  <si>
    <t>Chand</t>
  </si>
  <si>
    <t>GPS Chand</t>
  </si>
  <si>
    <t>51466</t>
  </si>
  <si>
    <t>24291</t>
  </si>
  <si>
    <t>GMPS NANGAL BAJWA</t>
  </si>
  <si>
    <t>Nangal Bajwa</t>
  </si>
  <si>
    <t>nangal bajwa tehsilpasrur distt sialkot p/o mundaki bariya</t>
  </si>
  <si>
    <t>34946</t>
  </si>
  <si>
    <t>24292</t>
  </si>
  <si>
    <t>GGPS JANNAY WALI</t>
  </si>
  <si>
    <t>Janaywali</t>
  </si>
  <si>
    <t>G G p/s Janaywali , tehsil pasrur, District Sialkot</t>
  </si>
  <si>
    <t>45855</t>
  </si>
  <si>
    <t>24348</t>
  </si>
  <si>
    <t>GGPS KANDAL</t>
  </si>
  <si>
    <t>Kandal</t>
  </si>
  <si>
    <t>village kandal , p/o kakhanwali , tehsil pasrur district sialkot</t>
  </si>
  <si>
    <t>Zuberia Bano</t>
  </si>
  <si>
    <t>GGPS KATHOWALI</t>
  </si>
  <si>
    <t>Saukanwind</t>
  </si>
  <si>
    <t>p/o kalaswala teh pasrur  dist sialkot village kathowali</t>
  </si>
  <si>
    <t>Nabila Tabassum</t>
  </si>
  <si>
    <t>GGPS NOUKRIAN BAJWA</t>
  </si>
  <si>
    <t>Noukrianbajwa</t>
  </si>
  <si>
    <t>noukrain bajw pasrur district Sialkot</t>
  </si>
  <si>
    <t>Noukrain Bajwa</t>
  </si>
  <si>
    <t>25230</t>
  </si>
  <si>
    <t>GGPS PUNJANKAY</t>
  </si>
  <si>
    <t>Pinjan Kay</t>
  </si>
  <si>
    <t>Village pinjan key po sehowal tehsil pasrur district sialkot</t>
  </si>
  <si>
    <t>Pinjan key</t>
  </si>
  <si>
    <t>Razia Amin</t>
  </si>
  <si>
    <t>24438</t>
  </si>
  <si>
    <t>GGPS MALO PATIAL</t>
  </si>
  <si>
    <t>PASRUR - FEMALE</t>
  </si>
  <si>
    <t>Malopatial</t>
  </si>
  <si>
    <t>malopatial pasrur</t>
  </si>
  <si>
    <t>Pasrur-I</t>
  </si>
  <si>
    <t>21875</t>
  </si>
  <si>
    <t>GPS KHEEWAN CHEEMA</t>
  </si>
  <si>
    <t>Kheewan Cheema</t>
  </si>
  <si>
    <t>Govt. Primary School Kheewan Cheema</t>
  </si>
  <si>
    <t>Kheewn Cheema</t>
  </si>
  <si>
    <t>Takaht Pur</t>
  </si>
  <si>
    <t>25559</t>
  </si>
  <si>
    <t>23342</t>
  </si>
  <si>
    <t>GGPS NEW GHATALIAN</t>
  </si>
  <si>
    <t>New Ghatialian</t>
  </si>
  <si>
    <t>new ghatialian P/o ghatialian Tehsil Pasrur District Sialkot</t>
  </si>
  <si>
    <t>GHATIALIAN</t>
  </si>
  <si>
    <t>Naila Sadiq</t>
  </si>
  <si>
    <t>GGPS SIKANDER PUR</t>
  </si>
  <si>
    <t>sikanderpur</t>
  </si>
  <si>
    <t>govt girls primary school sikanderpur</t>
  </si>
  <si>
    <t>Faiza Nasir</t>
  </si>
  <si>
    <t>30571</t>
  </si>
  <si>
    <t>24599</t>
  </si>
  <si>
    <t>GMPS BOUDY</t>
  </si>
  <si>
    <t>MEHRAJKAY - FEMALE</t>
  </si>
  <si>
    <t>Boudy</t>
  </si>
  <si>
    <t>boudy</t>
  </si>
  <si>
    <t>Bajra Garhi</t>
  </si>
  <si>
    <t>19380</t>
  </si>
  <si>
    <t>41877</t>
  </si>
  <si>
    <t>45285</t>
  </si>
  <si>
    <t>24602</t>
  </si>
  <si>
    <t>GGPS KHOKHAR CHAMBA</t>
  </si>
  <si>
    <t>Khokhar Chamba</t>
  </si>
  <si>
    <t>khokhar chamba</t>
  </si>
  <si>
    <t>51829</t>
  </si>
  <si>
    <t>24629</t>
  </si>
  <si>
    <t>GGES SAIDNIAL</t>
  </si>
  <si>
    <t>Saidnial</t>
  </si>
  <si>
    <t>Tehsil pasrur sialkot village saidnial</t>
  </si>
  <si>
    <t>Amina Naseer</t>
  </si>
  <si>
    <t>34557</t>
  </si>
  <si>
    <t>20759</t>
  </si>
  <si>
    <t>GGES HERLAN WALI</t>
  </si>
  <si>
    <t>Herlanwali</t>
  </si>
  <si>
    <t>GGES harlanwali</t>
  </si>
  <si>
    <t>20770</t>
  </si>
  <si>
    <t>GGPS BHAKRY WALI KHURD</t>
  </si>
  <si>
    <t>Bhakray Wali Khurd</t>
  </si>
  <si>
    <t>Fehmida Khanum</t>
  </si>
  <si>
    <t>GMPS KOT PEERO SHAH</t>
  </si>
  <si>
    <t>Kot Pero Shah</t>
  </si>
  <si>
    <t>kot pero shah distric gujranwala</t>
  </si>
  <si>
    <t>Munawar Sultana</t>
  </si>
  <si>
    <t>GPS ARSAL COLONY</t>
  </si>
  <si>
    <t>Arsal Colony</t>
  </si>
  <si>
    <t>GPS Arsal Colony Dhullay</t>
  </si>
  <si>
    <t>Tahir Yaqoob</t>
  </si>
  <si>
    <t>20792</t>
  </si>
  <si>
    <t>GES MC NO.4</t>
  </si>
  <si>
    <t>Lahori Gate</t>
  </si>
  <si>
    <t>Lahori gate, Gujranwala.</t>
  </si>
  <si>
    <t>GGES MC NO.7 GUJRANWALA</t>
  </si>
  <si>
    <t>Govt.MC e/s-7 choke dar_UL_salam basti dogran GRW.</t>
  </si>
  <si>
    <t>3porana musawar khana</t>
  </si>
  <si>
    <t>Fozia khanam</t>
  </si>
  <si>
    <t>25775</t>
  </si>
  <si>
    <t>20836</t>
  </si>
  <si>
    <t>GES MC NO.6</t>
  </si>
  <si>
    <t>Gala Master islamil wala Mohala Bakhty wala Near allama Iqbal road Gujranwala</t>
  </si>
  <si>
    <t>Bakhty  Wala</t>
  </si>
  <si>
    <t>17046</t>
  </si>
  <si>
    <t>20842</t>
  </si>
  <si>
    <t>GMPS KOTLI MACHRANWAN</t>
  </si>
  <si>
    <t>Kotli Muchranwan</t>
  </si>
  <si>
    <t>Ferozewala Road Kotli Muchranwan</t>
  </si>
  <si>
    <t>Kalsoom Rani</t>
  </si>
  <si>
    <t>44379</t>
  </si>
  <si>
    <t>GGPS RASOOL PURA</t>
  </si>
  <si>
    <t>Ciity</t>
  </si>
  <si>
    <t>Mohallah rasool pura st#3 jinnah road grw</t>
  </si>
  <si>
    <t>GRW-city-17</t>
  </si>
  <si>
    <t>Khalida Anjum</t>
  </si>
  <si>
    <t>24618</t>
  </si>
  <si>
    <t>52494</t>
  </si>
  <si>
    <t>20849</t>
  </si>
  <si>
    <t>GGPS SHAMA COLONY</t>
  </si>
  <si>
    <t>Shama Colony</t>
  </si>
  <si>
    <t>GGPS   Shama colony</t>
  </si>
  <si>
    <t>Aroop Town</t>
  </si>
  <si>
    <t>20856</t>
  </si>
  <si>
    <t>GGPS MUGHAL CHAK KHURD</t>
  </si>
  <si>
    <t>Mughal Chuk</t>
  </si>
  <si>
    <t>Mughal chuk khurd</t>
  </si>
  <si>
    <t>Mughal Chuk Khurd</t>
  </si>
  <si>
    <t>Fozia shoukat</t>
  </si>
  <si>
    <t>GGPS QILA DIDAR SING NO.03 (BOTHAN PURA)</t>
  </si>
  <si>
    <t>Bhootan Pura Qila Didar Singh</t>
  </si>
  <si>
    <t>Fozia Rehman</t>
  </si>
  <si>
    <t>22042</t>
  </si>
  <si>
    <t>54107</t>
  </si>
  <si>
    <t>GGPS USMAN COLONY</t>
  </si>
  <si>
    <t>Usman Colony</t>
  </si>
  <si>
    <t>Usman Colony Gujranwala</t>
  </si>
  <si>
    <t>Farzana Jabeen</t>
  </si>
  <si>
    <t>24792</t>
  </si>
  <si>
    <t>GPS Peeru Shaheed</t>
  </si>
  <si>
    <t>peero shaheed</t>
  </si>
  <si>
    <t>govt p. s peero Shaheed Rawali</t>
  </si>
  <si>
    <t>Cantt BOARD</t>
  </si>
  <si>
    <t>GES SOHDRA</t>
  </si>
  <si>
    <t>Government elementary school tehsil wazirabad District gujranwala</t>
  </si>
  <si>
    <t>liaqat Ali Bhutta</t>
  </si>
  <si>
    <t>38912</t>
  </si>
  <si>
    <t>GPS CHRISTIAN TOWN</t>
  </si>
  <si>
    <t>Ali Nagar</t>
  </si>
  <si>
    <t>v p o Ali nagar</t>
  </si>
  <si>
    <t>14409</t>
  </si>
  <si>
    <t>25980</t>
  </si>
  <si>
    <t>20981</t>
  </si>
  <si>
    <t>GPS KOT SHAH MUHAMMAD</t>
  </si>
  <si>
    <t>gps kot shah Muhammad</t>
  </si>
  <si>
    <t>Kot Shah Muhammad   Muhammad</t>
  </si>
  <si>
    <t>Gahkka Mitter</t>
  </si>
  <si>
    <t>Usama Bilal</t>
  </si>
  <si>
    <t>25908</t>
  </si>
  <si>
    <t>20999</t>
  </si>
  <si>
    <t>GPS KOT MEER</t>
  </si>
  <si>
    <t>Kot Meer</t>
  </si>
  <si>
    <t>Kot Meer Wazirabad</t>
  </si>
  <si>
    <t>21015</t>
  </si>
  <si>
    <t>GPS BAOLY</t>
  </si>
  <si>
    <t>BAOLY</t>
  </si>
  <si>
    <t>village Baoly, Said Nager</t>
  </si>
  <si>
    <t>Boaly</t>
  </si>
  <si>
    <t>Syed Mudassar Ali</t>
  </si>
  <si>
    <t>50079</t>
  </si>
  <si>
    <t>21017</t>
  </si>
  <si>
    <t>GPS PANDOKE KHURD</t>
  </si>
  <si>
    <t>P/O AliPurChattha Teh: Wazirabad District Gujranwala</t>
  </si>
  <si>
    <t>Pandoke</t>
  </si>
  <si>
    <t>Imran Ahmad</t>
  </si>
  <si>
    <t>7651</t>
  </si>
  <si>
    <t>GPS RAKH BAWLI</t>
  </si>
  <si>
    <t>Rakh Bowli</t>
  </si>
  <si>
    <t>rakh bowli tehseel wazir abad district gujranwal</t>
  </si>
  <si>
    <t>21024</t>
  </si>
  <si>
    <t>GPS GAJAR GOLA</t>
  </si>
  <si>
    <t>Gaia gola tehsil wazirabad district Gujranwala</t>
  </si>
  <si>
    <t>Jhattan Wali</t>
  </si>
  <si>
    <t>Munib Ashraf</t>
  </si>
  <si>
    <t>21031</t>
  </si>
  <si>
    <t>GPS KALAY WALA</t>
  </si>
  <si>
    <t>Kalay wala</t>
  </si>
  <si>
    <t>kalay wala</t>
  </si>
  <si>
    <t>Kalay Wala</t>
  </si>
  <si>
    <t>Numan Amin</t>
  </si>
  <si>
    <t>GGPS ALI NAGAR</t>
  </si>
  <si>
    <t>gunianwala</t>
  </si>
  <si>
    <t>ali nager,teh wzd, distt gujranwala</t>
  </si>
  <si>
    <t>ali nager</t>
  </si>
  <si>
    <t>saima saber</t>
  </si>
  <si>
    <t>21114</t>
  </si>
  <si>
    <t>GMPS KOT NATHU</t>
  </si>
  <si>
    <t>Kot Nathu</t>
  </si>
  <si>
    <t>kot nathu p/o sohdhra tahsil wzd</t>
  </si>
  <si>
    <t>Shazia Arif</t>
  </si>
  <si>
    <t>21122</t>
  </si>
  <si>
    <t>GGPS QUDRAT ABAD</t>
  </si>
  <si>
    <t>WAZIRABAD CITY 1 - FEMALE</t>
  </si>
  <si>
    <t>Qudratabad</t>
  </si>
  <si>
    <t>Qudratabad, Wazirabad District Gujranwala</t>
  </si>
  <si>
    <t>Samiya Sadiq</t>
  </si>
  <si>
    <t>21161</t>
  </si>
  <si>
    <t>GMPS CHAK GILLAN</t>
  </si>
  <si>
    <t>Chak Gillan</t>
  </si>
  <si>
    <t>chak gillan p/o/box mitranwali teh wzbd dist grw</t>
  </si>
  <si>
    <t>21174</t>
  </si>
  <si>
    <t>kotli miani. teh.wazirabad</t>
  </si>
  <si>
    <t>53663</t>
  </si>
  <si>
    <t>21176</t>
  </si>
  <si>
    <t>GGPS DERA BHANGWAN</t>
  </si>
  <si>
    <t>Dera Bhangwan</t>
  </si>
  <si>
    <t>ggps dera bhangwan P/O jhattan wali</t>
  </si>
  <si>
    <t>Reda Arshed</t>
  </si>
  <si>
    <t>GMPS KOT MEHR ALI</t>
  </si>
  <si>
    <t>Kot Mehar Ali</t>
  </si>
  <si>
    <t>kot mehar ali teh wzd distt grw</t>
  </si>
  <si>
    <t>Tanveer Yasmeen</t>
  </si>
  <si>
    <t>17513</t>
  </si>
  <si>
    <t>10146</t>
  </si>
  <si>
    <t>GGPS FORM KULIAN</t>
  </si>
  <si>
    <t>Farm Kulian</t>
  </si>
  <si>
    <t>farm kulian inayat da kot</t>
  </si>
  <si>
    <t>Zeenat Riaz</t>
  </si>
  <si>
    <t>19244</t>
  </si>
  <si>
    <t>18677</t>
  </si>
  <si>
    <t>GGPS THOUYAN</t>
  </si>
  <si>
    <t>thouyan</t>
  </si>
  <si>
    <t>Samaira Aslam</t>
  </si>
  <si>
    <t>21196</t>
  </si>
  <si>
    <t>GMPS DHILLWAN</t>
  </si>
  <si>
    <t>Dhillwan</t>
  </si>
  <si>
    <t>Dhillwan P O Alipur Chattha Teh Wazirabad Dis Gujranwala</t>
  </si>
  <si>
    <t>53147</t>
  </si>
  <si>
    <t>21199</t>
  </si>
  <si>
    <t>GGPS KOT REHAR</t>
  </si>
  <si>
    <t>GGPS kot rehar</t>
  </si>
  <si>
    <t>Syeda Rubab Zahira</t>
  </si>
  <si>
    <t>GMPS JAGNA CHATHA</t>
  </si>
  <si>
    <t>Jugna Chattha</t>
  </si>
  <si>
    <t>gmps jugna chattha</t>
  </si>
  <si>
    <t>Saiqa Riaz</t>
  </si>
  <si>
    <t>27866</t>
  </si>
  <si>
    <t>GGPS KALE WALA</t>
  </si>
  <si>
    <t>ggps kalay wala markaz ahmad nagar 1,wzd.grw.</t>
  </si>
  <si>
    <t>Tahira Naheed</t>
  </si>
  <si>
    <t>21895</t>
  </si>
  <si>
    <t>21269</t>
  </si>
  <si>
    <t>GMPS MALAN WALI</t>
  </si>
  <si>
    <t>Mallanwali</t>
  </si>
  <si>
    <t>gmps mallan wali</t>
  </si>
  <si>
    <t>Farhana Irshad</t>
  </si>
  <si>
    <t>19973</t>
  </si>
  <si>
    <t>21334</t>
  </si>
  <si>
    <t>GPS SCHEME NO.4 VERPAL KHURD</t>
  </si>
  <si>
    <t>Verpal Chatta</t>
  </si>
  <si>
    <t>verpal khurd</t>
  </si>
  <si>
    <t>Verpal Khurd</t>
  </si>
  <si>
    <t>Hardo Verpal</t>
  </si>
  <si>
    <t>21335</t>
  </si>
  <si>
    <t>GPS ALLAH ABAD WAZIRABAD</t>
  </si>
  <si>
    <t>alabad wazirabad</t>
  </si>
  <si>
    <t>Wzbd</t>
  </si>
  <si>
    <t>Ehsan Elahi abid</t>
  </si>
  <si>
    <t>30327</t>
  </si>
  <si>
    <t>GGPS TAJ NAGAR</t>
  </si>
  <si>
    <t>Taj Nagar</t>
  </si>
  <si>
    <t>Taj Nagar post office jamkey chatha</t>
  </si>
  <si>
    <t>Saba Shawaqat</t>
  </si>
  <si>
    <t>52334</t>
  </si>
  <si>
    <t>21366</t>
  </si>
  <si>
    <t>GGHS DHOOP SARI NO.2</t>
  </si>
  <si>
    <t>dhoop sari kamoki</t>
  </si>
  <si>
    <t>Kamoke7</t>
  </si>
  <si>
    <t>21391</t>
  </si>
  <si>
    <t>GGES KOTLI GUL MUHAMMAD</t>
  </si>
  <si>
    <t>G G elementary school kotli gull muhammaf</t>
  </si>
  <si>
    <t>Kotli Gull Muhammad</t>
  </si>
  <si>
    <t>Shamaila Sharif</t>
  </si>
  <si>
    <t>7257</t>
  </si>
  <si>
    <t>21434</t>
  </si>
  <si>
    <t>GPS UPPAL KHALSA</t>
  </si>
  <si>
    <t>Uppal Khalsa</t>
  </si>
  <si>
    <t>uppal khalsa post office kotli nawab tensile kamoke dictrct Gujranwala</t>
  </si>
  <si>
    <t>Koti Nawab</t>
  </si>
  <si>
    <t>Arsalan Waheed</t>
  </si>
  <si>
    <t>8716</t>
  </si>
  <si>
    <t>GGPS BASTI HABIB NO. 2</t>
  </si>
  <si>
    <t>Bakharwah</t>
  </si>
  <si>
    <t>p/o aslam abad .basti habib no 2.bakharwah .d g khan</t>
  </si>
  <si>
    <t>Basti Habib No 2</t>
  </si>
  <si>
    <t>Sadia Naseem</t>
  </si>
  <si>
    <t>GGPS BASTI IBRAHIM</t>
  </si>
  <si>
    <t>Dark hast Jamal Khan</t>
  </si>
  <si>
    <t>basti ibrahim darkhst jamal khan</t>
  </si>
  <si>
    <t>Basti Ibrahim</t>
  </si>
  <si>
    <t>RABIA BIBI</t>
  </si>
  <si>
    <t>8721</t>
  </si>
  <si>
    <t>GGMPS PUNAN WALA</t>
  </si>
  <si>
    <t>nawan</t>
  </si>
  <si>
    <t>chah mahmood wala nawan shumali</t>
  </si>
  <si>
    <t>mahmood wala</t>
  </si>
  <si>
    <t>Sumera Anwar</t>
  </si>
  <si>
    <t>GGMPS BASTI PANDHI WALA</t>
  </si>
  <si>
    <t>Muttfriq Chahan</t>
  </si>
  <si>
    <t>ggmps basti pandhi wala</t>
  </si>
  <si>
    <t>Choti Zereen</t>
  </si>
  <si>
    <t>Mutfariq Chahan</t>
  </si>
  <si>
    <t>REHANA QADIR</t>
  </si>
  <si>
    <t>48442</t>
  </si>
  <si>
    <t>9637</t>
  </si>
  <si>
    <t>GPS CHAK NO 448 TDA</t>
  </si>
  <si>
    <t>CHAK NO. 449/TDA MALE</t>
  </si>
  <si>
    <t>448/TDA</t>
  </si>
  <si>
    <t>Chak No 448/TDA Tehsil chaubara district Layyah</t>
  </si>
  <si>
    <t>Chak No 448/TDA</t>
  </si>
  <si>
    <t>9647</t>
  </si>
  <si>
    <t>GPS CHAK NO 126 ML</t>
  </si>
  <si>
    <t>Chak No 126 ML</t>
  </si>
  <si>
    <t>Chak 126 ML</t>
  </si>
  <si>
    <t>Allah Ditta Bhatti</t>
  </si>
  <si>
    <t>9649</t>
  </si>
  <si>
    <t>GPS CHAK NO 429 TDA / 495 TDA</t>
  </si>
  <si>
    <t>chak no. 495/TDA</t>
  </si>
  <si>
    <t>495/TDA</t>
  </si>
  <si>
    <t>38159</t>
  </si>
  <si>
    <t>9667</t>
  </si>
  <si>
    <t>GPS FAZIL KHUND WALA</t>
  </si>
  <si>
    <t>BILAL WALA MALE</t>
  </si>
  <si>
    <t>wzeer abad nwakot chaubara layyah</t>
  </si>
  <si>
    <t>Wzeer Abad Nawakot</t>
  </si>
  <si>
    <t>49977</t>
  </si>
  <si>
    <t>9673</t>
  </si>
  <si>
    <t>GPS CHAK NO 298 TDA</t>
  </si>
  <si>
    <t>Olakh</t>
  </si>
  <si>
    <t>chak no 298/TDA</t>
  </si>
  <si>
    <t>Chak No 298/TDA</t>
  </si>
  <si>
    <t>Muhammad Rafiq Azhar</t>
  </si>
  <si>
    <t>9683</t>
  </si>
  <si>
    <t>GPS ANGOORA FARM</t>
  </si>
  <si>
    <t>CHOUBARA-I - MALE</t>
  </si>
  <si>
    <t>Patti BUDH</t>
  </si>
  <si>
    <t>Basti Sohanra</t>
  </si>
  <si>
    <t>Basti Sohnra</t>
  </si>
  <si>
    <t>9693</t>
  </si>
  <si>
    <t>GPS CHAK NO. 318 TDA</t>
  </si>
  <si>
    <t>JAMAL CHAPRI - MALE</t>
  </si>
  <si>
    <t>GPS Chak No.318 TDA</t>
  </si>
  <si>
    <t>Chak No 318 TdA</t>
  </si>
  <si>
    <t>Muhammad Hussain Bajwa</t>
  </si>
  <si>
    <t>108902</t>
  </si>
  <si>
    <t>GGPS CHAK NO 349 TDA</t>
  </si>
  <si>
    <t>Chak  No 349</t>
  </si>
  <si>
    <t>chak no 349 Tehsil choubara DIstrict layyah</t>
  </si>
  <si>
    <t>Chak No 349</t>
  </si>
  <si>
    <t>Fozia Malik</t>
  </si>
  <si>
    <t>52487</t>
  </si>
  <si>
    <t>GGPS CHAK NO 405 TDA</t>
  </si>
  <si>
    <t>GGPS405 TDA</t>
  </si>
  <si>
    <t>Kalsoom akhtar</t>
  </si>
  <si>
    <t>4753</t>
  </si>
  <si>
    <t>GGPS ZARKANI WALA</t>
  </si>
  <si>
    <t>NAWAN KOT FEMALE</t>
  </si>
  <si>
    <t>Zurkani wala mouza nawan kot tehsil choubara</t>
  </si>
  <si>
    <t>Zurkani Wala</t>
  </si>
  <si>
    <t>34032</t>
  </si>
  <si>
    <t>9772</t>
  </si>
  <si>
    <t>GPS CHAK NO. 469 TDA</t>
  </si>
  <si>
    <t>GPS CHAK NO. 469/TDA TEHSIL CHOUBARA DISTT. LAYYAH</t>
  </si>
  <si>
    <t>CHAK NO 469/TDA</t>
  </si>
  <si>
    <t>9781</t>
  </si>
  <si>
    <t>GPS CHAK NO. 478 TDA</t>
  </si>
  <si>
    <t>Chak no. 478</t>
  </si>
  <si>
    <t>Chak No 478</t>
  </si>
  <si>
    <t>saharan</t>
  </si>
  <si>
    <t>10858</t>
  </si>
  <si>
    <t>9783</t>
  </si>
  <si>
    <t>GPS CHAK NO. 123 ML CHAK NO 487 TDA</t>
  </si>
  <si>
    <t>Chak no 487tda</t>
  </si>
  <si>
    <t>487tda</t>
  </si>
  <si>
    <t>9798</t>
  </si>
  <si>
    <t>GPS DERKHANI WALA</t>
  </si>
  <si>
    <t>Khairay Wala</t>
  </si>
  <si>
    <t>9870</t>
  </si>
  <si>
    <t>GPS SULTAN WALA</t>
  </si>
  <si>
    <t>Shar Gerh</t>
  </si>
  <si>
    <t>Mehmood wala khoo</t>
  </si>
  <si>
    <t>Mudasar  Rasool</t>
  </si>
  <si>
    <t>38484</t>
  </si>
  <si>
    <t>26425</t>
  </si>
  <si>
    <t>9877</t>
  </si>
  <si>
    <t>GGPS BHATTI WALA</t>
  </si>
  <si>
    <t>Bhattiwala</t>
  </si>
  <si>
    <t>GGPS bhattiwala</t>
  </si>
  <si>
    <t>Bhatti Wala</t>
  </si>
  <si>
    <t>Olkh Thal Kalan</t>
  </si>
  <si>
    <t>4925</t>
  </si>
  <si>
    <t>7780</t>
  </si>
  <si>
    <t>9883</t>
  </si>
  <si>
    <t>GGPS CHAK NO. 370-A/TDA (NIAMAT GILL WALA)</t>
  </si>
  <si>
    <t>370A/TDA</t>
  </si>
  <si>
    <t>GGP/S 370A/TDA Niamat gill Wala. post Office Rafiq Abad Tehsil Choubara District Layyah</t>
  </si>
  <si>
    <t>Sumaira Yasmin</t>
  </si>
  <si>
    <t>9884</t>
  </si>
  <si>
    <t>GGPS CHAK NO. 370-B/TDA</t>
  </si>
  <si>
    <t>370B/TDA</t>
  </si>
  <si>
    <t>chalk no 370B/TDA</t>
  </si>
  <si>
    <t>Rushda Sana</t>
  </si>
  <si>
    <t>31367</t>
  </si>
  <si>
    <t>GGPS RIAZ ABAD</t>
  </si>
  <si>
    <t>Patti Kharian</t>
  </si>
  <si>
    <t>Joiya basti Nwan Kot road Choubara</t>
  </si>
  <si>
    <t>39567</t>
  </si>
  <si>
    <t>9896</t>
  </si>
  <si>
    <t>GGPS SHABBIR MAGASSI WALA</t>
  </si>
  <si>
    <t>ggps shabbir magassi wala</t>
  </si>
  <si>
    <t>42835</t>
  </si>
  <si>
    <t>9899</t>
  </si>
  <si>
    <t>GGPS CHAK NO 498 TDA</t>
  </si>
  <si>
    <t>govt girls primary school 498/TDA</t>
  </si>
  <si>
    <t>498/TDA</t>
  </si>
  <si>
    <t>Gulshan Shahzadi</t>
  </si>
  <si>
    <t>GGPS CHAK NO. 345 TDA (NEW)</t>
  </si>
  <si>
    <t>Chak N0 345/TDA tehsil choubara District Layyah</t>
  </si>
  <si>
    <t>Chak No 345/TDA</t>
  </si>
  <si>
    <t>9901</t>
  </si>
  <si>
    <t>GGPS CHAK NO. 443 TDA (NEW)</t>
  </si>
  <si>
    <t>Chak No 443/TDA</t>
  </si>
  <si>
    <t>GGPS chak No 443/TDA choubara Layyah</t>
  </si>
  <si>
    <t>ASMAT FATIMA</t>
  </si>
  <si>
    <t>GGPS BALUCHAN WALA (NEW SCHOOL)</t>
  </si>
  <si>
    <t>Patti Choubara</t>
  </si>
  <si>
    <t>dera rang ali</t>
  </si>
  <si>
    <t>9909</t>
  </si>
  <si>
    <t>GPS CHATERY WALA</t>
  </si>
  <si>
    <t>Nawankot</t>
  </si>
  <si>
    <t>village chaitei Wala muza nawankot tehsil choubara distt. layyah</t>
  </si>
  <si>
    <t>Chaitri Wala</t>
  </si>
  <si>
    <t>Khuda Bakhish</t>
  </si>
  <si>
    <t>GPS DERA HAKEEM ALI (NEW)</t>
  </si>
  <si>
    <t>CHOUBARA</t>
  </si>
  <si>
    <t>PATTI JAKHAR TEH CHOUBARA DIST LAYYAH</t>
  </si>
  <si>
    <t>PATTI JAKHAR</t>
  </si>
  <si>
    <t>41530</t>
  </si>
  <si>
    <t>54516</t>
  </si>
  <si>
    <t>GPS BYE WALA</t>
  </si>
  <si>
    <t>chah bye wala</t>
  </si>
  <si>
    <t>Bye Wala</t>
  </si>
  <si>
    <t>Waheed Ahmed</t>
  </si>
  <si>
    <t>54422</t>
  </si>
  <si>
    <t>GPS SAJJAD KALASARY WALA</t>
  </si>
  <si>
    <t>Khairay</t>
  </si>
  <si>
    <t>khairay wala</t>
  </si>
  <si>
    <t>Chah Sagheer Wala</t>
  </si>
  <si>
    <t>9923</t>
  </si>
  <si>
    <t>GHS RAILWAY ROAD KAROR</t>
  </si>
  <si>
    <t>WARD NO.7 RAILWAY ROAD KAROR</t>
  </si>
  <si>
    <t>FAZAL ABAD</t>
  </si>
  <si>
    <t>MC KAROR</t>
  </si>
  <si>
    <t>9932</t>
  </si>
  <si>
    <t>GHS WARA SEHRAN</t>
  </si>
  <si>
    <t>Wara</t>
  </si>
  <si>
    <t>p/o wara sehran tehsil karor distt layyah</t>
  </si>
  <si>
    <t>Ali Asad Ullah</t>
  </si>
  <si>
    <t>14324</t>
  </si>
  <si>
    <t>9976</t>
  </si>
  <si>
    <t>GGHS SHAH PUR</t>
  </si>
  <si>
    <t>yasmeen nighat</t>
  </si>
  <si>
    <t>GPS JADEED HATYAN</t>
  </si>
  <si>
    <t>93/ML MALE</t>
  </si>
  <si>
    <t>Jadeed Hatiyan</t>
  </si>
  <si>
    <t>chak no.86ml Tehsil Karor Lal Esan District Layyah</t>
  </si>
  <si>
    <t>75A TDA</t>
  </si>
  <si>
    <t>93/ML</t>
  </si>
  <si>
    <t>10037</t>
  </si>
  <si>
    <t>GPS CHAK NO. 76/TDA</t>
  </si>
  <si>
    <t>Jharcal</t>
  </si>
  <si>
    <t>Tehsil Karor Distrrict Layyah P/O Chak No. 90/ML &amp; Chak No. 76/TDA</t>
  </si>
  <si>
    <t>15492</t>
  </si>
  <si>
    <t>2919</t>
  </si>
  <si>
    <t>10039</t>
  </si>
  <si>
    <t>GPS KALYA THAL</t>
  </si>
  <si>
    <t>basti kalyan thal karor</t>
  </si>
  <si>
    <t>Kalyan Thal</t>
  </si>
  <si>
    <t>Muhammad Jamshaid Ahmad</t>
  </si>
  <si>
    <t>12031</t>
  </si>
  <si>
    <t>4731</t>
  </si>
  <si>
    <t>GPS CHAK NO.92/TDA</t>
  </si>
  <si>
    <t>98/ML MALE</t>
  </si>
  <si>
    <t>Chak No 92 TDA</t>
  </si>
  <si>
    <t>Chak No. 92 TDA</t>
  </si>
  <si>
    <t>Shakeel Abbas</t>
  </si>
  <si>
    <t>21357</t>
  </si>
  <si>
    <t>10046</t>
  </si>
  <si>
    <t>GES CHAK NO.226/TDA</t>
  </si>
  <si>
    <t>moj garh</t>
  </si>
  <si>
    <t>CHAK NO.226tda</t>
  </si>
  <si>
    <t>CHAK NO226tda</t>
  </si>
  <si>
    <t>27803</t>
  </si>
  <si>
    <t>10054</t>
  </si>
  <si>
    <t>GPS CHAK NO.253/TDA</t>
  </si>
  <si>
    <t>CHAK NO 253/TDA</t>
  </si>
  <si>
    <t>CHAK NO 253/TDA POST OFFICE FATEH PUR TEHSEEL KARROR DISTRICT LAYYAH</t>
  </si>
  <si>
    <t>Chak No 253 TDA</t>
  </si>
  <si>
    <t>22645</t>
  </si>
  <si>
    <t>10057</t>
  </si>
  <si>
    <t>GPS CHAK NO.85/TDA</t>
  </si>
  <si>
    <t>Chak No 85/TDA</t>
  </si>
  <si>
    <t>chak no 85 TDA distt Layyah</t>
  </si>
  <si>
    <t>27554</t>
  </si>
  <si>
    <t>20264</t>
  </si>
  <si>
    <t>10063</t>
  </si>
  <si>
    <t>GPS CHAK NO.90/TDA</t>
  </si>
  <si>
    <t>CHAK NO 90 TDA</t>
  </si>
  <si>
    <t>CHAK NO 90 TDA , P/O 89 TDA DIST: LAYYAH , TEH : KAROR</t>
  </si>
  <si>
    <t>SYED ZAFAR ABBAS SHAH</t>
  </si>
  <si>
    <t>18440</t>
  </si>
  <si>
    <t>53181</t>
  </si>
  <si>
    <t>10077</t>
  </si>
  <si>
    <t>GES CHAK NO. 86/ML</t>
  </si>
  <si>
    <t>Chak No.86/ML Tehsil Karor District Layyah</t>
  </si>
  <si>
    <t>86/ML</t>
  </si>
  <si>
    <t>20840</t>
  </si>
  <si>
    <t>GPS CHAK NO 290 TDA</t>
  </si>
  <si>
    <t>290/TDA TEH.Karor Distt.Layyah</t>
  </si>
  <si>
    <t>290/TDA</t>
  </si>
  <si>
    <t>Muhammad Zubair Nawaz</t>
  </si>
  <si>
    <t>14150</t>
  </si>
  <si>
    <t>54021</t>
  </si>
  <si>
    <t>29258</t>
  </si>
  <si>
    <t>10096</t>
  </si>
  <si>
    <t>GPS CHAK NO 268 TDA</t>
  </si>
  <si>
    <t>268/TDA</t>
  </si>
  <si>
    <t>chak NO 268/TDA</t>
  </si>
  <si>
    <t>Nasir Hussain</t>
  </si>
  <si>
    <t>21834</t>
  </si>
  <si>
    <t>GPS CHAK NO 293 TDA</t>
  </si>
  <si>
    <t>Chak No 293</t>
  </si>
  <si>
    <t>CHAK NO 293/TDA PO CHAK NO 306/TDA</t>
  </si>
  <si>
    <t>CHAK NO 293 TDA</t>
  </si>
  <si>
    <t>Adnan Munawar</t>
  </si>
  <si>
    <t>GPS CHAK NO 294 TDA</t>
  </si>
  <si>
    <t>Chak No 294/TDA</t>
  </si>
  <si>
    <t>Chak no 294/TDA</t>
  </si>
  <si>
    <t>Chak 294/TDA</t>
  </si>
  <si>
    <t>Tahir Farooq</t>
  </si>
  <si>
    <t>11840</t>
  </si>
  <si>
    <t>GES CHAK NO 251 TDA</t>
  </si>
  <si>
    <t>Chak No 251/TDA</t>
  </si>
  <si>
    <t>Chak No 251/TDA P/O Fateh pur</t>
  </si>
  <si>
    <t>14549</t>
  </si>
  <si>
    <t>10139</t>
  </si>
  <si>
    <t>GPS CHAK NO. 295 TDA</t>
  </si>
  <si>
    <t>Thalklan</t>
  </si>
  <si>
    <t>chak 295/TDA district layyah</t>
  </si>
  <si>
    <t>295/TDA</t>
  </si>
  <si>
    <t>Muhammad Adeel Javed</t>
  </si>
  <si>
    <t>10184</t>
  </si>
  <si>
    <t>GGPS CHAH NIAZ KHAN WALA</t>
  </si>
  <si>
    <t>khokhar isra beroon</t>
  </si>
  <si>
    <t>basti taoheed p/o qasba balochan tehsil karor district layyah</t>
  </si>
  <si>
    <t>chah niaz khan wala</t>
  </si>
  <si>
    <t>AQEELA BATOOL</t>
  </si>
  <si>
    <t>GGPS CHAK NO.114 TDA (HUSSAN SHER)</t>
  </si>
  <si>
    <t>aolukh thal jandi</t>
  </si>
  <si>
    <t>GMPS HASSAN SHER CHAK NO 114/TDA  KAROR LAL EASON DISTRICT LAYYAH</t>
  </si>
  <si>
    <t>hassan sher</t>
  </si>
  <si>
    <t>MUBEEN AKHTAR</t>
  </si>
  <si>
    <t>19180</t>
  </si>
  <si>
    <t>10229</t>
  </si>
  <si>
    <t>GGPS CHAK NO.100-A/TDA</t>
  </si>
  <si>
    <t>chack no 100 A/ TDA station rajan shah</t>
  </si>
  <si>
    <t>Chack No 100A/TDA</t>
  </si>
  <si>
    <t>ZAIBA HANIF</t>
  </si>
  <si>
    <t>GGPS WADHAY WALI</t>
  </si>
  <si>
    <t>WARA SEHRAN FEMALE</t>
  </si>
  <si>
    <t>Wadhay Wali</t>
  </si>
  <si>
    <t>GGP/S wadhy Wali</t>
  </si>
  <si>
    <t>Hera Shaheen</t>
  </si>
  <si>
    <t>10252</t>
  </si>
  <si>
    <t>GGPS CHAK NO 99TDA DERA HAQ NAWAZ</t>
  </si>
  <si>
    <t>Sargani</t>
  </si>
  <si>
    <t>Dera Haqnawaz Chack no 99A/TDA</t>
  </si>
  <si>
    <t>Dera haqnawaz</t>
  </si>
  <si>
    <t>Saifal BIBI</t>
  </si>
  <si>
    <t>GGPS CHAK NO 99-B TDA BASTI KHARAL</t>
  </si>
  <si>
    <t>daggar sawag</t>
  </si>
  <si>
    <t>GGPS 99 B/TDA BASTI KHARRAL KAROR LAL EASON DISTRICT LAYYAH</t>
  </si>
  <si>
    <t>basti kharral 99 b/tda</t>
  </si>
  <si>
    <t>shagufta shaheen</t>
  </si>
  <si>
    <t>GGPS IHSAAN PEER WALA</t>
  </si>
  <si>
    <t>MARHANWALI</t>
  </si>
  <si>
    <t>AHSAN PIR WALA, TEHSIL KAROR LAL EASON DISTRICT LAYYAH.</t>
  </si>
  <si>
    <t>AHSAN PIR WALA</t>
  </si>
  <si>
    <t>najma kalsoom</t>
  </si>
  <si>
    <t>38368</t>
  </si>
  <si>
    <t>43754</t>
  </si>
  <si>
    <t>GGES CHAK NO.79/TDA</t>
  </si>
  <si>
    <t>challenge no. 79 TDA TEHSIL KAROR</t>
  </si>
  <si>
    <t>79 TDA</t>
  </si>
  <si>
    <t>um e salma</t>
  </si>
  <si>
    <t>10274</t>
  </si>
  <si>
    <t>GGPS CHAK NO 230 A TDA</t>
  </si>
  <si>
    <t>Chak No 230A/TDA</t>
  </si>
  <si>
    <t>GGPS chak no. 230-A/TDA Peeran wala,tehsil karor district layyah</t>
  </si>
  <si>
    <t>Chak No. 230-A/TDA</t>
  </si>
  <si>
    <t>Shahzana Shaheen</t>
  </si>
  <si>
    <t>10284</t>
  </si>
  <si>
    <t>GGPS CHAK NO 83/TDA</t>
  </si>
  <si>
    <t>83/TDA</t>
  </si>
  <si>
    <t>GGPS Chak No 83/TDA</t>
  </si>
  <si>
    <t>83 TDA</t>
  </si>
  <si>
    <t>zahida sultan</t>
  </si>
  <si>
    <t>10286</t>
  </si>
  <si>
    <t>GGPS CHAK NO 270/TDA</t>
  </si>
  <si>
    <t>270/TDA</t>
  </si>
  <si>
    <t>chak #270tda</t>
  </si>
  <si>
    <t>270/TDa</t>
  </si>
  <si>
    <t>Mona Sarapheen</t>
  </si>
  <si>
    <t>14165</t>
  </si>
  <si>
    <t>36864</t>
  </si>
  <si>
    <t>33864</t>
  </si>
  <si>
    <t>10306</t>
  </si>
  <si>
    <t>GGES CHAK NO.90-B/TDA</t>
  </si>
  <si>
    <t>CHAK # 90BTDA</t>
  </si>
  <si>
    <t>Gges model 90-B/TDA</t>
  </si>
  <si>
    <t>90-B/TDA</t>
  </si>
  <si>
    <t>Ayesha ramzan</t>
  </si>
  <si>
    <t>15960</t>
  </si>
  <si>
    <t>GGPS CHAK NO.91/ML</t>
  </si>
  <si>
    <t>Chak No91ml</t>
  </si>
  <si>
    <t>chak no.91ml tehsil karor lal eason dist.layyah</t>
  </si>
  <si>
    <t>91ml</t>
  </si>
  <si>
    <t>10325</t>
  </si>
  <si>
    <t>GGPS CHAK NO.242-B/TDA</t>
  </si>
  <si>
    <t>242-B/TDA</t>
  </si>
  <si>
    <t>GGMPS Chak No. 242-B/TDA, Tehsil Karor District Layyah</t>
  </si>
  <si>
    <t>Chak No 242-B/TDA</t>
  </si>
  <si>
    <t>Tahira Azam</t>
  </si>
  <si>
    <t>18969</t>
  </si>
  <si>
    <t>10326</t>
  </si>
  <si>
    <t>GGPS CHAK NO. 246/TDA</t>
  </si>
  <si>
    <t>Chak No 246/TDA</t>
  </si>
  <si>
    <t>GGPS Chak No. 246/TDA, Tehsil Karor District Layyah</t>
  </si>
  <si>
    <t>Faiza Bashir</t>
  </si>
  <si>
    <t>GGPS CHAK NO 308 TDA</t>
  </si>
  <si>
    <t>308 Tda</t>
  </si>
  <si>
    <t>308 tda tehsil Karor district lyyah</t>
  </si>
  <si>
    <t>Farzana Haydir</t>
  </si>
  <si>
    <t>7902</t>
  </si>
  <si>
    <t>GGPS MODEL CHAK NO 268 A /TDA</t>
  </si>
  <si>
    <t>Chk No 268A/tda</t>
  </si>
  <si>
    <t>chk no 268A/tda</t>
  </si>
  <si>
    <t>Aasia Bibi</t>
  </si>
  <si>
    <t>47984</t>
  </si>
  <si>
    <t>10339</t>
  </si>
  <si>
    <t>GGPS CHAK NO 292 TDA</t>
  </si>
  <si>
    <t>292 Tda</t>
  </si>
  <si>
    <t>chak 292/tda district layyah tehsil karor</t>
  </si>
  <si>
    <t>292/tda</t>
  </si>
  <si>
    <t>Rashida Saleem</t>
  </si>
  <si>
    <t>GGPS CHAK NO 264 TDA</t>
  </si>
  <si>
    <t>264tda</t>
  </si>
  <si>
    <t>chak no 264tda tehsil karor distt layyah</t>
  </si>
  <si>
    <t>Khadija Rani</t>
  </si>
  <si>
    <t>10349</t>
  </si>
  <si>
    <t>GGES CHAK NO.75-C/TDA</t>
  </si>
  <si>
    <t>75.C/tda Teh Karor Layyah</t>
  </si>
  <si>
    <t>75.C tda</t>
  </si>
  <si>
    <t>ABIDA aSHRAF</t>
  </si>
  <si>
    <t>2518</t>
  </si>
  <si>
    <t>13677</t>
  </si>
  <si>
    <t>11159</t>
  </si>
  <si>
    <t>GGPS CHAK NO 219 TDA</t>
  </si>
  <si>
    <t>mojgarh</t>
  </si>
  <si>
    <t>GGPS CHAK NO 219 A/TDA AKBAR JAG WALA KAROR LAL EASON DISTRICT LAYYAH</t>
  </si>
  <si>
    <t>akbar jag wala</t>
  </si>
  <si>
    <t>Shahnaz akhtar</t>
  </si>
  <si>
    <t>GMMS AHSAN SHARIF</t>
  </si>
  <si>
    <t>bast ahsan sharif</t>
  </si>
  <si>
    <t>Ahsan Shreef</t>
  </si>
  <si>
    <t>Akhtar Abbas Shah</t>
  </si>
  <si>
    <t>10361</t>
  </si>
  <si>
    <t>GMMS HASSAN KHAN</t>
  </si>
  <si>
    <t>Marhana Wali</t>
  </si>
  <si>
    <t>basti hassan khan</t>
  </si>
  <si>
    <t>Hassan Khan</t>
  </si>
  <si>
    <t>10365</t>
  </si>
  <si>
    <t>GPS KARAM WALI</t>
  </si>
  <si>
    <t>Basti Karam wali Karor Lal e Asan district Layyah</t>
  </si>
  <si>
    <t>KARAM WALI</t>
  </si>
  <si>
    <t>Ishtiaq Ahmed</t>
  </si>
  <si>
    <t>10370</t>
  </si>
  <si>
    <t>GMMS CHAK NO. 83 TDA</t>
  </si>
  <si>
    <t>83 Tda</t>
  </si>
  <si>
    <t>83 tda tehsil karor layyah</t>
  </si>
  <si>
    <t>Muhammad Arshad Khan</t>
  </si>
  <si>
    <t>10371</t>
  </si>
  <si>
    <t>GMMS NAWAN TIBBA</t>
  </si>
  <si>
    <t>Nawan Tibba  Tehsil karor District Layyah</t>
  </si>
  <si>
    <t>Nawan Tibba</t>
  </si>
  <si>
    <t>samer razaa shehzad</t>
  </si>
  <si>
    <t>GPS AHSAN KACHA</t>
  </si>
  <si>
    <t>Moosan Shah</t>
  </si>
  <si>
    <t>Basti Ahsan Kacha Tehsil Karor District Layyah</t>
  </si>
  <si>
    <t>Ahsan Kacha</t>
  </si>
  <si>
    <t>Aman Ullah Khan</t>
  </si>
  <si>
    <t>GPS CHAK NO. 220 / TDA</t>
  </si>
  <si>
    <t>Chak no 220/TDA P/O 219/TDA Karor Layyah</t>
  </si>
  <si>
    <t>Chak No 220/TDA</t>
  </si>
  <si>
    <t>Ashar Monawar</t>
  </si>
  <si>
    <t>8942</t>
  </si>
  <si>
    <t>14314</t>
  </si>
  <si>
    <t>GMMS BASTI BHAND</t>
  </si>
  <si>
    <t>Pati Ali</t>
  </si>
  <si>
    <t>Basti Bhand Karor Nasheeb</t>
  </si>
  <si>
    <t>Basti Bhand</t>
  </si>
  <si>
    <t>Faisal Ali</t>
  </si>
  <si>
    <t>10385</t>
  </si>
  <si>
    <t>GMMS RIAZ SANDILAY WALA</t>
  </si>
  <si>
    <t>94 A/TDA</t>
  </si>
  <si>
    <t>BEGGA KHOO CHAK NO. 99TDA</t>
  </si>
  <si>
    <t>BEGGA KHOO</t>
  </si>
  <si>
    <t>10387</t>
  </si>
  <si>
    <t>GMMS DEWALA (DERA JUMA KHAN)</t>
  </si>
  <si>
    <t>Rakhwan</t>
  </si>
  <si>
    <t>GPS dewala Dera Juma khan tehsile karor distt Layyah</t>
  </si>
  <si>
    <t>Dera Juma Khan</t>
  </si>
  <si>
    <t>gull hassan</t>
  </si>
  <si>
    <t>GPS CHAK NO. 91/ML</t>
  </si>
  <si>
    <t>91 ML</t>
  </si>
  <si>
    <t>Chak No.90M.L</t>
  </si>
  <si>
    <t>Badi Uz Zaman</t>
  </si>
  <si>
    <t>35367</t>
  </si>
  <si>
    <t>10394</t>
  </si>
  <si>
    <t>GPS CHAK NO. 91 TDA</t>
  </si>
  <si>
    <t>CHAK NO 91</t>
  </si>
  <si>
    <t>CHAK 91</t>
  </si>
  <si>
    <t>GMMS BAIGAY KHAIRAY WALA</t>
  </si>
  <si>
    <t>CHAH Kamal Wala</t>
  </si>
  <si>
    <t>CHAH KAMAL WAKA 90 TDA</t>
  </si>
  <si>
    <t>CHAK NO 90 TDA CHAH KAMAL WALA</t>
  </si>
  <si>
    <t>Mohammad Aslam</t>
  </si>
  <si>
    <t>GMMS BHANDAN WALI</t>
  </si>
  <si>
    <t>Tibbi Khurd Nasheeb</t>
  </si>
  <si>
    <t>Basti khaira Tehsil Karor District Layyah</t>
  </si>
  <si>
    <t>Basti Khaira</t>
  </si>
  <si>
    <t>GPS KHAIEE</t>
  </si>
  <si>
    <t>Khaee</t>
  </si>
  <si>
    <t>basti khaee post office wara sehran tehsil karor lal eason distt layyah</t>
  </si>
  <si>
    <t>Mohammad Sajjad Mahmood Khan</t>
  </si>
  <si>
    <t>10414</t>
  </si>
  <si>
    <t>GMMS CHAK NO. 116-C/TDA</t>
  </si>
  <si>
    <t>Chak No 116-c tda</t>
  </si>
  <si>
    <t>chak no 116-c/tda</t>
  </si>
  <si>
    <t>Chak No 116-c/tda</t>
  </si>
  <si>
    <t>GPS KOTLI GUJRAN</t>
  </si>
  <si>
    <t>Kotli Gujran</t>
  </si>
  <si>
    <t>village kotli Gujran</t>
  </si>
  <si>
    <t>Syed SOHAIB YOUSAF</t>
  </si>
  <si>
    <t>42197</t>
  </si>
  <si>
    <t>27229</t>
  </si>
  <si>
    <t>21503</t>
  </si>
  <si>
    <t>GPS DOUGAL</t>
  </si>
  <si>
    <t>village dougal dist Gujranwala teh.kamoke</t>
  </si>
  <si>
    <t>Imtiaz Ahmed</t>
  </si>
  <si>
    <t>GPS KHOUT SINDWAN</t>
  </si>
  <si>
    <t>Khout</t>
  </si>
  <si>
    <t>khout sandhwan post office dhensar paeen tehsil kamoki district gujranwala</t>
  </si>
  <si>
    <t>Khout Sandhwan</t>
  </si>
  <si>
    <t>21523</t>
  </si>
  <si>
    <t>GPS BHAN PUR</t>
  </si>
  <si>
    <t>Bhan Pur</t>
  </si>
  <si>
    <t>Bhanpur Teh. kamoke  Distt. Gujranwala</t>
  </si>
  <si>
    <t>Bhanpur</t>
  </si>
  <si>
    <t>45473</t>
  </si>
  <si>
    <t>GPS MORE EMINABAD NO.1</t>
  </si>
  <si>
    <t>More Eminabad</t>
  </si>
  <si>
    <t>GPS No. 1  more Eminabad</t>
  </si>
  <si>
    <t>Dhilanwali</t>
  </si>
  <si>
    <t>Rana Shakeel</t>
  </si>
  <si>
    <t>50580</t>
  </si>
  <si>
    <t>21533</t>
  </si>
  <si>
    <t>GGES HABIB PURA</t>
  </si>
  <si>
    <t>gges habib pura kamoke</t>
  </si>
  <si>
    <t>Zahra Butool Rizvi</t>
  </si>
  <si>
    <t>21549</t>
  </si>
  <si>
    <t>GMPS IJAN CHAK</t>
  </si>
  <si>
    <t>Ajan Chak</t>
  </si>
  <si>
    <t>village Ajan Chak teh Kaminski gujranwala</t>
  </si>
  <si>
    <t>Raheela Shaheen</t>
  </si>
  <si>
    <t>18775</t>
  </si>
  <si>
    <t>21590</t>
  </si>
  <si>
    <t>GGPS RAJA BULLA</t>
  </si>
  <si>
    <t>Raja bhulla</t>
  </si>
  <si>
    <t>Raja BHULLA</t>
  </si>
  <si>
    <t>Asmat Tahira</t>
  </si>
  <si>
    <t>GMPS KAHN GORAY</t>
  </si>
  <si>
    <t>Khunghoory</t>
  </si>
  <si>
    <t>muhallah aziz pura kamoke</t>
  </si>
  <si>
    <t>Nasrin Akhtar</t>
  </si>
  <si>
    <t>3684</t>
  </si>
  <si>
    <t>18893</t>
  </si>
  <si>
    <t>46635</t>
  </si>
  <si>
    <t>46348</t>
  </si>
  <si>
    <t>21609</t>
  </si>
  <si>
    <t>GGPS CHAK ALLOUDIN</t>
  </si>
  <si>
    <t>Chak Alou Din</t>
  </si>
  <si>
    <t>chuk alou din p/o kali suba khan, tehsil kamoki, district gujranwala</t>
  </si>
  <si>
    <t>Iris Jabeen</t>
  </si>
  <si>
    <t>21627</t>
  </si>
  <si>
    <t>GGPS SHADI KHAN WALA</t>
  </si>
  <si>
    <t>Shadi Khanwala</t>
  </si>
  <si>
    <t>village  shadi khan wala p/o wahndo kamoki gujranwala</t>
  </si>
  <si>
    <t>Shadi Khan Wala</t>
  </si>
  <si>
    <t>Nangal Duna Singh</t>
  </si>
  <si>
    <t>sadia liaquat</t>
  </si>
  <si>
    <t>21698</t>
  </si>
  <si>
    <t>GPS BASTI BAHAR SHAH</t>
  </si>
  <si>
    <t>KAMOKE SADAR - MALE</t>
  </si>
  <si>
    <t>Bahar Shah</t>
  </si>
  <si>
    <t>Muhallah Bahar Shah kmk</t>
  </si>
  <si>
    <t>Village Abbas nagar tensile and disst gujranwala</t>
  </si>
  <si>
    <t>Adhoray</t>
  </si>
  <si>
    <t>21705</t>
  </si>
  <si>
    <t>GPS MUSLIM GUNJ</t>
  </si>
  <si>
    <t>Muhallah Muslim Gunj, Tehsil Kamoke. Gujranwala</t>
  </si>
  <si>
    <t>Kamoke-II</t>
  </si>
  <si>
    <t>Istikhar Ahmad</t>
  </si>
  <si>
    <t>GPS DERA RAFIQUE PATWARI</t>
  </si>
  <si>
    <t>Dera Rafique Patwari</t>
  </si>
  <si>
    <t>Dera Rafique Patwari, Nangal Dunna Singh</t>
  </si>
  <si>
    <t>21713</t>
  </si>
  <si>
    <t>GPS DERA TAHLI WALA</t>
  </si>
  <si>
    <t>SADHOKE - MALE</t>
  </si>
  <si>
    <t>Rehmat Colony Sadhoke</t>
  </si>
  <si>
    <t>21714</t>
  </si>
  <si>
    <t>GPS NANGRAY DADAN</t>
  </si>
  <si>
    <t>Village Nangray Dadan</t>
  </si>
  <si>
    <t>LADHAY WALA GORAYA</t>
  </si>
  <si>
    <t>Rizwan Asghar</t>
  </si>
  <si>
    <t>21722</t>
  </si>
  <si>
    <t>GGPS MC NO.4 KAMOKE</t>
  </si>
  <si>
    <t>Thana road peer mubarik ali sha</t>
  </si>
  <si>
    <t>Kamoken</t>
  </si>
  <si>
    <t>21723</t>
  </si>
  <si>
    <t>GGPS MC NO.5 KAMOKE</t>
  </si>
  <si>
    <t>Line Par Muhallah salamat pora kamoke</t>
  </si>
  <si>
    <t>salamat pora</t>
  </si>
  <si>
    <t>KOT RAFIQUE</t>
  </si>
  <si>
    <t>GGHSS BUDHA GORAYA</t>
  </si>
  <si>
    <t>Muddaser Parween</t>
  </si>
  <si>
    <t>GPS KOT KESHO</t>
  </si>
  <si>
    <t>Kot Kesho</t>
  </si>
  <si>
    <t>Kot Kesho P.O Chabba Sindhwan Tehsil Nowshera Virkan District Gujranwala</t>
  </si>
  <si>
    <t>Kot kesho</t>
  </si>
  <si>
    <t>FAISAL RASHEED</t>
  </si>
  <si>
    <t>21871</t>
  </si>
  <si>
    <t>GPS MADAN CHAK</t>
  </si>
  <si>
    <t>Madan Chak</t>
  </si>
  <si>
    <t>madan chak</t>
  </si>
  <si>
    <t>Chak Choudhry</t>
  </si>
  <si>
    <t>41813</t>
  </si>
  <si>
    <t>36299</t>
  </si>
  <si>
    <t>21908</t>
  </si>
  <si>
    <t>dharqm kot</t>
  </si>
  <si>
    <t>21969</t>
  </si>
  <si>
    <t>GGPS CHAK DOONI CHAND</t>
  </si>
  <si>
    <t>Moza chak duni chand</t>
  </si>
  <si>
    <t>GGPS Chak Duni chand Tehsil Nowshera Virkan</t>
  </si>
  <si>
    <t>Chak Dunichand</t>
  </si>
  <si>
    <t>Shazia Rauf</t>
  </si>
  <si>
    <t>21990</t>
  </si>
  <si>
    <t>GMPS BHUDDY</t>
  </si>
  <si>
    <t>Bhudy</t>
  </si>
  <si>
    <t>Afia Batool</t>
  </si>
  <si>
    <t>31233</t>
  </si>
  <si>
    <t>22003</t>
  </si>
  <si>
    <t>GGPS KOT MITLA</t>
  </si>
  <si>
    <t>murali wala</t>
  </si>
  <si>
    <t>kot  maitla p/o muraliwala teh and distt. gujranwala</t>
  </si>
  <si>
    <t>kot maitla</t>
  </si>
  <si>
    <t>China Wali</t>
  </si>
  <si>
    <t>Faiza Arif</t>
  </si>
  <si>
    <t>22053</t>
  </si>
  <si>
    <t>GPS PLUNG PUR</t>
  </si>
  <si>
    <t>Plungpur</t>
  </si>
  <si>
    <t>gps plung pur tehsil noshera virkan dist grw</t>
  </si>
  <si>
    <t>4888</t>
  </si>
  <si>
    <t>54393</t>
  </si>
  <si>
    <t>GPS DERA HUSSAIN ABAD</t>
  </si>
  <si>
    <t>TATLAY AALI - MALE</t>
  </si>
  <si>
    <t>dera hussaina bad</t>
  </si>
  <si>
    <t>dera hussaina bad teh N.virkan P/o Mari Khurd</t>
  </si>
  <si>
    <t>Zaheer Ud Din Babur</t>
  </si>
  <si>
    <t>25052</t>
  </si>
  <si>
    <t>GGES HADALI</t>
  </si>
  <si>
    <t>KOTLI LOHARAN - FEMALE</t>
  </si>
  <si>
    <t>hadali sialkot</t>
  </si>
  <si>
    <t>JOGO</t>
  </si>
  <si>
    <t>zoobya naseem masood</t>
  </si>
  <si>
    <t>46220</t>
  </si>
  <si>
    <t>25054</t>
  </si>
  <si>
    <t>GGHS IQBAL SHAHEED PINDI PANJORAN</t>
  </si>
  <si>
    <t>pindi panjoran  post office Abadi Mehar hakam din</t>
  </si>
  <si>
    <t>Pindi Panjoran</t>
  </si>
  <si>
    <t>Faiza Jameel</t>
  </si>
  <si>
    <t>39692</t>
  </si>
  <si>
    <t>32112</t>
  </si>
  <si>
    <t>GGPS GHALIAN</t>
  </si>
  <si>
    <t>GHALLIAN - FEMALE</t>
  </si>
  <si>
    <t>Kotli Loharan East</t>
  </si>
  <si>
    <t>kotli loharan east</t>
  </si>
  <si>
    <t>Kotli Loharan</t>
  </si>
  <si>
    <t>Farzana Rafique</t>
  </si>
  <si>
    <t>18141</t>
  </si>
  <si>
    <t>25109</t>
  </si>
  <si>
    <t>GMPS CHHANGA</t>
  </si>
  <si>
    <t>Chhanga</t>
  </si>
  <si>
    <t>Village Chhanga P/O Saddar Bazar Sialkot Cantt</t>
  </si>
  <si>
    <t>KUNDAN PUR</t>
  </si>
  <si>
    <t>Humaira Fatima</t>
  </si>
  <si>
    <t>25132</t>
  </si>
  <si>
    <t>GGPS KULIAN CHANOOR</t>
  </si>
  <si>
    <t>Kulian Chanoor</t>
  </si>
  <si>
    <t>village kulian chanoor</t>
  </si>
  <si>
    <t>Kachhi Mand</t>
  </si>
  <si>
    <t>Razia Bigam</t>
  </si>
  <si>
    <t>10740</t>
  </si>
  <si>
    <t>16895</t>
  </si>
  <si>
    <t>25156</t>
  </si>
  <si>
    <t>GGPS BHOLI SYMBLI</t>
  </si>
  <si>
    <t>JHANG KALAN - FEMALE</t>
  </si>
  <si>
    <t>bholi Symbli</t>
  </si>
  <si>
    <t>Bholi symbli p/o looni teh &amp; distt sialkot</t>
  </si>
  <si>
    <t>Bholi Symbli</t>
  </si>
  <si>
    <t>Shah Begum</t>
  </si>
  <si>
    <t>GES MC NAIKA PURA SIALKOT</t>
  </si>
  <si>
    <t>naika pura skt</t>
  </si>
  <si>
    <t>Doburji Araian</t>
  </si>
  <si>
    <t>Muhammad Pervaiz   i</t>
  </si>
  <si>
    <t>54437</t>
  </si>
  <si>
    <t>33713</t>
  </si>
  <si>
    <t>GGPS CHAK MALOOKA</t>
  </si>
  <si>
    <t>Chak  malooka</t>
  </si>
  <si>
    <t>Chak Malooka</t>
  </si>
  <si>
    <t>Tayyaba Asghar</t>
  </si>
  <si>
    <t>masjid   Ki    intizamia     sy  link  Lia   haio</t>
  </si>
  <si>
    <t>25353</t>
  </si>
  <si>
    <t>GGHSS KHAROLIAN</t>
  </si>
  <si>
    <t>KHAROLIAN</t>
  </si>
  <si>
    <t>GOVT.GIRLS HIGER SECONDASRY SCHOOL KHAROLIAN, TEHSIL SAMBRIAL,SIALKOT</t>
  </si>
  <si>
    <t>25357</t>
  </si>
  <si>
    <t>GGHS SAHOWALA</t>
  </si>
  <si>
    <t>SAHOWALA</t>
  </si>
  <si>
    <t>V.P.O SAHOWALA TEHSIL SAMBRIAL SIALKOT</t>
  </si>
  <si>
    <t>25472</t>
  </si>
  <si>
    <t>GGPS KOT DEHANI</t>
  </si>
  <si>
    <t>Kot Dehani</t>
  </si>
  <si>
    <t>Village: kot Dehani, P/O box: Gadyala Garbi , Teh: Sambrial, Dist: Sialkot</t>
  </si>
  <si>
    <t>KOT DEHANI</t>
  </si>
  <si>
    <t>Dhailam Balgun</t>
  </si>
  <si>
    <t>Maryam Hameed</t>
  </si>
  <si>
    <t>49866</t>
  </si>
  <si>
    <t>25545</t>
  </si>
  <si>
    <t>GMPS PAKKI GARHI</t>
  </si>
  <si>
    <t>PAKKI GARHI</t>
  </si>
  <si>
    <t>PAKKI GARHI P.O BEGOWALA TEHSIL SAMBRIAL DISTT SIALKOIT</t>
  </si>
  <si>
    <t>Kopra</t>
  </si>
  <si>
    <t>SAIMA NAZEER</t>
  </si>
  <si>
    <t>22680</t>
  </si>
  <si>
    <t>25966</t>
  </si>
  <si>
    <t>GPS KOTLI GAKHRAN</t>
  </si>
  <si>
    <t>RAYYA KHAS - MALE</t>
  </si>
  <si>
    <t>Kotli Gakhran</t>
  </si>
  <si>
    <t>kotli Gakhran</t>
  </si>
  <si>
    <t>pejowali</t>
  </si>
  <si>
    <t>Maqsod Ahmad</t>
  </si>
  <si>
    <t>54777</t>
  </si>
  <si>
    <t>GPS KANG</t>
  </si>
  <si>
    <t>kang</t>
  </si>
  <si>
    <t>village kang p/o malook pur teh.and distt. narowal</t>
  </si>
  <si>
    <t>28064</t>
  </si>
  <si>
    <t>43455</t>
  </si>
  <si>
    <t>22205</t>
  </si>
  <si>
    <t>25994</t>
  </si>
  <si>
    <t>GHS SHAKARGARH</t>
  </si>
  <si>
    <t>SHAKARAGARH</t>
  </si>
  <si>
    <t>ghs IKHLAS PUR ROAD SHAKARGARH</t>
  </si>
  <si>
    <t>ABKARI</t>
  </si>
  <si>
    <t>MC SHAKARGARH</t>
  </si>
  <si>
    <t>25996</t>
  </si>
  <si>
    <t>GHS IT-SHAKARGARH</t>
  </si>
  <si>
    <t>GITHS Shakargarh</t>
  </si>
  <si>
    <t>IRFAN HUSSAIN</t>
  </si>
  <si>
    <t>26060</t>
  </si>
  <si>
    <t>GGES DALYAL</t>
  </si>
  <si>
    <t>Dalyal tehsil shakargarh</t>
  </si>
  <si>
    <t>Dalyal</t>
  </si>
  <si>
    <t>Fahmida Begum</t>
  </si>
  <si>
    <t>36256</t>
  </si>
  <si>
    <t>26089</t>
  </si>
  <si>
    <t>GPS NANGAL GOJRAN</t>
  </si>
  <si>
    <t>NangalGujjran</t>
  </si>
  <si>
    <t>Govt.p/s nangal gujjran markaz Chak amru union council norangabad</t>
  </si>
  <si>
    <t>47614</t>
  </si>
  <si>
    <t>26091</t>
  </si>
  <si>
    <t>GPS KASANA BAHARWAL</t>
  </si>
  <si>
    <t>Kasana Baharwal</t>
  </si>
  <si>
    <t>kasana baharwal</t>
  </si>
  <si>
    <t>Ishfaq Ahmad</t>
  </si>
  <si>
    <t>GPS PINDI MANA</t>
  </si>
  <si>
    <t>Pindi Mana</t>
  </si>
  <si>
    <t>Village Pindi Mana Tehsil shakargarh</t>
  </si>
  <si>
    <t>chatrana</t>
  </si>
  <si>
    <t>Yaqoob Ali</t>
  </si>
  <si>
    <t>23801</t>
  </si>
  <si>
    <t>GGPS KHUR LOHAY</t>
  </si>
  <si>
    <t>KARWAL-FEMALE</t>
  </si>
  <si>
    <t>Kharlohey</t>
  </si>
  <si>
    <t>village kharlohey P O kot Naina</t>
  </si>
  <si>
    <t>Sujowal</t>
  </si>
  <si>
    <t>TANZILA ANJUM</t>
  </si>
  <si>
    <t>46449</t>
  </si>
  <si>
    <t>26175</t>
  </si>
  <si>
    <t>GPS KOT DOWABA</t>
  </si>
  <si>
    <t>Kot Doaba</t>
  </si>
  <si>
    <t>kot doaba</t>
  </si>
  <si>
    <t>26186</t>
  </si>
  <si>
    <t>GHS GANGRAN</t>
  </si>
  <si>
    <t>govt. high school gungran</t>
  </si>
  <si>
    <t>26187</t>
  </si>
  <si>
    <t>GES MAINGRI</t>
  </si>
  <si>
    <t>Nurkot Tehsil Shakargarh</t>
  </si>
  <si>
    <t>Noorkot</t>
  </si>
  <si>
    <t>MAINGRI</t>
  </si>
  <si>
    <t>26209</t>
  </si>
  <si>
    <t>GES KOT BACHNA</t>
  </si>
  <si>
    <t>Village Kot Bachna,  P/o Satowal , tehsil Shakargah, district Narowal</t>
  </si>
  <si>
    <t>Muhammad Daryafat Khan</t>
  </si>
  <si>
    <t>26225</t>
  </si>
  <si>
    <t>GGES JALAL PUR</t>
  </si>
  <si>
    <t>Shakargarh North</t>
  </si>
  <si>
    <t>moza jalalpur post office tarkhana mureeda tehsil shakarghar</t>
  </si>
  <si>
    <t>26287</t>
  </si>
  <si>
    <t>GGPS FATO CHAK</t>
  </si>
  <si>
    <t>Fattu chak</t>
  </si>
  <si>
    <t>fattu chak tehsil shakargarh diist.nrowal.</t>
  </si>
  <si>
    <t>Shaista Saeed</t>
  </si>
  <si>
    <t>52393</t>
  </si>
  <si>
    <t>26377</t>
  </si>
  <si>
    <t>GGPS YOUSAF PUR</t>
  </si>
  <si>
    <t>Chak Bhao Din</t>
  </si>
  <si>
    <t>chak bhao din yousaf pur</t>
  </si>
  <si>
    <t>Chak Bhao Din Yousaf Pur</t>
  </si>
  <si>
    <t>Kahkashan Parvaiz</t>
  </si>
  <si>
    <t>GGPS BIJLI PUR</t>
  </si>
  <si>
    <t>Bijlipur</t>
  </si>
  <si>
    <t>bijlipur  p\0 bua</t>
  </si>
  <si>
    <t>Bua</t>
  </si>
  <si>
    <t>Iram Nagar</t>
  </si>
  <si>
    <t>44807</t>
  </si>
  <si>
    <t>6069</t>
  </si>
  <si>
    <t>26391</t>
  </si>
  <si>
    <t>GGPS MAJWAL</t>
  </si>
  <si>
    <t>CHHAMAL-FEMALE</t>
  </si>
  <si>
    <t>Majwal</t>
  </si>
  <si>
    <t>majwal p/o chammal</t>
  </si>
  <si>
    <t>Sukho</t>
  </si>
  <si>
    <t>Khalida Samina</t>
  </si>
  <si>
    <t>26404</t>
  </si>
  <si>
    <t>GGPS SAIDPUR</t>
  </si>
  <si>
    <t>village saidpur p/o khanna tehsil skg district narowal</t>
  </si>
  <si>
    <t>SHAHPUR BHANGU</t>
  </si>
  <si>
    <t>Farahat Sultana</t>
  </si>
  <si>
    <t>37909</t>
  </si>
  <si>
    <t>GGPS KOHLIAN</t>
  </si>
  <si>
    <t>Kohlian</t>
  </si>
  <si>
    <t>village kohlian post office chahla</t>
  </si>
  <si>
    <t>Chahla</t>
  </si>
  <si>
    <t>Misbah Sadique</t>
  </si>
  <si>
    <t>46338</t>
  </si>
  <si>
    <t>45338</t>
  </si>
  <si>
    <t>26495</t>
  </si>
  <si>
    <t>GPS DHINGAR</t>
  </si>
  <si>
    <t>Dhingar</t>
  </si>
  <si>
    <t>village Dhingar p/o Baramanga Tehsil Shakargarh District Narowal</t>
  </si>
  <si>
    <t>Wali Pur Borah</t>
  </si>
  <si>
    <t>GPS BASOW KOT</t>
  </si>
  <si>
    <t>Basowkot</t>
  </si>
  <si>
    <t>village basowkot P/O baramanga teh shakargarh district narowal</t>
  </si>
  <si>
    <t>26509</t>
  </si>
  <si>
    <t>GGPS KAROHAL RANGA</t>
  </si>
  <si>
    <t>Karohal Ranga</t>
  </si>
  <si>
    <t>village karohal ranga</t>
  </si>
  <si>
    <t>Fatima Mubarik</t>
  </si>
  <si>
    <t>GHS SATHIALA</t>
  </si>
  <si>
    <t>sathiala,tehsil zafarwal district narowal</t>
  </si>
  <si>
    <t>sathiala</t>
  </si>
  <si>
    <t>Adnan Ali</t>
  </si>
  <si>
    <t>26552</t>
  </si>
  <si>
    <t>GGHS PINDI AMOLAK</t>
  </si>
  <si>
    <t>PINDI AMOLAK</t>
  </si>
  <si>
    <t>VPO:PINDI AMOLAK,TEH:ZAFARWAL,DISTT:NAROWAL</t>
  </si>
  <si>
    <t>LANGERKAY</t>
  </si>
  <si>
    <t>11594</t>
  </si>
  <si>
    <t>26564</t>
  </si>
  <si>
    <t>GPS CHANNI NAGROTA</t>
  </si>
  <si>
    <t>Channi Nagrota</t>
  </si>
  <si>
    <t>Village channi Nagrota p/o  Tarkhana mureeda</t>
  </si>
  <si>
    <t>Amru</t>
  </si>
  <si>
    <t>26646</t>
  </si>
  <si>
    <t>GGPS CHANNI TITO</t>
  </si>
  <si>
    <t>Channi Titto</t>
  </si>
  <si>
    <t>chenni tito post office sarjal teh shakargarh district narowal</t>
  </si>
  <si>
    <t>Channi Tito</t>
  </si>
  <si>
    <t>26653</t>
  </si>
  <si>
    <t>GGPS SCHEJU KHEWA</t>
  </si>
  <si>
    <t>Schajukhewa</t>
  </si>
  <si>
    <t>Govt girls primary school schajukhewa p/o dhamthal teh zafarwal dist narowal</t>
  </si>
  <si>
    <t>GGPS DOLHAY</t>
  </si>
  <si>
    <t>Dullhay</t>
  </si>
  <si>
    <t>village Dullhay post office Feroz Pur Tehsil Zafarwal, Dist. Narowal</t>
  </si>
  <si>
    <t>Sabara sultana</t>
  </si>
  <si>
    <t>GGPS LADDAR</t>
  </si>
  <si>
    <t>ladhar</t>
  </si>
  <si>
    <t>Shahda Naseem</t>
  </si>
  <si>
    <t>GGPS DOTAIL</t>
  </si>
  <si>
    <t>Dotail</t>
  </si>
  <si>
    <t>G GPS Dotail</t>
  </si>
  <si>
    <t>26730</t>
  </si>
  <si>
    <t>GGPS BUDA PEND</t>
  </si>
  <si>
    <t>p/o and village Buddha pind tahsil zaferwal dist narowal</t>
  </si>
  <si>
    <t>Khalida Tabasum</t>
  </si>
  <si>
    <t>15161</t>
  </si>
  <si>
    <t>26737</t>
  </si>
  <si>
    <t>GGPS CHAK KAKAY ZAYIAN</t>
  </si>
  <si>
    <t>Chak kaky zaiyan</t>
  </si>
  <si>
    <t>G G p/s Chak kaky zaian</t>
  </si>
  <si>
    <t>Chak Kaky Zaian</t>
  </si>
  <si>
    <t>Habiba Khalid</t>
  </si>
  <si>
    <t>26749</t>
  </si>
  <si>
    <t>GGPS KOTLI JEVA</t>
  </si>
  <si>
    <t>Kotli Jeva</t>
  </si>
  <si>
    <t>village kotli jeva teh. zafarwal dist. narowal</t>
  </si>
  <si>
    <t>Jabal</t>
  </si>
  <si>
    <t>GGPS MOHLAN</t>
  </si>
  <si>
    <t>Mohlan</t>
  </si>
  <si>
    <t>mohlan</t>
  </si>
  <si>
    <t>26758</t>
  </si>
  <si>
    <t>GGPS GADO PINDI</t>
  </si>
  <si>
    <t>Gado Pindi</t>
  </si>
  <si>
    <t>gado pindi</t>
  </si>
  <si>
    <t>Misbahnoreen</t>
  </si>
  <si>
    <t>54650</t>
  </si>
  <si>
    <t>26759</t>
  </si>
  <si>
    <t>GGPS BEGHWAL</t>
  </si>
  <si>
    <t>village bhagwal p/b sathiala tehsil zafarwal district narowal</t>
  </si>
  <si>
    <t>GPS CHAKRA</t>
  </si>
  <si>
    <t>Chakra</t>
  </si>
  <si>
    <t>Village Chakra P/O Lessar Kalan</t>
  </si>
  <si>
    <t>Abdulrehman</t>
  </si>
  <si>
    <t>7477</t>
  </si>
  <si>
    <t>26776</t>
  </si>
  <si>
    <t>GPS CHAK DERJOO</t>
  </si>
  <si>
    <t>Chak Derjoo</t>
  </si>
  <si>
    <t>chak derjoo</t>
  </si>
  <si>
    <t>Sfarsh Ali</t>
  </si>
  <si>
    <t>28562</t>
  </si>
  <si>
    <t>26779</t>
  </si>
  <si>
    <t>GHS ISLAMIA DUDHU CHAK</t>
  </si>
  <si>
    <t>Village and p. O dudhu chak</t>
  </si>
  <si>
    <t>Dudhu</t>
  </si>
  <si>
    <t>ch.muhammad shafique tahir</t>
  </si>
  <si>
    <t>26865</t>
  </si>
  <si>
    <t>GGPS BAGOOR KALAN</t>
  </si>
  <si>
    <t>Bhagor Kalan</t>
  </si>
  <si>
    <t>ggps bhagor kalan</t>
  </si>
  <si>
    <t>bhagor Kalan</t>
  </si>
  <si>
    <t>GPS CHAK DUDHU</t>
  </si>
  <si>
    <t>Chak Dudhu</t>
  </si>
  <si>
    <t>Chak Dudhu  Skg.</t>
  </si>
  <si>
    <t>32745</t>
  </si>
  <si>
    <t>GPS QILA ROOP SINGH</t>
  </si>
  <si>
    <t>BUCHEKI - MALE</t>
  </si>
  <si>
    <t>Qila Roop Singh</t>
  </si>
  <si>
    <t>qila roop singh p/o bucheki district &amp;teh nankana</t>
  </si>
  <si>
    <t>Lurka</t>
  </si>
  <si>
    <t>ALI HASNAIN</t>
  </si>
  <si>
    <t>32765</t>
  </si>
  <si>
    <t>GPS REHMAT PUR SHARIF</t>
  </si>
  <si>
    <t>Rahmat Pur Sharif</t>
  </si>
  <si>
    <t>Rehmat pur Sharif</t>
  </si>
  <si>
    <t>Rehmat Pur Sharif</t>
  </si>
  <si>
    <t>sabir hussain shaheen</t>
  </si>
  <si>
    <t>18167</t>
  </si>
  <si>
    <t>17363</t>
  </si>
  <si>
    <t>5361</t>
  </si>
  <si>
    <t>54692</t>
  </si>
  <si>
    <t>GPS BASIDAR PUR</t>
  </si>
  <si>
    <t>COLONY SHAUKAT ABAD-MALE</t>
  </si>
  <si>
    <t>Basidherpur</t>
  </si>
  <si>
    <t>G.P.S Basidher Pur mkz Colony Shukat and Tehsil distt nankana sahib</t>
  </si>
  <si>
    <t>Basidher Pur</t>
  </si>
  <si>
    <t>Saleem Pur Pacca</t>
  </si>
  <si>
    <t>7841</t>
  </si>
  <si>
    <t>GPS WANDALA GHULAM</t>
  </si>
  <si>
    <t>WANDALA Ghulam</t>
  </si>
  <si>
    <t>WANDALA ghulam</t>
  </si>
  <si>
    <t>32845</t>
  </si>
  <si>
    <t>GPS MC NO. 4 NANKANA CITY</t>
  </si>
  <si>
    <t>NANKANA CITY 1-MALE</t>
  </si>
  <si>
    <t>Purana Nankana</t>
  </si>
  <si>
    <t>purana nankana</t>
  </si>
  <si>
    <t>47493</t>
  </si>
  <si>
    <t>32851</t>
  </si>
  <si>
    <t>GPS CHAMRUTTI</t>
  </si>
  <si>
    <t>Chumrotti</t>
  </si>
  <si>
    <t>GPS chumrotti</t>
  </si>
  <si>
    <t>Nabi Pur Piran</t>
  </si>
  <si>
    <t>32853</t>
  </si>
  <si>
    <t>GPS BHAGO WALI P.O HUSSAN ABAD</t>
  </si>
  <si>
    <t>Bagaa Chak</t>
  </si>
  <si>
    <t>bhagowali</t>
  </si>
  <si>
    <t>Muhammad khalid Abbas</t>
  </si>
  <si>
    <t>32867</t>
  </si>
  <si>
    <t>GPS LACHHMAN DAS</t>
  </si>
  <si>
    <t>SYED WALA - MALE</t>
  </si>
  <si>
    <t>Lachman das</t>
  </si>
  <si>
    <t>lachman das chak bawa syedwala nankana sahib</t>
  </si>
  <si>
    <t>32952</t>
  </si>
  <si>
    <t>GMES PINDI PEERAN</t>
  </si>
  <si>
    <t>Pindi Peeran</t>
  </si>
  <si>
    <t>gmes pindi peeran</t>
  </si>
  <si>
    <t>Shazia Tabbasm</t>
  </si>
  <si>
    <t>38450</t>
  </si>
  <si>
    <t>GPS KOT SULEMAN</t>
  </si>
  <si>
    <t>Kotsuleman</t>
  </si>
  <si>
    <t>government primary school kot Suleman tehsil dist nankana sahib</t>
  </si>
  <si>
    <t>Chak No 3 GB</t>
  </si>
  <si>
    <t>Bhawan Pura 4</t>
  </si>
  <si>
    <t>14854</t>
  </si>
  <si>
    <t>49794</t>
  </si>
  <si>
    <t>33153</t>
  </si>
  <si>
    <t>GGPS RUSTAM COLONY YOUNGSON ABAD</t>
  </si>
  <si>
    <t>Youngson Abad</t>
  </si>
  <si>
    <t>youngson Abad</t>
  </si>
  <si>
    <t>Martin Pur</t>
  </si>
  <si>
    <t>Aasma Shehzadee</t>
  </si>
  <si>
    <t>44276</t>
  </si>
  <si>
    <t>42886</t>
  </si>
  <si>
    <t>GHSS KHANQAH DOGRAN</t>
  </si>
  <si>
    <t>Ghss khanqah Diagram tehsil Safdarabad district Sheikhupura</t>
  </si>
  <si>
    <t>Khanqah  Dogran</t>
  </si>
  <si>
    <t>DR. AFZAAL HUSSAIN</t>
  </si>
  <si>
    <t>46858</t>
  </si>
  <si>
    <t>33288</t>
  </si>
  <si>
    <t>GPS CHABBA CHAK 169/RB</t>
  </si>
  <si>
    <t>chabba chak 169/R. B</t>
  </si>
  <si>
    <t>MANDIALA</t>
  </si>
  <si>
    <t>43324</t>
  </si>
  <si>
    <t>33323</t>
  </si>
  <si>
    <t>GGPS CHAK 24 KHURD</t>
  </si>
  <si>
    <t>24 Khurd</t>
  </si>
  <si>
    <t>chuk 24 khurd</t>
  </si>
  <si>
    <t>ABDULLAH PUR KOLAR</t>
  </si>
  <si>
    <t>GGHS HANGLEE CHAK 121/RB</t>
  </si>
  <si>
    <t>Hanjali</t>
  </si>
  <si>
    <t>Govt.  Girls High School Hanjali</t>
  </si>
  <si>
    <t>15071</t>
  </si>
  <si>
    <t>43641</t>
  </si>
  <si>
    <t>45177</t>
  </si>
  <si>
    <t>33562</t>
  </si>
  <si>
    <t>GGPS PUNJ MURRABA</t>
  </si>
  <si>
    <t>punj murraba chk # 37RB</t>
  </si>
  <si>
    <t>Punj Murraba</t>
  </si>
  <si>
    <t>Jugian 292/RB</t>
  </si>
  <si>
    <t>Iqra Liaquat</t>
  </si>
  <si>
    <t>33587</t>
  </si>
  <si>
    <t>GHS JAMIA-UL-ALOOM NEAR TELEPHONE EXCHANGE NEW MULTAN</t>
  </si>
  <si>
    <t>GHS JAME-UL-ALOOM HIGH SCHOOL NEAR, TELEPHONE EXCHANGE NEW MULTAN</t>
  </si>
  <si>
    <t>MAHR AHMAD YAR SIAL</t>
  </si>
  <si>
    <t>GHS M.A.JINNAH QASIM PUR MULTAN</t>
  </si>
  <si>
    <t>QASIM PUR COLOY MULTAN</t>
  </si>
  <si>
    <t>QASIM PUR COLONY</t>
  </si>
  <si>
    <t>QASIM PUR</t>
  </si>
  <si>
    <t>Syed Tanveer ur Rehman Shah</t>
  </si>
  <si>
    <t>17016</t>
  </si>
  <si>
    <t>33603</t>
  </si>
  <si>
    <t>GGHS MODEL NO.1 NAWAN SHER MULTAN</t>
  </si>
  <si>
    <t>ggmhsno1 nawan shehr multan</t>
  </si>
  <si>
    <t>BAGH LANGEY KHAN</t>
  </si>
  <si>
    <t>GGHSS CHAH BOHAR WALA RAILWAY ROAD MULTAN</t>
  </si>
  <si>
    <t>abbas colony</t>
  </si>
  <si>
    <t>GGHSS CHAH BOHAR WALA NEAR THANA JALIL ABAD</t>
  </si>
  <si>
    <t>CHAH  BOHAR WALA</t>
  </si>
  <si>
    <t>IMTIAZ SHAHEEN</t>
  </si>
  <si>
    <t>45900</t>
  </si>
  <si>
    <t>GGHSS NAWAN SHAHER (ATTACH WITH GCET (W) MULTAN)</t>
  </si>
  <si>
    <t>Jumma khalisa</t>
  </si>
  <si>
    <t>GGHSS attached with GCET Nawan Shehar</t>
  </si>
  <si>
    <t>Gulnar Colony</t>
  </si>
  <si>
    <t>33685</t>
  </si>
  <si>
    <t>GPS JAHANGIR ABAD NEAR KHANEWAL ROAD MULTAN</t>
  </si>
  <si>
    <t>jahangir abad</t>
  </si>
  <si>
    <t>jahangir abad Multan</t>
  </si>
  <si>
    <t>Kashif Tayyab</t>
  </si>
  <si>
    <t>17028</t>
  </si>
  <si>
    <t>33763</t>
  </si>
  <si>
    <t>GGPS BABRAN WALA NEAR KARIM TOWN MULTAN</t>
  </si>
  <si>
    <t>Babran Wala</t>
  </si>
  <si>
    <t>Govt. girls primary school babran wala Multan</t>
  </si>
  <si>
    <t>Basti Babran Wala</t>
  </si>
  <si>
    <t>7413</t>
  </si>
  <si>
    <t>44483</t>
  </si>
  <si>
    <t>33792</t>
  </si>
  <si>
    <t>GGES BHAINI BHUDLA ROAD MULTAN</t>
  </si>
  <si>
    <t>17 kassi budhla road</t>
  </si>
  <si>
    <t>BHAINI</t>
  </si>
  <si>
    <t>TAHIRA Murtaza</t>
  </si>
  <si>
    <t>54136</t>
  </si>
  <si>
    <t>GGPS QASIM PUR MULTAN</t>
  </si>
  <si>
    <t>Ravi</t>
  </si>
  <si>
    <t>GGPS Qasimpur Colony Multan</t>
  </si>
  <si>
    <t>Qasimpur Colony Multan</t>
  </si>
  <si>
    <t>33839</t>
  </si>
  <si>
    <t>GGPS HAMAD PUR</t>
  </si>
  <si>
    <t>NAWAB PUR - FEMALE</t>
  </si>
  <si>
    <t>Hamadpur</t>
  </si>
  <si>
    <t>hammad pur</t>
  </si>
  <si>
    <t>Hammad Pur</t>
  </si>
  <si>
    <t>SHER SHAH</t>
  </si>
  <si>
    <t>Thamina Fazal</t>
  </si>
  <si>
    <t>30757</t>
  </si>
  <si>
    <t>GGHS CDG GULISTAN COLONY MUSTAFA ABAD</t>
  </si>
  <si>
    <t>gulistan colony mustafa Abab lhr</t>
  </si>
  <si>
    <t>Madni Muhala Mustafa Abad</t>
  </si>
  <si>
    <t>Azra Paveen</t>
  </si>
  <si>
    <t>19382</t>
  </si>
  <si>
    <t>30808</t>
  </si>
  <si>
    <t>GHS CDG NIM PIR SHALIMAR TOWN</t>
  </si>
  <si>
    <t>Daroghawala</t>
  </si>
  <si>
    <t>CDG Boys High School Shalimar town Lahore</t>
  </si>
  <si>
    <t>afzal mehmood</t>
  </si>
  <si>
    <t>30838</t>
  </si>
  <si>
    <t>GGHS MODEL ASHIANA HOUSING SCHEME NO. 1 FEROZPUR ROAD</t>
  </si>
  <si>
    <t>Ashiana E Quaid Housing Scheme Attari Saroba, Lahore</t>
  </si>
  <si>
    <t>Ashiana</t>
  </si>
  <si>
    <t>30919</t>
  </si>
  <si>
    <t>GGHS ISLAMIA BRANDRATH ROAD</t>
  </si>
  <si>
    <t>Govt Islamia Girls High School Brandreth Road Lahore</t>
  </si>
  <si>
    <t>17594</t>
  </si>
  <si>
    <t>43229</t>
  </si>
  <si>
    <t>GES SIKANDRIA COLONY</t>
  </si>
  <si>
    <t>Sodiwal</t>
  </si>
  <si>
    <t>Sikandria colony band road lahore</t>
  </si>
  <si>
    <t>KARIM BUKHSH ZAKI</t>
  </si>
  <si>
    <t>30975</t>
  </si>
  <si>
    <t>GGES CHAMR POUR</t>
  </si>
  <si>
    <t>Chamru Pur</t>
  </si>
  <si>
    <t>CHAMROPUR</t>
  </si>
  <si>
    <t>CHAMR PUR</t>
  </si>
  <si>
    <t>SAMIA UMAR</t>
  </si>
  <si>
    <t>6099</t>
  </si>
  <si>
    <t>31055</t>
  </si>
  <si>
    <t>GPS FATAH SINGH WALA</t>
  </si>
  <si>
    <t>CHUNG - MALE</t>
  </si>
  <si>
    <t>Athhuwall</t>
  </si>
  <si>
    <t>fateh singh wala raiwind lahore</t>
  </si>
  <si>
    <t>Fateh Singh Wala</t>
  </si>
  <si>
    <t>M Shafeeq Majeed</t>
  </si>
  <si>
    <t>31086</t>
  </si>
  <si>
    <t>GPS AFTAB SHAHEEN ABAD BUND ROAD</t>
  </si>
  <si>
    <t>Shera kot</t>
  </si>
  <si>
    <t>Shaheen Abad Babu Sabu Band Road Lahore City</t>
  </si>
  <si>
    <t>Ain ul haq</t>
  </si>
  <si>
    <t>31221</t>
  </si>
  <si>
    <t>GMMS ABU TARB SHABLI TOWN BUND ROAD</t>
  </si>
  <si>
    <t>GOVT MASJID MAKTAB SCHOOL, ABU TURAB, SHIBLI TOWN, BUND ROAD, LAHORE.</t>
  </si>
  <si>
    <t>Sheikh Muhammad Moghis</t>
  </si>
  <si>
    <t>31224</t>
  </si>
  <si>
    <t>GMMS KOONJ PURA LAHORE</t>
  </si>
  <si>
    <t>Jhuggian Nagra</t>
  </si>
  <si>
    <t>koonj pura sabzazar Lahore</t>
  </si>
  <si>
    <t>GMMS SODIWAL PIND BAND ROAD LAHORE</t>
  </si>
  <si>
    <t>Sadiqqia Colony</t>
  </si>
  <si>
    <t>Abu bakar saddiqia colony bund road lahore</t>
  </si>
  <si>
    <t>Abu Bakar Saddiqia Colony</t>
  </si>
  <si>
    <t>Shahinabad</t>
  </si>
  <si>
    <t>M Yasin</t>
  </si>
  <si>
    <t>GMMS KASUR PURA LAL MASJID</t>
  </si>
  <si>
    <t>Marzipura</t>
  </si>
  <si>
    <t>Main Bazar Kasur Pura Lahore</t>
  </si>
  <si>
    <t>Kasur Pura</t>
  </si>
  <si>
    <t>31236</t>
  </si>
  <si>
    <t>GMMS ALI HAJVAIRY KOT BARKAT</t>
  </si>
  <si>
    <t>KOT BARKAT SHAHDRA LAHORE</t>
  </si>
  <si>
    <t>GMMS ALI HAJVERY KOT BARKAT SHAHDRA LAHORE</t>
  </si>
  <si>
    <t>KOT BARKAT</t>
  </si>
  <si>
    <t>Shaukat Ali Shahzad</t>
  </si>
  <si>
    <t>GGHS CDG JUNIOR MODEL MULTAN ROAD LHR.</t>
  </si>
  <si>
    <t>main multan road lahore</t>
  </si>
  <si>
    <t>rustam park</t>
  </si>
  <si>
    <t>GES CDG MODEL TARGARH SHAHDARA</t>
  </si>
  <si>
    <t>Targar</t>
  </si>
  <si>
    <t>CDG boys middle school targar shahdra lahore</t>
  </si>
  <si>
    <t>29647</t>
  </si>
  <si>
    <t>31319</t>
  </si>
  <si>
    <t>GGHS CDG SANDA KALAN</t>
  </si>
  <si>
    <t>SANDA KALAN LHR</t>
  </si>
  <si>
    <t>CDGGHS SANDA KALAN LHR</t>
  </si>
  <si>
    <t>RABIA BASHIR D/O MUHAMMAD  BASHIR</t>
  </si>
  <si>
    <t>22050</t>
  </si>
  <si>
    <t>54050</t>
  </si>
  <si>
    <t>GHS BHUCHOKEY MAJHA</t>
  </si>
  <si>
    <t>village Bhuchoki Mahja Raiwind lahore</t>
  </si>
  <si>
    <t>"M.IBRAHIM S/O CHANDARBHAN"</t>
  </si>
  <si>
    <t>24450</t>
  </si>
  <si>
    <t>21860</t>
  </si>
  <si>
    <t>31374</t>
  </si>
  <si>
    <t>GGES NIZAM PURA DACCA</t>
  </si>
  <si>
    <t>Nizam Pura Dhaka</t>
  </si>
  <si>
    <t>Misbah</t>
  </si>
  <si>
    <t>31464</t>
  </si>
  <si>
    <t>GGPS DANDIAN</t>
  </si>
  <si>
    <t>Ggps dandian Kala Khatai Road Ferozwala Skp.</t>
  </si>
  <si>
    <t>16527</t>
  </si>
  <si>
    <t>GPS JUNGLE SARKAR</t>
  </si>
  <si>
    <t>Jungle Sarkar</t>
  </si>
  <si>
    <t>Govt. P/S Jungle Sarkar Post office Jhamra Tehsil Tandlianwala District Faisalabad</t>
  </si>
  <si>
    <t>Muhammad Shafqat Rasool</t>
  </si>
  <si>
    <t>16634</t>
  </si>
  <si>
    <t>GGHS CHAK 393 GB TANDLIANWALA</t>
  </si>
  <si>
    <t>Chak No 393gb</t>
  </si>
  <si>
    <t>GGHS 393 GB TANDLIANWALA</t>
  </si>
  <si>
    <t>393 GB</t>
  </si>
  <si>
    <t>416/GB</t>
  </si>
  <si>
    <t>Erum Shah</t>
  </si>
  <si>
    <t>GHS 423/GB</t>
  </si>
  <si>
    <t>ghs 423 gb.tandlianwala</t>
  </si>
  <si>
    <t>ghs 423 gb</t>
  </si>
  <si>
    <t>chak no 422 gb</t>
  </si>
  <si>
    <t>MUHAMMAD ALAM</t>
  </si>
  <si>
    <t>120496</t>
  </si>
  <si>
    <t>17213</t>
  </si>
  <si>
    <t>GPS NAMDAR PHULLI</t>
  </si>
  <si>
    <t>Namdar Phully</t>
  </si>
  <si>
    <t>Pirkot sadhana</t>
  </si>
  <si>
    <t>Nam Dar Phully</t>
  </si>
  <si>
    <t>Raza mustafa</t>
  </si>
  <si>
    <t>49442</t>
  </si>
  <si>
    <t>GPS BELA JUTIAN WALA</t>
  </si>
  <si>
    <t>Jotia</t>
  </si>
  <si>
    <t>Bela Jtia</t>
  </si>
  <si>
    <t>48126</t>
  </si>
  <si>
    <t>17224</t>
  </si>
  <si>
    <t>GPS MEHRAM SIAL</t>
  </si>
  <si>
    <t>MOUZA MEHRAM SIAL</t>
  </si>
  <si>
    <t>Ghulam Safdar</t>
  </si>
  <si>
    <t>17549</t>
  </si>
  <si>
    <t>GGPS BAN MIRALI</t>
  </si>
  <si>
    <t>Roran Wali</t>
  </si>
  <si>
    <t>GGPS Ban Mirali</t>
  </si>
  <si>
    <t>Ban Mirali</t>
  </si>
  <si>
    <t>ASHABA</t>
  </si>
  <si>
    <t>SHAZIA BEGUM</t>
  </si>
  <si>
    <t>17714</t>
  </si>
  <si>
    <t>GGPS KALA BALI NO 1</t>
  </si>
  <si>
    <t>CHUND BHARWANA-FEMALE</t>
  </si>
  <si>
    <t>Baliyan</t>
  </si>
  <si>
    <t>GGPS Kalabali no 1</t>
  </si>
  <si>
    <t>Kala Bali</t>
  </si>
  <si>
    <t>KOT KHAN</t>
  </si>
  <si>
    <t>2849</t>
  </si>
  <si>
    <t>33753</t>
  </si>
  <si>
    <t>30277</t>
  </si>
  <si>
    <t>3277</t>
  </si>
  <si>
    <t>GGPS CHAK NO 172 II</t>
  </si>
  <si>
    <t>BALLOANA SHARIF - FEMALE</t>
  </si>
  <si>
    <t>172/2</t>
  </si>
  <si>
    <t>Chak 172/2  jhang</t>
  </si>
  <si>
    <t>GGPS PUNJ GRAIN</t>
  </si>
  <si>
    <t>SHAH JEWENA CITY - FEMALE</t>
  </si>
  <si>
    <t>punj grain</t>
  </si>
  <si>
    <t>punj grain, near shah jewna city jhang</t>
  </si>
  <si>
    <t>GGPS HARI SINGH WALA</t>
  </si>
  <si>
    <t>Turbat Haji Shah</t>
  </si>
  <si>
    <t>hari singh wala p/o salmana</t>
  </si>
  <si>
    <t>Iqra Akram</t>
  </si>
  <si>
    <t>19122</t>
  </si>
  <si>
    <t>18044</t>
  </si>
  <si>
    <t>GMPS BASTI ARAIAN</t>
  </si>
  <si>
    <t>basti arain shorkot city</t>
  </si>
  <si>
    <t>Basti Araian</t>
  </si>
  <si>
    <t>GMPS DHALNA KAMLANA</t>
  </si>
  <si>
    <t>Dhalna Kamlana</t>
  </si>
  <si>
    <t>dhalna kamlana</t>
  </si>
  <si>
    <t>AMEERA BIBI</t>
  </si>
  <si>
    <t>54531</t>
  </si>
  <si>
    <t>GGPS JALLA BHARWANA SHUMALI (De-consolidated April-2016)</t>
  </si>
  <si>
    <t>MEHRAM SIAL-FEMALE</t>
  </si>
  <si>
    <t>Jallah Bharwana</t>
  </si>
  <si>
    <t>jallah bharwana shumali</t>
  </si>
  <si>
    <t>Zakia Nazeer</t>
  </si>
  <si>
    <t>54252</t>
  </si>
  <si>
    <t>GGPS BASTI SIALKOT</t>
  </si>
  <si>
    <t>basti sialkot</t>
  </si>
  <si>
    <t>Basti Sialkot</t>
  </si>
  <si>
    <t>26661</t>
  </si>
  <si>
    <t>18428</t>
  </si>
  <si>
    <t>GGPS CHAK NO. 2/4-R</t>
  </si>
  <si>
    <t>Essa Wala</t>
  </si>
  <si>
    <t>GGPS chak  no 2/4r Ahmad pur sial  district jhang</t>
  </si>
  <si>
    <t>2/4R</t>
  </si>
  <si>
    <t>Bangla Yasmeen</t>
  </si>
  <si>
    <t>Nafeesa Abid</t>
  </si>
  <si>
    <t>Chak 5 Marla Scheme Hassu Balail</t>
  </si>
  <si>
    <t>Chak 5 Marla Scheme</t>
  </si>
  <si>
    <t>Ghulam Abbas Khokhar</t>
  </si>
  <si>
    <t>18652</t>
  </si>
  <si>
    <t>GPS CHAK NO 357 JB</t>
  </si>
  <si>
    <t>Kalodi</t>
  </si>
  <si>
    <t>chak no 357jb</t>
  </si>
  <si>
    <t>357jb</t>
  </si>
  <si>
    <t>423/JB</t>
  </si>
  <si>
    <t>Zeshan Aslam</t>
  </si>
  <si>
    <t>33900</t>
  </si>
  <si>
    <t>GPS CHAK 438 JB</t>
  </si>
  <si>
    <t>DIA Pur</t>
  </si>
  <si>
    <t>chak no 438 jb tehsil Gojra District T T singh</t>
  </si>
  <si>
    <t>438/JB</t>
  </si>
  <si>
    <t>Ejaz Khaliq</t>
  </si>
  <si>
    <t>20147</t>
  </si>
  <si>
    <t>33166</t>
  </si>
  <si>
    <t>GPS CHAK 313 JB ROPOWALI</t>
  </si>
  <si>
    <t>313jb</t>
  </si>
  <si>
    <t>Chakno313jb  tehsil   Gojra    district toba. tek.  singh</t>
  </si>
  <si>
    <t>313  Jb</t>
  </si>
  <si>
    <t>316/JB</t>
  </si>
  <si>
    <t>3975</t>
  </si>
  <si>
    <t>54376</t>
  </si>
  <si>
    <t>GGPS SHARIF PURA GOJRA</t>
  </si>
  <si>
    <t>ISLAM PURA FEMALE</t>
  </si>
  <si>
    <t>sharifpura</t>
  </si>
  <si>
    <t>Sharif pura Gojra</t>
  </si>
  <si>
    <t>MC Gojra</t>
  </si>
  <si>
    <t>Snober Batool</t>
  </si>
  <si>
    <t>18797</t>
  </si>
  <si>
    <t>GGES CHAK 314 JB</t>
  </si>
  <si>
    <t>314 Jb</t>
  </si>
  <si>
    <t>chack#314jb</t>
  </si>
  <si>
    <t>Chack#314jb</t>
  </si>
  <si>
    <t>Irum Nisar</t>
  </si>
  <si>
    <t>23523</t>
  </si>
  <si>
    <t>GGHS CHAK 735 GB</t>
  </si>
  <si>
    <t>Chak No 735 GB Kamalia</t>
  </si>
  <si>
    <t>735 GB</t>
  </si>
  <si>
    <t>57/4</t>
  </si>
  <si>
    <t>khalida javed</t>
  </si>
  <si>
    <t>GPS JALAR SUGHLA</t>
  </si>
  <si>
    <t>QADIR BUKHSH MALE</t>
  </si>
  <si>
    <t>Jhalar Saghla</t>
  </si>
  <si>
    <t>gps jhalar Saghla tehsil kamalia</t>
  </si>
  <si>
    <t>737/GB</t>
  </si>
  <si>
    <t>GPS QUAIM SHAH</t>
  </si>
  <si>
    <t>Khair Shah Saani</t>
  </si>
  <si>
    <t>Khair Shah Saani, Kamalia</t>
  </si>
  <si>
    <t>MUSARRAT HUSSAIN</t>
  </si>
  <si>
    <t>17498</t>
  </si>
  <si>
    <t>19015</t>
  </si>
  <si>
    <t>GPS JHANGI PAHORAN</t>
  </si>
  <si>
    <t>Jhangi Pahoran</t>
  </si>
  <si>
    <t>GPS Jhangi pahoran</t>
  </si>
  <si>
    <t>Jhangi pahoran</t>
  </si>
  <si>
    <t>27756</t>
  </si>
  <si>
    <t>GPS JHANGI SADAT</t>
  </si>
  <si>
    <t>jhangi sadat</t>
  </si>
  <si>
    <t>jhangi Sadat kamalia</t>
  </si>
  <si>
    <t>chouki chadhar</t>
  </si>
  <si>
    <t>azmat shah qadir bux</t>
  </si>
  <si>
    <t>Subha Sadiq</t>
  </si>
  <si>
    <t>16850</t>
  </si>
  <si>
    <t>GPS SAIR MOHAL</t>
  </si>
  <si>
    <t>sair mohal</t>
  </si>
  <si>
    <t>Falak Sher Nadeem</t>
  </si>
  <si>
    <t>4761</t>
  </si>
  <si>
    <t>17397</t>
  </si>
  <si>
    <t>GPS BASTI HABIBI ULLAH</t>
  </si>
  <si>
    <t>Basti Habib Ullah</t>
  </si>
  <si>
    <t>Basti habib Chak no. 741 GB, Tehsil Kamalia, Distt. T.T.Singh</t>
  </si>
  <si>
    <t>741 GB</t>
  </si>
  <si>
    <t>Muhammad Mukhtar</t>
  </si>
  <si>
    <t>44977</t>
  </si>
  <si>
    <t>29965</t>
  </si>
  <si>
    <t>GPS CHAK 744 GB EAST</t>
  </si>
  <si>
    <t>Chak No 744GB East</t>
  </si>
  <si>
    <t>Chak No 744GB East Tehsil kamalia Dist T.T.Singh</t>
  </si>
  <si>
    <t>722/GB</t>
  </si>
  <si>
    <t>37193</t>
  </si>
  <si>
    <t>19073</t>
  </si>
  <si>
    <t>GPS MOUZA BUB KAMALIA</t>
  </si>
  <si>
    <t>Bub</t>
  </si>
  <si>
    <t>GPS Mouza bub  746GB</t>
  </si>
  <si>
    <t>746GB</t>
  </si>
  <si>
    <t>722/Gb</t>
  </si>
  <si>
    <t>31956</t>
  </si>
  <si>
    <t>19196</t>
  </si>
  <si>
    <t>GMMS 723 GB FOREST BLOCK-3</t>
  </si>
  <si>
    <t>723 GB B-3 Forest</t>
  </si>
  <si>
    <t>Chak No 723 GB B-3 Forest Kamalia TT Singh</t>
  </si>
  <si>
    <t>723 GB</t>
  </si>
  <si>
    <t>Azhar Abbas</t>
  </si>
  <si>
    <t>19197</t>
  </si>
  <si>
    <t>GMMS CHAK 723 GB</t>
  </si>
  <si>
    <t>Chak No 723 GB</t>
  </si>
  <si>
    <t>Chak No 723 GB, Kamalia</t>
  </si>
  <si>
    <t>19215</t>
  </si>
  <si>
    <t>GGPS MOUZA BUB</t>
  </si>
  <si>
    <t>mouza bub</t>
  </si>
  <si>
    <t>Fariha Kanwal Shaheen</t>
  </si>
  <si>
    <t>19219</t>
  </si>
  <si>
    <t>GGHSS CHAK 316 GB</t>
  </si>
  <si>
    <t>CHAK NO 316 GB</t>
  </si>
  <si>
    <t>chak no 316 gB</t>
  </si>
  <si>
    <t>316/GB</t>
  </si>
  <si>
    <t>Aqsa Waqas</t>
  </si>
  <si>
    <t>19372</t>
  </si>
  <si>
    <t>GGHS CHAK 336 GB SARABA</t>
  </si>
  <si>
    <t>chak 336</t>
  </si>
  <si>
    <t>GGHS336GB</t>
  </si>
  <si>
    <t>CHAK NO 336 GB</t>
  </si>
  <si>
    <t>517/GB</t>
  </si>
  <si>
    <t>MISS NAHEELA ASHRAF</t>
  </si>
  <si>
    <t>11962</t>
  </si>
  <si>
    <t>54065</t>
  </si>
  <si>
    <t>GPS CHAK 293 JB</t>
  </si>
  <si>
    <t>chak no 293 jb</t>
  </si>
  <si>
    <t>Bhagwa</t>
  </si>
  <si>
    <t>290/JB</t>
  </si>
  <si>
    <t>37144</t>
  </si>
  <si>
    <t>26079</t>
  </si>
  <si>
    <t>11837</t>
  </si>
  <si>
    <t>GPS CHAK 469 JB</t>
  </si>
  <si>
    <t>Dadowana</t>
  </si>
  <si>
    <t>Chak number  469 JB</t>
  </si>
  <si>
    <t>469 JB</t>
  </si>
  <si>
    <t>388/JB</t>
  </si>
  <si>
    <t>Ghulam Rasul Gauhar</t>
  </si>
  <si>
    <t>9812</t>
  </si>
  <si>
    <t>54070</t>
  </si>
  <si>
    <t>GMMS CHAK 512 GB BAGHRI BLUCHAN</t>
  </si>
  <si>
    <t>bagri blochan</t>
  </si>
  <si>
    <t>bagri blochan 512gb</t>
  </si>
  <si>
    <t>Bagri Bluchan 512gb</t>
  </si>
  <si>
    <t>189/GB</t>
  </si>
  <si>
    <t>kousar arshad</t>
  </si>
  <si>
    <t>18886</t>
  </si>
  <si>
    <t>GGES CHAK 696/38 GB</t>
  </si>
  <si>
    <t>Chak No 696/38 GB</t>
  </si>
  <si>
    <t>chak no 696/38 GB Tah:pirmahal Dist:T.T.sing</t>
  </si>
  <si>
    <t>694/36GB</t>
  </si>
  <si>
    <t>Shahnaz Tabasam</t>
  </si>
  <si>
    <t>2548</t>
  </si>
  <si>
    <t>18953</t>
  </si>
  <si>
    <t>GPS JUNGLE SHAH NIZAM 765 GB</t>
  </si>
  <si>
    <t>AROTI MALE</t>
  </si>
  <si>
    <t>Chak 765gb</t>
  </si>
  <si>
    <t>Chak no 765 gb Teh: Pirmahal Toba Tek Singh</t>
  </si>
  <si>
    <t>Chak no 762 Gb</t>
  </si>
  <si>
    <t>41851</t>
  </si>
  <si>
    <t>3318</t>
  </si>
  <si>
    <t>18962</t>
  </si>
  <si>
    <t>GPS CHAK 693/35 GB II</t>
  </si>
  <si>
    <t>GRANTIAN WALI MALE</t>
  </si>
  <si>
    <t>GPS 693/35 GB-2</t>
  </si>
  <si>
    <t>GPS 693/35 GB tehsil pirmahal district toba tek singh</t>
  </si>
  <si>
    <t>Gps 693/35 GB-2</t>
  </si>
  <si>
    <t>Muhammad Akmal</t>
  </si>
  <si>
    <t>13071</t>
  </si>
  <si>
    <t>1598</t>
  </si>
  <si>
    <t>54075</t>
  </si>
  <si>
    <t>GPS CHAK 773 GB</t>
  </si>
  <si>
    <t>AKBAR SAHOU-MALE</t>
  </si>
  <si>
    <t>Jusa</t>
  </si>
  <si>
    <t>CHAK NO 773gb tehsil pirmahal district  t t singh</t>
  </si>
  <si>
    <t>Chak No773gb</t>
  </si>
  <si>
    <t>50776</t>
  </si>
  <si>
    <t>18976</t>
  </si>
  <si>
    <t>GPS CHAK 777 GB</t>
  </si>
  <si>
    <t>Chak 777 GB</t>
  </si>
  <si>
    <t>Chak no 777 GB,Tehsil Pirmahal,District TTS,</t>
  </si>
  <si>
    <t>Chak No 777 GB</t>
  </si>
  <si>
    <t>18986</t>
  </si>
  <si>
    <t>GPS CHAK 690/32 GB</t>
  </si>
  <si>
    <t>GRANTIAN WALI</t>
  </si>
  <si>
    <t>GPS 690/32 GB TEHSIL PIRMAHAL DISTRICT TOBA TEK SINGH</t>
  </si>
  <si>
    <t>690/32 GB</t>
  </si>
  <si>
    <t>ISLAM DIN</t>
  </si>
  <si>
    <t>52030</t>
  </si>
  <si>
    <t>29202</t>
  </si>
  <si>
    <t>GMPS CHAK 321 GB</t>
  </si>
  <si>
    <t>PIRMAHAL CITY-FEMALE</t>
  </si>
  <si>
    <t>chak no 321 gB Tehsil pirmahal toba tek singh</t>
  </si>
  <si>
    <t>chak no 321 gB</t>
  </si>
  <si>
    <t>319/GB</t>
  </si>
  <si>
    <t>Naheed Fatima</t>
  </si>
  <si>
    <t>4623</t>
  </si>
  <si>
    <t>19188</t>
  </si>
  <si>
    <t>GMMS CHAK NO 758 GB</t>
  </si>
  <si>
    <t>SANDHILIAN WALI MALE</t>
  </si>
  <si>
    <t>Chak 758 Gb</t>
  </si>
  <si>
    <t>Chak No. 758 GB</t>
  </si>
  <si>
    <t>Chak No758 GB</t>
  </si>
  <si>
    <t>762/GB</t>
  </si>
  <si>
    <t>19191</t>
  </si>
  <si>
    <t>GMMS BASTI BHUCHRI</t>
  </si>
  <si>
    <t>Chak 757 G B</t>
  </si>
  <si>
    <t>gmms school basti bhachri chak # 757 GB,tehsil pirmahal,district toba tek singh.</t>
  </si>
  <si>
    <t>Basti Bhachary</t>
  </si>
  <si>
    <t>19201</t>
  </si>
  <si>
    <t>GMMS BHANI BHATIAN</t>
  </si>
  <si>
    <t>ZAKIR ABAD-MALE</t>
  </si>
  <si>
    <t>Plot A</t>
  </si>
  <si>
    <t>GMMS bhani bhatian plot A</t>
  </si>
  <si>
    <t>Pot A</t>
  </si>
  <si>
    <t>GHS ADLANA</t>
  </si>
  <si>
    <t>adlana</t>
  </si>
  <si>
    <t>mouza adlana tehsil bhowana district chiniot</t>
  </si>
  <si>
    <t>Adlana</t>
  </si>
  <si>
    <t>ZULFIQAR KHAN</t>
  </si>
  <si>
    <t>31092</t>
  </si>
  <si>
    <t>GHS TAHLI MANGINI</t>
  </si>
  <si>
    <t>tehsi bhawana distt chiniot</t>
  </si>
  <si>
    <t>Tahli Mangini</t>
  </si>
  <si>
    <t>54913</t>
  </si>
  <si>
    <t>GGES CHAK NO. 146 JB</t>
  </si>
  <si>
    <t>chak no 146</t>
  </si>
  <si>
    <t>146/JB Bukhri Jhok</t>
  </si>
  <si>
    <t>54758</t>
  </si>
  <si>
    <t>GPS AKBAR ABAD</t>
  </si>
  <si>
    <t>Thathi Bala Raja</t>
  </si>
  <si>
    <t>Basti Akbar abad</t>
  </si>
  <si>
    <t>muhammad masood ul Hassan</t>
  </si>
  <si>
    <t>GHS DHULLAY</t>
  </si>
  <si>
    <t>Jinnah Road, Dhullay, Gujranwala</t>
  </si>
  <si>
    <t>dr.masood akhter</t>
  </si>
  <si>
    <t>17544</t>
  </si>
  <si>
    <t>20414</t>
  </si>
  <si>
    <t>GHS TALWANDI MUSA KHAN</t>
  </si>
  <si>
    <t>Saadar</t>
  </si>
  <si>
    <t>GHS talwandi musa khan</t>
  </si>
  <si>
    <t>GHS F.C. ISLAMIA GUJRANWALA</t>
  </si>
  <si>
    <t>STREET# 1, MOH. NOOR BAWA, KHARADANA WALA BAZAR GRW</t>
  </si>
  <si>
    <t>NOOR BAWA</t>
  </si>
  <si>
    <t>S M HAMID</t>
  </si>
  <si>
    <t>10974</t>
  </si>
  <si>
    <t>7861</t>
  </si>
  <si>
    <t>20424</t>
  </si>
  <si>
    <t>GHS ATTAWA</t>
  </si>
  <si>
    <t>Attawa</t>
  </si>
  <si>
    <t>GhS attawa gujranwala</t>
  </si>
  <si>
    <t>10267</t>
  </si>
  <si>
    <t>GHS  SHUHADA-E-APS MEMORIAL CHAK JAGNA</t>
  </si>
  <si>
    <t>chak jagna GRW</t>
  </si>
  <si>
    <t>Iftikhar Shahid Ch</t>
  </si>
  <si>
    <t>15246</t>
  </si>
  <si>
    <t>20497</t>
  </si>
  <si>
    <t>GGES IQBAL GUJRANWALA</t>
  </si>
  <si>
    <t>Gill Road Gujrwnwala</t>
  </si>
  <si>
    <t>hameed  colony Street #4 Gill Road gujrwnwala</t>
  </si>
  <si>
    <t>Gill Road</t>
  </si>
  <si>
    <t>rozina rafee</t>
  </si>
  <si>
    <t>20512</t>
  </si>
  <si>
    <t>GGHS ATTAWAH</t>
  </si>
  <si>
    <t>ATTAWA GUJRANWALA</t>
  </si>
  <si>
    <t>GGHS ATTAWA GUJRANWALA</t>
  </si>
  <si>
    <t>Humaira Shehzadi</t>
  </si>
  <si>
    <t>20632</t>
  </si>
  <si>
    <t>GGES ABADI MEHR WAZIR</t>
  </si>
  <si>
    <t>Mohalla Momin ABAD B</t>
  </si>
  <si>
    <t>Mohalla Momin Abad b  Street no 5.Gujranwala</t>
  </si>
  <si>
    <t>Street No 5</t>
  </si>
  <si>
    <t>Charag Nagar</t>
  </si>
  <si>
    <t>Nazish Dhillown</t>
  </si>
  <si>
    <t>20674</t>
  </si>
  <si>
    <t>GMPS THATHA CHOWN</t>
  </si>
  <si>
    <t>thatha chown</t>
  </si>
  <si>
    <t>Hadia saif</t>
  </si>
  <si>
    <t>23236</t>
  </si>
  <si>
    <t>23183</t>
  </si>
  <si>
    <t>20742</t>
  </si>
  <si>
    <t>GGPS KHABEKEY</t>
  </si>
  <si>
    <t>main road khabbakey</t>
  </si>
  <si>
    <t>30812</t>
  </si>
  <si>
    <t>GMMS ALI PUR</t>
  </si>
  <si>
    <t>gmms ali pur</t>
  </si>
  <si>
    <t>54785</t>
  </si>
  <si>
    <t>GGPS BAGYAR WALA</t>
  </si>
  <si>
    <t>Bhagyarwala</t>
  </si>
  <si>
    <t>govertment girls primary school bhagyar wala. tehsil ferozwala district sheikhupura.</t>
  </si>
  <si>
    <t>7156</t>
  </si>
  <si>
    <t>54786</t>
  </si>
  <si>
    <t>GGPS TOHEED PARK</t>
  </si>
  <si>
    <t>Bismillah chowk toheed park</t>
  </si>
  <si>
    <t>54787</t>
  </si>
  <si>
    <t>GGPS GARDAN TOWN</t>
  </si>
  <si>
    <t>Momin Pura</t>
  </si>
  <si>
    <t>GGPS Garden Town</t>
  </si>
  <si>
    <t>31872</t>
  </si>
  <si>
    <t>GOVT. FURQAN SHAHEED HIGH SCHOOL  SHEIKHUPURA</t>
  </si>
  <si>
    <t>sheikhupura</t>
  </si>
  <si>
    <t>jinnah park skp</t>
  </si>
  <si>
    <t>103360</t>
  </si>
  <si>
    <t>31918</t>
  </si>
  <si>
    <t>GGHS RASALA CHAK NO. 4</t>
  </si>
  <si>
    <t>4 CHAK  RASALA</t>
  </si>
  <si>
    <t>Got Girls High School Chak 4 Rasala</t>
  </si>
  <si>
    <t>4 CHAK Rasala</t>
  </si>
  <si>
    <t>27601</t>
  </si>
  <si>
    <t>31937</t>
  </si>
  <si>
    <t>GES KACHI KOTHI</t>
  </si>
  <si>
    <t>Jowed Singh</t>
  </si>
  <si>
    <t>kachi kothi tehsil and district sheikhupura</t>
  </si>
  <si>
    <t>M Shahbaz Watto</t>
  </si>
  <si>
    <t>31961</t>
  </si>
  <si>
    <t>GGHS KAKKAR GILL</t>
  </si>
  <si>
    <t>kakar gill kahan tehsil  and District sheikhupura</t>
  </si>
  <si>
    <t>Shameen Aslam</t>
  </si>
  <si>
    <t>48596</t>
  </si>
  <si>
    <t>32032</t>
  </si>
  <si>
    <t>deragujran</t>
  </si>
  <si>
    <t>dera gujran chack 08 tehsil/district sheikhupura</t>
  </si>
  <si>
    <t>dera gujran chack 8</t>
  </si>
  <si>
    <t>Kurlkay Androon</t>
  </si>
  <si>
    <t>maqsood ahmad</t>
  </si>
  <si>
    <t>36832</t>
  </si>
  <si>
    <t>32043</t>
  </si>
  <si>
    <t>GPS SERIAN WALA</t>
  </si>
  <si>
    <t>Maluwal</t>
  </si>
  <si>
    <t>Serianwala post office Maluwal</t>
  </si>
  <si>
    <t>Serianwala</t>
  </si>
  <si>
    <t>32052</t>
  </si>
  <si>
    <t>GPS DOULAT PURA</t>
  </si>
  <si>
    <t>Doulat Pura</t>
  </si>
  <si>
    <t>Gps doulat pura</t>
  </si>
  <si>
    <t>Muhammad Ahsan Ullah</t>
  </si>
  <si>
    <t>48453</t>
  </si>
  <si>
    <t>110500</t>
  </si>
  <si>
    <t>32074</t>
  </si>
  <si>
    <t>GPS DERA TOPREE</t>
  </si>
  <si>
    <t>Dera Topree</t>
  </si>
  <si>
    <t>dera topree</t>
  </si>
  <si>
    <t>GPS DERA GUJJRAN</t>
  </si>
  <si>
    <t>SHEIKHUPURA-XVI - MALE</t>
  </si>
  <si>
    <t>Dera Gujjeran</t>
  </si>
  <si>
    <t>g p s dera gujjeran farooq abad skp</t>
  </si>
  <si>
    <t>Sucha Soda</t>
  </si>
  <si>
    <t>Muhammed Iqbal</t>
  </si>
  <si>
    <t>GPS DERA GURDAS PURIAN</t>
  </si>
  <si>
    <t>Bandokey</t>
  </si>
  <si>
    <t>GPS Dera Gurdas purian Moza Bandoky farooqabad Sheikhupura</t>
  </si>
  <si>
    <t>Dera Gurdas Purian</t>
  </si>
  <si>
    <t>MUHAMMAD NAWAZ KHAN</t>
  </si>
  <si>
    <t>32221</t>
  </si>
  <si>
    <t>GPS SHADMAN NOOR PURA</t>
  </si>
  <si>
    <t>Shadman</t>
  </si>
  <si>
    <t>dakkhana khas noor Pura virkan village shadman tehsil and district sheikhupura</t>
  </si>
  <si>
    <t>GGPS MODEL DERA PALLAN</t>
  </si>
  <si>
    <t>DERA  PALLAN</t>
  </si>
  <si>
    <t>DERA PALLAN FAROOQABAD SKP</t>
  </si>
  <si>
    <t>DERA PALLAN</t>
  </si>
  <si>
    <t>ESHERKEY</t>
  </si>
  <si>
    <t>Shazia Siddique</t>
  </si>
  <si>
    <t>32385</t>
  </si>
  <si>
    <t>GMMS SULTAN PURA</t>
  </si>
  <si>
    <t>muhallah sultan pura</t>
  </si>
  <si>
    <t>Peer Bhar Shah</t>
  </si>
  <si>
    <t>32388</t>
  </si>
  <si>
    <t>GMMS DERA ILYAS WATTO</t>
  </si>
  <si>
    <t>SHEIKHUPURA-XI - MALE</t>
  </si>
  <si>
    <t>Chah Peer Ali</t>
  </si>
  <si>
    <t>Chah Peer Ali P/O Ferozewattwan Tehsil and District Sheikhupura</t>
  </si>
  <si>
    <t>Feroze Wattowan 1</t>
  </si>
  <si>
    <t>Mudassar Hussain</t>
  </si>
  <si>
    <t>GMMS SAFINA MASJID BHIKHI</t>
  </si>
  <si>
    <t>Iftikhar Ahmed Sajid</t>
  </si>
  <si>
    <t>32392</t>
  </si>
  <si>
    <t>GMMS KALPI</t>
  </si>
  <si>
    <t>Bhariyawala</t>
  </si>
  <si>
    <t>chack 24 Kalpi skp</t>
  </si>
  <si>
    <t>Kalpi</t>
  </si>
  <si>
    <t>Bahrian Wala</t>
  </si>
  <si>
    <t>GMMS CHAH BALOCHAN</t>
  </si>
  <si>
    <t>Jewen Pura</t>
  </si>
  <si>
    <t>GMMS Chah Balochan</t>
  </si>
  <si>
    <t>Chah Balochan</t>
  </si>
  <si>
    <t>Jeevan Pura</t>
  </si>
  <si>
    <t>TahIr Nadeem</t>
  </si>
  <si>
    <t>water brought from filter plant</t>
  </si>
  <si>
    <t>GMMS BHANDOOR FAROOQ ABAD</t>
  </si>
  <si>
    <t>Bhandor</t>
  </si>
  <si>
    <t>bhandoor</t>
  </si>
  <si>
    <t>Abrar Khan</t>
  </si>
  <si>
    <t>32409</t>
  </si>
  <si>
    <t>GMMS DERA JUGJEET</t>
  </si>
  <si>
    <t>SHEIKHUPURA-II - MALE</t>
  </si>
  <si>
    <t>dera jugjeet Singh</t>
  </si>
  <si>
    <t>Dera Jugjeet Singh</t>
  </si>
  <si>
    <t>32410</t>
  </si>
  <si>
    <t>GMMS DERA SHARIF WAHGA</t>
  </si>
  <si>
    <t>Kheropur</t>
  </si>
  <si>
    <t>kheropur Malian sheikhupura</t>
  </si>
  <si>
    <t>Kheropur Mallian</t>
  </si>
  <si>
    <t>Tariq Hameed</t>
  </si>
  <si>
    <t>GMMS DERA SARDAR MUHAMMAD</t>
  </si>
  <si>
    <t>jhalar gujjaran kharianwala sheikhupura</t>
  </si>
  <si>
    <t>Jhalar Gujjaran</t>
  </si>
  <si>
    <t>KHARIANWALA</t>
  </si>
  <si>
    <t>54795</t>
  </si>
  <si>
    <t>GPS WARA KARIM BUX</t>
  </si>
  <si>
    <t>Wara Karim Bux Dist. Sheikhupura</t>
  </si>
  <si>
    <t>Wara Karim Bux</t>
  </si>
  <si>
    <t>19692</t>
  </si>
  <si>
    <t>32485</t>
  </si>
  <si>
    <t>GOVT. HAROON SHAHEED PILOT SECONDARY SCHOOL SHARAQPUR</t>
  </si>
  <si>
    <t>govt. pilot secondary school sharaqpur sharif district sheikhupura</t>
  </si>
  <si>
    <t>GGPS CHAK NO 21</t>
  </si>
  <si>
    <t>Chak 21</t>
  </si>
  <si>
    <t>Chak 21 Sharaqpur</t>
  </si>
  <si>
    <t>NAZAR LUBANA</t>
  </si>
  <si>
    <t>GGPS NAI BHANI NO.2</t>
  </si>
  <si>
    <t>Nai Bheni</t>
  </si>
  <si>
    <t>Nai bheni ,sharaqpur ,distt sheikhupura</t>
  </si>
  <si>
    <t>Kishwar Bashir</t>
  </si>
  <si>
    <t>GMMS KOTHA</t>
  </si>
  <si>
    <t>Village kotha</t>
  </si>
  <si>
    <t>MUNAWAR HUSSAIN</t>
  </si>
  <si>
    <t>54792</t>
  </si>
  <si>
    <t>GGPS NANO DOGAR</t>
  </si>
  <si>
    <t>nanu dogar</t>
  </si>
  <si>
    <t>nanu dogar arian</t>
  </si>
  <si>
    <t>54793</t>
  </si>
  <si>
    <t>GGPS BAGH DHANISHER</t>
  </si>
  <si>
    <t>Bagh Danesir</t>
  </si>
  <si>
    <t>ggps bagh deniser</t>
  </si>
  <si>
    <t>Bagh Deniser</t>
  </si>
  <si>
    <t>GGPS ASGHER ABAD</t>
  </si>
  <si>
    <t>Asgharabad Beshmola Abdullahpur</t>
  </si>
  <si>
    <t>Asgharabad</t>
  </si>
  <si>
    <t>Asgharabada</t>
  </si>
  <si>
    <t>Ayesha Tariq</t>
  </si>
  <si>
    <t>27566</t>
  </si>
  <si>
    <t>54791</t>
  </si>
  <si>
    <t>GGPS HAJI ABAD</t>
  </si>
  <si>
    <t>hajiabad safdsarabad</t>
  </si>
  <si>
    <t>Dhaban Kalaan</t>
  </si>
  <si>
    <t>Tahira Rasheed</t>
  </si>
  <si>
    <t>GGHSS BUCHEKI</t>
  </si>
  <si>
    <t>bucheki</t>
  </si>
  <si>
    <t>purana bazar bucheki, district and division  nankana sahib</t>
  </si>
  <si>
    <t>purana bazar bucheki</t>
  </si>
  <si>
    <t>Fouzia saeed</t>
  </si>
  <si>
    <t>GPS THATHA NAUL</t>
  </si>
  <si>
    <t>BARA GHAR - MALE</t>
  </si>
  <si>
    <t>Thatha Noul</t>
  </si>
  <si>
    <t>thatha noul p/o bucheki nanakana sahib</t>
  </si>
  <si>
    <t>Tuqir sabar</t>
  </si>
  <si>
    <t>GPS CHAH JANDIAN WALA P/O CHUNIAN</t>
  </si>
  <si>
    <t>Chah Jandianwala Jandianwala Jandianwala</t>
  </si>
  <si>
    <t>chah jandianwalaTeh. Chunian kasur</t>
  </si>
  <si>
    <t>Chah Jandian Wala</t>
  </si>
  <si>
    <t>17514</t>
  </si>
  <si>
    <t>29001</t>
  </si>
  <si>
    <t>TALWANDI - MALE</t>
  </si>
  <si>
    <t>Farooq Aabad</t>
  </si>
  <si>
    <t>Farooq Aabad P/O Talwandi P/C 55020</t>
  </si>
  <si>
    <t>27532</t>
  </si>
  <si>
    <t>29046</t>
  </si>
  <si>
    <t>GHS BEDIAN</t>
  </si>
  <si>
    <t>Bedian</t>
  </si>
  <si>
    <t>Village bedian po same tehsil and District kasur</t>
  </si>
  <si>
    <t>Chathian Wala</t>
  </si>
  <si>
    <t>Ghulam Rasul</t>
  </si>
  <si>
    <t>35062</t>
  </si>
  <si>
    <t>GHS MC BASTI CHARAGH SHAH KASOOR</t>
  </si>
  <si>
    <t>Basti Chiragh Shah Kasur</t>
  </si>
  <si>
    <t>TARIQ SALEEM</t>
  </si>
  <si>
    <t>29115</t>
  </si>
  <si>
    <t>GGHS THEH SHEIKHUM</t>
  </si>
  <si>
    <t>theh sheikhum</t>
  </si>
  <si>
    <t>GGHS theh Sheikhum Kasur</t>
  </si>
  <si>
    <t>Theh Sheikham</t>
  </si>
  <si>
    <t>Saleha Khalid</t>
  </si>
  <si>
    <t>26675</t>
  </si>
  <si>
    <t>29218</t>
  </si>
  <si>
    <t>GPS NIWAN THEH</t>
  </si>
  <si>
    <t>NIWAN THEH MUSTAFABD</t>
  </si>
  <si>
    <t>MC Mustafabad</t>
  </si>
  <si>
    <t>Muhammad Haseeb Ahmed</t>
  </si>
  <si>
    <t>34128</t>
  </si>
  <si>
    <t>29253</t>
  </si>
  <si>
    <t>GPS NOORI WALA</t>
  </si>
  <si>
    <t>GANDA SINGH WALA - MALE</t>
  </si>
  <si>
    <t>NOORI Wala</t>
  </si>
  <si>
    <t>Village Noori Wala P/0 Hussain Khan Wala</t>
  </si>
  <si>
    <t>Noori Wala</t>
  </si>
  <si>
    <t>17961</t>
  </si>
  <si>
    <t>10490</t>
  </si>
  <si>
    <t>42214</t>
  </si>
  <si>
    <t>29308</t>
  </si>
  <si>
    <t>GPS BAGH ALI WALA</t>
  </si>
  <si>
    <t>Bagh Ali Wala</t>
  </si>
  <si>
    <t>gps bagh ali wala markaz usman wala</t>
  </si>
  <si>
    <t>GPS RANGAY WALA</t>
  </si>
  <si>
    <t>Rangay Wala</t>
  </si>
  <si>
    <t>gps rangay wala kasur</t>
  </si>
  <si>
    <t>rangay wala</t>
  </si>
  <si>
    <t>Rajowal Nau</t>
  </si>
  <si>
    <t>14990</t>
  </si>
  <si>
    <t>24766</t>
  </si>
  <si>
    <t>29342</t>
  </si>
  <si>
    <t>GES RAO KHAN WALA</t>
  </si>
  <si>
    <t>Rao Khanwala</t>
  </si>
  <si>
    <t>rao khanwala</t>
  </si>
  <si>
    <t>Muhammad Amin Zahid</t>
  </si>
  <si>
    <t>GGPS MC  KOT FATEH DIN KHAN</t>
  </si>
  <si>
    <t>KASUR CITY - FEMALE</t>
  </si>
  <si>
    <t>Kot Fateh Din Khan Kasur</t>
  </si>
  <si>
    <t>Kot Fateh Din Khan</t>
  </si>
  <si>
    <t>Kot Azam Khan Kasur</t>
  </si>
  <si>
    <t>41462</t>
  </si>
  <si>
    <t>GGPS CHOOR PURA</t>
  </si>
  <si>
    <t>Chuhar Pura</t>
  </si>
  <si>
    <t>chuhar Pura kasur</t>
  </si>
  <si>
    <t>21444</t>
  </si>
  <si>
    <t>GGPS CHOOR KOT</t>
  </si>
  <si>
    <t>Choor Kot</t>
  </si>
  <si>
    <t>govt girls primary school choor kot</t>
  </si>
  <si>
    <t>Ahmda Bad</t>
  </si>
  <si>
    <t>Marlo Hatar</t>
  </si>
  <si>
    <t>Ayman Aslam</t>
  </si>
  <si>
    <t>29537</t>
  </si>
  <si>
    <t>GGPS KOT MOTA SINGH</t>
  </si>
  <si>
    <t>KHAI HITHAR - FEMALE</t>
  </si>
  <si>
    <t>Kot Mota Singh</t>
  </si>
  <si>
    <t>Kot Mota Singh p/o Khudian Khas tehs&amp;district Kasur</t>
  </si>
  <si>
    <t>Aneeqa Iqbal</t>
  </si>
  <si>
    <t>18304</t>
  </si>
  <si>
    <t>29566</t>
  </si>
  <si>
    <t>GPS NOORPUR DOGRAN P/O DOST PUR</t>
  </si>
  <si>
    <t>HAMEED NIZAMI - MALE</t>
  </si>
  <si>
    <t>Adda Noor Pur Nehar</t>
  </si>
  <si>
    <t>GPS Noor Pur Dogran  P.O Dost Pura Kasur</t>
  </si>
  <si>
    <t>Mohammad Yousaf</t>
  </si>
  <si>
    <t>7182</t>
  </si>
  <si>
    <t>23705</t>
  </si>
  <si>
    <t>29569</t>
  </si>
  <si>
    <t>GPS MAMMAN WALA KHURD</t>
  </si>
  <si>
    <t>Mamman Wala</t>
  </si>
  <si>
    <t>Mamman Wala khurd</t>
  </si>
  <si>
    <t>Mamman Wala Khurd</t>
  </si>
  <si>
    <t>29570</t>
  </si>
  <si>
    <t>GPS REHMAN PURA</t>
  </si>
  <si>
    <t>Hussain Khan Wala Hithar T/D Kasur</t>
  </si>
  <si>
    <t>Muhammad Zeshan NAEEM</t>
  </si>
  <si>
    <t>49398</t>
  </si>
  <si>
    <t>29574</t>
  </si>
  <si>
    <t>GPS DHAN KEY</t>
  </si>
  <si>
    <t>dhan kay</t>
  </si>
  <si>
    <t>Dhan Kay</t>
  </si>
  <si>
    <t>Veeram Hithar</t>
  </si>
  <si>
    <t>Muhammad Muzammil Sharif</t>
  </si>
  <si>
    <t>27992</t>
  </si>
  <si>
    <t>43436</t>
  </si>
  <si>
    <t>GPS KOT HAKIM ALI</t>
  </si>
  <si>
    <t>Chah sultan wala</t>
  </si>
  <si>
    <t>Chah Sultan wala</t>
  </si>
  <si>
    <t>Muhammad Anwar Tahir</t>
  </si>
  <si>
    <t>29576</t>
  </si>
  <si>
    <t>GPS BAGH SINGH WALA</t>
  </si>
  <si>
    <t>Bagh Singh Wala</t>
  </si>
  <si>
    <t>bagh Singh wala tehsil kasur</t>
  </si>
  <si>
    <t>Muhammad Iqbal Shakoor</t>
  </si>
  <si>
    <t>GGPS KOT SARDAR MUHAMMAD JAHANGIR</t>
  </si>
  <si>
    <t>Kot Sardar Muhammad Jahagir</t>
  </si>
  <si>
    <t>Kot Sardar Muhammad Jahangir beroon Khudian Kasur P/O Khudian Khas</t>
  </si>
  <si>
    <t>Kot sardar Muhammad jahangir</t>
  </si>
  <si>
    <t>Beroon Khudian</t>
  </si>
  <si>
    <t>Farzana Idrees</t>
  </si>
  <si>
    <t>36841</t>
  </si>
  <si>
    <t>29602</t>
  </si>
  <si>
    <t>GHS PATTOKI</t>
  </si>
  <si>
    <t>shahrae qaede azam</t>
  </si>
  <si>
    <t>GES GULZAR JAGEER</t>
  </si>
  <si>
    <t>gulzar jagir</t>
  </si>
  <si>
    <t>shah muhammad nawaz</t>
  </si>
  <si>
    <t>44340</t>
  </si>
  <si>
    <t>29682</t>
  </si>
  <si>
    <t>GGHS NATHEY KHALSA</t>
  </si>
  <si>
    <t>GGHS NATHEY KHALSA PATTOKI</t>
  </si>
  <si>
    <t>Nathy Gageer</t>
  </si>
  <si>
    <t>kausar khair ud din</t>
  </si>
  <si>
    <t>29684</t>
  </si>
  <si>
    <t>GGHS NATHAY JAGEER</t>
  </si>
  <si>
    <t>NATHAY JAGIR</t>
  </si>
  <si>
    <t>GGHS NATHAY JAGIR</t>
  </si>
  <si>
    <t>29698</t>
  </si>
  <si>
    <t>GGHS BALLOKI</t>
  </si>
  <si>
    <t>VILLAGE BALLOKI P/O PHOOL NAGAR TEH.PATTOKI KASUR</t>
  </si>
  <si>
    <t>Qura Tul Ain</t>
  </si>
  <si>
    <t>29724</t>
  </si>
  <si>
    <t>GPS MADDAR CHAK NO 26</t>
  </si>
  <si>
    <t>HANJARAI KHURD - MALE</t>
  </si>
  <si>
    <t>Maddar Chak 26</t>
  </si>
  <si>
    <t>maddar chak 26 pattoki kasur</t>
  </si>
  <si>
    <t>Dholan 27</t>
  </si>
  <si>
    <t>KHALIL AHMAD</t>
  </si>
  <si>
    <t>37061</t>
  </si>
  <si>
    <t>36991</t>
  </si>
  <si>
    <t>3911</t>
  </si>
  <si>
    <t>29852</t>
  </si>
  <si>
    <t>GGPS KOT KHARAK SINGH</t>
  </si>
  <si>
    <t>PHOOL NAGAR CITY - FEMALE</t>
  </si>
  <si>
    <t>Kot Kharak Sing</t>
  </si>
  <si>
    <t>GGPS kot harak sing</t>
  </si>
  <si>
    <t>Phool Nagar Urban</t>
  </si>
  <si>
    <t>Munawar Begum</t>
  </si>
  <si>
    <t>29922</t>
  </si>
  <si>
    <t>GPS DUE KEY</t>
  </si>
  <si>
    <t>Duekay</t>
  </si>
  <si>
    <t>Ahmad Raza Ul Mustafa  Majid</t>
  </si>
  <si>
    <t>11397</t>
  </si>
  <si>
    <t>44208</t>
  </si>
  <si>
    <t>29936</t>
  </si>
  <si>
    <t>GGHS BEHRWAL KALAN</t>
  </si>
  <si>
    <t>beherwal kalan</t>
  </si>
  <si>
    <t>GGHS BEHERWAL KALAN TEHSIL PATTOKI. DISTT.KASUR</t>
  </si>
  <si>
    <t>Beherwal Kalan</t>
  </si>
  <si>
    <t>farhat nasreen</t>
  </si>
  <si>
    <t>29954</t>
  </si>
  <si>
    <t>GGPS KOT MEHWAT KHAN</t>
  </si>
  <si>
    <t>Kanwein Malian</t>
  </si>
  <si>
    <t>kot mehwat khan kanwein malian</t>
  </si>
  <si>
    <t>Kot Mehwat Khan</t>
  </si>
  <si>
    <t>Kanwain Malian</t>
  </si>
  <si>
    <t>Sajidah Abdul Qadir</t>
  </si>
  <si>
    <t>29955</t>
  </si>
  <si>
    <t>GHS CHEENA OTTAR</t>
  </si>
  <si>
    <t>Chhina Ottar</t>
  </si>
  <si>
    <t>Chhina Ottar District Kasur</t>
  </si>
  <si>
    <t>Muhammad Naeem Aslam</t>
  </si>
  <si>
    <t>motor pump ,hand pump</t>
  </si>
  <si>
    <t>16821</t>
  </si>
  <si>
    <t>29984</t>
  </si>
  <si>
    <t>GGHS NATHOKI</t>
  </si>
  <si>
    <t>Nathoki, tehsil kot radha kision dist kasur</t>
  </si>
  <si>
    <t>NATHOKI</t>
  </si>
  <si>
    <t>38292</t>
  </si>
  <si>
    <t>29991</t>
  </si>
  <si>
    <t>GGHS MATTA</t>
  </si>
  <si>
    <t>MATTA</t>
  </si>
  <si>
    <t>GGHS MATTA KRK KASUR</t>
  </si>
  <si>
    <t>30119</t>
  </si>
  <si>
    <t>GHS NEW KROLE SHALIMAR TOWN</t>
  </si>
  <si>
    <t>Tibia Qila Khazana</t>
  </si>
  <si>
    <t>Govt. High School New Krole, Shalimar Town, Lahore.</t>
  </si>
  <si>
    <t>Mehmood Booti</t>
  </si>
  <si>
    <t>30139</t>
  </si>
  <si>
    <t>GHS QURBAN LINE LAHORE CANTT</t>
  </si>
  <si>
    <t>G ARIF HSS MUSTAFABAD</t>
  </si>
  <si>
    <t>Govt. High school Lahore Cantt Abadi Qurbanline</t>
  </si>
  <si>
    <t>Qurbanline</t>
  </si>
  <si>
    <t>MUHAMMAD MANSOOR AHMAD</t>
  </si>
  <si>
    <t>GOVT. PILOT SECONDARY SCHOOL  WAHDAT COLONY</t>
  </si>
  <si>
    <t>WAHDAT COLONY LAHORE</t>
  </si>
  <si>
    <t>WAHDAT COLONY</t>
  </si>
  <si>
    <t>30152</t>
  </si>
  <si>
    <t>GHS GULBERG LAHORE CANTT (FATEH ABAD)</t>
  </si>
  <si>
    <t>Govt. Gulberg High school Fateh Abad Lahore Cantt</t>
  </si>
  <si>
    <t>Ward 4</t>
  </si>
  <si>
    <t>30164</t>
  </si>
  <si>
    <t>GGHS DAR-UN-NISWAN 65 JAIL ROAD</t>
  </si>
  <si>
    <t>65/a, jail road, lahore.</t>
  </si>
  <si>
    <t>GOR-1</t>
  </si>
  <si>
    <t>Anam Siddique</t>
  </si>
  <si>
    <t>21213</t>
  </si>
  <si>
    <t>44733</t>
  </si>
  <si>
    <t>30165</t>
  </si>
  <si>
    <t>GGHS WALTON LAHORE</t>
  </si>
  <si>
    <t>walton cantt</t>
  </si>
  <si>
    <t>boy scout walton road lahore cantt</t>
  </si>
  <si>
    <t>walton</t>
  </si>
  <si>
    <t>aziz bhatti town</t>
  </si>
  <si>
    <t>32210</t>
  </si>
  <si>
    <t>30168</t>
  </si>
  <si>
    <t>GGHS AV BATA PUR</t>
  </si>
  <si>
    <t>Bata Colony</t>
  </si>
  <si>
    <t>govt av ghs bata pur lahore cantt</t>
  </si>
  <si>
    <t>bata colony</t>
  </si>
  <si>
    <t>ATOKY AWAN</t>
  </si>
  <si>
    <t>14175</t>
  </si>
  <si>
    <t>GGHS BASTI SAIDAN SHAH UPPER MALL</t>
  </si>
  <si>
    <t>Mian Meer</t>
  </si>
  <si>
    <t>Govt. Shahmim-ul-Islam Girls High School Basti Saidan Shah Upper Mall Lahore.</t>
  </si>
  <si>
    <t>Basti saidan shah</t>
  </si>
  <si>
    <t>NUSRAT PERVEEN</t>
  </si>
  <si>
    <t>30239</t>
  </si>
  <si>
    <t>GGHS LIDHAR</t>
  </si>
  <si>
    <t>govt girls high school lidher bedian road lahore</t>
  </si>
  <si>
    <t>Ms Syeda Toqeer Fatima</t>
  </si>
  <si>
    <t>GPS ANGLO ORIENTAL SAMANABAD  LAHORE</t>
  </si>
  <si>
    <t>Gulzaib colony samanabad, lhr</t>
  </si>
  <si>
    <t>31040</t>
  </si>
  <si>
    <t>30397</t>
  </si>
  <si>
    <t>GPS BALHAR</t>
  </si>
  <si>
    <t>village balhar</t>
  </si>
  <si>
    <t>Dev Kalan</t>
  </si>
  <si>
    <t>30439</t>
  </si>
  <si>
    <t>GHS MAQBOOL-E-AAM G.O.R-1</t>
  </si>
  <si>
    <t>gOR 1</t>
  </si>
  <si>
    <t>G.O. R 1 NEAR PECOM FUNCTION AREA GOR 1 MARKET</t>
  </si>
  <si>
    <t>30542</t>
  </si>
  <si>
    <t>GGHS GHOWIND LAHORE CANTT</t>
  </si>
  <si>
    <t>Village Ghawind PO Barki Lahore Cantt</t>
  </si>
  <si>
    <t>30581</t>
  </si>
  <si>
    <t>GGHS MODEL WAHDAT ROAD</t>
  </si>
  <si>
    <t>Wahdat Road</t>
  </si>
  <si>
    <t>Govt.Model Girls High School Wahdat Road Lahore</t>
  </si>
  <si>
    <t>Tehmina Zafar</t>
  </si>
  <si>
    <t>GMMS USMANIA DAROGAWALA</t>
  </si>
  <si>
    <t>bilal colony daroghawala</t>
  </si>
  <si>
    <t>110432</t>
  </si>
  <si>
    <t>30737</t>
  </si>
  <si>
    <t>GGHS CDG GULSHAN PARK</t>
  </si>
  <si>
    <t>cdg gulshanpark laL pul mughalpura lahore</t>
  </si>
  <si>
    <t>Gulshanpsrk Lalpul Mughalpura</t>
  </si>
  <si>
    <t>Rubina Hafeez</t>
  </si>
  <si>
    <t>13216</t>
  </si>
  <si>
    <t>33871</t>
  </si>
  <si>
    <t>GGPS MC UNDROON PAK GATE</t>
  </si>
  <si>
    <t>DOLAT GATE - FEMALE</t>
  </si>
  <si>
    <t>Ggps mc insidepak gate near khooni burj chowk multan</t>
  </si>
  <si>
    <t>Insidepak Gate</t>
  </si>
  <si>
    <t>Qasaab Pura</t>
  </si>
  <si>
    <t>Rubina Qureshi</t>
  </si>
  <si>
    <t>43889</t>
  </si>
  <si>
    <t>33877</t>
  </si>
  <si>
    <t>GGPS MC GAOO SHALA</t>
  </si>
  <si>
    <t>govt mc girls primary school awanpura</t>
  </si>
  <si>
    <t>City Life</t>
  </si>
  <si>
    <t>18401</t>
  </si>
  <si>
    <t>33903</t>
  </si>
  <si>
    <t>GHS SHUJABAD</t>
  </si>
  <si>
    <t>GAJJU HATTA</t>
  </si>
  <si>
    <t>OLD MULTAN ROAD NEAR MEPCO OFFICE</t>
  </si>
  <si>
    <t>23413</t>
  </si>
  <si>
    <t>33906</t>
  </si>
  <si>
    <t>GHS TODAR PUR BASTI CHUJJU SHAH SHUJABAD</t>
  </si>
  <si>
    <t>TODAR PUR</t>
  </si>
  <si>
    <t>GHS TODAR PUR SHUJABAD</t>
  </si>
  <si>
    <t>CHUJJU SHAH</t>
  </si>
  <si>
    <t>Hafiz Niaz Ahmad Khan</t>
  </si>
  <si>
    <t>23677</t>
  </si>
  <si>
    <t>22521</t>
  </si>
  <si>
    <t>33908</t>
  </si>
  <si>
    <t>GHS SARAY SHUJA ABAD CHAK SARAY TEH. SHUJABAD</t>
  </si>
  <si>
    <t>Saray</t>
  </si>
  <si>
    <t>ghs saray shujabad.</t>
  </si>
  <si>
    <t>Chak Saray</t>
  </si>
  <si>
    <t>Obara Shumali</t>
  </si>
  <si>
    <t>khursheed ahmad</t>
  </si>
  <si>
    <t>33915</t>
  </si>
  <si>
    <t>GHS JALAL PUR KHAKI SHUJABAD</t>
  </si>
  <si>
    <t>JALALPUR KHAKHI KHAKHI</t>
  </si>
  <si>
    <t>JALALPUR KHAKHI, SHUJABAD</t>
  </si>
  <si>
    <t>JALALPUR KHAKHI</t>
  </si>
  <si>
    <t>Abdul Majeed Saeedi</t>
  </si>
  <si>
    <t>33925</t>
  </si>
  <si>
    <t>GHSS RAJA RAM SHUJABAD</t>
  </si>
  <si>
    <t>rajaram</t>
  </si>
  <si>
    <t>Govt. Higher Secondary School Rajaram</t>
  </si>
  <si>
    <t>Rajaram</t>
  </si>
  <si>
    <t>RAJA RAM</t>
  </si>
  <si>
    <t>33937</t>
  </si>
  <si>
    <t>GHS RASOOL PUR 1 SHUJABAD</t>
  </si>
  <si>
    <t>rASOOL PUR</t>
  </si>
  <si>
    <t>gOVT HIGH SCHOOL RASOOL PUR TEHSIL SHUJABAD DISTRICT MULTAN</t>
  </si>
  <si>
    <t>RASOOL PUR SHAMALI</t>
  </si>
  <si>
    <t>MUHAMMAD YOUNUS</t>
  </si>
  <si>
    <t>15102</t>
  </si>
  <si>
    <t>19678</t>
  </si>
  <si>
    <t>35969</t>
  </si>
  <si>
    <t>3692</t>
  </si>
  <si>
    <t>34013</t>
  </si>
  <si>
    <t>GPS DAIRA PUR 1 P/O SIKANDARABAD SHUJABAD</t>
  </si>
  <si>
    <t>DAIRA PUR - MALE</t>
  </si>
  <si>
    <t>Daira Pur</t>
  </si>
  <si>
    <t>Guchar wali pul Daira pur shujabad</t>
  </si>
  <si>
    <t>Guchar Wali Pul</t>
  </si>
  <si>
    <t>46676</t>
  </si>
  <si>
    <t>34081</t>
  </si>
  <si>
    <t>GGPS GARDAIZ PUR BASTI HADAN WALA</t>
  </si>
  <si>
    <t>chah haddan wala moza gardez pur</t>
  </si>
  <si>
    <t>Haddan Wala</t>
  </si>
  <si>
    <t>Shahida Sahnaz</t>
  </si>
  <si>
    <t>13927</t>
  </si>
  <si>
    <t>GPS MUSTAFA ABAD</t>
  </si>
  <si>
    <t>SAHAN WALA - MALE</t>
  </si>
  <si>
    <t>basti Gh.Mustafa Rang pur  u/c noshera sharqi</t>
  </si>
  <si>
    <t>Noshara Sharqi</t>
  </si>
  <si>
    <t>54589</t>
  </si>
  <si>
    <t>GPS NEW KAN WALA</t>
  </si>
  <si>
    <t>GPS New kan wala</t>
  </si>
  <si>
    <t>Basti Jan Muhammad Marha</t>
  </si>
  <si>
    <t>Muhammad Farhan Ahmad</t>
  </si>
  <si>
    <t>GPS KAN WALA</t>
  </si>
  <si>
    <t>Kotla Rubait</t>
  </si>
  <si>
    <t>GPS kan wala moza kotla rubait  u /c chak Lassa</t>
  </si>
  <si>
    <t>Kareem Bakhsh</t>
  </si>
  <si>
    <t>50976</t>
  </si>
  <si>
    <t>GPS FAROOQ NAGAR</t>
  </si>
  <si>
    <t>PATNI</t>
  </si>
  <si>
    <t>chak ghooda basti Hazoor Bukhsh Khachi</t>
  </si>
  <si>
    <t>Basti Hazoor Bukhsh Khachi</t>
  </si>
  <si>
    <t>Peer Bux East</t>
  </si>
  <si>
    <t>GPS BASTI SOHEIN</t>
  </si>
  <si>
    <t>Sohein</t>
  </si>
  <si>
    <t>rehmat rasool colony rajanpur</t>
  </si>
  <si>
    <t>Kotla Naseer</t>
  </si>
  <si>
    <t>Muhammad Shafiq Qamar</t>
  </si>
  <si>
    <t>14029</t>
  </si>
  <si>
    <t>GPS KOTLA QAIM</t>
  </si>
  <si>
    <t>KOTLA QAIM - MALE</t>
  </si>
  <si>
    <t>Sarangwala</t>
  </si>
  <si>
    <t>Sarangwala khera farm Tehsil District. Rajanpur</t>
  </si>
  <si>
    <t>Sarange Wala</t>
  </si>
  <si>
    <t>Kotla Esan</t>
  </si>
  <si>
    <t>Muhammad Kareem Saqib</t>
  </si>
  <si>
    <t>GPS SHEHAR NINDO KHAN</t>
  </si>
  <si>
    <t>Shehar Nindoo Khan</t>
  </si>
  <si>
    <t>Mauza Shehar Nindoo Khan</t>
  </si>
  <si>
    <t>Bangla Dheengan</t>
  </si>
  <si>
    <t>Shad Muhammad</t>
  </si>
  <si>
    <t>GPS BASTI JAMALANI</t>
  </si>
  <si>
    <t>KOTLA NASEER - MALE</t>
  </si>
  <si>
    <t>Shahar Nando Khan</t>
  </si>
  <si>
    <t>Gps basti jamalani</t>
  </si>
  <si>
    <t>Basti Jamalani</t>
  </si>
  <si>
    <t>GGPS MANJHU MACHHI</t>
  </si>
  <si>
    <t>Chak Patyat</t>
  </si>
  <si>
    <t>Basti Manjhu Machi</t>
  </si>
  <si>
    <t>Manjhu Machi</t>
  </si>
  <si>
    <t>Shahzadi Mahjabeen</t>
  </si>
  <si>
    <t>14126</t>
  </si>
  <si>
    <t>GGPS MOZA NOOR PUR</t>
  </si>
  <si>
    <t>Basti Mastoi Murghai</t>
  </si>
  <si>
    <t>Aisha Riaz</t>
  </si>
  <si>
    <t>14141</t>
  </si>
  <si>
    <t>GGPS KACHI KHAN MUHAMMAD</t>
  </si>
  <si>
    <t>kotla said khan</t>
  </si>
  <si>
    <t>Basti khair muhammad gola</t>
  </si>
  <si>
    <t>KhueerMuhammad Gola</t>
  </si>
  <si>
    <t>Tabinda Saddique</t>
  </si>
  <si>
    <t>14236</t>
  </si>
  <si>
    <t>GPS THAIRI</t>
  </si>
  <si>
    <t>THAIRY</t>
  </si>
  <si>
    <t>GPS, THAIRY</t>
  </si>
  <si>
    <t>KANNU WALA</t>
  </si>
  <si>
    <t>FAIZ RASOOL</t>
  </si>
  <si>
    <t>GPS BASTI JISKANI</t>
  </si>
  <si>
    <t>GPS Basti jiskani</t>
  </si>
  <si>
    <t>Basti Jiskani</t>
  </si>
  <si>
    <t>MC Fazil pur</t>
  </si>
  <si>
    <t>GPS CHAK DATT</t>
  </si>
  <si>
    <t>Chak Datt</t>
  </si>
  <si>
    <t>mouza chak datt dakkhana jindu shah</t>
  </si>
  <si>
    <t>14259</t>
  </si>
  <si>
    <t>GPS BASTI DUNGAR</t>
  </si>
  <si>
    <t>SHIKAR PUR - MALE</t>
  </si>
  <si>
    <t>Raqba Jamrha</t>
  </si>
  <si>
    <t>word no 3 mashallah Sadiq shah rajapur</t>
  </si>
  <si>
    <t>Moza  Raqba Jamra</t>
  </si>
  <si>
    <t>14266</t>
  </si>
  <si>
    <t>GPS BASTI HAFIZ ABDUL AZIZ KHIAZAI</t>
  </si>
  <si>
    <t>Kotla Gamon</t>
  </si>
  <si>
    <t>Aasni</t>
  </si>
  <si>
    <t>Muhammad Arif Sharif</t>
  </si>
  <si>
    <t>6454</t>
  </si>
  <si>
    <t>basti bada aasni tehsil rajanpur</t>
  </si>
  <si>
    <t>54343</t>
  </si>
  <si>
    <t>GGHS TURKISH MODEL VILLAGE RAKH FAZIL PUR</t>
  </si>
  <si>
    <t>RAKH Fazilpur</t>
  </si>
  <si>
    <t>turkish model village kotla androon road fazilpur</t>
  </si>
  <si>
    <t>Miss Saima Asghar</t>
  </si>
  <si>
    <t>22620</t>
  </si>
  <si>
    <t>14132</t>
  </si>
  <si>
    <t>14315</t>
  </si>
  <si>
    <t>GPS DURI WALA</t>
  </si>
  <si>
    <t>Gayamal</t>
  </si>
  <si>
    <t>GPS durri wala u/c gayamal tehsil rojhan disst rajanpir</t>
  </si>
  <si>
    <t>Durri Wala</t>
  </si>
  <si>
    <t>14322</t>
  </si>
  <si>
    <t>GPS CHAK KARYA</t>
  </si>
  <si>
    <t>Chak Mat No 2</t>
  </si>
  <si>
    <t>Basti mowalani, chak mat no 2</t>
  </si>
  <si>
    <t>Basti Mowalani</t>
  </si>
  <si>
    <t>Matt</t>
  </si>
  <si>
    <t>Muhammad Adnan Sami</t>
  </si>
  <si>
    <t>16966</t>
  </si>
  <si>
    <t>14334</t>
  </si>
  <si>
    <t>GPS HAFEEZ ABAD</t>
  </si>
  <si>
    <t>Allah diwaya fareedi tehsil rojhan</t>
  </si>
  <si>
    <t>Basti Allah Dewaya</t>
  </si>
  <si>
    <t>Syed Najaf Ali Shah</t>
  </si>
  <si>
    <t>GPS BASTI GANDI</t>
  </si>
  <si>
    <t>Umer kot</t>
  </si>
  <si>
    <t>basti Wahid Bux Garani umer kot Tehsil rojhan district Rajan pur</t>
  </si>
  <si>
    <t>Basti Wahid Bux Garani</t>
  </si>
  <si>
    <t>UMERKOT</t>
  </si>
  <si>
    <t>14341</t>
  </si>
  <si>
    <t>GPS DERA SARWAR</t>
  </si>
  <si>
    <t>Gada Nar</t>
  </si>
  <si>
    <t>Uc gada nar basti muhammad murad tehsil rojhan disst rajan pur</t>
  </si>
  <si>
    <t>Basti Muhammad Murad</t>
  </si>
  <si>
    <t>Muhammad Ramzan Saqib</t>
  </si>
  <si>
    <t>GPS QAZI QUARTERS</t>
  </si>
  <si>
    <t>Chak Mat#1</t>
  </si>
  <si>
    <t>Chak mat#1</t>
  </si>
  <si>
    <t>Meer Ahmad</t>
  </si>
  <si>
    <t>14353</t>
  </si>
  <si>
    <t>GPS HABIB ULLAH NO. 1</t>
  </si>
  <si>
    <t>Mouza Wah Machka Basti Jam Ameer Bakhsh Chack Mut  (60) P/O Rojhan Tehsil Rojhan District Rajanpur</t>
  </si>
  <si>
    <t>Jam Ameer Bakhsh</t>
  </si>
  <si>
    <t>14366</t>
  </si>
  <si>
    <t>GPS WAH MACHIKA</t>
  </si>
  <si>
    <t>umer kot</t>
  </si>
  <si>
    <t>Basti Khawand Bux Lanjwani</t>
  </si>
  <si>
    <t>GPS MAOJ DIN</t>
  </si>
  <si>
    <t>KACHA CHOHAN - MALE</t>
  </si>
  <si>
    <t>Kacha Chohan</t>
  </si>
  <si>
    <t>Basti Mauj Deen moza kacha chohan</t>
  </si>
  <si>
    <t>Basti Mauj Deen</t>
  </si>
  <si>
    <t>14379</t>
  </si>
  <si>
    <t>Gadanaar</t>
  </si>
  <si>
    <t>basti Haji Ghulam Rasool u/c shahwali</t>
  </si>
  <si>
    <t>Basti Haji Ghulam Rasool</t>
  </si>
  <si>
    <t>14383</t>
  </si>
  <si>
    <t>GPS MIANI MEHMOOD</t>
  </si>
  <si>
    <t>basti jam Rahim bukhsh</t>
  </si>
  <si>
    <t>Jam Rahim Bux Somra</t>
  </si>
  <si>
    <t>Mukhtar Ahmad Faridi</t>
  </si>
  <si>
    <t>GPS KACHA MIANWALI NO. 1</t>
  </si>
  <si>
    <t>Kacha Mianwli No  1</t>
  </si>
  <si>
    <t>Kacha  Mianwali</t>
  </si>
  <si>
    <t>Kacha Mianwali  No  1</t>
  </si>
  <si>
    <t>Kacha Mianwali</t>
  </si>
  <si>
    <t>Hassan Bakhsh</t>
  </si>
  <si>
    <t>GPS JAFFAR CHACHAR</t>
  </si>
  <si>
    <t>Kacha Mianwali # 1</t>
  </si>
  <si>
    <t>basti Jaffar chachar</t>
  </si>
  <si>
    <t>Jaffar Chachar</t>
  </si>
  <si>
    <t>Abdull Qadeer Khan</t>
  </si>
  <si>
    <t>43982</t>
  </si>
  <si>
    <t>GPS IMAM SHAH</t>
  </si>
  <si>
    <t>Basti Sachal Khan Mazari, Kacha Chohan.</t>
  </si>
  <si>
    <t>Basti Sachal Khan Mazari</t>
  </si>
  <si>
    <t>7164</t>
  </si>
  <si>
    <t>4664</t>
  </si>
  <si>
    <t>14404</t>
  </si>
  <si>
    <t>GPS MUD MUHAMMAD SHAH</t>
  </si>
  <si>
    <t>check saleem abad mud muhammad shah</t>
  </si>
  <si>
    <t>Sajad Ahmad</t>
  </si>
  <si>
    <t>GPS BADLI</t>
  </si>
  <si>
    <t>Kotla Gulsher</t>
  </si>
  <si>
    <t>basti rasool buksh umerkot</t>
  </si>
  <si>
    <t>Basti Mushtaq Machi</t>
  </si>
  <si>
    <t>Muhammad Mehran</t>
  </si>
  <si>
    <t>14407</t>
  </si>
  <si>
    <t>GPS MUBARAK SAMAIJA NO. 1</t>
  </si>
  <si>
    <t>BANGLA ICHHA - MALE</t>
  </si>
  <si>
    <t>Kacha Razi</t>
  </si>
  <si>
    <t>kacha razi tehsil rojhan</t>
  </si>
  <si>
    <t>Kacha razi</t>
  </si>
  <si>
    <t>Zulifqar Ali Dashti</t>
  </si>
  <si>
    <t>14413</t>
  </si>
  <si>
    <t>GPS KOT ALLAH BUX</t>
  </si>
  <si>
    <t>dera dildar basti Allah Bux chachar rojhan</t>
  </si>
  <si>
    <t>Allah BUX  Chachar</t>
  </si>
  <si>
    <t>Musharraf Hussain Hasni</t>
  </si>
  <si>
    <t>GGES SOON MIANI NO. 1</t>
  </si>
  <si>
    <t>Tarkaabad</t>
  </si>
  <si>
    <t>bnglahidayt</t>
  </si>
  <si>
    <t>Bnglahidayt</t>
  </si>
  <si>
    <t>14423</t>
  </si>
  <si>
    <t>GMPS SOON MIANI NO. 2</t>
  </si>
  <si>
    <t>Soon Miani</t>
  </si>
  <si>
    <t>Basti jam Sultan  khalti</t>
  </si>
  <si>
    <t>Jam Sultan Mahmood Khalti</t>
  </si>
  <si>
    <t>IMAM DEEN</t>
  </si>
  <si>
    <t>GMPS MALOOK WALI</t>
  </si>
  <si>
    <t>KACHA MIAN WALI 2</t>
  </si>
  <si>
    <t>BASTI SIBGHAT ULLAH KACHA MIAN WALI No2</t>
  </si>
  <si>
    <t>BASTI SIBGAT ULLAH</t>
  </si>
  <si>
    <t>Abida Mazari</t>
  </si>
  <si>
    <t>45540</t>
  </si>
  <si>
    <t>GGPS KACHA CHOHAN</t>
  </si>
  <si>
    <t>basti punjabi tehsil rojhan district rajanpur</t>
  </si>
  <si>
    <t>Basti Elahi Bux</t>
  </si>
  <si>
    <t>GGPS KOTLA HAMAL</t>
  </si>
  <si>
    <t>nazia1756@gmail.com</t>
  </si>
  <si>
    <t>Basti Haji Tota Ghandi</t>
  </si>
  <si>
    <t>Nazia Mushtaq</t>
  </si>
  <si>
    <t>54113</t>
  </si>
  <si>
    <t>GGPS BASTI BUDHA MALIK</t>
  </si>
  <si>
    <t>Rakh Kacha Chohan</t>
  </si>
  <si>
    <t>basti makora rakh kacha chohan tahsil rojhan zila rajan pur</t>
  </si>
  <si>
    <t>Basti Makora</t>
  </si>
  <si>
    <t>GGPS MIANI MEHMOOD NO. 1</t>
  </si>
  <si>
    <t>ROJHAN H/Q - FEMALE</t>
  </si>
  <si>
    <t>Ù…ÙˆØ¶Ø¹ Ø±Ú©Ú¾ Ù‚Ø§Ø¯Ø±Û Ù…Ø±Ú©Ø² Ø±ÙˆØ¬Ú¾Ø§Ù†</t>
  </si>
  <si>
    <t>Basti Balachani</t>
  </si>
  <si>
    <t>31643</t>
  </si>
  <si>
    <t>GGPS BANGLA ICHHA</t>
  </si>
  <si>
    <t>Gaman Malik</t>
  </si>
  <si>
    <t>Basti Gaman BANGLA icha</t>
  </si>
  <si>
    <t>IBestI Gaman Malik</t>
  </si>
  <si>
    <t>14462</t>
  </si>
  <si>
    <t>GPS BEHRAM KHAN</t>
  </si>
  <si>
    <t>GPS bahram khan Basti Muhammad deen</t>
  </si>
  <si>
    <t>Basti Muhammad Deen</t>
  </si>
  <si>
    <t>Shahik Hussain</t>
  </si>
  <si>
    <t>14472</t>
  </si>
  <si>
    <t>Rakh Kacha Chauhan</t>
  </si>
  <si>
    <t>basti karim bukhsh chandeer</t>
  </si>
  <si>
    <t>Basti Karim Bukhsh Chandeer</t>
  </si>
  <si>
    <t>14486</t>
  </si>
  <si>
    <t>GPS BASTI ISHAQ</t>
  </si>
  <si>
    <t>basti thara manjhani, gianmal, rojhan.</t>
  </si>
  <si>
    <t>Thara Manjhani</t>
  </si>
  <si>
    <t>Ghulam Abbass Saqib</t>
  </si>
  <si>
    <t>54336</t>
  </si>
  <si>
    <t>GPS TURKISH MODEL VILLAGE SAFDAR ABAD</t>
  </si>
  <si>
    <t>model village sfdarabaf</t>
  </si>
  <si>
    <t>Noman Habib</t>
  </si>
  <si>
    <t>46685</t>
  </si>
  <si>
    <t>14689</t>
  </si>
  <si>
    <t>GGHS CHAK 203 RB II SHAMAS ABAD</t>
  </si>
  <si>
    <t>203 RB</t>
  </si>
  <si>
    <t>chak no 203 RB SHAMASABAD</t>
  </si>
  <si>
    <t>SHAMASABAD</t>
  </si>
  <si>
    <t>203 RB 203 RB SHAMASABAD</t>
  </si>
  <si>
    <t>SHAKILA BABY</t>
  </si>
  <si>
    <t>purchase  water</t>
  </si>
  <si>
    <t>52793</t>
  </si>
  <si>
    <t>14809</t>
  </si>
  <si>
    <t>GGPS MOZA SAID PURA</t>
  </si>
  <si>
    <t>Said Pura</t>
  </si>
  <si>
    <t>Ggps moza said pura</t>
  </si>
  <si>
    <t>647/GB Kot Balkram</t>
  </si>
  <si>
    <t>Pakeeza Rasheed</t>
  </si>
  <si>
    <t>14811</t>
  </si>
  <si>
    <t>GPS THATA MENACA PO 580 GB</t>
  </si>
  <si>
    <t>Dana Abad</t>
  </si>
  <si>
    <t>thatta meenaka jaranwala fsd</t>
  </si>
  <si>
    <t>Thatta Meenaka</t>
  </si>
  <si>
    <t>378/GB</t>
  </si>
  <si>
    <t>GPS CHAK 216 RB II</t>
  </si>
  <si>
    <t>Chota Muhammad Wala</t>
  </si>
  <si>
    <t>216 rb chota Muhammad walla khurd</t>
  </si>
  <si>
    <t>216 Rb  Khurd</t>
  </si>
  <si>
    <t>109/RB RODA</t>
  </si>
  <si>
    <t>Hafiz Abdullah Husnain Baig</t>
  </si>
  <si>
    <t>23549</t>
  </si>
  <si>
    <t>23504</t>
  </si>
  <si>
    <t>48887</t>
  </si>
  <si>
    <t>GGPS CHAK 563 GB II LUNDIANWALA</t>
  </si>
  <si>
    <t>Buggay Mahal</t>
  </si>
  <si>
    <t>563GB11 Buggay mahal tehsil jrw</t>
  </si>
  <si>
    <t>563GB11 Buggay Mahal</t>
  </si>
  <si>
    <t>562/GB</t>
  </si>
  <si>
    <t>Ishrat Jabeen</t>
  </si>
  <si>
    <t>15142</t>
  </si>
  <si>
    <t>GGPS CHAK NO 627 GB</t>
  </si>
  <si>
    <t>See Ka</t>
  </si>
  <si>
    <t>ggps627gb</t>
  </si>
  <si>
    <t>627 See ChAk</t>
  </si>
  <si>
    <t>650/1 GB</t>
  </si>
  <si>
    <t>15176</t>
  </si>
  <si>
    <t>GGPS 377 GB I</t>
  </si>
  <si>
    <t>377 Budhy Ka Chak</t>
  </si>
  <si>
    <t>chak no 377 GB 1</t>
  </si>
  <si>
    <t>377 GB1</t>
  </si>
  <si>
    <t>363/GB Sammi di Jhok</t>
  </si>
  <si>
    <t>15177</t>
  </si>
  <si>
    <t>GGPS CHAK 377 GB II SATIANA</t>
  </si>
  <si>
    <t>377/llgb</t>
  </si>
  <si>
    <t>377  GB  ll</t>
  </si>
  <si>
    <t>Nisreen Fatima</t>
  </si>
  <si>
    <t>14769</t>
  </si>
  <si>
    <t>15179</t>
  </si>
  <si>
    <t>GGPS CHAK 436 GB I SATIANA</t>
  </si>
  <si>
    <t>Chak 436 Gb North</t>
  </si>
  <si>
    <t>chak 436 Gb north</t>
  </si>
  <si>
    <t>436 GB North</t>
  </si>
  <si>
    <t>364/GB</t>
  </si>
  <si>
    <t>GGPS CHAK 363 GB II SATIANA</t>
  </si>
  <si>
    <t>Sammi D Jhok</t>
  </si>
  <si>
    <t>363 GB II. Ghoni jhal. Satiana. tehsil Jaranwala. Dist. Faisalabad.</t>
  </si>
  <si>
    <t>363 GB II</t>
  </si>
  <si>
    <t>mamoona yasmeen</t>
  </si>
  <si>
    <t>2391</t>
  </si>
  <si>
    <t>15203</t>
  </si>
  <si>
    <t>GGPS CHAK 280 GB I SATNA</t>
  </si>
  <si>
    <t>DANAABAD - FEMALE</t>
  </si>
  <si>
    <t>Majka Chak</t>
  </si>
  <si>
    <t>280 GB teshil jaranwala</t>
  </si>
  <si>
    <t>280GB</t>
  </si>
  <si>
    <t>282/GB</t>
  </si>
  <si>
    <t>Tamsila Noreen</t>
  </si>
  <si>
    <t>15211</t>
  </si>
  <si>
    <t>GGPS CHAK NO. 59 RB II</t>
  </si>
  <si>
    <t>Gandi Wend</t>
  </si>
  <si>
    <t>59 RB II</t>
  </si>
  <si>
    <t>58/RB Ratta Joya</t>
  </si>
  <si>
    <t>Amina Tabasum</t>
  </si>
  <si>
    <t>15366</t>
  </si>
  <si>
    <t>GHS CHAK NO 61 GB FSD</t>
  </si>
  <si>
    <t>Chak No 61 GB</t>
  </si>
  <si>
    <t>chak no 61 g b jaranwala</t>
  </si>
  <si>
    <t>61/GB</t>
  </si>
  <si>
    <t>Allah Ditta Najmi</t>
  </si>
  <si>
    <t>9717</t>
  </si>
  <si>
    <t>11479</t>
  </si>
  <si>
    <t>54645</t>
  </si>
  <si>
    <t>GGPS 580 GB</t>
  </si>
  <si>
    <t>Danabad</t>
  </si>
  <si>
    <t>chak no 580 gb</t>
  </si>
  <si>
    <t>Chak #580 Gb</t>
  </si>
  <si>
    <t>Chak#378 Gb</t>
  </si>
  <si>
    <t>cooler filled with water</t>
  </si>
  <si>
    <t>7129</t>
  </si>
  <si>
    <t>54729</t>
  </si>
  <si>
    <t>GGPS 567 GB III</t>
  </si>
  <si>
    <t>567gbIII</t>
  </si>
  <si>
    <t>566/GB Namdar</t>
  </si>
  <si>
    <t>saima shahzadi</t>
  </si>
  <si>
    <t>GGPS CHAK 387 GB II SAMUNDRI</t>
  </si>
  <si>
    <t>387 2  Nd</t>
  </si>
  <si>
    <t>chak no 387 gb 2nd</t>
  </si>
  <si>
    <t>387 Gb 2nd</t>
  </si>
  <si>
    <t>388/GB</t>
  </si>
  <si>
    <t>ZaibuNisa</t>
  </si>
  <si>
    <t>15692</t>
  </si>
  <si>
    <t>GHS ZAMINDARA ISLAMIA CHAK 177 GB SAMUNDRI</t>
  </si>
  <si>
    <t>CHAK 177GB</t>
  </si>
  <si>
    <t>GOVT. HIGH SCHOOL 177GB SAMUNDRI FAISALABAD</t>
  </si>
  <si>
    <t>CHAK NO 175GB</t>
  </si>
  <si>
    <t>GHS CHAK 210 GB SAMUNDRI FSD</t>
  </si>
  <si>
    <t>210 Lakhan</t>
  </si>
  <si>
    <t>chak no 210 gb</t>
  </si>
  <si>
    <t>210gb</t>
  </si>
  <si>
    <t>211/GB</t>
  </si>
  <si>
    <t>khalid Zubair</t>
  </si>
  <si>
    <t>33584</t>
  </si>
  <si>
    <t>16069</t>
  </si>
  <si>
    <t>GES 219 RB</t>
  </si>
  <si>
    <t>Sher Sing Wala</t>
  </si>
  <si>
    <t>219 RB sher sing wala fsd</t>
  </si>
  <si>
    <t>219/RB Talianwala</t>
  </si>
  <si>
    <t>Muhammad Tariq Javed</t>
  </si>
  <si>
    <t>16236</t>
  </si>
  <si>
    <t>GGHS CHAK NO.274 JB</t>
  </si>
  <si>
    <t>Near Painsara</t>
  </si>
  <si>
    <t>chak# 274jb serhala kalan fsd</t>
  </si>
  <si>
    <t>41 Jb</t>
  </si>
  <si>
    <t>GGPS CHAK NO. 153 RB I BHROKEY</t>
  </si>
  <si>
    <t>Chak no 153rb bharoky</t>
  </si>
  <si>
    <t>Bharoky</t>
  </si>
  <si>
    <t>146/RB Dao Wala</t>
  </si>
  <si>
    <t>28058</t>
  </si>
  <si>
    <t>16446</t>
  </si>
  <si>
    <t>GHS CHAK 103 JB BARNALA FSD</t>
  </si>
  <si>
    <t>Chak no 103 JB Barnala Teh jhumra Distt. Faisalabad</t>
  </si>
  <si>
    <t>Barnala</t>
  </si>
  <si>
    <t>102/JB BurjMandi</t>
  </si>
  <si>
    <t>MUHAMMAD ARIF ASKARI</t>
  </si>
  <si>
    <t>GGPS THATHA PHULARWAN</t>
  </si>
  <si>
    <t>Thatha phulrwan moza kur</t>
  </si>
  <si>
    <t>Thatha Phulrwan</t>
  </si>
  <si>
    <t>597/GB</t>
  </si>
  <si>
    <t>Rabia Hayat</t>
  </si>
  <si>
    <t>GPS CHAK 405 GB TANDLIANWALA FSD</t>
  </si>
  <si>
    <t>Chak No 405 Gb</t>
  </si>
  <si>
    <t>405/GB</t>
  </si>
  <si>
    <t>Muazam Nadeem</t>
  </si>
  <si>
    <t>19458</t>
  </si>
  <si>
    <t>16525</t>
  </si>
  <si>
    <t>GPS DHODHARA</t>
  </si>
  <si>
    <t>Dhodhara</t>
  </si>
  <si>
    <t>GPS Mouza Dhodhara tehsil tandliawala district faisalabad</t>
  </si>
  <si>
    <t>Mouza Dhodhara</t>
  </si>
  <si>
    <t>Chak Jhamra</t>
  </si>
  <si>
    <t>Asiad Ali</t>
  </si>
  <si>
    <t>7348</t>
  </si>
  <si>
    <t>25847</t>
  </si>
  <si>
    <t>34088</t>
  </si>
  <si>
    <t>GMPS CHOTAIN SHARIF</t>
  </si>
  <si>
    <t>Chotain Sharif</t>
  </si>
  <si>
    <t>chotain sharif shujabad</t>
  </si>
  <si>
    <t>BAGRAIN</t>
  </si>
  <si>
    <t>Shahida Farah Naz</t>
  </si>
  <si>
    <t>51069</t>
  </si>
  <si>
    <t>34158</t>
  </si>
  <si>
    <t>GGPS BASTI DAD SHUJABAD MULTAN</t>
  </si>
  <si>
    <t>GGPS bastidad</t>
  </si>
  <si>
    <t>Shah Mosa</t>
  </si>
  <si>
    <t>BIQEES AKHTER</t>
  </si>
  <si>
    <t>34209</t>
  </si>
  <si>
    <t>GHSS AILAM PUR NEAR ADDA BOSAN</t>
  </si>
  <si>
    <t>Ailampur</t>
  </si>
  <si>
    <t>Band bosan Ailampur Multan</t>
  </si>
  <si>
    <t>Muhammad Jamil Khalid</t>
  </si>
  <si>
    <t>34214</t>
  </si>
  <si>
    <t>GGHSS TATEY PUR</t>
  </si>
  <si>
    <t>GGHSS Taty Pur Multan P/O Taty Pur</t>
  </si>
  <si>
    <t>34216</t>
  </si>
  <si>
    <t>GHS LUTAFABAD BOSAN ROAD MULTAN</t>
  </si>
  <si>
    <t>Lutfabad</t>
  </si>
  <si>
    <t>basti Lutfabad bosan road multan</t>
  </si>
  <si>
    <t>Junaid Iqbal</t>
  </si>
  <si>
    <t>GHS KHAN PUR MARAL VIA MAKHDOOM RASHID MULTAN</t>
  </si>
  <si>
    <t>Khan Pur Maral</t>
  </si>
  <si>
    <t>khan pur maral via makhdoom rasheed multan</t>
  </si>
  <si>
    <t>NASIR ABBAS</t>
  </si>
  <si>
    <t>GHS CHAK 5/MR P.O. MAKHDOOM RASHID MULTAN</t>
  </si>
  <si>
    <t>CHAK 5-MR , MAKHDOOM RASHEED(mULTAN)</t>
  </si>
  <si>
    <t>Chak No. 5-MR (Multan)</t>
  </si>
  <si>
    <t>2/MR</t>
  </si>
  <si>
    <t>Mussart Hasnain Shah</t>
  </si>
  <si>
    <t>GHSS AYAZ ABAD MARAL MULTAN</t>
  </si>
  <si>
    <t>AyyazAbad Marral Multan</t>
  </si>
  <si>
    <t>Ayyaz Abad Marral</t>
  </si>
  <si>
    <t>Ayazabad Maral</t>
  </si>
  <si>
    <t>MUSHARRAF NAWAZ</t>
  </si>
  <si>
    <t>34238</t>
  </si>
  <si>
    <t>GHSS QADIR PUR LAR BAHAWALPUR ROAD ADDA BASIRA</t>
  </si>
  <si>
    <t>qadir pur lar</t>
  </si>
  <si>
    <t>34240</t>
  </si>
  <si>
    <t>GHS KOTLA MAHARAN  P.O. MULTANI WALA</t>
  </si>
  <si>
    <t>kotla maharan</t>
  </si>
  <si>
    <t>kotla maharan p/o multani wala teh multan sadar dist mtn</t>
  </si>
  <si>
    <t>GHS KOT GUJRAN MULTAN</t>
  </si>
  <si>
    <t>Kothey Wala</t>
  </si>
  <si>
    <t>Govt. High School Kot Gujran Tehsil Multan Distt. Multan</t>
  </si>
  <si>
    <t>Basti Kot Gujran</t>
  </si>
  <si>
    <t>malik sabir hussain</t>
  </si>
  <si>
    <t>13564</t>
  </si>
  <si>
    <t>27351</t>
  </si>
  <si>
    <t>GES MODHORA KALAN</t>
  </si>
  <si>
    <t>Madhora Kalan</t>
  </si>
  <si>
    <t>madhora kalan the pindibhattian  distt Hafiz abad</t>
  </si>
  <si>
    <t>18936</t>
  </si>
  <si>
    <t>14757</t>
  </si>
  <si>
    <t>17196</t>
  </si>
  <si>
    <t>27352</t>
  </si>
  <si>
    <t>GHS MIRZA BHANG SINKA</t>
  </si>
  <si>
    <t>Pindi Bhattian</t>
  </si>
  <si>
    <t>Mirza Bhangsinka tehsil Pindi Bhattian</t>
  </si>
  <si>
    <t>Mirza Bhangsinka</t>
  </si>
  <si>
    <t>Wijhwan</t>
  </si>
  <si>
    <t>Kamran Nasir</t>
  </si>
  <si>
    <t>53620</t>
  </si>
  <si>
    <t>GPS THATTA RAHMAN</t>
  </si>
  <si>
    <t>MAHMOOD PUR -MALE</t>
  </si>
  <si>
    <t>Thatha Rehman</t>
  </si>
  <si>
    <t>thatha rehman p/o jalalpur bhattian dist: hafizabad</t>
  </si>
  <si>
    <t>Thatha rehman</t>
  </si>
  <si>
    <t>Muhammad Jahan Zab</t>
  </si>
  <si>
    <t>27412</t>
  </si>
  <si>
    <t>GMPS GARRHI WAHAB</t>
  </si>
  <si>
    <t>THATHA JAHAD AMEER WALA - FEMALE</t>
  </si>
  <si>
    <t>Garhi Wahab</t>
  </si>
  <si>
    <t>Govt Model Primary School Garhi Wahab</t>
  </si>
  <si>
    <t>Kassesay</t>
  </si>
  <si>
    <t>Mohammed Arif</t>
  </si>
  <si>
    <t>27421</t>
  </si>
  <si>
    <t>GMPS THATHA MONA SALABAT</t>
  </si>
  <si>
    <t>Thatha  Mona Salabat Salabat</t>
  </si>
  <si>
    <t>govt girls model primary school</t>
  </si>
  <si>
    <t>Ththa Mona Salabat</t>
  </si>
  <si>
    <t>zeenat rani</t>
  </si>
  <si>
    <t>5323</t>
  </si>
  <si>
    <t>27435</t>
  </si>
  <si>
    <t>GGPS DHALKE KALAN</t>
  </si>
  <si>
    <t>PARANEKI - FEMALE</t>
  </si>
  <si>
    <t>Dhalk E Kalan</t>
  </si>
  <si>
    <t>ggps dhalk e kalan</t>
  </si>
  <si>
    <t>GGPS TAN PURA</t>
  </si>
  <si>
    <t>MAHMOOD PUR - FEMALE</t>
  </si>
  <si>
    <t>Tan Pura</t>
  </si>
  <si>
    <t>kot alam khalan</t>
  </si>
  <si>
    <t>Khuram Chorera</t>
  </si>
  <si>
    <t>Nazia Bashir</t>
  </si>
  <si>
    <t>27459</t>
  </si>
  <si>
    <t>GPS HAVELI MIDHIANI</t>
  </si>
  <si>
    <t>PINDI BHATTIAN - MALE</t>
  </si>
  <si>
    <t>Haveli Midhiani</t>
  </si>
  <si>
    <t>Haveli Midhiani p/o pindi bhattian</t>
  </si>
  <si>
    <t>Thatha Karimdad</t>
  </si>
  <si>
    <t>3779</t>
  </si>
  <si>
    <t>GPS CHATTAR WALA</t>
  </si>
  <si>
    <t>dera maan kot nakka pindi bhattian hafizabad</t>
  </si>
  <si>
    <t>Dera Maan</t>
  </si>
  <si>
    <t>Malik Usman Haider</t>
  </si>
  <si>
    <t>6708</t>
  </si>
  <si>
    <t>27461</t>
  </si>
  <si>
    <t>GPS BANGLA MAJHIANI</t>
  </si>
  <si>
    <t>bangla majhiani vpo kot nakka tehsil pindi bhattian distt. hafizabad</t>
  </si>
  <si>
    <t>Bangla Majhiani</t>
  </si>
  <si>
    <t>Imtiaz HUSSAIN</t>
  </si>
  <si>
    <t>6938</t>
  </si>
  <si>
    <t>9734</t>
  </si>
  <si>
    <t>27464</t>
  </si>
  <si>
    <t>GPS DERA NADIR SHAH</t>
  </si>
  <si>
    <t>KISHAN GARAH - MALE</t>
  </si>
  <si>
    <t>Dera Nadir Shah</t>
  </si>
  <si>
    <t>GPS Dera Nadir Shah tehsil Pindi Bhattian</t>
  </si>
  <si>
    <t>Muhammad Atiq Ul  Rehman</t>
  </si>
  <si>
    <t>54601</t>
  </si>
  <si>
    <t>GPS SODANA</t>
  </si>
  <si>
    <t>sodana p/o mustafa abad teh pindi bhattian distt hafizabad</t>
  </si>
  <si>
    <t>Sodana</t>
  </si>
  <si>
    <t>5339</t>
  </si>
  <si>
    <t>27468</t>
  </si>
  <si>
    <t>GPS CHADHARAN WALA</t>
  </si>
  <si>
    <t>THATTI ASAISH - MALE</t>
  </si>
  <si>
    <t>Chadhranwala</t>
  </si>
  <si>
    <t>Gps chadhranwala tehsil pindi bhattian distric hafizabad</t>
  </si>
  <si>
    <t>Mirza Irshad Ullah</t>
  </si>
  <si>
    <t>7765</t>
  </si>
  <si>
    <t>27470</t>
  </si>
  <si>
    <t>GPS PUMP SHAH NAWAZ</t>
  </si>
  <si>
    <t>Pump Shah Nawaz</t>
  </si>
  <si>
    <t>Pump Shah Nawaz Ghubrika</t>
  </si>
  <si>
    <t>Badar Ali</t>
  </si>
  <si>
    <t>GPS TIBBA SHAH BEHLOL</t>
  </si>
  <si>
    <t>tiba shah behlol</t>
  </si>
  <si>
    <t>Tiba Shah Behlol</t>
  </si>
  <si>
    <t>27482</t>
  </si>
  <si>
    <t>GPS KHURRAM JAWAYA</t>
  </si>
  <si>
    <t>Khuram Jawaya</t>
  </si>
  <si>
    <t>khuram jawaya</t>
  </si>
  <si>
    <t>2123</t>
  </si>
  <si>
    <t>14627</t>
  </si>
  <si>
    <t>5326</t>
  </si>
  <si>
    <t>27484</t>
  </si>
  <si>
    <t>GPS KASSESEY</t>
  </si>
  <si>
    <t>PARANKE - MALE</t>
  </si>
  <si>
    <t>kassesay</t>
  </si>
  <si>
    <t>35107</t>
  </si>
  <si>
    <t>27487</t>
  </si>
  <si>
    <t>GPS KHICHHI LALERA</t>
  </si>
  <si>
    <t>Khichhi Lalera</t>
  </si>
  <si>
    <t>vllage khichhi lalera tehsil pindi bhattian district hafizabad.</t>
  </si>
  <si>
    <t>AAshiq Hussain</t>
  </si>
  <si>
    <t>8729</t>
  </si>
  <si>
    <t>27491</t>
  </si>
  <si>
    <t>GGPS BAHU MAN</t>
  </si>
  <si>
    <t>ggps bahuman</t>
  </si>
  <si>
    <t>Hatha Khairo Matmal</t>
  </si>
  <si>
    <t>Mehmoona Saqi</t>
  </si>
  <si>
    <t>27495</t>
  </si>
  <si>
    <t>GGPS WAJHOWAN</t>
  </si>
  <si>
    <t>village and p/ o wijhwan telsil pindi bhattian z(hfd)</t>
  </si>
  <si>
    <t>Rehana Kusef</t>
  </si>
  <si>
    <t>27501</t>
  </si>
  <si>
    <t>GPS JHOTIAN WALA</t>
  </si>
  <si>
    <t>,G P S Jhottian Wala Teh Pindi Bhattian. Distt Hafiz Abad</t>
  </si>
  <si>
    <t>Daira Oodan</t>
  </si>
  <si>
    <t>Rana Tariq Mehmood</t>
  </si>
  <si>
    <t>13970</t>
  </si>
  <si>
    <t>27505</t>
  </si>
  <si>
    <t>GGHSS SUKHEKE MANDI RAILWAY ROAD</t>
  </si>
  <si>
    <t>GGHSS SUKHEKE MANDI</t>
  </si>
  <si>
    <t>Mussarat Kousar</t>
  </si>
  <si>
    <t>27507</t>
  </si>
  <si>
    <t>GHS NOTHEEN</t>
  </si>
  <si>
    <t>Nothen</t>
  </si>
  <si>
    <t>nauthen</t>
  </si>
  <si>
    <t>kashif nadeem</t>
  </si>
  <si>
    <t>27524</t>
  </si>
  <si>
    <t>GGPS KAWAN WALI</t>
  </si>
  <si>
    <t>Kanwanwali</t>
  </si>
  <si>
    <t>kanwanwali post office rattian arrian district hafizabad</t>
  </si>
  <si>
    <t>SAIMA RAZIQ</t>
  </si>
  <si>
    <t>27564</t>
  </si>
  <si>
    <t>GPS ATLAY REHMAN</t>
  </si>
  <si>
    <t>BHOBHRA - MALE</t>
  </si>
  <si>
    <t>Atlay Rehman</t>
  </si>
  <si>
    <t>Atlay rehman sukheke</t>
  </si>
  <si>
    <t>Bhobara</t>
  </si>
  <si>
    <t>Nasir Khan</t>
  </si>
  <si>
    <t>6547</t>
  </si>
  <si>
    <t>27602</t>
  </si>
  <si>
    <t>GPS MALAHAN WALA GONDAL</t>
  </si>
  <si>
    <t>malahaanwala gondal</t>
  </si>
  <si>
    <t>malahaanwala gondal hafiz abad</t>
  </si>
  <si>
    <t>Omer draz</t>
  </si>
  <si>
    <t>27604</t>
  </si>
  <si>
    <t>GPS MAHI WAL</t>
  </si>
  <si>
    <t>Mahiwal</t>
  </si>
  <si>
    <t>GPS mahiwal  Teh. Pindi Bhattian Distt. Hafiz Abad</t>
  </si>
  <si>
    <t>Muhammad Adrees</t>
  </si>
  <si>
    <t>27606</t>
  </si>
  <si>
    <t>GPS JALOKE SARGANA</t>
  </si>
  <si>
    <t>Jalloke Sargana</t>
  </si>
  <si>
    <t>Muhammad Naeem Khalid</t>
  </si>
  <si>
    <t>12471</t>
  </si>
  <si>
    <t>33702</t>
  </si>
  <si>
    <t>5324</t>
  </si>
  <si>
    <t>27607</t>
  </si>
  <si>
    <t>GPS JAGGAN WALA</t>
  </si>
  <si>
    <t>MOWAN - MALE</t>
  </si>
  <si>
    <t>Jagganwala</t>
  </si>
  <si>
    <t>Jagganwala p/o sukheki mandi thesil pindi bhatti hafizabad</t>
  </si>
  <si>
    <t>27652</t>
  </si>
  <si>
    <t>GGHS BADSHAH PUR</t>
  </si>
  <si>
    <t>Badshapur</t>
  </si>
  <si>
    <t>badshahpur</t>
  </si>
  <si>
    <t>Badshahpur</t>
  </si>
  <si>
    <t>Tehseen Sadaf</t>
  </si>
  <si>
    <t>23551</t>
  </si>
  <si>
    <t>27741</t>
  </si>
  <si>
    <t>GPS ATKAN PUR</t>
  </si>
  <si>
    <t>Farm No 5</t>
  </si>
  <si>
    <t>atkan pur mona depot</t>
  </si>
  <si>
    <t>atkan pur</t>
  </si>
  <si>
    <t>Kaneez fatima</t>
  </si>
  <si>
    <t>20188</t>
  </si>
  <si>
    <t>31838</t>
  </si>
  <si>
    <t>27806</t>
  </si>
  <si>
    <t>GGPS TIBBA MANAK</t>
  </si>
  <si>
    <t>Tibba Manak</t>
  </si>
  <si>
    <t>tibba manak bosal</t>
  </si>
  <si>
    <t>Adeela Riaz</t>
  </si>
  <si>
    <t>5501</t>
  </si>
  <si>
    <t>4961</t>
  </si>
  <si>
    <t>27869</t>
  </si>
  <si>
    <t>GHSS BHIKHI SHARIF</t>
  </si>
  <si>
    <t>BHIKHI SHARIF</t>
  </si>
  <si>
    <t>VPO BHIKHI SHARIF,TEH &amp; DISTT MBDIN</t>
  </si>
  <si>
    <t>AURANGZEB GONDAL</t>
  </si>
  <si>
    <t>27890</t>
  </si>
  <si>
    <t>GHS MONG</t>
  </si>
  <si>
    <t>Mong</t>
  </si>
  <si>
    <t>RASUL ROAD MANDI BAHAUDDIN</t>
  </si>
  <si>
    <t>MONG</t>
  </si>
  <si>
    <t>sultan ahmed</t>
  </si>
  <si>
    <t>v.P.O MANGAT</t>
  </si>
  <si>
    <t>Muhammad Arshad Mahmood</t>
  </si>
  <si>
    <t>27912</t>
  </si>
  <si>
    <t>GHS CHAK FATEH SHAH</t>
  </si>
  <si>
    <t>Chak Fateh Shah</t>
  </si>
  <si>
    <t>VPO Chak Fateh Shah Teh &amp; Distt M B Din</t>
  </si>
  <si>
    <t>Kot Baloch</t>
  </si>
  <si>
    <t>27931</t>
  </si>
  <si>
    <t>GGHS WASU</t>
  </si>
  <si>
    <t>Wasu mandibahauddin</t>
  </si>
  <si>
    <t>Govt.Girls High school wasu mandibahauddin</t>
  </si>
  <si>
    <t>Wasu Mandibahauddin</t>
  </si>
  <si>
    <t>Wasu</t>
  </si>
  <si>
    <t>GGHS RATTOWAL</t>
  </si>
  <si>
    <t>vill/ post office Rattowal teh/Distt m b din</t>
  </si>
  <si>
    <t>Makkeywal</t>
  </si>
  <si>
    <t>27939</t>
  </si>
  <si>
    <t>GGHS KADHER</t>
  </si>
  <si>
    <t>VPO Kadhar tehsil and district Mandi bahauddin</t>
  </si>
  <si>
    <t>kadhar</t>
  </si>
  <si>
    <t>Beenish Afzal</t>
  </si>
  <si>
    <t>GGHS SOHAWA DILLOANA</t>
  </si>
  <si>
    <t>sohawa Dilloana</t>
  </si>
  <si>
    <t>Sohawa Dilloana</t>
  </si>
  <si>
    <t>SOHAWA DILLOANA</t>
  </si>
  <si>
    <t>49375</t>
  </si>
  <si>
    <t>GGHS MC NEAR FRUIT MANDI, MBDIN</t>
  </si>
  <si>
    <t>govt.mc girls high school m.b .din</t>
  </si>
  <si>
    <t>Saima Sadaf</t>
  </si>
  <si>
    <t>28071</t>
  </si>
  <si>
    <t>GGPS AHMAD ABAD</t>
  </si>
  <si>
    <t>Sufi Pura</t>
  </si>
  <si>
    <t>ggps Ahmadabad , sufi pura, mandi bahauddin</t>
  </si>
  <si>
    <t>PINDI BAHAUDDIN</t>
  </si>
  <si>
    <t>Syira Begum</t>
  </si>
  <si>
    <t>43780</t>
  </si>
  <si>
    <t>28123</t>
  </si>
  <si>
    <t>GGPS SOHAWA JAMLANI</t>
  </si>
  <si>
    <t>Mandibahadin</t>
  </si>
  <si>
    <t>sohawa jamlani post office sohawa bolani</t>
  </si>
  <si>
    <t>Sohawa Jamlani</t>
  </si>
  <si>
    <t>Sohawa Diloana</t>
  </si>
  <si>
    <t>Nazia Aziz</t>
  </si>
  <si>
    <t>48587</t>
  </si>
  <si>
    <t>28124</t>
  </si>
  <si>
    <t>GGES AAKI</t>
  </si>
  <si>
    <t>Aaki</t>
  </si>
  <si>
    <t>aaki</t>
  </si>
  <si>
    <t>Kaneez Batool</t>
  </si>
  <si>
    <t>39900</t>
  </si>
  <si>
    <t>28158</t>
  </si>
  <si>
    <t>MBDIN -IV - MALE</t>
  </si>
  <si>
    <t>Manzoorab M .B .Din</t>
  </si>
  <si>
    <t>Pindibahauddin</t>
  </si>
  <si>
    <t>22344</t>
  </si>
  <si>
    <t>28209</t>
  </si>
  <si>
    <t>GGHS PAHRIAN WALI</t>
  </si>
  <si>
    <t>V.P/O PAHRIANWALI</t>
  </si>
  <si>
    <t>Riaz Akhtar</t>
  </si>
  <si>
    <t>28217</t>
  </si>
  <si>
    <t>G ZABS HS SULEMAN</t>
  </si>
  <si>
    <t>Suleman</t>
  </si>
  <si>
    <t>village suleman</t>
  </si>
  <si>
    <t>GHS CHANGA MANGA</t>
  </si>
  <si>
    <t>Govt High School Changa Manga</t>
  </si>
  <si>
    <t>malik muhammad latif ajiz</t>
  </si>
  <si>
    <t>GHS KUL CHUNIAN</t>
  </si>
  <si>
    <t>ghs kul</t>
  </si>
  <si>
    <t>28656</t>
  </si>
  <si>
    <t>GGHS BHAGI WAL</t>
  </si>
  <si>
    <t>GOVT.GIRLSBHIGH HIGH SCHOOL TIBBA BHAGIWAL</t>
  </si>
  <si>
    <t>Bhagiwal Tibba</t>
  </si>
  <si>
    <t>SADIA SHAMS</t>
  </si>
  <si>
    <t>GPS KOT TALAB</t>
  </si>
  <si>
    <t>Herchoki</t>
  </si>
  <si>
    <t>kot talab</t>
  </si>
  <si>
    <t>Kot Talab</t>
  </si>
  <si>
    <t>Kot Sandrus</t>
  </si>
  <si>
    <t>11452</t>
  </si>
  <si>
    <t>9815</t>
  </si>
  <si>
    <t>2523</t>
  </si>
  <si>
    <t>28697</t>
  </si>
  <si>
    <t>GPS BEHARI PUR</t>
  </si>
  <si>
    <t>JAMSHER KHURD - MALE</t>
  </si>
  <si>
    <t>Behari Pur</t>
  </si>
  <si>
    <t>Behari pur</t>
  </si>
  <si>
    <t>Mola Pur</t>
  </si>
  <si>
    <t>Muhammad Saif Anjum</t>
  </si>
  <si>
    <t>22191</t>
  </si>
  <si>
    <t>21937</t>
  </si>
  <si>
    <t>GPS KOT HAJI YASEEN</t>
  </si>
  <si>
    <t>Kot Haji Yasin</t>
  </si>
  <si>
    <t>Kot Haji Yasin, khokhar Ashraf, Tehsil Chunian, kasur</t>
  </si>
  <si>
    <t>Khokhar Ashraf</t>
  </si>
  <si>
    <t>Chunian Hathar</t>
  </si>
  <si>
    <t>28728</t>
  </si>
  <si>
    <t>GPS KOT MUHAMMAD BAKHSH</t>
  </si>
  <si>
    <t>Deosial</t>
  </si>
  <si>
    <t>kot Rodi p/o hussain khan wala chak#8 Teh.chunian Distt.kasur</t>
  </si>
  <si>
    <t>Kot Rodi</t>
  </si>
  <si>
    <t>DEO SIAL</t>
  </si>
  <si>
    <t>38891</t>
  </si>
  <si>
    <t>28777</t>
  </si>
  <si>
    <t>GPS KOT SADDAR DIN</t>
  </si>
  <si>
    <t>ELAH ABAD - MALE</t>
  </si>
  <si>
    <t>Ladi</t>
  </si>
  <si>
    <t>Kot Sadar din moza ladi p/o Allahabad tehsil chunian district kasur</t>
  </si>
  <si>
    <t>Kot Sadar Din</t>
  </si>
  <si>
    <t>Saraser Hithar</t>
  </si>
  <si>
    <t>2774</t>
  </si>
  <si>
    <t>GPS MEHMOOD KHOKHAR</t>
  </si>
  <si>
    <t>mokal</t>
  </si>
  <si>
    <t>VILLAGE MEHMOOD KHOKHAR ,TEGSIL CHUNIAN KASUR</t>
  </si>
  <si>
    <t>MEHMOOD Khokhar KHOKHAR</t>
  </si>
  <si>
    <t>HASEEB AHMAD</t>
  </si>
  <si>
    <t>12971</t>
  </si>
  <si>
    <t>28849</t>
  </si>
  <si>
    <t>GPS TIBBI MEHTAB SINGH</t>
  </si>
  <si>
    <t>Tibbi Mehtab Singh</t>
  </si>
  <si>
    <t>Tibbi Mehtab Singh P/O usmanwala tehsil chunian district Kasur.</t>
  </si>
  <si>
    <t>Muhammd Arshad Javed</t>
  </si>
  <si>
    <t>28649</t>
  </si>
  <si>
    <t>3875</t>
  </si>
  <si>
    <t>GPS BURJ SHAHBAZ KAY</t>
  </si>
  <si>
    <t>Burjshahbazkay</t>
  </si>
  <si>
    <t>burj shehbaz ke p/o kangan pur</t>
  </si>
  <si>
    <t>Burjshahkay</t>
  </si>
  <si>
    <t>28998</t>
  </si>
  <si>
    <t>GPS KOT MENAHI GEHLAN HITAR</t>
  </si>
  <si>
    <t>Gehlan Hithar</t>
  </si>
  <si>
    <t>GPS Kot Menhai Gehlan Hithar</t>
  </si>
  <si>
    <t>GEHLAN HITHAR</t>
  </si>
  <si>
    <t>Tubewell</t>
  </si>
  <si>
    <t>47684</t>
  </si>
  <si>
    <t>GPS UMER ABAD</t>
  </si>
  <si>
    <t>p/o pai khel tehsil and district mianwali</t>
  </si>
  <si>
    <t>Muhammad Aamir Khan</t>
  </si>
  <si>
    <t>47685</t>
  </si>
  <si>
    <t>GPS JHANDI KHEL</t>
  </si>
  <si>
    <t>dera jhandi khel VPO Sawans TEH&amp;DISTT Mianwali</t>
  </si>
  <si>
    <t>50216</t>
  </si>
  <si>
    <t>47687</t>
  </si>
  <si>
    <t>GPS DARA HAJI ABDULLAH THATHI</t>
  </si>
  <si>
    <t>dera haji abdullah thathi kacha moza dher umaid ali shah</t>
  </si>
  <si>
    <t>Daher Umaid Ali Shah</t>
  </si>
  <si>
    <t>Syed Sajjad Haider Shah</t>
  </si>
  <si>
    <t>4535</t>
  </si>
  <si>
    <t>GMMS NOOR HASSAN WALA</t>
  </si>
  <si>
    <t>MOCHH-MALE</t>
  </si>
  <si>
    <t>Qurashian</t>
  </si>
  <si>
    <t>Dillewali Wall dera noor Hassan Wala tha
Mianwali District  mianwali</t>
  </si>
  <si>
    <t>Dillewali Wali</t>
  </si>
  <si>
    <t>QURESHIAN</t>
  </si>
  <si>
    <t>47690</t>
  </si>
  <si>
    <t>GMMS HUSNAIN ABAD</t>
  </si>
  <si>
    <t>Qureshian</t>
  </si>
  <si>
    <t>Gmms Hussain Abad , Mianwali</t>
  </si>
  <si>
    <t>safiullah Khan</t>
  </si>
  <si>
    <t>GPS SAMEND KHEL ROKHARI</t>
  </si>
  <si>
    <t>WATTA KHEL-MALE</t>
  </si>
  <si>
    <t>Rokhri</t>
  </si>
  <si>
    <t>Mohalla saidu khel rokhri</t>
  </si>
  <si>
    <t>Rokhari</t>
  </si>
  <si>
    <t>Shifaullah Khan</t>
  </si>
  <si>
    <t>47694</t>
  </si>
  <si>
    <t>GPS ALI KHEL</t>
  </si>
  <si>
    <t>Sultan Wala Sharqe</t>
  </si>
  <si>
    <t>Govt.Primary school Ali Khel tensile and district Mianwali</t>
  </si>
  <si>
    <t>Farooq Ahmed Khan</t>
  </si>
  <si>
    <t>47695</t>
  </si>
  <si>
    <t>GMMS MUSLAN WALA</t>
  </si>
  <si>
    <t>Muslanwala p\o abbakhel mianwali</t>
  </si>
  <si>
    <t>Muslanwala</t>
  </si>
  <si>
    <t>47713</t>
  </si>
  <si>
    <t>GHS PIPLAN NO.2</t>
  </si>
  <si>
    <t>GOVT HIGH SCHOOL NO 2 PIPLAN MIANWALI</t>
  </si>
  <si>
    <t>MC Piplan</t>
  </si>
  <si>
    <t>ZAIN UL ABIDIN</t>
  </si>
  <si>
    <t>GGHSS HARNOLI</t>
  </si>
  <si>
    <t>Liaqtabad East</t>
  </si>
  <si>
    <t>GGHSS HARNOLI teh.Piplan Mianwali</t>
  </si>
  <si>
    <t>afshan jabeen</t>
  </si>
  <si>
    <t>GGHS CHAK NO. 2 DB</t>
  </si>
  <si>
    <t>Chak No 2db</t>
  </si>
  <si>
    <t>g.g.h/s chak no2db</t>
  </si>
  <si>
    <t>Chak 2db</t>
  </si>
  <si>
    <t>1-4 DB</t>
  </si>
  <si>
    <t>SURAIYA KHATOON</t>
  </si>
  <si>
    <t>7407</t>
  </si>
  <si>
    <t>54201</t>
  </si>
  <si>
    <t>5001</t>
  </si>
  <si>
    <t>47741</t>
  </si>
  <si>
    <t>GHS JHAMTAN WALA</t>
  </si>
  <si>
    <t>jhamtanwala harnoli Rural tehsile piplan district Mianwali</t>
  </si>
  <si>
    <t>Jhamtanwala</t>
  </si>
  <si>
    <t>MUHAMMAD NASIR</t>
  </si>
  <si>
    <t>47791</t>
  </si>
  <si>
    <t>GPS TIBBA GAMA SHAH</t>
  </si>
  <si>
    <t>TIBBA MEHARBAN SHAH-MALE</t>
  </si>
  <si>
    <t>Tibba Gama Shah</t>
  </si>
  <si>
    <t>Wandha Riaz Ahmed Shah,Tibba Ganma Shah</t>
  </si>
  <si>
    <t>Tibba Ganma Shah</t>
  </si>
  <si>
    <t>47824</t>
  </si>
  <si>
    <t>GPS KUTANY KHEL KUNDIAN MIANWALI</t>
  </si>
  <si>
    <t>KUNDIAN CITY-MALE</t>
  </si>
  <si>
    <t>mohallah mustafaabad kundian</t>
  </si>
  <si>
    <t>MC Kundian</t>
  </si>
  <si>
    <t>Shahid Iqbal Kundi</t>
  </si>
  <si>
    <t>3994</t>
  </si>
  <si>
    <t>47847</t>
  </si>
  <si>
    <t>GPS BHAROKAN WALA</t>
  </si>
  <si>
    <t>HARNOLI SOUTH-MALE</t>
  </si>
  <si>
    <t>Wichveen  Bala</t>
  </si>
  <si>
    <t>Bhrokanwala p/o Bala Tehsil Piplan District Mianwali</t>
  </si>
  <si>
    <t>Bhrokanwala</t>
  </si>
  <si>
    <t>Vichveen Bala</t>
  </si>
  <si>
    <t>Zulnurain Babar</t>
  </si>
  <si>
    <t>47855</t>
  </si>
  <si>
    <t>GPS LANGRAY KHEL NO. 1</t>
  </si>
  <si>
    <t>CHASHMA BARRAGE EAST-MALE</t>
  </si>
  <si>
    <t>domez colony near s&amp;f office</t>
  </si>
  <si>
    <t>Chashlum Colony</t>
  </si>
  <si>
    <t>khola</t>
  </si>
  <si>
    <t>Ghous Muhammad Shad</t>
  </si>
  <si>
    <t>47857</t>
  </si>
  <si>
    <t>GPS DANG SHUMALI</t>
  </si>
  <si>
    <t>Bhakrra</t>
  </si>
  <si>
    <t>dera saalatkhel, moza bhakrra gharbi, tehsil piplan</t>
  </si>
  <si>
    <t>Bhakkra</t>
  </si>
  <si>
    <t>Katcha Gujrat</t>
  </si>
  <si>
    <t>47931</t>
  </si>
  <si>
    <t>GMPS CHAK NO. 12-A/DB PO HERNOLI</t>
  </si>
  <si>
    <t>Chak 12adb</t>
  </si>
  <si>
    <t>12adb</t>
  </si>
  <si>
    <t>Rubina Hayyat</t>
  </si>
  <si>
    <t>47983</t>
  </si>
  <si>
    <t>GGPS MUNSHI NOOR MUHAMMAD KUNDIAN</t>
  </si>
  <si>
    <t>KUNDIAN CITY-FEMALE</t>
  </si>
  <si>
    <t>mohallah khaja khel kundian</t>
  </si>
  <si>
    <t>GMPS MOH KALYAR KUNDIAN</t>
  </si>
  <si>
    <t>Kundian Paka</t>
  </si>
  <si>
    <t>GMPS MOHALLAH Kalyar kundian</t>
  </si>
  <si>
    <t>Zunaira Farooq</t>
  </si>
  <si>
    <t>48024</t>
  </si>
  <si>
    <t>GPS HUSSAIN ABAD</t>
  </si>
  <si>
    <t>Piplan Kacha</t>
  </si>
  <si>
    <t>GPS HUSSAIN ABAD  markaz Chashma tehsil piplan Mianwali</t>
  </si>
  <si>
    <t>Hussainabad</t>
  </si>
  <si>
    <t>10144</t>
  </si>
  <si>
    <t>50196</t>
  </si>
  <si>
    <t>GPS AULAKHAN WALA PO CHAK NO 19 DB</t>
  </si>
  <si>
    <t>DABB-MALE</t>
  </si>
  <si>
    <t>Vichvin</t>
  </si>
  <si>
    <t>P.o 19 Db Auolakh wala</t>
  </si>
  <si>
    <t>Auolakh wala</t>
  </si>
  <si>
    <t>Amir Mukhtiar khan</t>
  </si>
  <si>
    <t>GPS NAI BASTI HERNOLI</t>
  </si>
  <si>
    <t>Near Masjid Bilal Lari Adda Harnoli</t>
  </si>
  <si>
    <t>48036</t>
  </si>
  <si>
    <t>GPS DERA SHAH MUHAMMAD WALA</t>
  </si>
  <si>
    <t>4 db</t>
  </si>
  <si>
    <t>dera shah muhammad wala tehsil piplan dist mianwali</t>
  </si>
  <si>
    <t>chak no 4 db</t>
  </si>
  <si>
    <t>waqas moin shah</t>
  </si>
  <si>
    <t>GPS SULTAN AHMAD WALA</t>
  </si>
  <si>
    <t>post office 19db .vichveen  tehseel piplan district mianwali</t>
  </si>
  <si>
    <t>Vichveen</t>
  </si>
  <si>
    <t>48040</t>
  </si>
  <si>
    <t>GPS Mujtaba (SAW) Campus Piplan</t>
  </si>
  <si>
    <t>HAFIZ WALA EAST-MALE</t>
  </si>
  <si>
    <t>Mummy Wala tehsil piplan dist mianwali</t>
  </si>
  <si>
    <t>Mummy Wala</t>
  </si>
  <si>
    <t>Akhtar Abbas</t>
  </si>
  <si>
    <t>21470</t>
  </si>
  <si>
    <t>48042</t>
  </si>
  <si>
    <t>GPS DERA ZAMAN KHEL PO CHASHMA BERAJ COLONY</t>
  </si>
  <si>
    <t>Bahkra</t>
  </si>
  <si>
    <t>Gps Dera zaman khel kacha kalo</t>
  </si>
  <si>
    <t>Kacha Kalo</t>
  </si>
  <si>
    <t>muhammad faisal kamran</t>
  </si>
  <si>
    <t>10330</t>
  </si>
  <si>
    <t>48191</t>
  </si>
  <si>
    <t>GPS CHAK NO.2 NB</t>
  </si>
  <si>
    <t>Village 2 Nb</t>
  </si>
  <si>
    <t>chak 2 nb tehsil bhalwal distt sargodha</t>
  </si>
  <si>
    <t>Chak 2 Nb</t>
  </si>
  <si>
    <t>10/ML</t>
  </si>
  <si>
    <t>Raja Imran Iqbal</t>
  </si>
  <si>
    <t>9662</t>
  </si>
  <si>
    <t>35332</t>
  </si>
  <si>
    <t>48219</t>
  </si>
  <si>
    <t>GPS CHAK NO.13 A-SB</t>
  </si>
  <si>
    <t>13ASB</t>
  </si>
  <si>
    <t>Chak No13ASB Tehsil bhalwal district sargodha</t>
  </si>
  <si>
    <t>Chak No13ASB</t>
  </si>
  <si>
    <t>15/SB</t>
  </si>
  <si>
    <t>48719</t>
  </si>
  <si>
    <t>GHS CHAK NO.101 SB</t>
  </si>
  <si>
    <t>Chak No 101 Sb</t>
  </si>
  <si>
    <t>Chak no 101 sb</t>
  </si>
  <si>
    <t>101 Sb</t>
  </si>
  <si>
    <t>100/SB</t>
  </si>
  <si>
    <t>Fahd Ul Hassan</t>
  </si>
  <si>
    <t>41388</t>
  </si>
  <si>
    <t>GGHS CHAK NO.81 SB</t>
  </si>
  <si>
    <t>81 Sb</t>
  </si>
  <si>
    <t>chak no 81 sb sgd</t>
  </si>
  <si>
    <t>84/SB</t>
  </si>
  <si>
    <t>Imtiaz Akhtar</t>
  </si>
  <si>
    <t>41170</t>
  </si>
  <si>
    <t>48730</t>
  </si>
  <si>
    <t>GGHSS CHAK NO.29 SB</t>
  </si>
  <si>
    <t>29 Sb</t>
  </si>
  <si>
    <t>gghss 29 sb Sargodha</t>
  </si>
  <si>
    <t>Chak 29 Sb</t>
  </si>
  <si>
    <t>28/SB</t>
  </si>
  <si>
    <t>Tabassum Shamshad</t>
  </si>
  <si>
    <t>48731</t>
  </si>
  <si>
    <t>GGHSS CHAK NO.105 SB</t>
  </si>
  <si>
    <t>GGHSS 10 5-SB,Sargodha</t>
  </si>
  <si>
    <t>Chak No 105-SB</t>
  </si>
  <si>
    <t>107/SB</t>
  </si>
  <si>
    <t>Nusrat Rana</t>
  </si>
  <si>
    <t>48734</t>
  </si>
  <si>
    <t>GHS CHAK NO.56 SB. SGD</t>
  </si>
  <si>
    <t>Pathan wala</t>
  </si>
  <si>
    <t>government high school chak no. 56 sb sargodha</t>
  </si>
  <si>
    <t>chak no. 56 sb</t>
  </si>
  <si>
    <t>55/SB</t>
  </si>
  <si>
    <t>SAJID GHAFFAR</t>
  </si>
  <si>
    <t>48738</t>
  </si>
  <si>
    <t>GHS CHAK NO.71 SB</t>
  </si>
  <si>
    <t>71 SB</t>
  </si>
  <si>
    <t>Chak 71 SB</t>
  </si>
  <si>
    <t>70/SB</t>
  </si>
  <si>
    <t>aaqib iftikhar</t>
  </si>
  <si>
    <t>52054</t>
  </si>
  <si>
    <t>GHSS CENTRAL MODEL NST SARGODHA</t>
  </si>
  <si>
    <t>Z block NST sgd</t>
  </si>
  <si>
    <t>NST</t>
  </si>
  <si>
    <t>DR.HAFIZ MUHAMMAD ABDULLAH</t>
  </si>
  <si>
    <t>water tangee</t>
  </si>
  <si>
    <t>GHS CHAK NO.101 NB SGD</t>
  </si>
  <si>
    <t>Chak 101 NB</t>
  </si>
  <si>
    <t>Chak 101 NB Sargodha</t>
  </si>
  <si>
    <t>97/NB</t>
  </si>
  <si>
    <t>42394</t>
  </si>
  <si>
    <t>GHS CHINGA BANGIAL</t>
  </si>
  <si>
    <t>Changa Bangail</t>
  </si>
  <si>
    <t>changa bangial</t>
  </si>
  <si>
    <t>tariq Mehmood</t>
  </si>
  <si>
    <t>42462</t>
  </si>
  <si>
    <t>GGHS DHOK AWAN</t>
  </si>
  <si>
    <t>Dhoke Awan</t>
  </si>
  <si>
    <t>Village Dhoke Awan PO Darkali Khurd  Teh Gujar Khan District Rawalpindi</t>
  </si>
  <si>
    <t>Jhungal</t>
  </si>
  <si>
    <t>Sidrah Arif</t>
  </si>
  <si>
    <t>50440</t>
  </si>
  <si>
    <t>42475</t>
  </si>
  <si>
    <t>GPS KOT SYDAN</t>
  </si>
  <si>
    <t>Gujarkhan</t>
  </si>
  <si>
    <t>kot syedan w o 16</t>
  </si>
  <si>
    <t>Kot Syedan</t>
  </si>
  <si>
    <t>motor boring</t>
  </si>
  <si>
    <t>17080</t>
  </si>
  <si>
    <t>42509</t>
  </si>
  <si>
    <t>GPS AHEER</t>
  </si>
  <si>
    <t>JAND MEHLU -MALE</t>
  </si>
  <si>
    <t>village Aheer P/O missa keswal the gujar khan</t>
  </si>
  <si>
    <t>Jand Mehlu</t>
  </si>
  <si>
    <t>54920</t>
  </si>
  <si>
    <t>GGPS MANDHAL NO. 2</t>
  </si>
  <si>
    <t>village and p.o Mandhal tehsil Gujjar Khan district Rawalpindi</t>
  </si>
  <si>
    <t>42681</t>
  </si>
  <si>
    <t>GGHSS JABBAR PINDORI</t>
  </si>
  <si>
    <t>Balyam</t>
  </si>
  <si>
    <t>gghss jabbar pindori tehsil gujar khan</t>
  </si>
  <si>
    <t>Jabbar</t>
  </si>
  <si>
    <t>miss shazia aftab</t>
  </si>
  <si>
    <t>42730</t>
  </si>
  <si>
    <t>GGPS JAWAL</t>
  </si>
  <si>
    <t>DEVI -FEMALE</t>
  </si>
  <si>
    <t>Jawal</t>
  </si>
  <si>
    <t>village jwal po mhra hayat</t>
  </si>
  <si>
    <t>9942</t>
  </si>
  <si>
    <t>42875</t>
  </si>
  <si>
    <t>GGHSS SAMOTE</t>
  </si>
  <si>
    <t>samote</t>
  </si>
  <si>
    <t>GGHSS samote</t>
  </si>
  <si>
    <t>Samote</t>
  </si>
  <si>
    <t>asma naeem</t>
  </si>
  <si>
    <t>43045</t>
  </si>
  <si>
    <t>GGPS RAJDAHNI</t>
  </si>
  <si>
    <t>MANYANDA - FEMALE</t>
  </si>
  <si>
    <t>Banahil</t>
  </si>
  <si>
    <t>Village RAJDHANI P.O Banahil</t>
  </si>
  <si>
    <t>RAJDHANI</t>
  </si>
  <si>
    <t>Mariam Fiza</t>
  </si>
  <si>
    <t>GES KOT IQBAL</t>
  </si>
  <si>
    <t>VPO KOT IQBAL TEH. AND DISTT CHAKWAL</t>
  </si>
  <si>
    <t>Muhammad  Rifaqat  Nawaz</t>
  </si>
  <si>
    <t>4810</t>
  </si>
  <si>
    <t>43348</t>
  </si>
  <si>
    <t>GPS WAHDRAY</t>
  </si>
  <si>
    <t>Wahdray</t>
  </si>
  <si>
    <t>post office Mangwal village Wahdray tehsil &amp; district chakwal</t>
  </si>
  <si>
    <t>MANGWAL</t>
  </si>
  <si>
    <t>43394</t>
  </si>
  <si>
    <t>GGPS RAWAL BALA</t>
  </si>
  <si>
    <t>Rawal Bala</t>
  </si>
  <si>
    <t>Ggps Rawal bala</t>
  </si>
  <si>
    <t>43454</t>
  </si>
  <si>
    <t>GGPS DHOK QUTAB DIN</t>
  </si>
  <si>
    <t>Dhoke Qutab Din</t>
  </si>
  <si>
    <t>Dhoke Qutab Din P.O Dhorian, Teh And Dist Chakwal</t>
  </si>
  <si>
    <t>6182</t>
  </si>
  <si>
    <t>43569</t>
  </si>
  <si>
    <t>GGPS HARAR</t>
  </si>
  <si>
    <t>village harrar P/O dhudial , tehsil &amp; distt chakwal</t>
  </si>
  <si>
    <t>CHAK UMRA</t>
  </si>
  <si>
    <t>Imrana Mushtaq</t>
  </si>
  <si>
    <t>43578</t>
  </si>
  <si>
    <t>GGPS DHOK ALFOO</t>
  </si>
  <si>
    <t>Dhoke Alfoo</t>
  </si>
  <si>
    <t>village dhoke Alfoo, postoffice mangwal,tehsil and District chakwal</t>
  </si>
  <si>
    <t>4299</t>
  </si>
  <si>
    <t>43679</t>
  </si>
  <si>
    <t>GES DHOK MAIL</t>
  </si>
  <si>
    <t>DHOK MAIL</t>
  </si>
  <si>
    <t>GES DHOK MAIL TEHSIL LAWA DISSTRICT CHAKWAL</t>
  </si>
  <si>
    <t>Muhammad Akhter</t>
  </si>
  <si>
    <t>36740</t>
  </si>
  <si>
    <t>GPS DHOK JHAMAL</t>
  </si>
  <si>
    <t>Dhoke jhmal durnal</t>
  </si>
  <si>
    <t>Jhmal Durnal</t>
  </si>
  <si>
    <t>ALAM KHATOON</t>
  </si>
  <si>
    <t>18666</t>
  </si>
  <si>
    <t>31239</t>
  </si>
  <si>
    <t>43804</t>
  </si>
  <si>
    <t>GPS MURRAD WAND</t>
  </si>
  <si>
    <t>Muradwand</t>
  </si>
  <si>
    <t>village Muradwand. P.O. pichnand .Teh.  Lawa, District.  Chakwal</t>
  </si>
  <si>
    <t>Iftikhar Ahmed</t>
  </si>
  <si>
    <t>43946</t>
  </si>
  <si>
    <t>GGHS SUKKA TALAGANG</t>
  </si>
  <si>
    <t>SUKKA</t>
  </si>
  <si>
    <t>VPO SUKKA TEHSIL LAWA DISTT CHAKWAL</t>
  </si>
  <si>
    <t>LETI</t>
  </si>
  <si>
    <t>4207</t>
  </si>
  <si>
    <t>43978</t>
  </si>
  <si>
    <t>GGPS DHOK MARYAN</t>
  </si>
  <si>
    <t>madina town talagang</t>
  </si>
  <si>
    <t>Dhok Maarian</t>
  </si>
  <si>
    <t>MC Talagang</t>
  </si>
  <si>
    <t>Saira Ishaq</t>
  </si>
  <si>
    <t>51884</t>
  </si>
  <si>
    <t>54103</t>
  </si>
  <si>
    <t>GGPS KHANDWAL</t>
  </si>
  <si>
    <t>TAMMAN-FEMALE</t>
  </si>
  <si>
    <t>Khuian</t>
  </si>
  <si>
    <t>post office khuian</t>
  </si>
  <si>
    <t>Khundwal</t>
  </si>
  <si>
    <t>39513</t>
  </si>
  <si>
    <t>54855</t>
  </si>
  <si>
    <t>GGPS DHOK KHAUR</t>
  </si>
  <si>
    <t>Dhok Khaur</t>
  </si>
  <si>
    <t>GGPS dok khaur Thoa Mahram Khan teh Talagang dist Chakwal</t>
  </si>
  <si>
    <t>Thoa Mahram Khan</t>
  </si>
  <si>
    <t>Thoha Mehram Khan 2</t>
  </si>
  <si>
    <t>Sidra Muneer</t>
  </si>
  <si>
    <t>44095</t>
  </si>
  <si>
    <t>GPS WATLI</t>
  </si>
  <si>
    <t>Watli</t>
  </si>
  <si>
    <t>Vill &amp; P/O Watli Tehsil Choa Saiden Shah District Chakwal</t>
  </si>
  <si>
    <t>Waseem Raza</t>
  </si>
  <si>
    <t>15824</t>
  </si>
  <si>
    <t>44104</t>
  </si>
  <si>
    <t>GPS DHERI JAIBA</t>
  </si>
  <si>
    <t>Dheri Jaaba</t>
  </si>
  <si>
    <t>p.o dheri Jaba teh choa &amp; distt chakwal</t>
  </si>
  <si>
    <t>Dheri Jaba</t>
  </si>
  <si>
    <t>Lehr Sultan Pur</t>
  </si>
  <si>
    <t>23987</t>
  </si>
  <si>
    <t>38275</t>
  </si>
  <si>
    <t>GPS LEHRI SHAH NAWAZ</t>
  </si>
  <si>
    <t>BASHARAT-MALE</t>
  </si>
  <si>
    <t>Lari Shah Nawaz</t>
  </si>
  <si>
    <t>Lari shah nawaz p/o basharat</t>
  </si>
  <si>
    <t>TAHMINA AZIZ</t>
  </si>
  <si>
    <t>17515</t>
  </si>
  <si>
    <t>44140</t>
  </si>
  <si>
    <t>GGPS LEHRI HAJIAL</t>
  </si>
  <si>
    <t>BASHARAT-FEMALE</t>
  </si>
  <si>
    <t>Lari Hajial</t>
  </si>
  <si>
    <t>P/O Basharat  village Lari  Hajial tehsil,  choa saiden shah distt chakwal</t>
  </si>
  <si>
    <t>Iqra Shabbir</t>
  </si>
  <si>
    <t>Mezail motor</t>
  </si>
  <si>
    <t>12543</t>
  </si>
  <si>
    <t>44155</t>
  </si>
  <si>
    <t>GMMS PIDH</t>
  </si>
  <si>
    <t>Pidh</t>
  </si>
  <si>
    <t>V P O Pidh Tehsil Choa Saiden Shah District Chakwal</t>
  </si>
  <si>
    <t>Nasir Kamal</t>
  </si>
  <si>
    <t>44157</t>
  </si>
  <si>
    <t>GMMS DHOK LOHARA</t>
  </si>
  <si>
    <t>Dhoke Chitti</t>
  </si>
  <si>
    <t>dhoke chitti uc ara</t>
  </si>
  <si>
    <t>44167</t>
  </si>
  <si>
    <t>GHSS KALLAR KAHAR</t>
  </si>
  <si>
    <t>vpo kallar kahar</t>
  </si>
  <si>
    <t>MC Kallar Kahar</t>
  </si>
  <si>
    <t>tankers  on payment</t>
  </si>
  <si>
    <t>44302</t>
  </si>
  <si>
    <t>GPS CHAKI RANGPUR</t>
  </si>
  <si>
    <t>Chaki Rang Pur</t>
  </si>
  <si>
    <t>village chaki rang pur Teh Kallar kahar Distt chakwal</t>
  </si>
  <si>
    <t>Sidra Batool</t>
  </si>
  <si>
    <t>GHS KOTLA JAM</t>
  </si>
  <si>
    <t>KOTLA JAM</t>
  </si>
  <si>
    <t>P/O KOTLA JAM</t>
  </si>
  <si>
    <t>44438</t>
  </si>
  <si>
    <t>GPS JHOKE DITTA</t>
  </si>
  <si>
    <t>DAGGAR REHTAS - MALE</t>
  </si>
  <si>
    <t>Kararikot</t>
  </si>
  <si>
    <t>Bhady bakhry  wala uc kararikot kot</t>
  </si>
  <si>
    <t>Bhady Bakhry Wala</t>
  </si>
  <si>
    <t>51783</t>
  </si>
  <si>
    <t>44457</t>
  </si>
  <si>
    <t>GPS CHAK NO 62 TDA</t>
  </si>
  <si>
    <t>60 61 ML</t>
  </si>
  <si>
    <t>Gps 62 TDA</t>
  </si>
  <si>
    <t>62 TDA</t>
  </si>
  <si>
    <t>60/61ML</t>
  </si>
  <si>
    <t>GPS BUTTI</t>
  </si>
  <si>
    <t>butti.Bhakkar</t>
  </si>
  <si>
    <t>Butti</t>
  </si>
  <si>
    <t>Muhammed Ramzan</t>
  </si>
  <si>
    <t>44474</t>
  </si>
  <si>
    <t>GPS CHAK NO.71 TDA</t>
  </si>
  <si>
    <t>chak 71 TDA Bk</t>
  </si>
  <si>
    <t>Gps 71 TDA Bhakkar.</t>
  </si>
  <si>
    <t>71 TDA</t>
  </si>
  <si>
    <t>78/ML</t>
  </si>
  <si>
    <t>Bilal Hussain</t>
  </si>
  <si>
    <t>21044</t>
  </si>
  <si>
    <t>44478</t>
  </si>
  <si>
    <t>GPS CHAK NO 79 ML</t>
  </si>
  <si>
    <t>79ml79ml</t>
  </si>
  <si>
    <t>chak no 79.ml p/o behal bhakkar</t>
  </si>
  <si>
    <t>79ml</t>
  </si>
  <si>
    <t>MUHAMMAD RASHID</t>
  </si>
  <si>
    <t>GPS CHAK NO.55/TDA</t>
  </si>
  <si>
    <t>Chak # 55/TDA</t>
  </si>
  <si>
    <t>CHAK # 55/TDA DISTT. BHAKKAR</t>
  </si>
  <si>
    <t>27905</t>
  </si>
  <si>
    <t>44628</t>
  </si>
  <si>
    <t>GGPS CHAK LAL KHAN WALA</t>
  </si>
  <si>
    <t>60-61 ML - FEMALE</t>
  </si>
  <si>
    <t>76/ml</t>
  </si>
  <si>
    <t>chah lal khan wala chak 76 ml</t>
  </si>
  <si>
    <t>Chah Lal Khan Wala</t>
  </si>
  <si>
    <t>44643</t>
  </si>
  <si>
    <t>GGPS DERA MALIK RANJHA WALA</t>
  </si>
  <si>
    <t>MUSLIM KOT - FEMALE</t>
  </si>
  <si>
    <t>GGPS Dera Malik Ranjha Wala</t>
  </si>
  <si>
    <t>Dera Malik Ranjha Wala</t>
  </si>
  <si>
    <t>Muslim kot</t>
  </si>
  <si>
    <t>4665</t>
  </si>
  <si>
    <t>44785</t>
  </si>
  <si>
    <t>GPS BASTI ISRAN</t>
  </si>
  <si>
    <t>MULLAN WALI - MALE</t>
  </si>
  <si>
    <t>MULLAN WALI</t>
  </si>
  <si>
    <t>Basti isran u/c Mullan wali T/D Bhakkar</t>
  </si>
  <si>
    <t>Basti Isran</t>
  </si>
  <si>
    <t>Waqas Ur Rehman</t>
  </si>
  <si>
    <t>44786</t>
  </si>
  <si>
    <t>GPS NOWLAN WALI</t>
  </si>
  <si>
    <t>Kotla Jam Nasheb</t>
  </si>
  <si>
    <t>basti nowlan wali, near shoaib khoawar petrol pump, dakh khana kotla jam tahseel o zila bhakkar</t>
  </si>
  <si>
    <t>Nowlanwali</t>
  </si>
  <si>
    <t>Muhammad Umair Khan</t>
  </si>
  <si>
    <t>52349</t>
  </si>
  <si>
    <t>44791</t>
  </si>
  <si>
    <t>GPS SOLAN WALA SHUMALI</t>
  </si>
  <si>
    <t>GPS SOHLAN WALA SHUMALI</t>
  </si>
  <si>
    <t>Sohlan Wala Shumali</t>
  </si>
  <si>
    <t>Qamar Nadeem</t>
  </si>
  <si>
    <t>44797</t>
  </si>
  <si>
    <t>GPS BHADY WALA</t>
  </si>
  <si>
    <t>Chak 202TDA</t>
  </si>
  <si>
    <t>chah bhadan wala dagger shada</t>
  </si>
  <si>
    <t>Bhaday Wala</t>
  </si>
  <si>
    <t>GPS BASTI ATTAR DHANDLA</t>
  </si>
  <si>
    <t>basti attar p/o behl teh and dist bhakkar</t>
  </si>
  <si>
    <t>Basti Attar Dhandla</t>
  </si>
  <si>
    <t>Attar Dhandla</t>
  </si>
  <si>
    <t>Ghulam Dastgeer</t>
  </si>
  <si>
    <t>44821</t>
  </si>
  <si>
    <t>GPS BASTI BAKHARA</t>
  </si>
  <si>
    <t>basti Bakhra, u.c yousaf shah, bhakkar</t>
  </si>
  <si>
    <t>Basti Bakhra</t>
  </si>
  <si>
    <t>YOUSAF SHAH</t>
  </si>
  <si>
    <t>Syed Ali Abbas Shah</t>
  </si>
  <si>
    <t>44839</t>
  </si>
  <si>
    <t>basti khokhar p/o kaniry teh &amp; dist bhakkar</t>
  </si>
  <si>
    <t>Bisti Khokhar</t>
  </si>
  <si>
    <t>Muhammad Gulfam</t>
  </si>
  <si>
    <t>11670</t>
  </si>
  <si>
    <t>GPS CHAK NO. 207/TDA</t>
  </si>
  <si>
    <t>chak no 207/t.d.a teh &amp; distt Bhakkar.</t>
  </si>
  <si>
    <t>Chak No 207/TDA</t>
  </si>
  <si>
    <t>205/TDA</t>
  </si>
  <si>
    <t>48582</t>
  </si>
  <si>
    <t>GGHSS HAFIZ SHERAZI BASTI ARRIAN WALI SHAHANI</t>
  </si>
  <si>
    <t>GGHSS HAFIZ SHERAZI BASTI ARRIAN WALI SHAHANI BHAKKAR</t>
  </si>
  <si>
    <t>BASTI ARRIAN WALI SHAHANI</t>
  </si>
  <si>
    <t>Afzal Tehmina kulachi</t>
  </si>
  <si>
    <t>7128</t>
  </si>
  <si>
    <t>43895</t>
  </si>
  <si>
    <t>44848</t>
  </si>
  <si>
    <t>GGHS KALLUR KOT</t>
  </si>
  <si>
    <t>kkot</t>
  </si>
  <si>
    <t>gghmsk.kot</t>
  </si>
  <si>
    <t>MC Kallur Kot</t>
  </si>
  <si>
    <t>abida khatoon</t>
  </si>
  <si>
    <t>GHS RAKH GHULAMAN</t>
  </si>
  <si>
    <t>Chak No. 22 ML, Rakh Ghulaman, Tehsil Kallur Kot</t>
  </si>
  <si>
    <t>Chak No 22 ML</t>
  </si>
  <si>
    <t>GES MAHLOO WALA</t>
  </si>
  <si>
    <t>Mahloo wala Tehsil Kallur kot  District Bhakkar</t>
  </si>
  <si>
    <t>Mahloo wala</t>
  </si>
  <si>
    <t>ILAHI BAKHSH</t>
  </si>
  <si>
    <t>12887</t>
  </si>
  <si>
    <t>44918</t>
  </si>
  <si>
    <t>GPS JHUNJ JANUBI</t>
  </si>
  <si>
    <t>Jhunj janubi moza soha jhunj tehsil kaloor kot disst bhakkar</t>
  </si>
  <si>
    <t>Jhunj Janubi</t>
  </si>
  <si>
    <t>63/DB</t>
  </si>
  <si>
    <t>38065</t>
  </si>
  <si>
    <t>44940</t>
  </si>
  <si>
    <t>GPS AZIZAN WALA</t>
  </si>
  <si>
    <t>KALLUR KOT - MALE</t>
  </si>
  <si>
    <t>Azizanwala, p/o Abbasian wala, Tehsil Kallurkot, Distt.Bhakkar</t>
  </si>
  <si>
    <t>Azizanwala</t>
  </si>
  <si>
    <t>45190</t>
  </si>
  <si>
    <t>45032</t>
  </si>
  <si>
    <t>GGPS NOOR ASHRAF</t>
  </si>
  <si>
    <t>GG PS Noor Ashraf wala PO zammy wala tehsil kallur kot district bhakar</t>
  </si>
  <si>
    <t>Noor Ashraf Wala</t>
  </si>
  <si>
    <t>Ghulaman No  2</t>
  </si>
  <si>
    <t>45175</t>
  </si>
  <si>
    <t>GPS CHAK NO 7 RH</t>
  </si>
  <si>
    <t>Rakh Haider Abad</t>
  </si>
  <si>
    <t>chak no 7 rh p/o haider abad tehsil mankera dist bhakkar</t>
  </si>
  <si>
    <t>Chak No 7 Rh</t>
  </si>
  <si>
    <t>39103</t>
  </si>
  <si>
    <t>45211</t>
  </si>
  <si>
    <t>GPS GALI WALA</t>
  </si>
  <si>
    <t>MAHNI - MALE</t>
  </si>
  <si>
    <t>Karlu Wala</t>
  </si>
  <si>
    <t>Galli wala P/ O hayder Abad thal Tehsil Mankera district Bhakkar</t>
  </si>
  <si>
    <t>Galli Wala</t>
  </si>
  <si>
    <t>Kausar Javed</t>
  </si>
  <si>
    <t>45227</t>
  </si>
  <si>
    <t>GPS JHANGI WALA</t>
  </si>
  <si>
    <t>PATTI BILANDA - MALE</t>
  </si>
  <si>
    <t>jhangi Ram</t>
  </si>
  <si>
    <t>Gps jhangi wala tehsil Mankera</t>
  </si>
  <si>
    <t>jhangi wala</t>
  </si>
  <si>
    <t>Patti Bilanda</t>
  </si>
  <si>
    <t>38725</t>
  </si>
  <si>
    <t>45273</t>
  </si>
  <si>
    <t>GGPS BHIDWAL WALA</t>
  </si>
  <si>
    <t>dakhana bhidwal wala headraba</t>
  </si>
  <si>
    <t>DHINGANA</t>
  </si>
  <si>
    <t>Rakhshanda Shaheen</t>
  </si>
  <si>
    <t>45331</t>
  </si>
  <si>
    <t>GPS JANDI WALA</t>
  </si>
  <si>
    <t>r/o Jandiwala p/o Dhingana</t>
  </si>
  <si>
    <t>Jandiwala</t>
  </si>
  <si>
    <t>Muhammad Atif Shahzad</t>
  </si>
  <si>
    <t>45367</t>
  </si>
  <si>
    <t>GPS CHAH MEERA MOZA SADH</t>
  </si>
  <si>
    <t>KARLU WALA - MALE</t>
  </si>
  <si>
    <t>Sadh</t>
  </si>
  <si>
    <t>Chah meera mankera bhakkar</t>
  </si>
  <si>
    <t>Meera</t>
  </si>
  <si>
    <t>MUHAMMAD NASEEM</t>
  </si>
  <si>
    <t>54625</t>
  </si>
  <si>
    <t>GPS DERA MUMTAZ HUSSAIN</t>
  </si>
  <si>
    <t>p/o Dhingana mankera  Bhakkar</t>
  </si>
  <si>
    <t>Deramumtazhussein</t>
  </si>
  <si>
    <t>41291</t>
  </si>
  <si>
    <t>GHS KASHMARI BAZAR</t>
  </si>
  <si>
    <t>Mohra Eswal</t>
  </si>
  <si>
    <t>GHS KASHMIRI BAZAR MURREE RAWALPINDI</t>
  </si>
  <si>
    <t>25282</t>
  </si>
  <si>
    <t>41349</t>
  </si>
  <si>
    <t>GPS KAHYIA</t>
  </si>
  <si>
    <t>Village Kahyia Post Office Kashmiri Bazar tehsil Murree district Rawalpindi</t>
  </si>
  <si>
    <t>Kahyia</t>
  </si>
  <si>
    <t>SHAHID Zaheer</t>
  </si>
  <si>
    <t>wall</t>
  </si>
  <si>
    <t>GPS BASOI</t>
  </si>
  <si>
    <t>Broha</t>
  </si>
  <si>
    <t>Village Basoi UC Tret Murree district Rawalpindi Pakistan</t>
  </si>
  <si>
    <t>Basoi</t>
  </si>
  <si>
    <t>41472</t>
  </si>
  <si>
    <t>GGPS FATOOT</t>
  </si>
  <si>
    <t>Fatoot</t>
  </si>
  <si>
    <t>Village Fatoot post office phagwari Tehsil Murree</t>
  </si>
  <si>
    <t>Zubda Munir</t>
  </si>
  <si>
    <t>41485</t>
  </si>
  <si>
    <t>GPS TANDOHI</t>
  </si>
  <si>
    <t>Oucha</t>
  </si>
  <si>
    <t>village oucha dhoke tindoi tehsile  murree  Rawalpindi</t>
  </si>
  <si>
    <t>Tindohi</t>
  </si>
  <si>
    <t>Muhammad Minhas</t>
  </si>
  <si>
    <t>19920</t>
  </si>
  <si>
    <t>41501</t>
  </si>
  <si>
    <t>GHSS DENNYS RAWALPINDI</t>
  </si>
  <si>
    <t>kashmir road saddar rawalpindi</t>
  </si>
  <si>
    <t>jamshaid iqbal</t>
  </si>
  <si>
    <t>78064</t>
  </si>
  <si>
    <t>41506</t>
  </si>
  <si>
    <t>GGHSS NO 2 MURREE ROAD RWP</t>
  </si>
  <si>
    <t>gghssno2 murree road rwp</t>
  </si>
  <si>
    <t>Muree Road</t>
  </si>
  <si>
    <t>Ariya Mohalla</t>
  </si>
  <si>
    <t>SHEHLA AFSHAN NAZLI</t>
  </si>
  <si>
    <t>36908</t>
  </si>
  <si>
    <t>GGHSS SAGRI</t>
  </si>
  <si>
    <t>sagri</t>
  </si>
  <si>
    <t>GOVT.GIRLS.HIGHER SECONDARY SCHOOL SAGRI RAWALPINDI</t>
  </si>
  <si>
    <t>mrs farhat yasmin</t>
  </si>
  <si>
    <t>27456</t>
  </si>
  <si>
    <t>20097</t>
  </si>
  <si>
    <t>GHS TITRAL</t>
  </si>
  <si>
    <t>gbhs tatral</t>
  </si>
  <si>
    <t>27689</t>
  </si>
  <si>
    <t>41522</t>
  </si>
  <si>
    <t>GHS PEHLVI FAIZABAD RAWALPINDI</t>
  </si>
  <si>
    <t>Ojri Kalan</t>
  </si>
  <si>
    <t>Faizabad Rawalpindi</t>
  </si>
  <si>
    <t>Dhoke Babu Irfan</t>
  </si>
  <si>
    <t>Goher Rahman</t>
  </si>
  <si>
    <t>Barrowed</t>
  </si>
  <si>
    <t>4131</t>
  </si>
  <si>
    <t>15615</t>
  </si>
  <si>
    <t>41524</t>
  </si>
  <si>
    <t>GHS SIMLA ISLAMIA</t>
  </si>
  <si>
    <t>GHS SIMLA ISLAMIA NAMAK MANDI RWP.</t>
  </si>
  <si>
    <t>GUNJ MANDI</t>
  </si>
  <si>
    <t>GHS CHAHAN RAWALPINDI</t>
  </si>
  <si>
    <t>CHAHAN</t>
  </si>
  <si>
    <t>GHS CHAHAN, RAWALPINDI</t>
  </si>
  <si>
    <t>41535</t>
  </si>
  <si>
    <t>GHSS ADHWAL RAWALPINDI</t>
  </si>
  <si>
    <t>VPO Adhwal</t>
  </si>
  <si>
    <t>SYED GHULAM MUJTABA</t>
  </si>
  <si>
    <t>31824</t>
  </si>
  <si>
    <t>41546</t>
  </si>
  <si>
    <t>GHS PIND JHATLA</t>
  </si>
  <si>
    <t>Pindjhatla</t>
  </si>
  <si>
    <t>GBHS pindjhatla, Teh &amp; District Rawalpindi</t>
  </si>
  <si>
    <t>Talib Mehmood</t>
  </si>
  <si>
    <t>30620</t>
  </si>
  <si>
    <t>GHSS SAGRI</t>
  </si>
  <si>
    <t>Ramial</t>
  </si>
  <si>
    <t>vpo sagri rwp</t>
  </si>
  <si>
    <t>FAZAL UR RAHMAN</t>
  </si>
  <si>
    <t>41554</t>
  </si>
  <si>
    <t>GHS GANGAN WALA</t>
  </si>
  <si>
    <t>Ganganwala</t>
  </si>
  <si>
    <t>GHS.GANGANWALA TEHSIL AND DISTRICT RAWALPINDI</t>
  </si>
  <si>
    <t>MUHAMMAD AWAIS</t>
  </si>
  <si>
    <t>50700</t>
  </si>
  <si>
    <t>GHS CHAKRI</t>
  </si>
  <si>
    <t>CHAKRI</t>
  </si>
  <si>
    <t>VILLAGE AND POST OFFICE CHAKRI TEHSIL AND DISTRICT RAWALPINDI</t>
  </si>
  <si>
    <t>muhammad taj</t>
  </si>
  <si>
    <t>GGHS F BLOCK RWP</t>
  </si>
  <si>
    <t>New Town</t>
  </si>
  <si>
    <t>GGHS F-BLOCK S/TOWN RAWALPINDI</t>
  </si>
  <si>
    <t>SAIMA NAUREEN</t>
  </si>
  <si>
    <t>41587</t>
  </si>
  <si>
    <t>GGHS SIMLA ISLAMIA RWP</t>
  </si>
  <si>
    <t>B Block satellite town Rawalpindi</t>
  </si>
  <si>
    <t>B Block</t>
  </si>
  <si>
    <t>Syeda tauseef Fatima</t>
  </si>
  <si>
    <t>41591</t>
  </si>
  <si>
    <t>GGHSS BASSALI</t>
  </si>
  <si>
    <t>bassali</t>
  </si>
  <si>
    <t>shaheen kousar</t>
  </si>
  <si>
    <t>41593</t>
  </si>
  <si>
    <t>GGHSS JHATTA HATHIAL</t>
  </si>
  <si>
    <t>JHATTA HATHIAL</t>
  </si>
  <si>
    <t>VILLAGE AND POST OFFICE JHATTA HATHIAL</t>
  </si>
  <si>
    <t>Aneela Hassan</t>
  </si>
  <si>
    <t>26282</t>
  </si>
  <si>
    <t>41597</t>
  </si>
  <si>
    <t>GGHSS MORGAH</t>
  </si>
  <si>
    <t>kotha kalan</t>
  </si>
  <si>
    <t>govt girls higher sec- school (aoc) morgah rawalpindi</t>
  </si>
  <si>
    <t>Arl co. morgah</t>
  </si>
  <si>
    <t>43898</t>
  </si>
  <si>
    <t>41639</t>
  </si>
  <si>
    <t>GHS CHAK AMRAL</t>
  </si>
  <si>
    <t>Chak Amral</t>
  </si>
  <si>
    <t>village&amp;post chak amral</t>
  </si>
  <si>
    <t>Javed Iqbal Awan</t>
  </si>
  <si>
    <t>41676</t>
  </si>
  <si>
    <t>GGHS DHULIAL</t>
  </si>
  <si>
    <t>GGHS Dhulial p/o village Dhulial t/d Rawapindi</t>
  </si>
  <si>
    <t>40431</t>
  </si>
  <si>
    <t>GGHS GORAKHPUR</t>
  </si>
  <si>
    <t>Gorakhpur</t>
  </si>
  <si>
    <t>village gorakhpur post office dahgal tehsil &amp; district rwp</t>
  </si>
  <si>
    <t>chasme huma</t>
  </si>
  <si>
    <t>41686</t>
  </si>
  <si>
    <t>GGHS CHAK AMRAL</t>
  </si>
  <si>
    <t>talla bajar</t>
  </si>
  <si>
    <t>chak amral</t>
  </si>
  <si>
    <t>gagan</t>
  </si>
  <si>
    <t>sadia rehman</t>
  </si>
  <si>
    <t>41768</t>
  </si>
  <si>
    <t>GPS CHAK KHAS</t>
  </si>
  <si>
    <t>Chak Khas</t>
  </si>
  <si>
    <t>village Chak khas P.O jawa</t>
  </si>
  <si>
    <t>Bagga Sheikhan</t>
  </si>
  <si>
    <t>Ghazala Irum Kayani</t>
  </si>
  <si>
    <t>GPS DHARI</t>
  </si>
  <si>
    <t>Dhari</t>
  </si>
  <si>
    <t>village Dhari post office Dhari sub office Chakri Teh and dist Rawalpindi</t>
  </si>
  <si>
    <t>Shakeela Naz</t>
  </si>
  <si>
    <t>27241</t>
  </si>
  <si>
    <t>41856</t>
  </si>
  <si>
    <t>GPS DHOK TARRAIR</t>
  </si>
  <si>
    <t>Dhok tararr</t>
  </si>
  <si>
    <t>village dhok tararr p.o Parial teh&amp;disst Rawalpindi</t>
  </si>
  <si>
    <t>Dhok Tararr</t>
  </si>
  <si>
    <t>Mehmoona Kanwal</t>
  </si>
  <si>
    <t>GGHS PIND JHATLA</t>
  </si>
  <si>
    <t>pind jhatla</t>
  </si>
  <si>
    <t>PIND JHATLA TEHSIL &amp; DIST. RAWALPINDI</t>
  </si>
  <si>
    <t>PIND JHATLA</t>
  </si>
  <si>
    <t>UME SAQIB BATOOL</t>
  </si>
  <si>
    <t>41938</t>
  </si>
  <si>
    <t>GGHS DHOK JUMMA KHAN</t>
  </si>
  <si>
    <t>gghs dhoke jumma khan rwp</t>
  </si>
  <si>
    <t>zeba rehman</t>
  </si>
  <si>
    <t>17888</t>
  </si>
  <si>
    <t>41999</t>
  </si>
  <si>
    <t>GGPS HOON</t>
  </si>
  <si>
    <t>village Hoon PO. Hoon Rawalpindi</t>
  </si>
  <si>
    <t>Hoon</t>
  </si>
  <si>
    <t>31197</t>
  </si>
  <si>
    <t>5082</t>
  </si>
  <si>
    <t>42018</t>
  </si>
  <si>
    <t>GHS DHAMAN SYEDAN</t>
  </si>
  <si>
    <t>Dhaman Syedan</t>
  </si>
  <si>
    <t>g.B.H.S DHAMAN SYEDAN, ALI TOWN ADIALA ROAD, RWP</t>
  </si>
  <si>
    <t>Dhama Syedan</t>
  </si>
  <si>
    <t>Naweed Hussain Ch</t>
  </si>
  <si>
    <t>17348</t>
  </si>
  <si>
    <t>2818</t>
  </si>
  <si>
    <t>42031</t>
  </si>
  <si>
    <t>GHS GEELANI MODEL WAH CANTT</t>
  </si>
  <si>
    <t>Liaq Ali Chowk Wah Cantt</t>
  </si>
  <si>
    <t>MUHAMMAD ABDUL KHALIQ</t>
  </si>
  <si>
    <t>42036</t>
  </si>
  <si>
    <t>GHS KHURRAM PARACHA</t>
  </si>
  <si>
    <t>khurram paracha</t>
  </si>
  <si>
    <t>village khurram paracha Taxila</t>
  </si>
  <si>
    <t>Khuram Paracha</t>
  </si>
  <si>
    <t>20272</t>
  </si>
  <si>
    <t>GHSS LEHTRAR</t>
  </si>
  <si>
    <t>LEHTRAR BALA</t>
  </si>
  <si>
    <t>P.O LEHTRAR TEH. KOTLI SATTIAN</t>
  </si>
  <si>
    <t>LEHTRAR</t>
  </si>
  <si>
    <t>UNSAR HUSSAIN</t>
  </si>
  <si>
    <t>17546</t>
  </si>
  <si>
    <t>52231</t>
  </si>
  <si>
    <t>42153</t>
  </si>
  <si>
    <t>GGHS DHIR KOT SATTIAN</t>
  </si>
  <si>
    <t>Dhir Kot Sattian</t>
  </si>
  <si>
    <t>Vpo dhir kot sattian tehsil kotli sattian dist rawalpindi</t>
  </si>
  <si>
    <t>Farhat Shaheen</t>
  </si>
  <si>
    <t>temprory attched with public pipeline</t>
  </si>
  <si>
    <t>GHSS KALEKE MANDI</t>
  </si>
  <si>
    <t>kaleke</t>
  </si>
  <si>
    <t>GHSS kaleke mandi teh &amp;disstt Hafizabad</t>
  </si>
  <si>
    <t>farooq ahmad</t>
  </si>
  <si>
    <t>GGHSS VANIKE TARAR</t>
  </si>
  <si>
    <t>village vanike tarar ,hafizabad</t>
  </si>
  <si>
    <t>NUSRAT JABEEN</t>
  </si>
  <si>
    <t>26892</t>
  </si>
  <si>
    <t>GHS VINNI</t>
  </si>
  <si>
    <t>Govt high school vinni tehsil and district hafizabad</t>
  </si>
  <si>
    <t>vinni</t>
  </si>
  <si>
    <t>fiaz ahmad</t>
  </si>
  <si>
    <t>26897</t>
  </si>
  <si>
    <t>GHS KALIAN WALA</t>
  </si>
  <si>
    <t>V.P.O Kalianwala Teh &amp; Distt. Hafizabad</t>
  </si>
  <si>
    <t>Aslam Rashid</t>
  </si>
  <si>
    <t>26901</t>
  </si>
  <si>
    <t>GHS QADIR ABAD COLONY</t>
  </si>
  <si>
    <t>qadirabad Colony</t>
  </si>
  <si>
    <t>Govt. Secondary School qadirabad Colony tehsil and district hafizabad</t>
  </si>
  <si>
    <t>Qadirabad Colony</t>
  </si>
  <si>
    <t>sooianwala</t>
  </si>
  <si>
    <t>GHSS KOLO TARAR</t>
  </si>
  <si>
    <t>KOLO TARAR</t>
  </si>
  <si>
    <t>dr. malik riaz hussain</t>
  </si>
  <si>
    <t>26911</t>
  </si>
  <si>
    <t>GGHSS SOOIAN WALA</t>
  </si>
  <si>
    <t>sAMIA bASHIR</t>
  </si>
  <si>
    <t>26923</t>
  </si>
  <si>
    <t>GGHS KALIAN WALA</t>
  </si>
  <si>
    <t>Kalianwala hafizabad</t>
  </si>
  <si>
    <t>GGHS JURIAN</t>
  </si>
  <si>
    <t>VPO jurian Hafizabad</t>
  </si>
  <si>
    <t>nargas</t>
  </si>
  <si>
    <t>26948</t>
  </si>
  <si>
    <t>GES MC NO. 8 HAFIZABAD</t>
  </si>
  <si>
    <t>vanike road hafizabad</t>
  </si>
  <si>
    <t>26955</t>
  </si>
  <si>
    <t>Jagganwala Hafizabad</t>
  </si>
  <si>
    <t>Ward 49</t>
  </si>
  <si>
    <t>5331</t>
  </si>
  <si>
    <t>54549</t>
  </si>
  <si>
    <t>GPS CHAK MOLU</t>
  </si>
  <si>
    <t>CHANI HANJRANWAN - MALE</t>
  </si>
  <si>
    <t>Chak Mulo</t>
  </si>
  <si>
    <t>chak mulo</t>
  </si>
  <si>
    <t>Pindi Bawaray</t>
  </si>
  <si>
    <t>16917</t>
  </si>
  <si>
    <t>14933</t>
  </si>
  <si>
    <t>GPS PARTH NALA</t>
  </si>
  <si>
    <t>Parthnala</t>
  </si>
  <si>
    <t>dera Abdul razaq near geegay post office kaleki mandi hafizabad</t>
  </si>
  <si>
    <t>26980</t>
  </si>
  <si>
    <t>GES MARH BASHI</t>
  </si>
  <si>
    <t>Marh Bashi</t>
  </si>
  <si>
    <t>Marh Bashi tehsil &amp; distract Hafizabad</t>
  </si>
  <si>
    <t>Ramke Chattha</t>
  </si>
  <si>
    <t>12780</t>
  </si>
  <si>
    <t>GPS BAHAK AHMED YAR</t>
  </si>
  <si>
    <t>VANIKE TARAR - MALE</t>
  </si>
  <si>
    <t>Bahak Ahmed Yar</t>
  </si>
  <si>
    <t>Bahak Ahmed Yar, P/O Vanike Tarar, Teh. &amp; Disstt. Hafizabad</t>
  </si>
  <si>
    <t>35030</t>
  </si>
  <si>
    <t>GPS SOOIAN WALA</t>
  </si>
  <si>
    <t>SOOIANWALA Teh&amp;Dist. HHAFIZABAD</t>
  </si>
  <si>
    <t>Sooianwala Chatha</t>
  </si>
  <si>
    <t>32885</t>
  </si>
  <si>
    <t>32070</t>
  </si>
  <si>
    <t>32884</t>
  </si>
  <si>
    <t>27009</t>
  </si>
  <si>
    <t>GMPS KOT QADAR BUKHSH</t>
  </si>
  <si>
    <t>MANGAT UNCHA - FEMALE</t>
  </si>
  <si>
    <t>Kot Qadir Bukhsh</t>
  </si>
  <si>
    <t>kot qadir bukhsh hafizabad</t>
  </si>
  <si>
    <t>MC Hafizabad</t>
  </si>
  <si>
    <t>Faisal Imran</t>
  </si>
  <si>
    <t>GGPS SOLANGI AWAN</t>
  </si>
  <si>
    <t>solingi awan</t>
  </si>
  <si>
    <t>ggps solingi awan</t>
  </si>
  <si>
    <t>Solingi Awan</t>
  </si>
  <si>
    <t>Manzoor Akhter</t>
  </si>
  <si>
    <t>27013</t>
  </si>
  <si>
    <t>GGCMS DHINGRIAN WALI</t>
  </si>
  <si>
    <t>Qilla Ram Kor</t>
  </si>
  <si>
    <t>Misbah Zulfiqar</t>
  </si>
  <si>
    <t>27014</t>
  </si>
  <si>
    <t>GGPS WINGAY</t>
  </si>
  <si>
    <t>wingay</t>
  </si>
  <si>
    <t>winggay</t>
  </si>
  <si>
    <t>pindi bawary</t>
  </si>
  <si>
    <t>18644</t>
  </si>
  <si>
    <t>GGPS GAJAR GOLA STATION</t>
  </si>
  <si>
    <t>THATHA KALIAN - FEMALE</t>
  </si>
  <si>
    <t>Kaliar Wala</t>
  </si>
  <si>
    <t>astation gajar gola</t>
  </si>
  <si>
    <t>SAGAR KALAN</t>
  </si>
  <si>
    <t>Shamum Akhtar</t>
  </si>
  <si>
    <t>25474</t>
  </si>
  <si>
    <t>GGPS BURJ FATEH ALI</t>
  </si>
  <si>
    <t>Burj Fateh Ali</t>
  </si>
  <si>
    <t>GGps Burj Fateh Ali</t>
  </si>
  <si>
    <t>Zofishan</t>
  </si>
  <si>
    <t>GGPS KHAN PUR</t>
  </si>
  <si>
    <t>khan pur</t>
  </si>
  <si>
    <t>Anam Ashraf</t>
  </si>
  <si>
    <t>5506</t>
  </si>
  <si>
    <t>27100</t>
  </si>
  <si>
    <t>GMPS MAHNIAN WALA</t>
  </si>
  <si>
    <t>Mahniawala</t>
  </si>
  <si>
    <t>mahniawala</t>
  </si>
  <si>
    <t>Mab Khan</t>
  </si>
  <si>
    <t>GMPS THATTA SHAMSA</t>
  </si>
  <si>
    <t>Thatha Shamsa</t>
  </si>
  <si>
    <t>thatha Shamsa dist hafizabad</t>
  </si>
  <si>
    <t>Aqsa Jabeen</t>
  </si>
  <si>
    <t>27133</t>
  </si>
  <si>
    <t>GGPS MADAN PHILLA</t>
  </si>
  <si>
    <t>Maddan Phillah</t>
  </si>
  <si>
    <t>village maddan phillah markaz mangat uncha</t>
  </si>
  <si>
    <t>Fozia Kanwal</t>
  </si>
  <si>
    <t>GMPS BOAIKE</t>
  </si>
  <si>
    <t>Boaki</t>
  </si>
  <si>
    <t>hafizbad</t>
  </si>
  <si>
    <t>Muhammad Kashif Raza</t>
  </si>
  <si>
    <t>40871</t>
  </si>
  <si>
    <t>27137</t>
  </si>
  <si>
    <t>GMES DHUNNI</t>
  </si>
  <si>
    <t>Sioki</t>
  </si>
  <si>
    <t>dhunni</t>
  </si>
  <si>
    <t>Dhunni</t>
  </si>
  <si>
    <t>Shugafta Begum</t>
  </si>
  <si>
    <t>27138</t>
  </si>
  <si>
    <t>GGPS SIOKI</t>
  </si>
  <si>
    <t>Sioki Village</t>
  </si>
  <si>
    <t>18991</t>
  </si>
  <si>
    <t>27140</t>
  </si>
  <si>
    <t>GGPS VINNI</t>
  </si>
  <si>
    <t>village vinni tensile and District hafizabad</t>
  </si>
  <si>
    <t>Kishwar Muzaffar</t>
  </si>
  <si>
    <t>27141</t>
  </si>
  <si>
    <t>KOT NAWAN - FEMALE</t>
  </si>
  <si>
    <t>kotmuburk</t>
  </si>
  <si>
    <t>Kotmuburk</t>
  </si>
  <si>
    <t>Solngi Awan</t>
  </si>
  <si>
    <t>Razia Mukhtar</t>
  </si>
  <si>
    <t>27146</t>
  </si>
  <si>
    <t>GGHS WACHOKE KALAN</t>
  </si>
  <si>
    <t>Wachokikalan</t>
  </si>
  <si>
    <t>KOT HASAN KHAN</t>
  </si>
  <si>
    <t>Praveen Sadaq</t>
  </si>
  <si>
    <t>27149</t>
  </si>
  <si>
    <t>GGPS THATTA KHARLAN</t>
  </si>
  <si>
    <t>Thatha Kharlan</t>
  </si>
  <si>
    <t>CHAK CHATTHA</t>
  </si>
  <si>
    <t>27158</t>
  </si>
  <si>
    <t>GGPS BORIAN WALA</t>
  </si>
  <si>
    <t>GGPS Borianwala</t>
  </si>
  <si>
    <t>20541</t>
  </si>
  <si>
    <t>27162</t>
  </si>
  <si>
    <t>GMPS KOT MIAN</t>
  </si>
  <si>
    <t>kot mian</t>
  </si>
  <si>
    <t>gmps k o t mian</t>
  </si>
  <si>
    <t>Rashida</t>
  </si>
  <si>
    <t>16126</t>
  </si>
  <si>
    <t>GPS HARDO BAGH</t>
  </si>
  <si>
    <t>Har Do Bagh</t>
  </si>
  <si>
    <t>har do bagh</t>
  </si>
  <si>
    <t>35769</t>
  </si>
  <si>
    <t>GPS THATTA PIRA</t>
  </si>
  <si>
    <t>Thatta Pira</t>
  </si>
  <si>
    <t>Village Thatta Pira, Post Office Kaleki Mandi,Hafiz abad</t>
  </si>
  <si>
    <t>Uddoke</t>
  </si>
  <si>
    <t>54604</t>
  </si>
  <si>
    <t>GPS THATHA HOSHNAK RAI</t>
  </si>
  <si>
    <t>Thatha Hoshnak Rai</t>
  </si>
  <si>
    <t>Thatha hoshnak rai  P/O khanqah dogran Teh/distt  Hafizabad</t>
  </si>
  <si>
    <t>Thatha hoshnak Rai</t>
  </si>
  <si>
    <t>Nahrianwala</t>
  </si>
  <si>
    <t>10565</t>
  </si>
  <si>
    <t>27184</t>
  </si>
  <si>
    <t>GPS DERA HAYAT MUHAMMAD</t>
  </si>
  <si>
    <t>Dera Hayat</t>
  </si>
  <si>
    <t>dera hayyat muhammad</t>
  </si>
  <si>
    <t>Dera Hayat Muhammad</t>
  </si>
  <si>
    <t>27191</t>
  </si>
  <si>
    <t>GGES KHANJAR</t>
  </si>
  <si>
    <t>KHANJAR</t>
  </si>
  <si>
    <t>KHANJAR P.O BHAKA BHATTIAN</t>
  </si>
  <si>
    <t>Ruqia Fatima</t>
  </si>
  <si>
    <t>27198</t>
  </si>
  <si>
    <t>GGHSS MODEL HAFIZABAD</t>
  </si>
  <si>
    <t>moh sher pura hfd</t>
  </si>
  <si>
    <t>Abida Saleemi</t>
  </si>
  <si>
    <t>32840</t>
  </si>
  <si>
    <t>17564</t>
  </si>
  <si>
    <t>27215</t>
  </si>
  <si>
    <t>GGES KOT CHIAN</t>
  </si>
  <si>
    <t>Kot Chian</t>
  </si>
  <si>
    <t>kot chian</t>
  </si>
  <si>
    <t>Pindi Bawrey</t>
  </si>
  <si>
    <t>Saba Rana</t>
  </si>
  <si>
    <t>41080</t>
  </si>
  <si>
    <t>27239</t>
  </si>
  <si>
    <t>GHS NO. 1 PINDI BHATTIAN</t>
  </si>
  <si>
    <t>chiniot road, pindi bhattian</t>
  </si>
  <si>
    <t>MC.pindi bhattian</t>
  </si>
  <si>
    <t>muhammad zaman</t>
  </si>
  <si>
    <t>133280</t>
  </si>
  <si>
    <t>GHS NO. 2 PINDI BHATTIAN</t>
  </si>
  <si>
    <t>GOVT.HIGH SCHOOL NO. PINDI BHATTIAN</t>
  </si>
  <si>
    <t>MOH.SADDIQUE- E-AKBAR</t>
  </si>
  <si>
    <t>MC PINDI BHATTAIN</t>
  </si>
  <si>
    <t>SAJID MUNIR KASHIF</t>
  </si>
  <si>
    <t>27245</t>
  </si>
  <si>
    <t>GHS RASUL PUR TARAR</t>
  </si>
  <si>
    <t>Rasul Pur Tarar</t>
  </si>
  <si>
    <t>Rasul pur tarar</t>
  </si>
  <si>
    <t>Rasulpur Tarar</t>
  </si>
  <si>
    <t>Arif Hussain Bhuttah</t>
  </si>
  <si>
    <t>27247</t>
  </si>
  <si>
    <t>GHSS PUBLIC JALAL PUR BHATTIAN</t>
  </si>
  <si>
    <t>Jalalpur Bhattian</t>
  </si>
  <si>
    <t>jalalpur bhattian</t>
  </si>
  <si>
    <t>qazi ashfaq ahmad</t>
  </si>
  <si>
    <t>34460</t>
  </si>
  <si>
    <t>GHS KHURAM CHORERA</t>
  </si>
  <si>
    <t>government high school khuram chorera</t>
  </si>
  <si>
    <t>qais ahmad</t>
  </si>
  <si>
    <t>27253</t>
  </si>
  <si>
    <t>GHS MACHO NIKKA</t>
  </si>
  <si>
    <t>vill.machonikka</t>
  </si>
  <si>
    <t>mansab ali chadhar</t>
  </si>
  <si>
    <t>27256</t>
  </si>
  <si>
    <t>GHS JALAL PUR BHUTTIAN</t>
  </si>
  <si>
    <t>27263</t>
  </si>
  <si>
    <t>GGHS JANDOKE</t>
  </si>
  <si>
    <t>Jandoke</t>
  </si>
  <si>
    <t>Jandoke, p/o sukheki mandi, Tehsil pindi Bhattian, District hafizabad.</t>
  </si>
  <si>
    <t>Misbah Hayat</t>
  </si>
  <si>
    <t>9524</t>
  </si>
  <si>
    <t>27269</t>
  </si>
  <si>
    <t>GGHS MUSTAFA ABAD</t>
  </si>
  <si>
    <t>gghs mustafaabad</t>
  </si>
  <si>
    <t>Shakeela Iftikhar</t>
  </si>
  <si>
    <t>7716</t>
  </si>
  <si>
    <t>28371</t>
  </si>
  <si>
    <t>2887</t>
  </si>
  <si>
    <t>27273</t>
  </si>
  <si>
    <t>GGHS MADHORA KALAN</t>
  </si>
  <si>
    <t>madhora kalan</t>
  </si>
  <si>
    <t>11771</t>
  </si>
  <si>
    <t>27275</t>
  </si>
  <si>
    <t>GGHS TAHLI GORAYA</t>
  </si>
  <si>
    <t>Thali goraya</t>
  </si>
  <si>
    <t>Madhora kalan</t>
  </si>
  <si>
    <t>Naseer Nawaz</t>
  </si>
  <si>
    <t>27292</t>
  </si>
  <si>
    <t>GES MUSTFA ABAD</t>
  </si>
  <si>
    <t>Village Mustafabad</t>
  </si>
  <si>
    <t>Abid hussain</t>
  </si>
  <si>
    <t>37252</t>
  </si>
  <si>
    <t>54558</t>
  </si>
  <si>
    <t>GPS DHARIAN</t>
  </si>
  <si>
    <t>MATTEKE - MALE</t>
  </si>
  <si>
    <t>dharian</t>
  </si>
  <si>
    <t>Solangi Kharal</t>
  </si>
  <si>
    <t>27339</t>
  </si>
  <si>
    <t>GPS KOT MUHABAT</t>
  </si>
  <si>
    <t>Kot Muhabat</t>
  </si>
  <si>
    <t>GPS  kot muhabat</t>
  </si>
  <si>
    <t>14541</t>
  </si>
  <si>
    <t>30144</t>
  </si>
  <si>
    <t>GPS DHALKE KHURD</t>
  </si>
  <si>
    <t>Dhalkey</t>
  </si>
  <si>
    <t>dhalkey kalan</t>
  </si>
  <si>
    <t>Dhalkey Kalan</t>
  </si>
  <si>
    <t>Tahli Goraya</t>
  </si>
  <si>
    <t>GGHS BHAN SARI</t>
  </si>
  <si>
    <t>Bhan</t>
  </si>
  <si>
    <t>GGHS Bhan Sari kotli sattian District Rawalpindi</t>
  </si>
  <si>
    <t>Ghosia Ishtiaq</t>
  </si>
  <si>
    <t>1.08009e+006</t>
  </si>
  <si>
    <t>16790</t>
  </si>
  <si>
    <t>GPS BARHAD</t>
  </si>
  <si>
    <t>Barhad</t>
  </si>
  <si>
    <t>Village Barhad</t>
  </si>
  <si>
    <t>MC Kotli Sattian</t>
  </si>
  <si>
    <t>Chashma</t>
  </si>
  <si>
    <t>29945</t>
  </si>
  <si>
    <t>50427</t>
  </si>
  <si>
    <t>GPS CHAJANA</t>
  </si>
  <si>
    <t>village chajana p/o dhanda tehsil kotli Sattain dist rawalpindi</t>
  </si>
  <si>
    <t>waghal</t>
  </si>
  <si>
    <t>M.Imran</t>
  </si>
  <si>
    <t>watersupply chasma</t>
  </si>
  <si>
    <t>38130</t>
  </si>
  <si>
    <t>GPS DHEERKOT KETHWALAN</t>
  </si>
  <si>
    <t>Dhir kot kethwalan</t>
  </si>
  <si>
    <t>Dhir kot kethwalan kotli Sattian  Rawalpindi</t>
  </si>
  <si>
    <t>Zia Ur Rehman</t>
  </si>
  <si>
    <t>22941</t>
  </si>
  <si>
    <t>GPS KETHOLA</t>
  </si>
  <si>
    <t>kethola malot sattian</t>
  </si>
  <si>
    <t>M Anwar Baig</t>
  </si>
  <si>
    <t>42271</t>
  </si>
  <si>
    <t>GGES CHOWKI WAGHAL</t>
  </si>
  <si>
    <t>Village and post office waghal teh kotli sattian district Rawalpindi</t>
  </si>
  <si>
    <t>Nazeem Akhter</t>
  </si>
  <si>
    <t>51260</t>
  </si>
  <si>
    <t>42310</t>
  </si>
  <si>
    <t>GPS PETHORA</t>
  </si>
  <si>
    <t>Barrian Pethora</t>
  </si>
  <si>
    <t>vill barrian pethora p/o Mallot sattian Teh Kotli Sattian Distt RWP</t>
  </si>
  <si>
    <t>Madiha Abrar</t>
  </si>
  <si>
    <t>42312</t>
  </si>
  <si>
    <t>GPS UPPER DHEER KOT</t>
  </si>
  <si>
    <t>Vill and Po dhir kot sattian tehsil kotli ssttian dist</t>
  </si>
  <si>
    <t>42321</t>
  </si>
  <si>
    <t>GGHS CHOWKI BURHAD</t>
  </si>
  <si>
    <t>Burhad</t>
  </si>
  <si>
    <t>Burhad Kotli sattian dist rwp</t>
  </si>
  <si>
    <t>Sajida Akhtar</t>
  </si>
  <si>
    <t>42327</t>
  </si>
  <si>
    <t>GGPS PALI</t>
  </si>
  <si>
    <t>LEHTRAR -FEMALE</t>
  </si>
  <si>
    <t>BHANGAL</t>
  </si>
  <si>
    <t>PALI</t>
  </si>
  <si>
    <t>54731</t>
  </si>
  <si>
    <t>GGPS DHOK KHETRAN</t>
  </si>
  <si>
    <t>Baiga</t>
  </si>
  <si>
    <t>village and post office baiga dhoke  khetran tehsil kotli sattian district Rawalpindi</t>
  </si>
  <si>
    <t>Dhoke  Khetran</t>
  </si>
  <si>
    <t>Fatima Bibi</t>
  </si>
  <si>
    <t>GES JAWA</t>
  </si>
  <si>
    <t>Village jawa mallot sattian tehsil kotli sattian Rwp</t>
  </si>
  <si>
    <t>TAUSEEF ANWAR</t>
  </si>
  <si>
    <t>13032</t>
  </si>
  <si>
    <t>46006</t>
  </si>
  <si>
    <t>19805</t>
  </si>
  <si>
    <t>42349</t>
  </si>
  <si>
    <t>GHSS BEWAL</t>
  </si>
  <si>
    <t>bewal</t>
  </si>
  <si>
    <t>vpo bewal gujar khan rwp</t>
  </si>
  <si>
    <t>Saeed Akhtar</t>
  </si>
  <si>
    <t>42364</t>
  </si>
  <si>
    <t>GHS DARKALA</t>
  </si>
  <si>
    <t>Darkala</t>
  </si>
  <si>
    <t>Vpo Darkala Teh. Gujar Khan distt. Rawalpindi</t>
  </si>
  <si>
    <t>Manghot</t>
  </si>
  <si>
    <t>sajid jalil</t>
  </si>
  <si>
    <t>29079</t>
  </si>
  <si>
    <t>GHS DARKALI KHURD</t>
  </si>
  <si>
    <t>DARKALI</t>
  </si>
  <si>
    <t>GHS DARKALI KHURD TEHSIL GUJAR KHAN DISTRICT RAWALPINDI.</t>
  </si>
  <si>
    <t>DARKALI KHURD</t>
  </si>
  <si>
    <t>SHAFAQAT Hameed</t>
  </si>
  <si>
    <t>42376</t>
  </si>
  <si>
    <t>Bijnial</t>
  </si>
  <si>
    <t>GGHS BIJNIAL via Mandra Tehsil Gujarkhan, Distt. RWP</t>
  </si>
  <si>
    <t>31678</t>
  </si>
  <si>
    <t>12752</t>
  </si>
  <si>
    <t>48762</t>
  </si>
  <si>
    <t>GHSS CHAK NO.109 SB</t>
  </si>
  <si>
    <t>chak 109 sb</t>
  </si>
  <si>
    <t>Chak number 109 sb, sargohda</t>
  </si>
  <si>
    <t>Chak 109 sb</t>
  </si>
  <si>
    <t>109/SB</t>
  </si>
  <si>
    <t>HAFIZ MUHAMMAD SAEED</t>
  </si>
  <si>
    <t>48764</t>
  </si>
  <si>
    <t>GHS AMBALA MUSLIM SARGODHA</t>
  </si>
  <si>
    <t>BLOCK 3 FIASAL  BAZAR</t>
  </si>
  <si>
    <t>BLOCK 3 FAISAL BAZAR SARGODHA</t>
  </si>
  <si>
    <t>cH. RIAZ HUSAIN MAKEN</t>
  </si>
  <si>
    <t>48787</t>
  </si>
  <si>
    <t>GGHS CHAK NO.40 SB</t>
  </si>
  <si>
    <t>Pull 111</t>
  </si>
  <si>
    <t>chak no 40sb sargodha</t>
  </si>
  <si>
    <t>40sb</t>
  </si>
  <si>
    <t>40/SB</t>
  </si>
  <si>
    <t>39632</t>
  </si>
  <si>
    <t>48789</t>
  </si>
  <si>
    <t>GGHS CHAK NO.33 SB</t>
  </si>
  <si>
    <t>Chao No 33sb</t>
  </si>
  <si>
    <t>chak no 33sb sgd</t>
  </si>
  <si>
    <t>33 Sb</t>
  </si>
  <si>
    <t>33/SB</t>
  </si>
  <si>
    <t>Nusrat Afzal</t>
  </si>
  <si>
    <t>31787</t>
  </si>
  <si>
    <t>GGHSS NATIONAL PAF BASE SARGODHA</t>
  </si>
  <si>
    <t>PAF</t>
  </si>
  <si>
    <t>PAF BASE SGD</t>
  </si>
  <si>
    <t>PAF Base</t>
  </si>
  <si>
    <t>Ghazala Nasreen</t>
  </si>
  <si>
    <t>4923</t>
  </si>
  <si>
    <t>GGHS CHAK NO.88 NB</t>
  </si>
  <si>
    <t>Chack 88 NB</t>
  </si>
  <si>
    <t>chack 88 NB</t>
  </si>
  <si>
    <t>48807</t>
  </si>
  <si>
    <t>GGHS MC BLOCK NO 27/26 SARGODHA</t>
  </si>
  <si>
    <t>SGD</t>
  </si>
  <si>
    <t>Govt.MC girls High School 26/27 Block Sargodha</t>
  </si>
  <si>
    <t>SAMINA YASMEEN</t>
  </si>
  <si>
    <t>84594</t>
  </si>
  <si>
    <t>GGHS PILOT BLOCK NO. 23 SARGODHA</t>
  </si>
  <si>
    <t>govt.girls pilot sec school sgd 23 block</t>
  </si>
  <si>
    <t>23/A</t>
  </si>
  <si>
    <t>yasmin Akhtar</t>
  </si>
  <si>
    <t>48841</t>
  </si>
  <si>
    <t>GHS CHAK NO.104 SB</t>
  </si>
  <si>
    <t>chak no 104 sb sargodha</t>
  </si>
  <si>
    <t>104 Sb</t>
  </si>
  <si>
    <t>109 Sb</t>
  </si>
  <si>
    <t>Muhammad Ijaz Qamar</t>
  </si>
  <si>
    <t>48843</t>
  </si>
  <si>
    <t>GHSS SARGODHA (Old name GCET)</t>
  </si>
  <si>
    <t>satellite town  A block Sargodha</t>
  </si>
  <si>
    <t>Stown</t>
  </si>
  <si>
    <t>Jinah Colony</t>
  </si>
  <si>
    <t>22478</t>
  </si>
  <si>
    <t>GGHS CHAK NO.59 SB</t>
  </si>
  <si>
    <t>Chak 59 SB</t>
  </si>
  <si>
    <t>chak no 59 SB sargodha</t>
  </si>
  <si>
    <t>59 SB</t>
  </si>
  <si>
    <t>58/SB</t>
  </si>
  <si>
    <t>Karim Bibi</t>
  </si>
  <si>
    <t>13226</t>
  </si>
  <si>
    <t>37523</t>
  </si>
  <si>
    <t>48875</t>
  </si>
  <si>
    <t>GGHS DOGRAN WALA CHAK NO.58 ASB</t>
  </si>
  <si>
    <t>Chak # 58 Sb</t>
  </si>
  <si>
    <t>Chak # 58 SB (A) sgd</t>
  </si>
  <si>
    <t>Chak 58 SB</t>
  </si>
  <si>
    <t>Shabnum-un-Nisa</t>
  </si>
  <si>
    <t>44798</t>
  </si>
  <si>
    <t>GGHS CHAK NO.74 SB</t>
  </si>
  <si>
    <t>74SB</t>
  </si>
  <si>
    <t>GGHS Chak No 74SB</t>
  </si>
  <si>
    <t>Chak  No 74SB SGD</t>
  </si>
  <si>
    <t>74/SB</t>
  </si>
  <si>
    <t>Aziz Fatima</t>
  </si>
  <si>
    <t>GGHS CHAK NO.30 SB</t>
  </si>
  <si>
    <t>30 Sb</t>
  </si>
  <si>
    <t>chak no 30 sb sargodha</t>
  </si>
  <si>
    <t>30 Sb Sargodha</t>
  </si>
  <si>
    <t>30/SB</t>
  </si>
  <si>
    <t>Farast Choudhary</t>
  </si>
  <si>
    <t>48909</t>
  </si>
  <si>
    <t>GGHS CHAK NO.36 NB SARGODHA</t>
  </si>
  <si>
    <t>36NB</t>
  </si>
  <si>
    <t>chak no 36 NB</t>
  </si>
  <si>
    <t>36/NB</t>
  </si>
  <si>
    <t>Shabana Nosheen</t>
  </si>
  <si>
    <t>GGHS CHAK NO.101 NB</t>
  </si>
  <si>
    <t>GGHS 101 NB Sargodha</t>
  </si>
  <si>
    <t>Chak No 101 NB</t>
  </si>
  <si>
    <t>Mrs. Gulshan Ara</t>
  </si>
  <si>
    <t>GPS CHARAGH BELA P/O SARDAR PUR, NAWAN SHEHR</t>
  </si>
  <si>
    <t>basti toay wala moza charagh bela sardarpur tehsil kabirwala distrct khanewal</t>
  </si>
  <si>
    <t>Basti Toay Wala</t>
  </si>
  <si>
    <t>Mamdal</t>
  </si>
  <si>
    <t>Ata ul Mohsin</t>
  </si>
  <si>
    <t>36834</t>
  </si>
  <si>
    <t>GMPS 3-KASSI JADEED, KABIRWALA</t>
  </si>
  <si>
    <t>3 Kassi Jadeed</t>
  </si>
  <si>
    <t>Govt. Modl Primary School 3 Kassi Jadeed Kukar Hata Road Kabirwala</t>
  </si>
  <si>
    <t>GGPS INAYAT PUR NO.1 KABIRWALA</t>
  </si>
  <si>
    <t>mustajri wala moza inayat pur</t>
  </si>
  <si>
    <t>Mustajri Wala</t>
  </si>
  <si>
    <t>MONGA WALA</t>
  </si>
  <si>
    <t>Iffat Rasheed</t>
  </si>
  <si>
    <t>36860</t>
  </si>
  <si>
    <t>GGPS NOOR MUHAMMAD WALA NO.1 KABIRWALA</t>
  </si>
  <si>
    <t>Chack Hadier Abad</t>
  </si>
  <si>
    <t>ggps noor muhammad wala no 1 kabir wala</t>
  </si>
  <si>
    <t>HaiderAbad</t>
  </si>
  <si>
    <t>Uzma Shahzadi</t>
  </si>
  <si>
    <t>26877</t>
  </si>
  <si>
    <t>54825</t>
  </si>
  <si>
    <t>GGPS KHALID ABAD</t>
  </si>
  <si>
    <t>BATTIYAN</t>
  </si>
  <si>
    <t>GGPS KHALID ABAD MOUZA BATTIYAN P/O ABDUL HAKIM KABIRWALA</t>
  </si>
  <si>
    <t>KHALID ABAD</t>
  </si>
  <si>
    <t>Shahadat Kandla</t>
  </si>
  <si>
    <t>NOUREEN ANJUM</t>
  </si>
  <si>
    <t>Nearby Houses</t>
  </si>
  <si>
    <t>36950</t>
  </si>
  <si>
    <t>GMPS 16/D, ABDUL HAKIM</t>
  </si>
  <si>
    <t>16 D</t>
  </si>
  <si>
    <t>Chak nmbr 16 d</t>
  </si>
  <si>
    <t>6D Darkhana</t>
  </si>
  <si>
    <t>Saba Irshad</t>
  </si>
  <si>
    <t>36951</t>
  </si>
  <si>
    <t>GMPS 11/D, ABDUL HAKIM</t>
  </si>
  <si>
    <t>11-d</t>
  </si>
  <si>
    <t>chak#11-d p/o abdulhakeem</t>
  </si>
  <si>
    <t>Kishwar Rubab</t>
  </si>
  <si>
    <t>20813</t>
  </si>
  <si>
    <t>36962</t>
  </si>
  <si>
    <t>GGPS GHAGHAR, NAWAN SHEHR (PEF,PSSP PHASE II)</t>
  </si>
  <si>
    <t>Ghaghar</t>
  </si>
  <si>
    <t>Kot Wala Mouza Ghaghar</t>
  </si>
  <si>
    <t>Kot Wala</t>
  </si>
  <si>
    <t>Atiqa Akbar Khan</t>
  </si>
  <si>
    <t>GGPS MEHMOODAY WALA NAWAN SHEHR</t>
  </si>
  <si>
    <t>Chack Haider Abad</t>
  </si>
  <si>
    <t>basti mehmoody wala nawan shher tehseel  kabir wala</t>
  </si>
  <si>
    <t>Mehmmdy Wala</t>
  </si>
  <si>
    <t>54640</t>
  </si>
  <si>
    <t>GGPS MIAN PUR</t>
  </si>
  <si>
    <t>Basti mian pur</t>
  </si>
  <si>
    <t>SALAR WAHIN NAU</t>
  </si>
  <si>
    <t>Fakhra Tehreem</t>
  </si>
  <si>
    <t>GGPS SANDRANA KABIRWALA</t>
  </si>
  <si>
    <t>Sandrana</t>
  </si>
  <si>
    <t>mauza sandrana Kabirwala khanewal</t>
  </si>
  <si>
    <t>Basti Bootey Wali</t>
  </si>
  <si>
    <t>Mankot</t>
  </si>
  <si>
    <t>Tahira Ismail</t>
  </si>
  <si>
    <t>6759</t>
  </si>
  <si>
    <t>54642</t>
  </si>
  <si>
    <t>GGPS REHANA SAHU</t>
  </si>
  <si>
    <t>Rehana Sahu</t>
  </si>
  <si>
    <t>GGPS Rehana sahu p/o jodh pur tehsil kabirwala distric khanewal</t>
  </si>
  <si>
    <t>JAHAN PUR</t>
  </si>
  <si>
    <t>saima noor</t>
  </si>
  <si>
    <t>37107</t>
  </si>
  <si>
    <t>GGHS 94/10-R, KHANEWAL</t>
  </si>
  <si>
    <t>94/10-R</t>
  </si>
  <si>
    <t>GGHS94/10-R DISTT.KWL</t>
  </si>
  <si>
    <t>94/10-R KWL</t>
  </si>
  <si>
    <t>70/10R</t>
  </si>
  <si>
    <t>abida firdous</t>
  </si>
  <si>
    <t>ROPlant</t>
  </si>
  <si>
    <t>GGPS MC 7-G, P/O ISLAM PURA, KHANEWAL</t>
  </si>
  <si>
    <t>Islampura Kwl</t>
  </si>
  <si>
    <t>Kotalla Singh</t>
  </si>
  <si>
    <t>52324</t>
  </si>
  <si>
    <t>GGPS 59/10-R, KHANEWAL</t>
  </si>
  <si>
    <t>59/10-R</t>
  </si>
  <si>
    <t>Chak 59/10-R Markaz chak shahana, district khanewal</t>
  </si>
  <si>
    <t>73/10R</t>
  </si>
  <si>
    <t>Assiya Khan</t>
  </si>
  <si>
    <t>37367</t>
  </si>
  <si>
    <t>GPS 78/15-L NEW, KACHA KHUH</t>
  </si>
  <si>
    <t>78/15L New</t>
  </si>
  <si>
    <t>Chak No 78/15.L Khanewal</t>
  </si>
  <si>
    <t>Arshad Sajid</t>
  </si>
  <si>
    <t>GGPS BASTI SARWAR KAY, TULAMBA</t>
  </si>
  <si>
    <t>Bonka Machia</t>
  </si>
  <si>
    <t>GGP/S basti sarwar ky dullwan</t>
  </si>
  <si>
    <t>Basti Sarwar Ky Dullwan</t>
  </si>
  <si>
    <t>123/7ER</t>
  </si>
  <si>
    <t>sumaira ramzan</t>
  </si>
  <si>
    <t>37863</t>
  </si>
  <si>
    <t>GGPS 5/8-AR MIRZA PUR, TULAMBA</t>
  </si>
  <si>
    <t>5/8-R Mirza Pur</t>
  </si>
  <si>
    <t>GGPS. 5/8-R Mirza pur. Post office 2/8-R Mirza pur. Markaz Tulamba 2</t>
  </si>
  <si>
    <t>Samina Bashir</t>
  </si>
  <si>
    <t>47259</t>
  </si>
  <si>
    <t>37657</t>
  </si>
  <si>
    <t>GGPS 6/8-R, TULAMBA</t>
  </si>
  <si>
    <t>6/8 R qalandarabad</t>
  </si>
  <si>
    <t>6/8 R</t>
  </si>
  <si>
    <t>Tuba Sadaf</t>
  </si>
  <si>
    <t>3945</t>
  </si>
  <si>
    <t>37668</t>
  </si>
  <si>
    <t>GGPS HUSSAIN PUR ARI WALA, TULAMBA</t>
  </si>
  <si>
    <t>Husain Pur Ari Wala</t>
  </si>
  <si>
    <t>ggps Husain pur Ari Wala</t>
  </si>
  <si>
    <t>9-B/8R</t>
  </si>
  <si>
    <t>Sajida Noreen</t>
  </si>
  <si>
    <t>7584</t>
  </si>
  <si>
    <t>37670</t>
  </si>
  <si>
    <t>GGPS BAGHDAD NO.2 TULAMBA</t>
  </si>
  <si>
    <t>Baghdad Sharif</t>
  </si>
  <si>
    <t>GGP/S Baghdad sharif , School no 2, Basti kuthyal</t>
  </si>
  <si>
    <t>Bastion Kuthyal</t>
  </si>
  <si>
    <t>ghous pur</t>
  </si>
  <si>
    <t>Farhat Hafeez</t>
  </si>
  <si>
    <t>37714</t>
  </si>
  <si>
    <t>GGPS 117/15-L NEW, MIAN CHANNU</t>
  </si>
  <si>
    <t>Chak No 117/15-L</t>
  </si>
  <si>
    <t>117/15-L</t>
  </si>
  <si>
    <t>Qaisera Anjum</t>
  </si>
  <si>
    <t>34529</t>
  </si>
  <si>
    <t>37720</t>
  </si>
  <si>
    <t>GGPS 52/15-L (PEF,PSSP PHASE III)</t>
  </si>
  <si>
    <t>52/15-L</t>
  </si>
  <si>
    <t>chak No 52/15-L</t>
  </si>
  <si>
    <t>57/15L</t>
  </si>
  <si>
    <t>Sobia Rafique</t>
  </si>
  <si>
    <t>37721</t>
  </si>
  <si>
    <t>GGPS JANDIYALI BANGLA , 56/15-L MIAN CHANNU</t>
  </si>
  <si>
    <t>Jandile Bangla</t>
  </si>
  <si>
    <t>basti jandile bangla tehsil main channu</t>
  </si>
  <si>
    <t>56/15-L</t>
  </si>
  <si>
    <t>59/15L</t>
  </si>
  <si>
    <t>Ume Kulsoom</t>
  </si>
  <si>
    <t>13440</t>
  </si>
  <si>
    <t>6628</t>
  </si>
  <si>
    <t>38214</t>
  </si>
  <si>
    <t>GHS GAHI MUMMAR</t>
  </si>
  <si>
    <t>Gahi  Mummar</t>
  </si>
  <si>
    <t>Gahi Mummar</t>
  </si>
  <si>
    <t>Gahi Mumar</t>
  </si>
  <si>
    <t>6291</t>
  </si>
  <si>
    <t>38320</t>
  </si>
  <si>
    <t>GGPS PIPLI WALA</t>
  </si>
  <si>
    <t>NO QABIL WAH - FEMALE</t>
  </si>
  <si>
    <t>Pipli</t>
  </si>
  <si>
    <t>pipli wala</t>
  </si>
  <si>
    <t>Pipli Wala</t>
  </si>
  <si>
    <t>Mari Bhagoo Khan</t>
  </si>
  <si>
    <t>38330</t>
  </si>
  <si>
    <t>GGPS NARAIN WALA</t>
  </si>
  <si>
    <t>Wahi Nao</t>
  </si>
  <si>
    <t>GGPS Narain Wala Moza Wahi Nao Tehsil Kahror Pacca Dist Lodhran</t>
  </si>
  <si>
    <t>Narain Wala</t>
  </si>
  <si>
    <t>Noor Shah Gillani</t>
  </si>
  <si>
    <t>Aasma Mujeeb</t>
  </si>
  <si>
    <t>38391</t>
  </si>
  <si>
    <t>GGPS SHAH JAMAL</t>
  </si>
  <si>
    <t>SHAH JAMAL</t>
  </si>
  <si>
    <t>GAON YA BSTI SHAH JAMAL</t>
  </si>
  <si>
    <t>NAUQABIL WAH</t>
  </si>
  <si>
    <t>52983</t>
  </si>
  <si>
    <t>9878</t>
  </si>
  <si>
    <t>38590</t>
  </si>
  <si>
    <t>GGPS SADIQ WALAL</t>
  </si>
  <si>
    <t>sadiq wala</t>
  </si>
  <si>
    <t>GGP/S Sadiq Wala</t>
  </si>
  <si>
    <t>sadiqa wala</t>
  </si>
  <si>
    <t>nudrat abid</t>
  </si>
  <si>
    <t>38612</t>
  </si>
  <si>
    <t>GGPS 305 WB</t>
  </si>
  <si>
    <t>Chak#305</t>
  </si>
  <si>
    <t>govt girls primary school 305/wb</t>
  </si>
  <si>
    <t>Chak#305/wb</t>
  </si>
  <si>
    <t>ROBINA FARDOUS</t>
  </si>
  <si>
    <t>38751</t>
  </si>
  <si>
    <t>GPS 338/WB</t>
  </si>
  <si>
    <t>QUTABPUR - MALE</t>
  </si>
  <si>
    <t>Chak No 338 Wb</t>
  </si>
  <si>
    <t>chak no 338 wb po qutub pur. tehsil dunyapur district lodhran</t>
  </si>
  <si>
    <t>338 Wb</t>
  </si>
  <si>
    <t>355 WB</t>
  </si>
  <si>
    <t>13925</t>
  </si>
  <si>
    <t>39443</t>
  </si>
  <si>
    <t>GPS DHOK GALI</t>
  </si>
  <si>
    <t>MALHOWALI - MALE</t>
  </si>
  <si>
    <t>dhok gali</t>
  </si>
  <si>
    <t>Village dhok gali PO Malhowali</t>
  </si>
  <si>
    <t>39453</t>
  </si>
  <si>
    <t>GPS DHOK LARI (MALHO WALI)</t>
  </si>
  <si>
    <t>Dhok Larri</t>
  </si>
  <si>
    <t>village &amp; post office malhowali</t>
  </si>
  <si>
    <t>42058</t>
  </si>
  <si>
    <t>39454</t>
  </si>
  <si>
    <t>GPS DHABOOLA (DHOK SHARQI)</t>
  </si>
  <si>
    <t>v PO Dhaboola, Pindigheb, attock</t>
  </si>
  <si>
    <t>19635</t>
  </si>
  <si>
    <t>39491</t>
  </si>
  <si>
    <t>GHS PIND SULTANI</t>
  </si>
  <si>
    <t>VPO Pindsultani, Teh Jand, Attock</t>
  </si>
  <si>
    <t>49557</t>
  </si>
  <si>
    <t>39543</t>
  </si>
  <si>
    <t>GPS SUNEHRY MOSQUE NARA</t>
  </si>
  <si>
    <t>GPS Sunehri Masjid Nara Jand Attock</t>
  </si>
  <si>
    <t>Dhok Uchhri</t>
  </si>
  <si>
    <t>Hammad Muhamin</t>
  </si>
  <si>
    <t>29499</t>
  </si>
  <si>
    <t>1139</t>
  </si>
  <si>
    <t>42893</t>
  </si>
  <si>
    <t>15321</t>
  </si>
  <si>
    <t>GPS DHOK HABIB</t>
  </si>
  <si>
    <t>P o dhok sarfraz vill dhok habib tehsil jand district attock</t>
  </si>
  <si>
    <t>Dhok Habib</t>
  </si>
  <si>
    <t>42615</t>
  </si>
  <si>
    <t>39757</t>
  </si>
  <si>
    <t>GPS DHOK GHAGGI</t>
  </si>
  <si>
    <t>Village Dk Ghaghi Teh Jand Distt Attok</t>
  </si>
  <si>
    <t>Dk Ghaghi</t>
  </si>
  <si>
    <t>KHIZAR HAYAT</t>
  </si>
  <si>
    <t>9865</t>
  </si>
  <si>
    <t>39763</t>
  </si>
  <si>
    <t>GPS KHATTAK ABAD</t>
  </si>
  <si>
    <t>KHATTAK Abad</t>
  </si>
  <si>
    <t>village nakka Afghan p.O injra</t>
  </si>
  <si>
    <t>MAQBOOL IQBAL</t>
  </si>
  <si>
    <t>arrang from civ shool is shelter less</t>
  </si>
  <si>
    <t>GGPS QUTAB BANDI</t>
  </si>
  <si>
    <t>Qutab Bandi</t>
  </si>
  <si>
    <t>village  qutab bandi tehsil hazro attock</t>
  </si>
  <si>
    <t>Jalaia</t>
  </si>
  <si>
    <t>Faiza Mustafa</t>
  </si>
  <si>
    <t>GES FORMULI</t>
  </si>
  <si>
    <t>AWAN ABAD - MALE</t>
  </si>
  <si>
    <t>mohala gulshan colony VPO formulli hazro attock</t>
  </si>
  <si>
    <t>Rashid Javed</t>
  </si>
  <si>
    <t>38846</t>
  </si>
  <si>
    <t>40061</t>
  </si>
  <si>
    <t>GHS DHOK LOONA</t>
  </si>
  <si>
    <t>ghs dhoke loona</t>
  </si>
  <si>
    <t>muhammad saeed akhter</t>
  </si>
  <si>
    <t>2344</t>
  </si>
  <si>
    <t>40066</t>
  </si>
  <si>
    <t>GGHS TAHLIAN WALA</t>
  </si>
  <si>
    <t>CHAK KHASA</t>
  </si>
  <si>
    <t>GGHS TAHLIANWALA CHAK KHASA AND P/O TAHLIANWALA TEH AND DISTT JHELUM</t>
  </si>
  <si>
    <t>KHASA</t>
  </si>
  <si>
    <t>GGPS MC IQBAL ROAD JHELUM</t>
  </si>
  <si>
    <t>Iqbal Road Jhelum</t>
  </si>
  <si>
    <t>GGPMC school Iqbal' road jhelum</t>
  </si>
  <si>
    <t>Shamsa Batool</t>
  </si>
  <si>
    <t>31365</t>
  </si>
  <si>
    <t>GMPS KOTAL KUND</t>
  </si>
  <si>
    <t>VPO Kotal Kund Tehsil and District Jhelum</t>
  </si>
  <si>
    <t>SAIMA PARVEEN</t>
  </si>
  <si>
    <t>40254</t>
  </si>
  <si>
    <t>GMPS SHAHPUR SYEDAN</t>
  </si>
  <si>
    <t>Shah Pur Syedan</t>
  </si>
  <si>
    <t>GMPS Shah Pur Syedan</t>
  </si>
  <si>
    <t>6202</t>
  </si>
  <si>
    <t>40270</t>
  </si>
  <si>
    <t>GPS BHALO WALA</t>
  </si>
  <si>
    <t>Hasnot</t>
  </si>
  <si>
    <t>GPS Bhalo wala p/o hasnot tehsil and district Jhelum</t>
  </si>
  <si>
    <t>Bhalo wala</t>
  </si>
  <si>
    <t>Aamer Shehzad</t>
  </si>
  <si>
    <t>From the well situated in the village</t>
  </si>
  <si>
    <t>16265</t>
  </si>
  <si>
    <t>40291</t>
  </si>
  <si>
    <t>GHS GOLPUR</t>
  </si>
  <si>
    <t>gOLPUR</t>
  </si>
  <si>
    <t>VPO GOLPUR, TEHSIL PIND DADAN KHAN, DISTT. JHELUM</t>
  </si>
  <si>
    <t>KAMRAN HAIDER</t>
  </si>
  <si>
    <t>40299</t>
  </si>
  <si>
    <t>GHS SAMMAN WAL</t>
  </si>
  <si>
    <t>Sammanwal</t>
  </si>
  <si>
    <t>VPO SAMMANWAL TEHSIL PD KHAN DISTT. JHELUM</t>
  </si>
  <si>
    <t>sauwal</t>
  </si>
  <si>
    <t>SUNAWAR HUSSAIN</t>
  </si>
  <si>
    <t>52569</t>
  </si>
  <si>
    <t>40315</t>
  </si>
  <si>
    <t>GHS KASLIAN P.D. KHAN</t>
  </si>
  <si>
    <t>Kaslian</t>
  </si>
  <si>
    <t>VPO KASILAN TEHSIL PIND DADAN KHAN JHELUM</t>
  </si>
  <si>
    <t>LIAQAT HUSSAIN</t>
  </si>
  <si>
    <t>39924</t>
  </si>
  <si>
    <t>47594</t>
  </si>
  <si>
    <t>GGPS DINGWAL</t>
  </si>
  <si>
    <t>Dhingwal</t>
  </si>
  <si>
    <t>vpo dhingwal</t>
  </si>
  <si>
    <t>Muniza Batool</t>
  </si>
  <si>
    <t>30789</t>
  </si>
  <si>
    <t>15480</t>
  </si>
  <si>
    <t>40504</t>
  </si>
  <si>
    <t>GGPS KAURA</t>
  </si>
  <si>
    <t>Koura</t>
  </si>
  <si>
    <t>Shagufta Qamar</t>
  </si>
  <si>
    <t>33315</t>
  </si>
  <si>
    <t>40514</t>
  </si>
  <si>
    <t>GGPS KOTLA SYEDAN</t>
  </si>
  <si>
    <t>KOTLA SYEDAN</t>
  </si>
  <si>
    <t>VILLAGE KOTLA SYEDAN POST OFFICE MALYAR TEHSIL PIND DADAN KHAN DISTRICT JHELUM</t>
  </si>
  <si>
    <t>AHMED ABAD</t>
  </si>
  <si>
    <t>Local Water Point</t>
  </si>
  <si>
    <t>13284</t>
  </si>
  <si>
    <t>45943</t>
  </si>
  <si>
    <t>39837</t>
  </si>
  <si>
    <t>40555</t>
  </si>
  <si>
    <t>GHS PHULRAY SYEDAN</t>
  </si>
  <si>
    <t>VPO PHULRAY SYEDAN TEHSIL SOHAWA DISTRICT JHELUM</t>
  </si>
  <si>
    <t>GGHS JANDALA</t>
  </si>
  <si>
    <t>JANDALA</t>
  </si>
  <si>
    <t>vILLAGE &amp; P/O JANDALA, TEHSIL SOHAWA, DISTRICT JHELUM</t>
  </si>
  <si>
    <t>ADRANA</t>
  </si>
  <si>
    <t>NOSHABA TOSEEF</t>
  </si>
  <si>
    <t>4268</t>
  </si>
  <si>
    <t>40722</t>
  </si>
  <si>
    <t>KOHALI -FEMALE</t>
  </si>
  <si>
    <t>fateh pur</t>
  </si>
  <si>
    <t>kohali</t>
  </si>
  <si>
    <t>Sadia Mushtaq</t>
  </si>
  <si>
    <t>30740</t>
  </si>
  <si>
    <t>29505</t>
  </si>
  <si>
    <t>36116</t>
  </si>
  <si>
    <t>29105</t>
  </si>
  <si>
    <t>41045</t>
  </si>
  <si>
    <t>GHS KAHUTA</t>
  </si>
  <si>
    <t>KALLAR ROAD KAHUTA</t>
  </si>
  <si>
    <t>41046</t>
  </si>
  <si>
    <t>GHS DOBERAN KHURD</t>
  </si>
  <si>
    <t>GBHS DOBERAN KHURD, TEHSIL KAHUTA, DISTT. RAWALPINDI</t>
  </si>
  <si>
    <t>DOBERAN KHURD</t>
  </si>
  <si>
    <t>41052</t>
  </si>
  <si>
    <t>GHS SEHR</t>
  </si>
  <si>
    <t>Sehr</t>
  </si>
  <si>
    <t>Vpo sehr via nara kahuta rwp</t>
  </si>
  <si>
    <t>41056</t>
  </si>
  <si>
    <t>GHS BEOR</t>
  </si>
  <si>
    <t>vpo beor</t>
  </si>
  <si>
    <t>AAMAR HUSSAIN KHAWAR</t>
  </si>
  <si>
    <t>41059</t>
  </si>
  <si>
    <t>GGHS KAHUTA</t>
  </si>
  <si>
    <t>gghs kahuta near national bank kahuta rawalpindi</t>
  </si>
  <si>
    <t>Abida Asghar</t>
  </si>
  <si>
    <t>1.3667e+006</t>
  </si>
  <si>
    <t>4835</t>
  </si>
  <si>
    <t>41065</t>
  </si>
  <si>
    <t>GHS BATALA</t>
  </si>
  <si>
    <t>Batala</t>
  </si>
  <si>
    <t>village batala post and tehsil kahuta district Rawalpindi</t>
  </si>
  <si>
    <t>asif ismail</t>
  </si>
  <si>
    <t>GMPS KARLI</t>
  </si>
  <si>
    <t>NARAR- MALE</t>
  </si>
  <si>
    <t>villge karli u/c narar p.o narar teh.kahuta</t>
  </si>
  <si>
    <t>Karli</t>
  </si>
  <si>
    <t>41163</t>
  </si>
  <si>
    <t>GGPS CHANI</t>
  </si>
  <si>
    <t>KAHUTA - FEMALE</t>
  </si>
  <si>
    <t>Channi</t>
  </si>
  <si>
    <t>mohallah channi kahuta Town</t>
  </si>
  <si>
    <t>Sadia  shaheen</t>
  </si>
  <si>
    <t>41225</t>
  </si>
  <si>
    <t>GGPS KAROT NO. 1</t>
  </si>
  <si>
    <t>Ghora Rajgan</t>
  </si>
  <si>
    <t>school karot no 1 village ghora rajgan teh kahuta distt rawalpindi</t>
  </si>
  <si>
    <t>Fouzia Shahzad</t>
  </si>
  <si>
    <t>2814</t>
  </si>
  <si>
    <t>41252</t>
  </si>
  <si>
    <t>GPS DHOK MUGHLAN</t>
  </si>
  <si>
    <t>village dhoke mughlan p.o Nara tehsil kahuta district rawalpindi</t>
  </si>
  <si>
    <t>28682</t>
  </si>
  <si>
    <t>13014</t>
  </si>
  <si>
    <t>41280</t>
  </si>
  <si>
    <t>GGHS AUSIA</t>
  </si>
  <si>
    <t>Ausia</t>
  </si>
  <si>
    <t>VPO Ausia, Murree</t>
  </si>
  <si>
    <t>DEWAL</t>
  </si>
  <si>
    <t>Umm-E-Habibah Awan</t>
  </si>
  <si>
    <t>41285</t>
  </si>
  <si>
    <t>GGHS BANN</t>
  </si>
  <si>
    <t>Chahrian</t>
  </si>
  <si>
    <t>pobox ban village ban</t>
  </si>
  <si>
    <t>Jahan Ara Fatima</t>
  </si>
  <si>
    <t>37440</t>
  </si>
  <si>
    <t>3889</t>
  </si>
  <si>
    <t>46973</t>
  </si>
  <si>
    <t>GGPS RULLAN WALA</t>
  </si>
  <si>
    <t>SULTAN KHEL NO.2-FEMALE</t>
  </si>
  <si>
    <t>sultan khel</t>
  </si>
  <si>
    <t>ggps rullan wala sultan khel</t>
  </si>
  <si>
    <t>46977</t>
  </si>
  <si>
    <t>GGPS AJAB KHAN WALA NO. 2</t>
  </si>
  <si>
    <t>VANJARI</t>
  </si>
  <si>
    <t>wandha gula khel</t>
  </si>
  <si>
    <t>WANDHA GULA KHEL</t>
  </si>
  <si>
    <t>GPS LODHRAN WALA</t>
  </si>
  <si>
    <t>Khanuwala</t>
  </si>
  <si>
    <t>lodhranwala p/o awanawala teh isakhel disst mianwali</t>
  </si>
  <si>
    <t>Lodhranwala</t>
  </si>
  <si>
    <t>KALLUAN WALA</t>
  </si>
  <si>
    <t>46982</t>
  </si>
  <si>
    <t>GPS GHARUNO WALA</t>
  </si>
  <si>
    <t>p/o kamar mushani.teh.isakhel District mianwali.village gharounwala.</t>
  </si>
  <si>
    <t>Gharounwals</t>
  </si>
  <si>
    <t>Azmatullah Khan</t>
  </si>
  <si>
    <t>38340</t>
  </si>
  <si>
    <t>46992</t>
  </si>
  <si>
    <t>GPS KARAK NO.2</t>
  </si>
  <si>
    <t>SULTAN KHEL-MALE</t>
  </si>
  <si>
    <t>Sultan Khel Garbi</t>
  </si>
  <si>
    <t>karak no 2 wandha ralanwa wala Sultan khel tehseel esakhel diateict mianwali</t>
  </si>
  <si>
    <t>Ralanwa Wala</t>
  </si>
  <si>
    <t>Gul badshah Khan</t>
  </si>
  <si>
    <t>42182</t>
  </si>
  <si>
    <t>46993</t>
  </si>
  <si>
    <t>GPS DHATTU KHELAN WALA</t>
  </si>
  <si>
    <t>mitha khatak</t>
  </si>
  <si>
    <t>wandha laddu khel sultan khel</t>
  </si>
  <si>
    <t>laddu khel</t>
  </si>
  <si>
    <t>Altaf Khan</t>
  </si>
  <si>
    <t>46994</t>
  </si>
  <si>
    <t>GPS QUTAL KHELAN WALA</t>
  </si>
  <si>
    <t>wandha kutal khelan wala p/o Chapri tehsil Isa khel district Mianwali</t>
  </si>
  <si>
    <t>Kutal Khel</t>
  </si>
  <si>
    <t>Saleem Ullah Malik</t>
  </si>
  <si>
    <t>47007</t>
  </si>
  <si>
    <t>GHSS DAUD KHEL</t>
  </si>
  <si>
    <t>DAUD KHEL</t>
  </si>
  <si>
    <t>MOH LAMAY KHEL CITY DAUD KHEL</t>
  </si>
  <si>
    <t>MALIK MUHAMMAD ASHRAF</t>
  </si>
  <si>
    <t>GHS MIANWALI NEAR RAILWAY STATION</t>
  </si>
  <si>
    <t>wattah khel</t>
  </si>
  <si>
    <t>Mianwali City</t>
  </si>
  <si>
    <t>muhammad tariq abbas</t>
  </si>
  <si>
    <t>23438</t>
  </si>
  <si>
    <t>GHS CENTRAL MODEL MIANWALI</t>
  </si>
  <si>
    <t>mianwali city</t>
  </si>
  <si>
    <t>71909</t>
  </si>
  <si>
    <t>47015</t>
  </si>
  <si>
    <t>GHS SHAHBAZ KHAIL</t>
  </si>
  <si>
    <t>shahbazkhael mianwali</t>
  </si>
  <si>
    <t>Shahbazkhael</t>
  </si>
  <si>
    <t>Basharat Ahmed</t>
  </si>
  <si>
    <t>40456</t>
  </si>
  <si>
    <t>47028</t>
  </si>
  <si>
    <t>GHS PAIKHEL</t>
  </si>
  <si>
    <t>M yar Wala</t>
  </si>
  <si>
    <t>pai Khel</t>
  </si>
  <si>
    <t>tariq iqbal  khan</t>
  </si>
  <si>
    <t>125235</t>
  </si>
  <si>
    <t>9980</t>
  </si>
  <si>
    <t>47030</t>
  </si>
  <si>
    <t>GHS DILLEWALI</t>
  </si>
  <si>
    <t>GHIS DILLE WALI MIANWALI</t>
  </si>
  <si>
    <t>DILLE WALI</t>
  </si>
  <si>
    <t>SHAFA ULLAH KHAN</t>
  </si>
  <si>
    <t>7487</t>
  </si>
  <si>
    <t>47042</t>
  </si>
  <si>
    <t>GGHS WAN BHACHRAN</t>
  </si>
  <si>
    <t>wanbhacgran</t>
  </si>
  <si>
    <t>34247</t>
  </si>
  <si>
    <t>GHS SHER SHAH MULTAN</t>
  </si>
  <si>
    <t>34248</t>
  </si>
  <si>
    <t>GHS ALI WALA MULTAN</t>
  </si>
  <si>
    <t>Ali wala multan</t>
  </si>
  <si>
    <t>Ali wala</t>
  </si>
  <si>
    <t>20340</t>
  </si>
  <si>
    <t>34249</t>
  </si>
  <si>
    <t>GHS HAMID PUR KANORA</t>
  </si>
  <si>
    <t>Basti Piry wala moza Hamid pur Kanora, Multan</t>
  </si>
  <si>
    <t>Hamid pur kanora</t>
  </si>
  <si>
    <t>Hamid Pur kanora</t>
  </si>
  <si>
    <t>muhammad qamar lodhi</t>
  </si>
  <si>
    <t>34281</t>
  </si>
  <si>
    <t>GHS TAIL</t>
  </si>
  <si>
    <t>Qasba Salas</t>
  </si>
  <si>
    <t>Qasba Salas, Muhammad Pur-Qasba Marhal Road, Tehsile Sadar District Multan</t>
  </si>
  <si>
    <t>Tail</t>
  </si>
  <si>
    <t>Chadhar</t>
  </si>
  <si>
    <t>Mahboob Ashraf</t>
  </si>
  <si>
    <t>34293</t>
  </si>
  <si>
    <t>GHS SULTAN PUR HUMMER P/O SHER SHAH MULTAN</t>
  </si>
  <si>
    <t>Basti Sultan pur Hammar Multan</t>
  </si>
  <si>
    <t>Syed Masood Ali</t>
  </si>
  <si>
    <t>GGHS NAWAB PUR P/O NAWABAB PUR</t>
  </si>
  <si>
    <t>Nawabpur</t>
  </si>
  <si>
    <t>GGHS Nawabpur Multan</t>
  </si>
  <si>
    <t>Buch Khusro</t>
  </si>
  <si>
    <t>Zahida niaz</t>
  </si>
  <si>
    <t>34302</t>
  </si>
  <si>
    <t>GGHS RAWANI MULTAN</t>
  </si>
  <si>
    <t>gghs.rawani.moza.rawani</t>
  </si>
  <si>
    <t>Bangal Wala</t>
  </si>
  <si>
    <t>Abeida Khanum</t>
  </si>
  <si>
    <t>34236</t>
  </si>
  <si>
    <t>GGHS LABER MORE MULTAN</t>
  </si>
  <si>
    <t>Bast labar</t>
  </si>
  <si>
    <t>Gages basti labar</t>
  </si>
  <si>
    <t>Basti labar</t>
  </si>
  <si>
    <t>Haider Pur Kanora</t>
  </si>
  <si>
    <t>Nasreen Akhtar Ali</t>
  </si>
  <si>
    <t>34338</t>
  </si>
  <si>
    <t>GPS SADDAR PUR MULTAN MOUZA SADDAR PUR MULTAN</t>
  </si>
  <si>
    <t>NAWAB PUR - MALE</t>
  </si>
  <si>
    <t>Saddarpur</t>
  </si>
  <si>
    <t>mauza saddarpur multan</t>
  </si>
  <si>
    <t>34401</t>
  </si>
  <si>
    <t>GPS GULZAR PUR NO.1 P/O GULZAR PUR</t>
  </si>
  <si>
    <t>MAKHDOOM RASHEED - MALE</t>
  </si>
  <si>
    <t>Gul Muhammad Wala</t>
  </si>
  <si>
    <t>GPS Gulzarpur no.1 P/O Gulzarpur</t>
  </si>
  <si>
    <t>Basti Ameer Pur</t>
  </si>
  <si>
    <t>sher singh</t>
  </si>
  <si>
    <t>Muhammad Ghulam Ijaz</t>
  </si>
  <si>
    <t>GGPS KHADAL KALAN MULTAN</t>
  </si>
  <si>
    <t>Khadal Kalan</t>
  </si>
  <si>
    <t>basti khadal kalan</t>
  </si>
  <si>
    <t>GMMS ISLAMABAD QADIR PURRAN</t>
  </si>
  <si>
    <t>BANGAL WALA - MALE</t>
  </si>
  <si>
    <t>gmms basti Islamabad qadir pur ran</t>
  </si>
  <si>
    <t>Qadir Pur Ran West</t>
  </si>
  <si>
    <t>MUHAMMAD AKHTER</t>
  </si>
  <si>
    <t>34745</t>
  </si>
  <si>
    <t>GMMS GHOUSIA BASTI MALOOK</t>
  </si>
  <si>
    <t>12faiz</t>
  </si>
  <si>
    <t>Poll dowa</t>
  </si>
  <si>
    <t>Poll Dowa</t>
  </si>
  <si>
    <t>GHS HAVALI LANG JALAL PUR PIR WALA</t>
  </si>
  <si>
    <t>Haveli Lang</t>
  </si>
  <si>
    <t>basti haveli lang</t>
  </si>
  <si>
    <t>9418</t>
  </si>
  <si>
    <t>34874</t>
  </si>
  <si>
    <t>GMPS BOOL GARH NO.1</t>
  </si>
  <si>
    <t>Mozathaklajanobi</t>
  </si>
  <si>
    <t>bastiariwala</t>
  </si>
  <si>
    <t>Bastiariwala</t>
  </si>
  <si>
    <t>Mansab Tauqir</t>
  </si>
  <si>
    <t>34994</t>
  </si>
  <si>
    <t>GMMS CHAK 87/M P/O BAHADUR PUR JALALPUR PIRWALA</t>
  </si>
  <si>
    <t>Chak 87M</t>
  </si>
  <si>
    <t>chak 87M P/O Bahadar pur Tehsil JPPW</t>
  </si>
  <si>
    <t>Chak 87m</t>
  </si>
  <si>
    <t>34995</t>
  </si>
  <si>
    <t>GMMS NOSHEHRA</t>
  </si>
  <si>
    <t>Nouraja Bhutta</t>
  </si>
  <si>
    <t>basti noshehra moza and uc.nouraja Bhutta Uc.no.172 tehsil jppw.dist.multan</t>
  </si>
  <si>
    <t>Noraja Bhutta</t>
  </si>
  <si>
    <t>3703</t>
  </si>
  <si>
    <t>GMMS KULYAR WALA (BOHAR) P/O JUGU WALA</t>
  </si>
  <si>
    <t>TAJAY WALA - MALE</t>
  </si>
  <si>
    <t>GMMS Kulyar wala (bohar) p/o Juggo wala multan</t>
  </si>
  <si>
    <t>Kulyar Wala</t>
  </si>
  <si>
    <t>Hafiz imran mustafa</t>
  </si>
  <si>
    <t>29098</t>
  </si>
  <si>
    <t>GMMS MUNSHI WALA P/O JUGGO WALA</t>
  </si>
  <si>
    <t>lal wah</t>
  </si>
  <si>
    <t>munshi wala</t>
  </si>
  <si>
    <t>chah iqbal wala</t>
  </si>
  <si>
    <t>LAL WAH</t>
  </si>
  <si>
    <t>35005</t>
  </si>
  <si>
    <t>GMMS SHAH WALI KOHI CENTER SHUJATPUR JPP.</t>
  </si>
  <si>
    <t>basti raan khoi shah wali</t>
  </si>
  <si>
    <t>Basti Raan</t>
  </si>
  <si>
    <t>GMMS HAZOOR BAKHSH DADA P/O KHAN BELA</t>
  </si>
  <si>
    <t>Shehni Miani</t>
  </si>
  <si>
    <t>mauza shehni miani jalal pur pir wala multan</t>
  </si>
  <si>
    <t>Basti dadda</t>
  </si>
  <si>
    <t>35020</t>
  </si>
  <si>
    <t>GHSS SAHUKA</t>
  </si>
  <si>
    <t>SAHUKA</t>
  </si>
  <si>
    <t>MOZA SAHUKA</t>
  </si>
  <si>
    <t>TASLEEM Hussain Shah</t>
  </si>
  <si>
    <t>35079</t>
  </si>
  <si>
    <t>GES CHAK NO.213/EB</t>
  </si>
  <si>
    <t>213EB</t>
  </si>
  <si>
    <t>Chak No.213/EB Burewala District Vehari</t>
  </si>
  <si>
    <t>47408</t>
  </si>
  <si>
    <t>35113</t>
  </si>
  <si>
    <t>GGHS 259/EB</t>
  </si>
  <si>
    <t>govt. girls high school 259/EB burewala</t>
  </si>
  <si>
    <t>259/EB</t>
  </si>
  <si>
    <t>Parveen Ramzan</t>
  </si>
  <si>
    <t>Electrical water cooler</t>
  </si>
  <si>
    <t>35208</t>
  </si>
  <si>
    <t>GPS CHAK NO.263 EB NO.2</t>
  </si>
  <si>
    <t>Deewan Sb</t>
  </si>
  <si>
    <t>Chak No 263/EB Besakhi</t>
  </si>
  <si>
    <t>327/EB</t>
  </si>
  <si>
    <t>Umar farooq</t>
  </si>
  <si>
    <t>46283</t>
  </si>
  <si>
    <t>35278</t>
  </si>
  <si>
    <t>GPS 277 EB</t>
  </si>
  <si>
    <t>277/eb</t>
  </si>
  <si>
    <t>chak no.277/eb</t>
  </si>
  <si>
    <t>291/EB</t>
  </si>
  <si>
    <t>M Zafar Iqbal</t>
  </si>
  <si>
    <t>GMPS 150/EB OLD</t>
  </si>
  <si>
    <t>150 EB old</t>
  </si>
  <si>
    <t>150 EB Old</t>
  </si>
  <si>
    <t>170/EB</t>
  </si>
  <si>
    <t>Mubashra liaqat</t>
  </si>
  <si>
    <t>35372</t>
  </si>
  <si>
    <t>GGPS 375 EB</t>
  </si>
  <si>
    <t>chak no 375 E.B/ Dakhana Gaggoo Burewala</t>
  </si>
  <si>
    <t>375EB</t>
  </si>
  <si>
    <t>SHAMIM AKTHAR</t>
  </si>
  <si>
    <t>10023</t>
  </si>
  <si>
    <t>GGPS 369 EB</t>
  </si>
  <si>
    <t>369 eb</t>
  </si>
  <si>
    <t>chak no 369 eb</t>
  </si>
  <si>
    <t>175/EB</t>
  </si>
  <si>
    <t>42037</t>
  </si>
  <si>
    <t>35419</t>
  </si>
  <si>
    <t>GGES CHAK NO.425/EB</t>
  </si>
  <si>
    <t>Chak 425 EB</t>
  </si>
  <si>
    <t>Chak 425 EB Tehsil Burewala District Vehari</t>
  </si>
  <si>
    <t>Rahila Yasmin</t>
  </si>
  <si>
    <t>53899</t>
  </si>
  <si>
    <t>38926</t>
  </si>
  <si>
    <t>35427</t>
  </si>
  <si>
    <t>GGPS 203 EB OLD</t>
  </si>
  <si>
    <t>203 eb old</t>
  </si>
  <si>
    <t>203eb East</t>
  </si>
  <si>
    <t>11160</t>
  </si>
  <si>
    <t>12899</t>
  </si>
  <si>
    <t>18279</t>
  </si>
  <si>
    <t>35458</t>
  </si>
  <si>
    <t>GGPS RAKH JAMLERA</t>
  </si>
  <si>
    <t>ggps rakh jamlera</t>
  </si>
  <si>
    <t>Dad Jamlera</t>
  </si>
  <si>
    <t>35488</t>
  </si>
  <si>
    <t>GGPS GHAFOOR WAH</t>
  </si>
  <si>
    <t>GHAFOOR WAH</t>
  </si>
  <si>
    <t>Samna Riaz</t>
  </si>
  <si>
    <t>6039</t>
  </si>
  <si>
    <t>54010</t>
  </si>
  <si>
    <t>GGPS BASTI HAMMAD</t>
  </si>
  <si>
    <t>Ghaforwa</t>
  </si>
  <si>
    <t>Basti hammad wali tehsil burewala district vehari</t>
  </si>
  <si>
    <t>Basti Hammad Wali</t>
  </si>
  <si>
    <t>Ghaforwah</t>
  </si>
  <si>
    <t>Zeenat Yasmeen</t>
  </si>
  <si>
    <t>7635</t>
  </si>
  <si>
    <t>38189</t>
  </si>
  <si>
    <t>27514</t>
  </si>
  <si>
    <t>GHS CHAK NO. 335/WB</t>
  </si>
  <si>
    <t>CHAK NO.335/WB,Mailsi(Vehari)</t>
  </si>
  <si>
    <t>CHAK NO.335/WBMailsi</t>
  </si>
  <si>
    <t>GHS WARSI WAHIN</t>
  </si>
  <si>
    <t>wairsi wahen</t>
  </si>
  <si>
    <t>wairsi wahen p/o fateh pur mailsi vehari</t>
  </si>
  <si>
    <t>14814</t>
  </si>
  <si>
    <t>53880</t>
  </si>
  <si>
    <t>49569</t>
  </si>
  <si>
    <t>35558</t>
  </si>
  <si>
    <t>GGHSS CHAK NO. 88 / WB</t>
  </si>
  <si>
    <t>88wb</t>
  </si>
  <si>
    <t>gghss88wb</t>
  </si>
  <si>
    <t>88/WB</t>
  </si>
  <si>
    <t>35604</t>
  </si>
  <si>
    <t>GGES KHAN PUR</t>
  </si>
  <si>
    <t>khanpur school</t>
  </si>
  <si>
    <t>Kanpur</t>
  </si>
  <si>
    <t>ALAMPUR</t>
  </si>
  <si>
    <t>50871</t>
  </si>
  <si>
    <t>35661</t>
  </si>
  <si>
    <t>GPS 126 WB</t>
  </si>
  <si>
    <t>chak No 126 wb near Ghara more</t>
  </si>
  <si>
    <t>126/WB</t>
  </si>
  <si>
    <t>Zaheer Abad  shaheed</t>
  </si>
  <si>
    <t>GPS RATH MUMMAR</t>
  </si>
  <si>
    <t>Rath Mummar</t>
  </si>
  <si>
    <t>Moza Rath Mummar .P/O 110/WB</t>
  </si>
  <si>
    <t>2951</t>
  </si>
  <si>
    <t>35723</t>
  </si>
  <si>
    <t>GPS JALAL QUHAM</t>
  </si>
  <si>
    <t>SARGANA  - MALE</t>
  </si>
  <si>
    <t>Moza Jalal Quham, Tehsil Mailsi, District Vehari</t>
  </si>
  <si>
    <t>SARGANA</t>
  </si>
  <si>
    <t>Israr Ahmad</t>
  </si>
  <si>
    <t>GPS BASTI WASANDA RAM</t>
  </si>
  <si>
    <t>Basti wasanda ram</t>
  </si>
  <si>
    <t>Basti Wasanda Ram</t>
  </si>
  <si>
    <t>35949</t>
  </si>
  <si>
    <t>GGPS AHMAD PUR</t>
  </si>
  <si>
    <t>Ahmed Pur</t>
  </si>
  <si>
    <t>Kalsoom Khuda Bakhsh</t>
  </si>
  <si>
    <t>34781</t>
  </si>
  <si>
    <t>37517</t>
  </si>
  <si>
    <t>GGPS MUHAMMAD SHAH</t>
  </si>
  <si>
    <t>Mouza Muhammad shah</t>
  </si>
  <si>
    <t>GGCMES DHALLOO</t>
  </si>
  <si>
    <t>Dhaloo</t>
  </si>
  <si>
    <t>ggcms dhaloo</t>
  </si>
  <si>
    <t>Tasawar Khanum</t>
  </si>
  <si>
    <t>GMMS RATHAN WALA</t>
  </si>
  <si>
    <t>Rath Mamar</t>
  </si>
  <si>
    <t>basti rathan wala mouza rath mamar</t>
  </si>
  <si>
    <t>36018</t>
  </si>
  <si>
    <t>GGHS CHAK NO. 100/WB</t>
  </si>
  <si>
    <t>100 wb mailsi,vehari</t>
  </si>
  <si>
    <t>100wb</t>
  </si>
  <si>
    <t>GARHA MORE</t>
  </si>
  <si>
    <t>Fouzia Anjum</t>
  </si>
  <si>
    <t>17177</t>
  </si>
  <si>
    <t>GHSS CHAK 477 EB</t>
  </si>
  <si>
    <t>chak no 477/eb</t>
  </si>
  <si>
    <t>CHAK NO 477/EB PO SAME VEHARI</t>
  </si>
  <si>
    <t>chak no 477/eb vehari</t>
  </si>
  <si>
    <t>FAZAL WAH</t>
  </si>
  <si>
    <t>muhammad amin</t>
  </si>
  <si>
    <t>36064</t>
  </si>
  <si>
    <t>GHS 59 WB</t>
  </si>
  <si>
    <t>59WB</t>
  </si>
  <si>
    <t>chak # 59WB FazalAbad vehari</t>
  </si>
  <si>
    <t>muhammad asad</t>
  </si>
  <si>
    <t>36068</t>
  </si>
  <si>
    <t>GHS 172 WB</t>
  </si>
  <si>
    <t>172WB THINGI</t>
  </si>
  <si>
    <t>CHAK NO 172WB THINGI COLONY VEHARI</t>
  </si>
  <si>
    <t>GHS KOT SADAT</t>
  </si>
  <si>
    <t>fazal wah</t>
  </si>
  <si>
    <t>moza fazal wah teh/distt vehari</t>
  </si>
  <si>
    <t>kot sadat</t>
  </si>
  <si>
    <t>abdul majeed</t>
  </si>
  <si>
    <t>18071</t>
  </si>
  <si>
    <t>33401</t>
  </si>
  <si>
    <t>36126</t>
  </si>
  <si>
    <t>GGHS 567 EB</t>
  </si>
  <si>
    <t>567/eb</t>
  </si>
  <si>
    <t>567/eb tehsil and district vehari</t>
  </si>
  <si>
    <t>Mukhtar Begum</t>
  </si>
  <si>
    <t>36212</t>
  </si>
  <si>
    <t>GES CHAK NO.527 EB</t>
  </si>
  <si>
    <t>Chak No 527/EB</t>
  </si>
  <si>
    <t>Chak 527/EB</t>
  </si>
  <si>
    <t>50289</t>
  </si>
  <si>
    <t>36220</t>
  </si>
  <si>
    <t>GPS CHAK NO.563 EB</t>
  </si>
  <si>
    <t>563/EB</t>
  </si>
  <si>
    <t>GPS. 563/E.B</t>
  </si>
  <si>
    <t>51518</t>
  </si>
  <si>
    <t>GPS CHAK NO. 186/EB</t>
  </si>
  <si>
    <t>Basti Dhadran</t>
  </si>
  <si>
    <t>Chak No 186/E.B Basti Dhadran</t>
  </si>
  <si>
    <t>186/EB</t>
  </si>
  <si>
    <t>18352</t>
  </si>
  <si>
    <t>23780</t>
  </si>
  <si>
    <t>36484</t>
  </si>
  <si>
    <t>GPS CHAK NO. 172/EB</t>
  </si>
  <si>
    <t>172 EB</t>
  </si>
  <si>
    <t>Chak 172/E b vehari</t>
  </si>
  <si>
    <t>172/eb</t>
  </si>
  <si>
    <t>GPS BASTI TIWANA</t>
  </si>
  <si>
    <t>Bonga Azam</t>
  </si>
  <si>
    <t>basti tiwana</t>
  </si>
  <si>
    <t>Basti Tiwana</t>
  </si>
  <si>
    <t>36502</t>
  </si>
  <si>
    <t>mumtaz abadp.orata tiba</t>
  </si>
  <si>
    <t>Muhammad Adil Waqas Khalid</t>
  </si>
  <si>
    <t>15039</t>
  </si>
  <si>
    <t>7789</t>
  </si>
  <si>
    <t>47068</t>
  </si>
  <si>
    <t>GES BORI KHEL</t>
  </si>
  <si>
    <t>Boring Khel</t>
  </si>
  <si>
    <t>village and p/o borikhel the and disst mianwali</t>
  </si>
  <si>
    <t>bori khel</t>
  </si>
  <si>
    <t>47073</t>
  </si>
  <si>
    <t>GES BHARYON WALA</t>
  </si>
  <si>
    <t>Bharion Wala</t>
  </si>
  <si>
    <t>GES Bharionwala Tehsil and District Mianwali</t>
  </si>
  <si>
    <t>Muhammad Yaqoob Baqir</t>
  </si>
  <si>
    <t>47079</t>
  </si>
  <si>
    <t>GES NORANGA</t>
  </si>
  <si>
    <t>Noranga</t>
  </si>
  <si>
    <t>ges noranga  tariff khel katcha</t>
  </si>
  <si>
    <t>Shafa Ullah Khan</t>
  </si>
  <si>
    <t>47125</t>
  </si>
  <si>
    <t>GES DHER YAROO WALA</t>
  </si>
  <si>
    <t>Shahbazkhail</t>
  </si>
  <si>
    <t>dher Yaru Wala Mianwali</t>
  </si>
  <si>
    <t>Dher Yaru Wala</t>
  </si>
  <si>
    <t>Sanwal Waseem Khokhar</t>
  </si>
  <si>
    <t>47128</t>
  </si>
  <si>
    <t>GPS KARAM KHELAN WALA</t>
  </si>
  <si>
    <t>Hussain Wala</t>
  </si>
  <si>
    <t>GPS karam khelan wala, Tehsil &amp; District Mianwali</t>
  </si>
  <si>
    <t>Karam Khelan Wala</t>
  </si>
  <si>
    <t>YARO KHEL</t>
  </si>
  <si>
    <t>Naimat  Ullah  Khan</t>
  </si>
  <si>
    <t>33872</t>
  </si>
  <si>
    <t>51365</t>
  </si>
  <si>
    <t>47150</t>
  </si>
  <si>
    <t>GPS JANJUAN WALA</t>
  </si>
  <si>
    <t>Shadia Shomali</t>
  </si>
  <si>
    <t>dera janjuanwala shadia shomali</t>
  </si>
  <si>
    <t>Janjuanwala</t>
  </si>
  <si>
    <t>47195</t>
  </si>
  <si>
    <t>GPS RANBAZ KHELAN WALA</t>
  </si>
  <si>
    <t>sultan wala shrqi</t>
  </si>
  <si>
    <t>village ranbaz khelanwala p/o hathi khan wala mianwali</t>
  </si>
  <si>
    <t>ranbaz khelan wala</t>
  </si>
  <si>
    <t>Ahmad Sher Khan</t>
  </si>
  <si>
    <t>47201</t>
  </si>
  <si>
    <t>GPS GHURANIAN WALA</t>
  </si>
  <si>
    <t>Musa keel</t>
  </si>
  <si>
    <t>Ghuranian wala</t>
  </si>
  <si>
    <t>Ghuranian Walla</t>
  </si>
  <si>
    <t>Anayet Ullah Khan</t>
  </si>
  <si>
    <t>47204</t>
  </si>
  <si>
    <t>GPS YAR BAIGI</t>
  </si>
  <si>
    <t>yarbaigi</t>
  </si>
  <si>
    <t>wandha yarbegi p/o musakhel t/d mianwali</t>
  </si>
  <si>
    <t>AHMAD KHAN</t>
  </si>
  <si>
    <t>47207</t>
  </si>
  <si>
    <t>GPS SULTAN WALA SHARQI</t>
  </si>
  <si>
    <t>Village jhangi khelan wala P/O Hathi khan wala Sultan wala sharqi Teh &amp; District Mianwali</t>
  </si>
  <si>
    <t>Jhangi Khelan Wala</t>
  </si>
  <si>
    <t>28097</t>
  </si>
  <si>
    <t>47213</t>
  </si>
  <si>
    <t>GPS KHAN KHELAN WALA</t>
  </si>
  <si>
    <t>Post office chhidru khan khelan wala</t>
  </si>
  <si>
    <t>Khan Khelan Wala</t>
  </si>
  <si>
    <t>AAMIR SHAKEEL KHAN</t>
  </si>
  <si>
    <t>53343</t>
  </si>
  <si>
    <t>47220</t>
  </si>
  <si>
    <t>GPS MASTER KHAN ZAMAN WALA</t>
  </si>
  <si>
    <t>SHEIKHALI-MALE</t>
  </si>
  <si>
    <t>Mosa Khel</t>
  </si>
  <si>
    <t>mohallah ghuranian wala</t>
  </si>
  <si>
    <t>12289</t>
  </si>
  <si>
    <t>GPS KANDI KHELAN WALA</t>
  </si>
  <si>
    <t>GPS kandi khel. p/of Musa khel T/D Mianwali</t>
  </si>
  <si>
    <t>Kandi Khel</t>
  </si>
  <si>
    <t>18783</t>
  </si>
  <si>
    <t>47324</t>
  </si>
  <si>
    <t>GPS SAMLAN WALA</t>
  </si>
  <si>
    <t>KALRI-MALE</t>
  </si>
  <si>
    <t>gps samlanwala  gpo nawan teh &amp; disst mianwali</t>
  </si>
  <si>
    <t>Thamewali</t>
  </si>
  <si>
    <t>17249</t>
  </si>
  <si>
    <t>47348</t>
  </si>
  <si>
    <t>GGPS CHAH KHAN ZAMAN WALA</t>
  </si>
  <si>
    <t>MIANWALI RURAL NO.1-FEMALE</t>
  </si>
  <si>
    <t>Zala</t>
  </si>
  <si>
    <t>chah Khan Zaman Wala mianwali</t>
  </si>
  <si>
    <t>Azeem Wala</t>
  </si>
  <si>
    <t>Gulmeri</t>
  </si>
  <si>
    <t>Meh Jabeen Akhtar</t>
  </si>
  <si>
    <t>47351</t>
  </si>
  <si>
    <t>GGPS NUSRAT KHELAN WALA</t>
  </si>
  <si>
    <t>MIANWALI RURAL NO.2-FEMALE</t>
  </si>
  <si>
    <t>Noorullah</t>
  </si>
  <si>
    <t>wandha alam khelan wala ,nusrat khel</t>
  </si>
  <si>
    <t>Alam Khelan Wala</t>
  </si>
  <si>
    <t>Rashida Noreen</t>
  </si>
  <si>
    <t>47421</t>
  </si>
  <si>
    <t>GGPS DERA FATEH KHAN WALA</t>
  </si>
  <si>
    <t>MUZAFFAR PUR SOUTH  NO.2-FEMALE</t>
  </si>
  <si>
    <t>MUZAFAR PUR JANUBI</t>
  </si>
  <si>
    <t>DERA FATEH KHAN MOZA MUZAFAR PUR JANUBI DISTRICT MIANWALI</t>
  </si>
  <si>
    <t>MUZAFAR PUR</t>
  </si>
  <si>
    <t>Ismat Bano Hashmi</t>
  </si>
  <si>
    <t>47464</t>
  </si>
  <si>
    <t>GGPS KHAN KHELAN WALA</t>
  </si>
  <si>
    <t>MUZAFFAR PUR NORTH-FEMALE</t>
  </si>
  <si>
    <t>khankhelanwala chidru.muzaffarpur North</t>
  </si>
  <si>
    <t>Khankhelanwala</t>
  </si>
  <si>
    <t>47479</t>
  </si>
  <si>
    <t>GGPS KHAN ZADA WALA</t>
  </si>
  <si>
    <t>wandha Khan ZADAY WALA</t>
  </si>
  <si>
    <t>Javeria Noreen</t>
  </si>
  <si>
    <t>47492</t>
  </si>
  <si>
    <t>GGHS GOHAR KHAN WALA</t>
  </si>
  <si>
    <t>Abbakhel</t>
  </si>
  <si>
    <t>G.g.h/s abbakhel</t>
  </si>
  <si>
    <t>Fazlan Zamaz</t>
  </si>
  <si>
    <t>54554</t>
  </si>
  <si>
    <t>47497</t>
  </si>
  <si>
    <t>GGPS KHAN ZAMAN KHAN WALA</t>
  </si>
  <si>
    <t>ABBA KHEL NO.2-FEMALE</t>
  </si>
  <si>
    <t>wandha yari khel</t>
  </si>
  <si>
    <t>Yarikhel</t>
  </si>
  <si>
    <t>Saeeda Bibi</t>
  </si>
  <si>
    <t>20663</t>
  </si>
  <si>
    <t>34901</t>
  </si>
  <si>
    <t>47498</t>
  </si>
  <si>
    <t>GGPS MADI KHEL (SHELTERLESS)</t>
  </si>
  <si>
    <t>Wan Bachra</t>
  </si>
  <si>
    <t>matloob abad wan bachra</t>
  </si>
  <si>
    <t>Matloob Abad</t>
  </si>
  <si>
    <t>Fozia Gul</t>
  </si>
  <si>
    <t>34658</t>
  </si>
  <si>
    <t>GGPS LIFT SCHEME SAMAND WALA</t>
  </si>
  <si>
    <t>ggps lift schem samnd wala markaz Moch</t>
  </si>
  <si>
    <t>Tari Khel</t>
  </si>
  <si>
    <t>35031</t>
  </si>
  <si>
    <t>47597</t>
  </si>
  <si>
    <t>GGPS THATHI SHARKI</t>
  </si>
  <si>
    <t>Surriya Jabeen</t>
  </si>
  <si>
    <t>GGPS MUHAMMAD YAR WALA</t>
  </si>
  <si>
    <t>DHAIR UMAID ALI -FEMALE</t>
  </si>
  <si>
    <t>Mohammad Yar Wala</t>
  </si>
  <si>
    <t>Mohammad Yar wala</t>
  </si>
  <si>
    <t>Humaira Shaheen</t>
  </si>
  <si>
    <t>47606</t>
  </si>
  <si>
    <t>GGPS KABIR KHEL SHARQI MOCHH</t>
  </si>
  <si>
    <t>MOCHH</t>
  </si>
  <si>
    <t>Govt Girls Primary School Kabir Khel Sharqi Mochh</t>
  </si>
  <si>
    <t>Moach</t>
  </si>
  <si>
    <t>3969</t>
  </si>
  <si>
    <t>47616</t>
  </si>
  <si>
    <t>GGPS SHARY KHEL CHAKRALA MIANWALI</t>
  </si>
  <si>
    <t>NAMAL SHUMALI -FEMALE</t>
  </si>
  <si>
    <t>dhoak sheray khel</t>
  </si>
  <si>
    <t>Sheraay Khel</t>
  </si>
  <si>
    <t>GGPS KHANQAH BABA HAFIZ JEE CHAKRALA MIANWALI</t>
  </si>
  <si>
    <t>BAN HAFIZ JEE -FEMALE</t>
  </si>
  <si>
    <t>Village Khanqah. Teh Disst Mianwali</t>
  </si>
  <si>
    <t>Khanqah</t>
  </si>
  <si>
    <t>10684</t>
  </si>
  <si>
    <t>GGPS BANI AFGHAN</t>
  </si>
  <si>
    <t>MARI INDUS-FEMALE</t>
  </si>
  <si>
    <t>Bani Afghan</t>
  </si>
  <si>
    <t>moh.kiri kaptan bani afghan.mianwali</t>
  </si>
  <si>
    <t>Mari Indus</t>
  </si>
  <si>
    <t>Sumaira Rafique</t>
  </si>
  <si>
    <t>18410</t>
  </si>
  <si>
    <t>47651</t>
  </si>
  <si>
    <t>GGPS DHOK PEERA CHAKRALA</t>
  </si>
  <si>
    <t>dhokpeera</t>
  </si>
  <si>
    <t>Dhokpeera</t>
  </si>
  <si>
    <t>GGPS DHOK UCHAR CHAKRALA MIANWALI</t>
  </si>
  <si>
    <t>Dhok uchar</t>
  </si>
  <si>
    <t>47661</t>
  </si>
  <si>
    <t>GGPS DHOK GARORI CHAKRLA MIANWALI</t>
  </si>
  <si>
    <t>Dhibba karsiql</t>
  </si>
  <si>
    <t>Village Dhoke Garori PO Dhurnakka  Tehsil and  district  Mianwali</t>
  </si>
  <si>
    <t>garori</t>
  </si>
  <si>
    <t>Iqra Kalsoom</t>
  </si>
  <si>
    <t>47674</t>
  </si>
  <si>
    <t>GPS DHOK ATA MUHAMMAD</t>
  </si>
  <si>
    <t>CHAKRALA-MALE</t>
  </si>
  <si>
    <t>Village dhok Atta Muhammad P.O Chakrala Tehsil &amp; District Mianwali</t>
  </si>
  <si>
    <t>Dhok Atta Muhammad</t>
  </si>
  <si>
    <t>Ban HAFIZ JEE</t>
  </si>
  <si>
    <t>Muhammad IQBAL Khan</t>
  </si>
  <si>
    <t>47675</t>
  </si>
  <si>
    <t>GPS SAIFAL</t>
  </si>
  <si>
    <t>BAN HAFIZ JEE-MALE</t>
  </si>
  <si>
    <t>Dhurnaka tehsil and district mianwali</t>
  </si>
  <si>
    <t>Dhoke Choi</t>
  </si>
  <si>
    <t>47680</t>
  </si>
  <si>
    <t>GPS SAHIB DAD WALI</t>
  </si>
  <si>
    <t>MC Daud Khel</t>
  </si>
  <si>
    <t>GHULAM ABBAS KHAN</t>
  </si>
  <si>
    <t>GPS SHARIF KHEL</t>
  </si>
  <si>
    <t>Daud Khel</t>
  </si>
  <si>
    <t>Mohallah Sharif Khel, Daud Khel</t>
  </si>
  <si>
    <t>47682</t>
  </si>
  <si>
    <t>GPS WANDHI SUNARAN WALI NO. 2</t>
  </si>
  <si>
    <t>wandhi sunaranwali pai khel</t>
  </si>
  <si>
    <t>Ghulam Subhani</t>
  </si>
  <si>
    <t>neighbor</t>
  </si>
  <si>
    <t>47683</t>
  </si>
  <si>
    <t>GPS LALEY KHELAN WALA</t>
  </si>
  <si>
    <t>Muhammad Yar Wala</t>
  </si>
  <si>
    <t>V/P Muhammad Yar wala Mianwali</t>
  </si>
  <si>
    <t>Wandha Laly Khel</t>
  </si>
  <si>
    <t>GGHS DULLY WALA</t>
  </si>
  <si>
    <t>DULLEY WALA</t>
  </si>
  <si>
    <t>GGH/S DULLEY WALA</t>
  </si>
  <si>
    <t>MUMTAZ BIBI</t>
  </si>
  <si>
    <t>24569</t>
  </si>
  <si>
    <t>45416</t>
  </si>
  <si>
    <t>GPS JINNAL</t>
  </si>
  <si>
    <t>GPS Jinnal</t>
  </si>
  <si>
    <t>Jinnal</t>
  </si>
  <si>
    <t>45417</t>
  </si>
  <si>
    <t>GPS CHADRAM</t>
  </si>
  <si>
    <t>Chadram P/O Jhamat shumali Dullewala tehsil drya khan dist bhakkar</t>
  </si>
  <si>
    <t>Chadram</t>
  </si>
  <si>
    <t>FAZAL ABBAS</t>
  </si>
  <si>
    <t>24888</t>
  </si>
  <si>
    <t>45421</t>
  </si>
  <si>
    <t>GPS PHULLU WALA</t>
  </si>
  <si>
    <t>Phullu wala p/o jhamat shumali tehsil darya khan bhakkar</t>
  </si>
  <si>
    <t>Phullu Wala</t>
  </si>
  <si>
    <t>4769</t>
  </si>
  <si>
    <t>45440</t>
  </si>
  <si>
    <t>GPS CHAK NO 54 ML</t>
  </si>
  <si>
    <t>BARKAT WALA - MALE</t>
  </si>
  <si>
    <t>54ml</t>
  </si>
  <si>
    <t>chak no 54ml tehsil darya khan bhakkar</t>
  </si>
  <si>
    <t>Chak 54ml</t>
  </si>
  <si>
    <t>BARKAT WALA</t>
  </si>
  <si>
    <t>Aamir Iqbal</t>
  </si>
  <si>
    <t>45441</t>
  </si>
  <si>
    <t>GPS CHAK NO 53 ML</t>
  </si>
  <si>
    <t>53ml</t>
  </si>
  <si>
    <t>chuk no 53 ml</t>
  </si>
  <si>
    <t>38336</t>
  </si>
  <si>
    <t>GPS LOT NO 25 PO AMEER ABAD</t>
  </si>
  <si>
    <t>RAKH DAGGRAN WALI</t>
  </si>
  <si>
    <t>LOT NO 25 P/O AMEER ABAD</t>
  </si>
  <si>
    <t>LOT NO 25</t>
  </si>
  <si>
    <t>42906</t>
  </si>
  <si>
    <t>45448</t>
  </si>
  <si>
    <t>GPS CHAK NO 176 TDA</t>
  </si>
  <si>
    <t>Chak No 176 TDA</t>
  </si>
  <si>
    <t>Chak no 176 TDA</t>
  </si>
  <si>
    <t>Dagar Wagharaw</t>
  </si>
  <si>
    <t>Intezar Ahmad</t>
  </si>
  <si>
    <t>29968</t>
  </si>
  <si>
    <t>45459</t>
  </si>
  <si>
    <t>GPS DAGGAR AWAN</t>
  </si>
  <si>
    <t>Dagar Awan</t>
  </si>
  <si>
    <t>GPS Dagar Awan</t>
  </si>
  <si>
    <t>Dagar wahghwra</t>
  </si>
  <si>
    <t>Muhammad Ameen</t>
  </si>
  <si>
    <t>45467</t>
  </si>
  <si>
    <t>GPS CHAK NO 19 TDA</t>
  </si>
  <si>
    <t>Kohawar Kalan Dagar</t>
  </si>
  <si>
    <t>Chak No 19/TDA</t>
  </si>
  <si>
    <t>Muhammad Minhal khan</t>
  </si>
  <si>
    <t>29863</t>
  </si>
  <si>
    <t>GPS LOT NO 22</t>
  </si>
  <si>
    <t>Rakh Dagran Wali</t>
  </si>
  <si>
    <t>lot no 22 barkatwala teh darya khan distt bhakkar</t>
  </si>
  <si>
    <t>Barkatwala</t>
  </si>
  <si>
    <t>ASHIQUE HUSSAIN</t>
  </si>
  <si>
    <t>45487</t>
  </si>
  <si>
    <t>GPS KHARAL</t>
  </si>
  <si>
    <t>ANGRA - MALE</t>
  </si>
  <si>
    <t>Angra</t>
  </si>
  <si>
    <t>moza angra tibba kharal tehsil darya khan</t>
  </si>
  <si>
    <t>Tibba Kharal</t>
  </si>
  <si>
    <t>45531</t>
  </si>
  <si>
    <t>GGPS CHAND RAM</t>
  </si>
  <si>
    <t>JHAMAT SHUMALI-FEMALE</t>
  </si>
  <si>
    <t>g gps chandram</t>
  </si>
  <si>
    <t>Chandram</t>
  </si>
  <si>
    <t>Munzza Bibi</t>
  </si>
  <si>
    <t>GPS CHAH NOOR ALI WALA</t>
  </si>
  <si>
    <t>Goda</t>
  </si>
  <si>
    <t>chah Noor Ali wala moza Goda Tehsil Darya khan District Bhakkar</t>
  </si>
  <si>
    <t>Noor Ali Wala</t>
  </si>
  <si>
    <t>Baranga</t>
  </si>
  <si>
    <t>45553</t>
  </si>
  <si>
    <t>GGPS BAST RAM CHAND</t>
  </si>
  <si>
    <t>Fazal Aabad</t>
  </si>
  <si>
    <t>GGPS Basti ramchand mohalla fazal aabad tehsil Darya khan</t>
  </si>
  <si>
    <t>Faroq Abad Basti</t>
  </si>
  <si>
    <t>Darya Khan 1</t>
  </si>
  <si>
    <t>Hameeda Parveen</t>
  </si>
  <si>
    <t>49928</t>
  </si>
  <si>
    <t>45586</t>
  </si>
  <si>
    <t>GGPS CHAH BHUTA SHARQI</t>
  </si>
  <si>
    <t>Wagwara Sharki</t>
  </si>
  <si>
    <t>Chah buttha sharki</t>
  </si>
  <si>
    <t>Chah Buttha Sharki</t>
  </si>
  <si>
    <t>28396</t>
  </si>
  <si>
    <t>GGES CHAK NO. 7 TDA</t>
  </si>
  <si>
    <t>7 TDA</t>
  </si>
  <si>
    <t>GGES Chak NO.7 TDA</t>
  </si>
  <si>
    <t>Chak NO 7/tda</t>
  </si>
  <si>
    <t>6/TDA</t>
  </si>
  <si>
    <t>rafia mehmood</t>
  </si>
  <si>
    <t>45623</t>
  </si>
  <si>
    <t>GGPS NUMBRAN WALA</t>
  </si>
  <si>
    <t>Tibba Saigran Wala</t>
  </si>
  <si>
    <t>tibba saigran wala p/o kohawar kalan tehsil darya khan district bhakkar</t>
  </si>
  <si>
    <t>Zareena Begum</t>
  </si>
  <si>
    <t>45639</t>
  </si>
  <si>
    <t>GPS NAWAN QURESHI WALA</t>
  </si>
  <si>
    <t>Dagar Qureshi</t>
  </si>
  <si>
    <t>dera rheem shah dagar qureshi darmiani</t>
  </si>
  <si>
    <t>Dagar Qureshi Darmiani</t>
  </si>
  <si>
    <t>Rizwan Zubair</t>
  </si>
  <si>
    <t>GPS DAGAR QURESHI SHUMAL SHARKI</t>
  </si>
  <si>
    <t>GPS Dagar Qureshi Shumal Sharki</t>
  </si>
  <si>
    <t>Dagar Qureshi Shumal Sharki</t>
  </si>
  <si>
    <t>47528</t>
  </si>
  <si>
    <t>45651</t>
  </si>
  <si>
    <t>GPS BASTI KANJAN PO HASSAN SHAH</t>
  </si>
  <si>
    <t>P/O hassan shah tehsil darya khan bhakkar</t>
  </si>
  <si>
    <t>Basti Kanjan</t>
  </si>
  <si>
    <t>Kharral</t>
  </si>
  <si>
    <t>6682</t>
  </si>
  <si>
    <t>45654</t>
  </si>
  <si>
    <t>GPS JHOKE HAJI</t>
  </si>
  <si>
    <t>jhoke haji Wali</t>
  </si>
  <si>
    <t>Jhoke Haji</t>
  </si>
  <si>
    <t>Muhammad  Sajid</t>
  </si>
  <si>
    <t>45655</t>
  </si>
  <si>
    <t>GPS BASTI BAHAR LUCK</t>
  </si>
  <si>
    <t>Lak Kalan</t>
  </si>
  <si>
    <t>Bhar lak</t>
  </si>
  <si>
    <t>Bhar Lak</t>
  </si>
  <si>
    <t>42988</t>
  </si>
  <si>
    <t>Dagar Yar Shah Gharbi</t>
  </si>
  <si>
    <t>dirkhana wala bsti habib,panjgirain,darya khan</t>
  </si>
  <si>
    <t>Basti Habib DirkhanawalaBasti Habib</t>
  </si>
  <si>
    <t>8015</t>
  </si>
  <si>
    <t>45662</t>
  </si>
  <si>
    <t>GPS JHOKE MEHR SHAH</t>
  </si>
  <si>
    <t>JHOKE QALANDER BAKHSH-MALE</t>
  </si>
  <si>
    <t>Mehr Shah</t>
  </si>
  <si>
    <t>jhoke mehar shah punjgirain nashaib</t>
  </si>
  <si>
    <t>Jhok Mehr Shah</t>
  </si>
  <si>
    <t>PANJGIRAIN NASHAIB</t>
  </si>
  <si>
    <t>Babar Khan</t>
  </si>
  <si>
    <t>23521</t>
  </si>
  <si>
    <t>45663</t>
  </si>
  <si>
    <t>GPS AHMAD DUB</t>
  </si>
  <si>
    <t>Ahmad Dub</t>
  </si>
  <si>
    <t>p/o jhok qalandar baksh basti ahmad dub</t>
  </si>
  <si>
    <t>13978</t>
  </si>
  <si>
    <t>45669</t>
  </si>
  <si>
    <t>GPS 51/ ML</t>
  </si>
  <si>
    <t>48 MlL</t>
  </si>
  <si>
    <t>chak 51 ml tehsil darya khan bhakkar</t>
  </si>
  <si>
    <t>Chak 51 ML</t>
  </si>
  <si>
    <t>35729</t>
  </si>
  <si>
    <t>23574</t>
  </si>
  <si>
    <t>GPS SULTAN MEHMOOD VIRK</t>
  </si>
  <si>
    <t>dera sultan mehmood virk roda</t>
  </si>
  <si>
    <t>Muhammad Waris</t>
  </si>
  <si>
    <t>31154</t>
  </si>
  <si>
    <t>46511</t>
  </si>
  <si>
    <t>GPS DARANWALA</t>
  </si>
  <si>
    <t>JABBI SHARIF (NORTH) (MALE)</t>
  </si>
  <si>
    <t>gps daranwala v.p.o jabbi tehsil and distt. khushab</t>
  </si>
  <si>
    <t>Daranwala</t>
  </si>
  <si>
    <t>wter suply</t>
  </si>
  <si>
    <t>24659</t>
  </si>
  <si>
    <t>45927</t>
  </si>
  <si>
    <t>GGCMES CHAK NO. 54/MB</t>
  </si>
  <si>
    <t>54Mb</t>
  </si>
  <si>
    <t>GGCMES chak no 54 mb khushab</t>
  </si>
  <si>
    <t>Chak No 54 MB</t>
  </si>
  <si>
    <t>63/MB</t>
  </si>
  <si>
    <t>water suply and hand pump</t>
  </si>
  <si>
    <t>30366</t>
  </si>
  <si>
    <t>GGPS MANGWAL</t>
  </si>
  <si>
    <t>g g p s mangwal</t>
  </si>
  <si>
    <t>28835</t>
  </si>
  <si>
    <t>46387</t>
  </si>
  <si>
    <t>GGHS BURHAN</t>
  </si>
  <si>
    <t>burhan</t>
  </si>
  <si>
    <t>Khai khurd</t>
  </si>
  <si>
    <t>Asma Shafi</t>
  </si>
  <si>
    <t>100640</t>
  </si>
  <si>
    <t>46393</t>
  </si>
  <si>
    <t>GHS CHAN</t>
  </si>
  <si>
    <t>Chan</t>
  </si>
  <si>
    <t>VPO Chan Teh.Noorpur Thal Distt Khushab</t>
  </si>
  <si>
    <t>Kausar Iqbal</t>
  </si>
  <si>
    <t>11091</t>
  </si>
  <si>
    <t>54801</t>
  </si>
  <si>
    <t>GPS ALLAH BAKHSH SHUMAR</t>
  </si>
  <si>
    <t>shumar</t>
  </si>
  <si>
    <t>Mushtaq Jelani</t>
  </si>
  <si>
    <t>GPS BOOTI KHAIL</t>
  </si>
  <si>
    <t>Gunjial Shumali</t>
  </si>
  <si>
    <t>, Dera Booti Khail Gunjjal shumali Tehsial Quaid abad District Khushab</t>
  </si>
  <si>
    <t>4176</t>
  </si>
  <si>
    <t>46419</t>
  </si>
  <si>
    <t>GPS CHITTI DIL BANGLA</t>
  </si>
  <si>
    <t>BANDIAL (MALE)</t>
  </si>
  <si>
    <t>Golewli</t>
  </si>
  <si>
    <t>chitti dil bangla gole wali tehsil quaid abad district khushab</t>
  </si>
  <si>
    <t>Chitti Dil Bangla</t>
  </si>
  <si>
    <t>Purchased water</t>
  </si>
  <si>
    <t>17139</t>
  </si>
  <si>
    <t>54706</t>
  </si>
  <si>
    <t>GPS GODHA SHAHIANWALA GOLEY WALI</t>
  </si>
  <si>
    <t>vpo Golewali tehsil quaidabad distt khushab</t>
  </si>
  <si>
    <t>Dera Gulshahi</t>
  </si>
  <si>
    <t>Hafiz Ghulam Rasool</t>
  </si>
  <si>
    <t>46429</t>
  </si>
  <si>
    <t>GPS PANJUAN WALA</t>
  </si>
  <si>
    <t>dera panjuan wala</t>
  </si>
  <si>
    <t>46434</t>
  </si>
  <si>
    <t>GPS WAINSAN WALA UTRA</t>
  </si>
  <si>
    <t>GUNJIAL (MALE)</t>
  </si>
  <si>
    <t>Uttra Shumali</t>
  </si>
  <si>
    <t>Dera Wainsan Wala Uttra Shumali</t>
  </si>
  <si>
    <t>Dera Wainsan Wala</t>
  </si>
  <si>
    <t>Mujtaba Hassan</t>
  </si>
  <si>
    <t>39205</t>
  </si>
  <si>
    <t>46481</t>
  </si>
  <si>
    <t>GPS PEERHA KALWAL</t>
  </si>
  <si>
    <t>DHOKRI (MALE)</t>
  </si>
  <si>
    <t>Peerha Kalwal</t>
  </si>
  <si>
    <t>Peerha Kalwal  tehsil  Quaidabad  District  Khushab</t>
  </si>
  <si>
    <t>Muhammad  Saeed</t>
  </si>
  <si>
    <t>private moter pump</t>
  </si>
  <si>
    <t>GPS WIGAN WALA KHUSHAB</t>
  </si>
  <si>
    <t>uttra</t>
  </si>
  <si>
    <t>Distt .Khushab  Tehsil  quaidabad</t>
  </si>
  <si>
    <t>wiganwala</t>
  </si>
  <si>
    <t>Muhammad Asif  Saeed</t>
  </si>
  <si>
    <t>46496</t>
  </si>
  <si>
    <t>GPS CHAK NO. 15 MB</t>
  </si>
  <si>
    <t>Chak No 15mbchak</t>
  </si>
  <si>
    <t>p/o BITTA TEHSIL QUAID ABAD DISTRICT KHUSHAB</t>
  </si>
  <si>
    <t>Chak No 15 Mb</t>
  </si>
  <si>
    <t>14/MB</t>
  </si>
  <si>
    <t>54288</t>
  </si>
  <si>
    <t>GGPS JHAJHA</t>
  </si>
  <si>
    <t>QUAIDABAD WEST (FEMALE)</t>
  </si>
  <si>
    <t>Jhajha</t>
  </si>
  <si>
    <t>jhajha</t>
  </si>
  <si>
    <t>Asmat Khatoon</t>
  </si>
  <si>
    <t>46611</t>
  </si>
  <si>
    <t>GHS QUAID ABAD</t>
  </si>
  <si>
    <t>Quaidabad</t>
  </si>
  <si>
    <t>ghs quaidabad</t>
  </si>
  <si>
    <t>Quidabad</t>
  </si>
  <si>
    <t>GHS ISA KHEL</t>
  </si>
  <si>
    <t>Isa Khel</t>
  </si>
  <si>
    <t>ghs isa khel</t>
  </si>
  <si>
    <t>Iss Khel</t>
  </si>
  <si>
    <t>billal anwar shah</t>
  </si>
  <si>
    <t>22359</t>
  </si>
  <si>
    <t>46632</t>
  </si>
  <si>
    <t>GGHS TRUG EAST</t>
  </si>
  <si>
    <t>Trag East</t>
  </si>
  <si>
    <t>gghss trag east</t>
  </si>
  <si>
    <t>TRAG</t>
  </si>
  <si>
    <t>Ateeqa Jalal</t>
  </si>
  <si>
    <t>32691</t>
  </si>
  <si>
    <t>GHS NO 2  ISA KHEL</t>
  </si>
  <si>
    <t>Bumbran Wala Mohallah</t>
  </si>
  <si>
    <t>ghs isa Khel 2 p/o and tehsil  isa Khel dist. Mianwali</t>
  </si>
  <si>
    <t>atta rasool</t>
  </si>
  <si>
    <t>GHS CHINNA PORA</t>
  </si>
  <si>
    <t>CHEENA PORA</t>
  </si>
  <si>
    <t>P/O TRAG TEHSIL ESAKHEL , DIST MIANWALI</t>
  </si>
  <si>
    <t>Kallur Sharif</t>
  </si>
  <si>
    <t>KHALID MEHMOOD</t>
  </si>
  <si>
    <t>29941</t>
  </si>
  <si>
    <t>46666</t>
  </si>
  <si>
    <t>GMES MASEET WALA</t>
  </si>
  <si>
    <t>Maseetwala</t>
  </si>
  <si>
    <t>maseetwala teh isakhel dict  mianwali</t>
  </si>
  <si>
    <t>KHAGLANWALA</t>
  </si>
  <si>
    <t>Hafiza Bibi</t>
  </si>
  <si>
    <t>44061</t>
  </si>
  <si>
    <t>44304</t>
  </si>
  <si>
    <t>GGHS TORANGI GHARBI</t>
  </si>
  <si>
    <t>post office tola bangi khail district mianwali</t>
  </si>
  <si>
    <t>Torangi</t>
  </si>
  <si>
    <t>46704</t>
  </si>
  <si>
    <t>GPS VIGGI</t>
  </si>
  <si>
    <t>Os Bangi Khel Shahrqi</t>
  </si>
  <si>
    <t>viggi tabisar</t>
  </si>
  <si>
    <t>Viggi</t>
  </si>
  <si>
    <t>labour provide</t>
  </si>
  <si>
    <t>46713</t>
  </si>
  <si>
    <t>GPS TAKHT RESHORA</t>
  </si>
  <si>
    <t>Lunday Bhangi Khel</t>
  </si>
  <si>
    <t>village Takht reshora post office kala bagh  tehsil isa khel district Mian  wali</t>
  </si>
  <si>
    <t>Takht Reshora</t>
  </si>
  <si>
    <t>Fazal Subhan</t>
  </si>
  <si>
    <t>46743</t>
  </si>
  <si>
    <t>Gps Potha</t>
  </si>
  <si>
    <t>Rahim GUL</t>
  </si>
  <si>
    <t>GPS MADAD KHAN WALA PO TRAG ISA KHEL MIANWALI</t>
  </si>
  <si>
    <t>Trag Gharbi</t>
  </si>
  <si>
    <t>wandha madad khan wala trag</t>
  </si>
  <si>
    <t>Walidadkhan</t>
  </si>
  <si>
    <t>46761</t>
  </si>
  <si>
    <t>GPS ZANGHI KHEL</t>
  </si>
  <si>
    <t>sultankhel sharqi,tehsil Essakhel,district Mianwali.</t>
  </si>
  <si>
    <t>Faizullah Khan</t>
  </si>
  <si>
    <t>3965</t>
  </si>
  <si>
    <t>GPS KUTKI CITY</t>
  </si>
  <si>
    <t>Village kutki city p.o Chapri Tehsil Esakhel District Mianwali</t>
  </si>
  <si>
    <t>Kutku City</t>
  </si>
  <si>
    <t>46809</t>
  </si>
  <si>
    <t>GGPS CHEENAL WALA</t>
  </si>
  <si>
    <t>KALLUAN WALA-FEMALE</t>
  </si>
  <si>
    <t>Esa Khel</t>
  </si>
  <si>
    <t>Moh Parali khel</t>
  </si>
  <si>
    <t>Esakhel</t>
  </si>
  <si>
    <t>46818</t>
  </si>
  <si>
    <t>GGPS KUS UMER KHEL</t>
  </si>
  <si>
    <t>ISA KHEL NO.1-FEMALE</t>
  </si>
  <si>
    <t>mohallah bumbran wala tehsil isakhel district mianwali</t>
  </si>
  <si>
    <t>46824</t>
  </si>
  <si>
    <t>GGPS KARAM DAD</t>
  </si>
  <si>
    <t>Sarwar Khel</t>
  </si>
  <si>
    <t>khaglan wala</t>
  </si>
  <si>
    <t>Karam Dad</t>
  </si>
  <si>
    <t>46825</t>
  </si>
  <si>
    <t>GMPS BEHU</t>
  </si>
  <si>
    <t>dist mianwali tehsil issa khail village behu saydan</t>
  </si>
  <si>
    <t>Behu Saydan</t>
  </si>
  <si>
    <t>Aqeela Bukhari</t>
  </si>
  <si>
    <t>46836</t>
  </si>
  <si>
    <t>GGPS NOUSHERA</t>
  </si>
  <si>
    <t>Noushehra</t>
  </si>
  <si>
    <t>noushera</t>
  </si>
  <si>
    <t>46857</t>
  </si>
  <si>
    <t>GGPS MANJA GHUNDI</t>
  </si>
  <si>
    <t>Bangi Khel Gharbi</t>
  </si>
  <si>
    <t>Village Manjha Ghundi, Tola Bangi Khel, Isa Khel</t>
  </si>
  <si>
    <t>Manjha Ghundi</t>
  </si>
  <si>
    <t>TAJ RIAN BIBI</t>
  </si>
  <si>
    <t>35588</t>
  </si>
  <si>
    <t>46859</t>
  </si>
  <si>
    <t>GGPS ROGHAN P/O TABBI SAR</t>
  </si>
  <si>
    <t>TABBI SAR-FEMALE</t>
  </si>
  <si>
    <t>Roghan</t>
  </si>
  <si>
    <t>ggps Roghan</t>
  </si>
  <si>
    <t>Shaheen Begum</t>
  </si>
  <si>
    <t>46935</t>
  </si>
  <si>
    <t>GMPS MALBAT WALA</t>
  </si>
  <si>
    <t>Wanda Muhammad kalo Wala trag</t>
  </si>
  <si>
    <t>Malbat WaLa</t>
  </si>
  <si>
    <t>46945</t>
  </si>
  <si>
    <t>GGPS KARAK</t>
  </si>
  <si>
    <t>village karak p/o mithakattak sultan khel tehsil essakhel district mianwali</t>
  </si>
  <si>
    <t>3909</t>
  </si>
  <si>
    <t>GGPS WANDHA CHAN BADSHAH</t>
  </si>
  <si>
    <t>CHAPRI-FEMALE</t>
  </si>
  <si>
    <t>ggps wandha Chan badsha</t>
  </si>
  <si>
    <t>32634</t>
  </si>
  <si>
    <t>46954</t>
  </si>
  <si>
    <t>GGPS WANDHA KHURASAN SAIF ULLAH</t>
  </si>
  <si>
    <t>KAMMAR MUSHANI</t>
  </si>
  <si>
    <t>WANDHA KHURASAN P.O BOX KAMMAR MUSHANI</t>
  </si>
  <si>
    <t>Kammar Mashani Pakka</t>
  </si>
  <si>
    <t>Shahzia Naureen</t>
  </si>
  <si>
    <t>46956</t>
  </si>
  <si>
    <t>GGPS WANDHA MUSA KHEL</t>
  </si>
  <si>
    <t>tani khel</t>
  </si>
  <si>
    <t>wandha mosa khel markaz kamar mushani</t>
  </si>
  <si>
    <t>wandha mosa khel</t>
  </si>
  <si>
    <t>yasmin Akhter</t>
  </si>
  <si>
    <t>46970</t>
  </si>
  <si>
    <t>GGPS HASSAN KHAN KILIA KHEL</t>
  </si>
  <si>
    <t>GGPS Hassan Khan Kalay Khel</t>
  </si>
  <si>
    <t>Asal Mana</t>
  </si>
  <si>
    <t>GMPS KARANDI</t>
  </si>
  <si>
    <t>po. trag. teh.  isakhel.    mianwali</t>
  </si>
  <si>
    <t>Sadaf Batool</t>
  </si>
  <si>
    <t>GPS CHAK NO 144 JB EAST</t>
  </si>
  <si>
    <t>Chak 144E</t>
  </si>
  <si>
    <t>Chak 140</t>
  </si>
  <si>
    <t>13766</t>
  </si>
  <si>
    <t>3385</t>
  </si>
  <si>
    <t>40903</t>
  </si>
  <si>
    <t>DINA - MALE</t>
  </si>
  <si>
    <t>GPS P0tha, PO Pandori, Tehsil DINA</t>
  </si>
  <si>
    <t>LOadhar</t>
  </si>
  <si>
    <t>GGPS ARAZI BANDI</t>
  </si>
  <si>
    <t>Arazi bandi</t>
  </si>
  <si>
    <t>Vill arazi bandi p/o arazi khas tesil kallar syedan rawalpindi</t>
  </si>
  <si>
    <t>Bishondot</t>
  </si>
  <si>
    <t>Shazia Sharif</t>
  </si>
  <si>
    <t>27065</t>
  </si>
  <si>
    <t>16918</t>
  </si>
  <si>
    <t>GMPS JHANIAN KATHRIA</t>
  </si>
  <si>
    <t>KOT ISHAQ â€“ FEMALE</t>
  </si>
  <si>
    <t>JAHANIAN KHATRIAN</t>
  </si>
  <si>
    <t>JAHANIAN KHATRIAN P /O VANIKE TARAR</t>
  </si>
  <si>
    <t>KOT ISHAQ</t>
  </si>
  <si>
    <t>RAFEELA NAWAZ</t>
  </si>
  <si>
    <t>28923</t>
  </si>
  <si>
    <t>GGPS SAHANKAY OTAR</t>
  </si>
  <si>
    <t>Sahan Kay Otar</t>
  </si>
  <si>
    <t>sahan kay utarh p/o mohamdi pur</t>
  </si>
  <si>
    <t>Sahan Kay Otarh</t>
  </si>
  <si>
    <t>Muhammdi Pur</t>
  </si>
  <si>
    <t>Uzma Aziz</t>
  </si>
  <si>
    <t>7437</t>
  </si>
  <si>
    <t>52001</t>
  </si>
  <si>
    <t>GPS KARAM PUR JOOTA, P/O KUKKAR HATTA, KABIRWALA</t>
  </si>
  <si>
    <t>MAHNI SIAL - MALE</t>
  </si>
  <si>
    <t>Karam Pur Juta</t>
  </si>
  <si>
    <t>basti karam pur juta tehsil kabirwala district khanewal</t>
  </si>
  <si>
    <t>Boota Sing Wala</t>
  </si>
  <si>
    <t>15315</t>
  </si>
  <si>
    <t>54537</t>
  </si>
  <si>
    <t>GGHS GAHI</t>
  </si>
  <si>
    <t>gahi</t>
  </si>
  <si>
    <t>gghs gahi</t>
  </si>
  <si>
    <t>buchal khurd</t>
  </si>
  <si>
    <t>SHAISTA NAWAZ</t>
  </si>
  <si>
    <t>42334</t>
  </si>
  <si>
    <t>GHS CHANGA MIRA</t>
  </si>
  <si>
    <t>CHANGE MAIRA</t>
  </si>
  <si>
    <t>VPO  MALL AWAN</t>
  </si>
  <si>
    <t>Changa Maira</t>
  </si>
  <si>
    <t>muhammad asghar</t>
  </si>
  <si>
    <t>GMPS HAFIZ ABAD</t>
  </si>
  <si>
    <t>hafizabad tehsil chishtian</t>
  </si>
  <si>
    <t>Sidra Arshad</t>
  </si>
  <si>
    <t>GPS NIZAM ABAD</t>
  </si>
  <si>
    <t>KHANQAH SHARIF - MALE</t>
  </si>
  <si>
    <t>Sui Vehar</t>
  </si>
  <si>
    <t>basti nizam abad mouza sui vehar</t>
  </si>
  <si>
    <t>Basti Nizam Abad</t>
  </si>
  <si>
    <t>Jindo Mison</t>
  </si>
  <si>
    <t>Muhammad Umer Jamil</t>
  </si>
  <si>
    <t>GPS SHAIKHRAY WALA MOZA CHAK NO 67</t>
  </si>
  <si>
    <t>Chak 67/M</t>
  </si>
  <si>
    <t>Basti Deen Pur Chak 67/M Tehsil Jalalpur Pir Wala District Multan</t>
  </si>
  <si>
    <t>Chak 67/M Basti Deen Pur</t>
  </si>
  <si>
    <t>Mian Pur Belay Wala</t>
  </si>
  <si>
    <t>Muhammad irfan</t>
  </si>
  <si>
    <t>3877</t>
  </si>
  <si>
    <t>GGCMS CHAK NO.189/M</t>
  </si>
  <si>
    <t>189/m</t>
  </si>
  <si>
    <t>Chak no 189/m chonnawal Teh hasilpur District bahawlpur</t>
  </si>
  <si>
    <t>nabila kamal</t>
  </si>
  <si>
    <t>40835</t>
  </si>
  <si>
    <t>44081</t>
  </si>
  <si>
    <t>GES RATUCHHA</t>
  </si>
  <si>
    <t>Ratuchha</t>
  </si>
  <si>
    <t>VPO Ratuchha Teh Choa Saiden Shah Distt Chakwal</t>
  </si>
  <si>
    <t>Yasir Hanif</t>
  </si>
  <si>
    <t>6260</t>
  </si>
  <si>
    <t>13408</t>
  </si>
  <si>
    <t>GPS DORHATA SHARQI</t>
  </si>
  <si>
    <t>JAMPUR (N) N0. 2 - MALE</t>
  </si>
  <si>
    <t>CHAH DORATTA SHARQI BASTI RINDAN</t>
  </si>
  <si>
    <t>Dorata Sharqi</t>
  </si>
  <si>
    <t>Shahzad Gul</t>
  </si>
  <si>
    <t>3112</t>
  </si>
  <si>
    <t>45571</t>
  </si>
  <si>
    <t>GGPS CHAK NO.47/ML</t>
  </si>
  <si>
    <t>47 Ml</t>
  </si>
  <si>
    <t>ggps chak no. 47 ml</t>
  </si>
  <si>
    <t>47ml</t>
  </si>
  <si>
    <t>Shabana</t>
  </si>
  <si>
    <t>39038</t>
  </si>
  <si>
    <t>GPS STATION ABADI FATEH JANG</t>
  </si>
  <si>
    <t>FATEH JANG - MALE</t>
  </si>
  <si>
    <t>Sadiq Abad Station Abadi</t>
  </si>
  <si>
    <t>moh  sadiq abad station abadi fateh jang</t>
  </si>
  <si>
    <t>Ajuwala</t>
  </si>
  <si>
    <t>tahira tabassum</t>
  </si>
  <si>
    <t>GGES MC HAFIZABAD FUWARA CHOWK</t>
  </si>
  <si>
    <t>Fuwara Chowk</t>
  </si>
  <si>
    <t>Fuwara chowk hafizabad</t>
  </si>
  <si>
    <t>SHAGUFTA PERVEEN</t>
  </si>
  <si>
    <t>23822</t>
  </si>
  <si>
    <t>GPS CHAH ALLAH DEWAYA</t>
  </si>
  <si>
    <t>Basti Sial Mouza Rang pur</t>
  </si>
  <si>
    <t>Basti SIAL</t>
  </si>
  <si>
    <t>Jindoo Mission</t>
  </si>
  <si>
    <t>40896</t>
  </si>
  <si>
    <t>GPS GURRAH</t>
  </si>
  <si>
    <t>MADU KALAS - MALE</t>
  </si>
  <si>
    <t>gurrah jattan</t>
  </si>
  <si>
    <t>vill gurrah jattan p/o nathwala teh. dina distt jhelum</t>
  </si>
  <si>
    <t>janjeel</t>
  </si>
  <si>
    <t>Aqsa Naheed</t>
  </si>
  <si>
    <t>well and hand pump</t>
  </si>
  <si>
    <t>38591</t>
  </si>
  <si>
    <t>GGES 321 WB</t>
  </si>
  <si>
    <t>321/wb</t>
  </si>
  <si>
    <t>GGES 321/ WB</t>
  </si>
  <si>
    <t>342/wb</t>
  </si>
  <si>
    <t>Assifa Bashir</t>
  </si>
  <si>
    <t>54276</t>
  </si>
  <si>
    <t>QASIM Wala</t>
  </si>
  <si>
    <t>GGPS QASIM WALA, Kotla mughlan Jampur, district Rajanpur</t>
  </si>
  <si>
    <t>41067</t>
  </si>
  <si>
    <t>GES CHAK SANSO</t>
  </si>
  <si>
    <t>Barohi</t>
  </si>
  <si>
    <t>GES ChakSanso</t>
  </si>
  <si>
    <t>ChakSanso</t>
  </si>
  <si>
    <t>31458</t>
  </si>
  <si>
    <t>GGPS MISSAN</t>
  </si>
  <si>
    <t>Missan</t>
  </si>
  <si>
    <t>GGES Missan, Village Missan, P/O Kot Abdul Maalik, Tehsil Ferozwala, District Sheikhupura.</t>
  </si>
  <si>
    <t>Mandhyali</t>
  </si>
  <si>
    <t>Bazigha Bashir</t>
  </si>
  <si>
    <t>42892</t>
  </si>
  <si>
    <t>GGHS CHANAM</t>
  </si>
  <si>
    <t>Chanam</t>
  </si>
  <si>
    <t>vpo chanam tehsil kallar syedan district rwp</t>
  </si>
  <si>
    <t>Noureen Safdar Raja</t>
  </si>
  <si>
    <t>39041</t>
  </si>
  <si>
    <t>GGPS CHAK NO.182/M-A</t>
  </si>
  <si>
    <t>182/M</t>
  </si>
  <si>
    <t>chack no.182m/A,p/o 186/m,the,Hasilpur,Dstic.Bahawalpur</t>
  </si>
  <si>
    <t>182m/A</t>
  </si>
  <si>
    <t>Chack No 163m</t>
  </si>
  <si>
    <t>Farzana Tanveer</t>
  </si>
  <si>
    <t>GPS CHAK NO.350 TDA</t>
  </si>
  <si>
    <t>RAFIQABAD - MALE</t>
  </si>
  <si>
    <t>Chak 350</t>
  </si>
  <si>
    <t>chak 350 tda</t>
  </si>
  <si>
    <t>Chak 350 Tda</t>
  </si>
  <si>
    <t>10056</t>
  </si>
  <si>
    <t>11643</t>
  </si>
  <si>
    <t>GES NIKI MANEKI</t>
  </si>
  <si>
    <t>Manekay Niki Walay</t>
  </si>
  <si>
    <t>post office haveli lakha Niki manekay</t>
  </si>
  <si>
    <t>Niki Manekay</t>
  </si>
  <si>
    <t>Mahanat Darshen</t>
  </si>
  <si>
    <t>Hafiz Muhammad Akram</t>
  </si>
  <si>
    <t>8294</t>
  </si>
  <si>
    <t>23669</t>
  </si>
  <si>
    <t>GGES NAGORE</t>
  </si>
  <si>
    <t>GHUINKE - FEMALE</t>
  </si>
  <si>
    <t>Nagore</t>
  </si>
  <si>
    <t>govt girls Elementary school nagore</t>
  </si>
  <si>
    <t>Addha</t>
  </si>
  <si>
    <t>16896</t>
  </si>
  <si>
    <t>45674</t>
  </si>
  <si>
    <t>38401</t>
  </si>
  <si>
    <t>16273</t>
  </si>
  <si>
    <t>GPS 141 RB I</t>
  </si>
  <si>
    <t>Chak No 141 RB I</t>
  </si>
  <si>
    <t>Chak No 141 RB I Aqil</t>
  </si>
  <si>
    <t>Chak No156 RB</t>
  </si>
  <si>
    <t>MUHAMMAD YAR</t>
  </si>
  <si>
    <t>18186</t>
  </si>
  <si>
    <t>GGPS CHAK NO. 12/TDA</t>
  </si>
  <si>
    <t>12 TDA</t>
  </si>
  <si>
    <t>GGPS CHAK NO. 12 TDA</t>
  </si>
  <si>
    <t>6 Tda</t>
  </si>
  <si>
    <t>Sajida Yasin</t>
  </si>
  <si>
    <t>3161</t>
  </si>
  <si>
    <t>51985</t>
  </si>
  <si>
    <t>GES CHAK NO 139 EB</t>
  </si>
  <si>
    <t>Chack 139/EB</t>
  </si>
  <si>
    <t>Chack 151/EB</t>
  </si>
  <si>
    <t>Rana Nasser Ahmad Aftab</t>
  </si>
  <si>
    <t>42992</t>
  </si>
  <si>
    <t>20707</t>
  </si>
  <si>
    <t>GMPS KOTLI PEER AHMED SHAH</t>
  </si>
  <si>
    <t>Kotly Peer Ahmed Shah</t>
  </si>
  <si>
    <t>GMPS Kotly Peer Ahmed Shah</t>
  </si>
  <si>
    <t>Saima Sardar</t>
  </si>
  <si>
    <t>37804</t>
  </si>
  <si>
    <t>6253</t>
  </si>
  <si>
    <t>GPS CHAK 180 GB</t>
  </si>
  <si>
    <t>Nathu Singh</t>
  </si>
  <si>
    <t>chak 180 G.B. gojra T.T.Singh</t>
  </si>
  <si>
    <t>180 GB</t>
  </si>
  <si>
    <t>245 GB</t>
  </si>
  <si>
    <t>Abdul Shakoor Zia</t>
  </si>
  <si>
    <t>39112</t>
  </si>
  <si>
    <t>GGPS SOAK</t>
  </si>
  <si>
    <t>Soak</t>
  </si>
  <si>
    <t>GGPS Soak tehsil fateh jang district attock</t>
  </si>
  <si>
    <t>Shahrae Asadullah</t>
  </si>
  <si>
    <t>8169</t>
  </si>
  <si>
    <t>GES BHARGAL</t>
  </si>
  <si>
    <t>Bhurgil</t>
  </si>
  <si>
    <t>Mouza Bhurgil Post office Notak</t>
  </si>
  <si>
    <t>13944</t>
  </si>
  <si>
    <t>42519</t>
  </si>
  <si>
    <t>GPS DHAMIAL</t>
  </si>
  <si>
    <t>p.o. bewal dhamial</t>
  </si>
  <si>
    <t>31659</t>
  </si>
  <si>
    <t>42533</t>
  </si>
  <si>
    <t>41254</t>
  </si>
  <si>
    <t>GPS SEHLAY SARLAY</t>
  </si>
  <si>
    <t>Village sahlay Serlay p. O. Brohi Tehsil kahuta district rwp</t>
  </si>
  <si>
    <t>Sahlay Serlay</t>
  </si>
  <si>
    <t>ubaid ur rehman</t>
  </si>
  <si>
    <t>40272</t>
  </si>
  <si>
    <t>GPS BALA</t>
  </si>
  <si>
    <t>Bala Gujran</t>
  </si>
  <si>
    <t>p.o. kashmir colony bala gujran jhelum</t>
  </si>
  <si>
    <t>Bala</t>
  </si>
  <si>
    <t>Nauman Akram</t>
  </si>
  <si>
    <t>12339</t>
  </si>
  <si>
    <t>40672</t>
  </si>
  <si>
    <t>GPS GANMAN HASBANI</t>
  </si>
  <si>
    <t>GAMAN HASBANI HASBANI HASBANI</t>
  </si>
  <si>
    <t>BASTI AND MOUZA GAMAN HASBANI TEHSIL BAHAWAL PUR SADAR DISTRICT BAHAWAL PUR</t>
  </si>
  <si>
    <t>GAMAN HASBANI</t>
  </si>
  <si>
    <t>RUKRANI</t>
  </si>
  <si>
    <t>MUHAMMAD YOUSOF</t>
  </si>
  <si>
    <t>44301</t>
  </si>
  <si>
    <t>GGPS MALOOT</t>
  </si>
  <si>
    <t>Malot</t>
  </si>
  <si>
    <t>GGPS MALOT</t>
  </si>
  <si>
    <t>Aneela Sabahat</t>
  </si>
  <si>
    <t>46917</t>
  </si>
  <si>
    <t>27176</t>
  </si>
  <si>
    <t>GPS CHAK TARAR</t>
  </si>
  <si>
    <t>Chak Tarar</t>
  </si>
  <si>
    <t>Village Chak Tarar marks vanike tarar teh\district Hafizabad</t>
  </si>
  <si>
    <t>Sandhwa Tarar</t>
  </si>
  <si>
    <t>M Faizan Qummar</t>
  </si>
  <si>
    <t>GGPS SANG</t>
  </si>
  <si>
    <t>KHADIOT - FEMALE</t>
  </si>
  <si>
    <t>Sung</t>
  </si>
  <si>
    <t>PO Lehtrar bala Tehsil kahut dist RWP.</t>
  </si>
  <si>
    <t>Farid-un-nisa</t>
  </si>
  <si>
    <t>11629</t>
  </si>
  <si>
    <t>39676</t>
  </si>
  <si>
    <t>village and post office Mari , tehsil Jand district Attock.</t>
  </si>
  <si>
    <t>Farzana Kokab</t>
  </si>
  <si>
    <t>33784</t>
  </si>
  <si>
    <t>GGES CHAK NO.148/M</t>
  </si>
  <si>
    <t>148/m</t>
  </si>
  <si>
    <t>chak 148/m</t>
  </si>
  <si>
    <t>79/f</t>
  </si>
  <si>
    <t>Sana Shahzadi</t>
  </si>
  <si>
    <t>28425</t>
  </si>
  <si>
    <t>GGECMS 231 WB</t>
  </si>
  <si>
    <t>231wb</t>
  </si>
  <si>
    <t>ggcmes231wb</t>
  </si>
  <si>
    <t>Shagufta Iqbal</t>
  </si>
  <si>
    <t>9892</t>
  </si>
  <si>
    <t>2763</t>
  </si>
  <si>
    <t>GPS ADBULLAH TOWN FOR ABBAS</t>
  </si>
  <si>
    <t>MC II</t>
  </si>
  <si>
    <t>42804</t>
  </si>
  <si>
    <t>GGPS  JHANG MORI</t>
  </si>
  <si>
    <t>vill,p/o jhang mohri,Rwp,Gujar khan</t>
  </si>
  <si>
    <t>Jhang Mohri</t>
  </si>
  <si>
    <t>Firdous Bibi</t>
  </si>
  <si>
    <t>40615</t>
  </si>
  <si>
    <t>36986</t>
  </si>
  <si>
    <t>GPS NAU LAKHI, P/O KOHI WALA, KABIRWALA</t>
  </si>
  <si>
    <t>Noulakhiwala Kohi Wala Post Office KohiWala Tehsil Kabirwala District Khaunewal</t>
  </si>
  <si>
    <t>Nou Lakhi</t>
  </si>
  <si>
    <t>32980</t>
  </si>
  <si>
    <t>38998</t>
  </si>
  <si>
    <t>GES TAJA BARA</t>
  </si>
  <si>
    <t>Taja Bara</t>
  </si>
  <si>
    <t>Village Taja Bara Teh. Fateh Jang</t>
  </si>
  <si>
    <t>ShahriaAsadullah</t>
  </si>
  <si>
    <t>Saadat Khan</t>
  </si>
  <si>
    <t>19573</t>
  </si>
  <si>
    <t>25019</t>
  </si>
  <si>
    <t>2778</t>
  </si>
  <si>
    <t>40186</t>
  </si>
  <si>
    <t>GPS AWANA</t>
  </si>
  <si>
    <t>Awana</t>
  </si>
  <si>
    <t>Awana jhelum</t>
  </si>
  <si>
    <t>Chakjmal</t>
  </si>
  <si>
    <t>Saima Saqlain</t>
  </si>
  <si>
    <t>GGES KOHLIA</t>
  </si>
  <si>
    <t>Kohlia</t>
  </si>
  <si>
    <t>kohlia</t>
  </si>
  <si>
    <t>Safia Qadeer</t>
  </si>
  <si>
    <t>36338</t>
  </si>
  <si>
    <t>50398</t>
  </si>
  <si>
    <t>GPS 117/7-DR</t>
  </si>
  <si>
    <t>HASHIM CHAKER-MALE</t>
  </si>
  <si>
    <t>Chak No 117/7-DR</t>
  </si>
  <si>
    <t>Chak no. 117/7-DR kassowal</t>
  </si>
  <si>
    <t>Chak No117/7-DR</t>
  </si>
  <si>
    <t>116/7-CR</t>
  </si>
  <si>
    <t>Naseer Ahmed</t>
  </si>
  <si>
    <t>19576</t>
  </si>
  <si>
    <t>GPS TANZEEM GARWAN</t>
  </si>
  <si>
    <t>Tibbamiani</t>
  </si>
  <si>
    <t>basti ghorian sama satta</t>
  </si>
  <si>
    <t>Basti Ghorian</t>
  </si>
  <si>
    <t>Shahroon rasheed</t>
  </si>
  <si>
    <t>GGPS KOTLI KHANU</t>
  </si>
  <si>
    <t>Kotli khano</t>
  </si>
  <si>
    <t>post office mitranwali kotli khano tehsil daska</t>
  </si>
  <si>
    <t>Bushra Nawaz</t>
  </si>
  <si>
    <t>12080</t>
  </si>
  <si>
    <t>35087</t>
  </si>
  <si>
    <t>5644</t>
  </si>
  <si>
    <t>GES CHAK NO 44/F</t>
  </si>
  <si>
    <t>CTN-VIII-MALE</t>
  </si>
  <si>
    <t>Chak No 44/F</t>
  </si>
  <si>
    <t>chak No 44/F</t>
  </si>
  <si>
    <t>Chak No 45/F</t>
  </si>
  <si>
    <t>4475</t>
  </si>
  <si>
    <t>GGPS MC NO.8 DG. KHAN</t>
  </si>
  <si>
    <t>block t dgkhan</t>
  </si>
  <si>
    <t>32407</t>
  </si>
  <si>
    <t>39533</t>
  </si>
  <si>
    <t>GPS NAMLA MAIRA</t>
  </si>
  <si>
    <t>SAGHRI - MALE</t>
  </si>
  <si>
    <t>Kot Chhaji</t>
  </si>
  <si>
    <t>Namla Maira village and post office kot chhaji tehsil Jand district Attock.</t>
  </si>
  <si>
    <t>Ahmed Farooq Qureshi</t>
  </si>
  <si>
    <t>2802</t>
  </si>
  <si>
    <t>GPS CHAK NO.22 NB JINNAH ABADI</t>
  </si>
  <si>
    <t>Jinnah Abadi</t>
  </si>
  <si>
    <t>chak No 22NB,jinnah abadi</t>
  </si>
  <si>
    <t>Jinnah Abadi 22chak</t>
  </si>
  <si>
    <t>SYED ZAGHAM ABBAS SHERAZI</t>
  </si>
  <si>
    <t>2803</t>
  </si>
  <si>
    <t>35389</t>
  </si>
  <si>
    <t>GGES 249EB</t>
  </si>
  <si>
    <t>249/Eb</t>
  </si>
  <si>
    <t>chak no.249/e.b</t>
  </si>
  <si>
    <t>Chak No 247/Eb</t>
  </si>
  <si>
    <t>Raheela Firdous</t>
  </si>
  <si>
    <t>34496</t>
  </si>
  <si>
    <t>GGES CHAK NO.147/M</t>
  </si>
  <si>
    <t>147/M</t>
  </si>
  <si>
    <t>chak#147/M tehsil: Hasilpur Distt: Bahawalpur</t>
  </si>
  <si>
    <t>Saria Mushtaq</t>
  </si>
  <si>
    <t>42830</t>
  </si>
  <si>
    <t>GMPS TUBKIAN</t>
  </si>
  <si>
    <t>KALYAM AWAN -FEMALE</t>
  </si>
  <si>
    <t>Tubkian</t>
  </si>
  <si>
    <t>vill.Tubkian,p/o Kaliam Awan, Teh.Gujar Khan,Distt.Rwp</t>
  </si>
  <si>
    <t>Rahila Amin</t>
  </si>
  <si>
    <t>24343</t>
  </si>
  <si>
    <t>41247</t>
  </si>
  <si>
    <t>GGPS CHABUTRA</t>
  </si>
  <si>
    <t>Chabutra</t>
  </si>
  <si>
    <t>village chabutra po. chabutra teh kallar syedan distt rwp</t>
  </si>
  <si>
    <t>Umra Nasser</t>
  </si>
  <si>
    <t>40554</t>
  </si>
  <si>
    <t>GPS CHAK NO 23/3-R</t>
  </si>
  <si>
    <t>Chak 23/3-R</t>
  </si>
  <si>
    <t>chack no.23/3-R Haroonabad District Bahawalnagar</t>
  </si>
  <si>
    <t>23/3-R</t>
  </si>
  <si>
    <t>23-24/3-R</t>
  </si>
  <si>
    <t>46999</t>
  </si>
  <si>
    <t>GGPS MANZOORI</t>
  </si>
  <si>
    <t>Bostan abad</t>
  </si>
  <si>
    <t>Bostan Abad</t>
  </si>
  <si>
    <t>Sabeela Khan</t>
  </si>
  <si>
    <t>FROM NEIGHBOURS</t>
  </si>
  <si>
    <t>47654</t>
  </si>
  <si>
    <t>GES TIBBA ALAMGIR 270/HR</t>
  </si>
  <si>
    <t>TIBBA ALAMGIR</t>
  </si>
  <si>
    <t>TIBBA ALAMGIR CHAK NO 270 HR FORT ABBAS</t>
  </si>
  <si>
    <t>270-HR</t>
  </si>
  <si>
    <t>MUNCIPAL COMMITTEE</t>
  </si>
  <si>
    <t>23511</t>
  </si>
  <si>
    <t>2842</t>
  </si>
  <si>
    <t>GPS GOTH MEER</t>
  </si>
  <si>
    <t>Goth meer</t>
  </si>
  <si>
    <t>moza Gothmeer POS Abbasnagar tehsil saddar district bahawalpur</t>
  </si>
  <si>
    <t>Chah Ghanni Wala</t>
  </si>
  <si>
    <t>52599</t>
  </si>
  <si>
    <t>30493</t>
  </si>
  <si>
    <t>GES BASTI LANG BASTI LANG</t>
  </si>
  <si>
    <t>Basti lang</t>
  </si>
  <si>
    <t>permit road, basti lang, Jalal Pur Pir Wala District Multan</t>
  </si>
  <si>
    <t>Nauraja Bhutta</t>
  </si>
  <si>
    <t>Sana Ullah Nasir</t>
  </si>
  <si>
    <t>28145</t>
  </si>
  <si>
    <t>37882</t>
  </si>
  <si>
    <t>21830</t>
  </si>
  <si>
    <t>GMPS 124/10-R</t>
  </si>
  <si>
    <t>124 10r</t>
  </si>
  <si>
    <t>Gmps124,10r</t>
  </si>
  <si>
    <t>Nimra Irm</t>
  </si>
  <si>
    <t>37979</t>
  </si>
  <si>
    <t>33561</t>
  </si>
  <si>
    <t>GGPS KALARIAN</t>
  </si>
  <si>
    <t>BASAL - FEMALE</t>
  </si>
  <si>
    <t>Kalarian</t>
  </si>
  <si>
    <t>vpo basal kalrian thesil jand district attock</t>
  </si>
  <si>
    <t>47236</t>
  </si>
  <si>
    <t>22255</t>
  </si>
  <si>
    <t>GGHS NAROWALI</t>
  </si>
  <si>
    <t>govt girls high school narowali</t>
  </si>
  <si>
    <t>zubina sarwar</t>
  </si>
  <si>
    <t>7297</t>
  </si>
  <si>
    <t>44126</t>
  </si>
  <si>
    <t>GGPS KOTLY SAYDAN</t>
  </si>
  <si>
    <t>kotli syedan p/o basharat tehsil choa saiden shah district chakwal</t>
  </si>
  <si>
    <t>Lehar Sultan Pur</t>
  </si>
  <si>
    <t>Um-i-Laila</t>
  </si>
  <si>
    <t>13258</t>
  </si>
  <si>
    <t>39462</t>
  </si>
  <si>
    <t>GPS MUNSHI FATEH MUHAMMAD</t>
  </si>
  <si>
    <t>basti thengi balocha moza Muhammad azeem ctn</t>
  </si>
  <si>
    <t>Basti Thengi Balocha</t>
  </si>
  <si>
    <t>Sheli Gharbi</t>
  </si>
  <si>
    <t>Danish Sunil Jaan</t>
  </si>
  <si>
    <t>GGPS DARKALI KALLAN</t>
  </si>
  <si>
    <t>Darkali Kalan</t>
  </si>
  <si>
    <t>darkali kalan</t>
  </si>
  <si>
    <t>Fozia Adalat</t>
  </si>
  <si>
    <t>36317</t>
  </si>
  <si>
    <t>2852</t>
  </si>
  <si>
    <t>41107</t>
  </si>
  <si>
    <t>GPS MERHINYAN</t>
  </si>
  <si>
    <t>Merhinyan</t>
  </si>
  <si>
    <t>Village. Merhinyan P.o. lehtrar Tehsil kahuta District Rawalpind</t>
  </si>
  <si>
    <t>Muhammad Fazal</t>
  </si>
  <si>
    <t>13423</t>
  </si>
  <si>
    <t>38447</t>
  </si>
  <si>
    <t>GES CHAK NO. 26/M</t>
  </si>
  <si>
    <t>CHAK NO 26/M</t>
  </si>
  <si>
    <t>CHAK NO 26/M Tehsil DUNYA PUR DIST. LODHRAN</t>
  </si>
  <si>
    <t>CHAK NO 35/M</t>
  </si>
  <si>
    <t>14012</t>
  </si>
  <si>
    <t>41085</t>
  </si>
  <si>
    <t>GGES BASTI MALIK MUNEER</t>
  </si>
  <si>
    <t>Wahi Shah Muhammad</t>
  </si>
  <si>
    <t>GGES MALIK MUNIR</t>
  </si>
  <si>
    <t>Basti Malik Munir Noorpur</t>
  </si>
  <si>
    <t>Rozina Amir</t>
  </si>
  <si>
    <t>16423</t>
  </si>
  <si>
    <t>GES CHAK 129 RB</t>
  </si>
  <si>
    <t>KANANSIAN - MALE</t>
  </si>
  <si>
    <t>129 RB</t>
  </si>
  <si>
    <t>gES 129 RB  CHAK  JHUMRA   FSD</t>
  </si>
  <si>
    <t>129  rb</t>
  </si>
  <si>
    <t>44  JB  PAKKA  DALLA</t>
  </si>
  <si>
    <t>IMTIAZ ANWAR</t>
  </si>
  <si>
    <t>6715</t>
  </si>
  <si>
    <t>34805</t>
  </si>
  <si>
    <t>43535</t>
  </si>
  <si>
    <t>GGPS SOHAIR V PO KHARA</t>
  </si>
  <si>
    <t>SOHAIR</t>
  </si>
  <si>
    <t>Mussarat Tazeem</t>
  </si>
  <si>
    <t>5433</t>
  </si>
  <si>
    <t>GPS CHAK NO 206 JB WEST</t>
  </si>
  <si>
    <t>AEO (M) BHOWANA NO.46-MALE</t>
  </si>
  <si>
    <t>GPS Chak No. 206 JB West Tehsil Bhowana Distt. Chiniot.</t>
  </si>
  <si>
    <t>Chak No 206 W</t>
  </si>
  <si>
    <t>Chak No 184 Sial</t>
  </si>
  <si>
    <t>M Abdul Sattar</t>
  </si>
  <si>
    <t>3065</t>
  </si>
  <si>
    <t>GPS RAHIM CHANNAR</t>
  </si>
  <si>
    <t>NOORPUR NAURANGA - MALE</t>
  </si>
  <si>
    <t>Wahi Shah Muhammad Muhammad</t>
  </si>
  <si>
    <t>Basti sadar Din shah moza wahi shah Muhammad</t>
  </si>
  <si>
    <t>Basti Sadar Din  Shah</t>
  </si>
  <si>
    <t>Tahir Mehmood Rao</t>
  </si>
  <si>
    <t>28654</t>
  </si>
  <si>
    <t>16317</t>
  </si>
  <si>
    <t>GPS 128 RB</t>
  </si>
  <si>
    <t>Wahlay Chak</t>
  </si>
  <si>
    <t>GPS 128RB wahlay</t>
  </si>
  <si>
    <t>128RB Wahlay</t>
  </si>
  <si>
    <t>44 JB</t>
  </si>
  <si>
    <t>Muhammad  Waheed  Akhtar</t>
  </si>
  <si>
    <t>GPS ROOPWAL</t>
  </si>
  <si>
    <t>Roopwal</t>
  </si>
  <si>
    <t>GPS Roopwal  Teh&amp; Distt Chakwal</t>
  </si>
  <si>
    <t>Kot Choudhrian</t>
  </si>
  <si>
    <t>28515</t>
  </si>
  <si>
    <t>45666</t>
  </si>
  <si>
    <t>GPS 136 RB</t>
  </si>
  <si>
    <t>Bakhraywali</t>
  </si>
  <si>
    <t>136  RB   Chak Jumra  FSD</t>
  </si>
  <si>
    <t>136  RB</t>
  </si>
  <si>
    <t>Hussain Arshad</t>
  </si>
  <si>
    <t>7208</t>
  </si>
  <si>
    <t>10590</t>
  </si>
  <si>
    <t>43303</t>
  </si>
  <si>
    <t>GPS NAIN SUKH</t>
  </si>
  <si>
    <t>Nain Sukh</t>
  </si>
  <si>
    <t>P.o Dhrabi V. Nain Sukh. Teh and Disst. Chakwal</t>
  </si>
  <si>
    <t>Kot chaudhrian</t>
  </si>
  <si>
    <t>Ghulam Rabbani</t>
  </si>
  <si>
    <t>51169</t>
  </si>
  <si>
    <t>16286</t>
  </si>
  <si>
    <t>GPS 156 RB II</t>
  </si>
  <si>
    <t>Derh</t>
  </si>
  <si>
    <t>chk no 156 RB ||</t>
  </si>
  <si>
    <t>156 RB 2nd</t>
  </si>
  <si>
    <t>Chk No 156 RB Derh</t>
  </si>
  <si>
    <t>40202</t>
  </si>
  <si>
    <t>43351</t>
  </si>
  <si>
    <t>GPS DHAB PARI</t>
  </si>
  <si>
    <t>CHAKWAL-II-MALE</t>
  </si>
  <si>
    <t>Dhab Pari</t>
  </si>
  <si>
    <t>Vpo Dhab pari Chakwal</t>
  </si>
  <si>
    <t>Har Char Dhab</t>
  </si>
  <si>
    <t>Mozzaman Minhas</t>
  </si>
  <si>
    <t>36936</t>
  </si>
  <si>
    <t>GGES CHAK NO 373 TDA</t>
  </si>
  <si>
    <t>Chak373</t>
  </si>
  <si>
    <t>g,/e 373 tda</t>
  </si>
  <si>
    <t>373/tda</t>
  </si>
  <si>
    <t>Fouzia Hanif</t>
  </si>
  <si>
    <t>51923</t>
  </si>
  <si>
    <t>GES 38 EB</t>
  </si>
  <si>
    <t>TARIKHNI - MALE</t>
  </si>
  <si>
    <t>38/EB</t>
  </si>
  <si>
    <t>Chak No 38/EB Arifwala</t>
  </si>
  <si>
    <t>34EB</t>
  </si>
  <si>
    <t>Muhammad Sharif Bhatti</t>
  </si>
  <si>
    <t>44320</t>
  </si>
  <si>
    <t>GHS CHHINA</t>
  </si>
  <si>
    <t>CHHEENA DAGAR</t>
  </si>
  <si>
    <t>CHHEENA P/O CHHEENA</t>
  </si>
  <si>
    <t>CHHEENA</t>
  </si>
  <si>
    <t>PeerAshab</t>
  </si>
  <si>
    <t>HAFIZ MUHAMMAD YOUSAF</t>
  </si>
  <si>
    <t>22690</t>
  </si>
  <si>
    <t>GGPS KOTLEY  PO PADSHAHAN</t>
  </si>
  <si>
    <t>DHUMMAN-II-FEMALE</t>
  </si>
  <si>
    <t>Kotley</t>
  </si>
  <si>
    <t>Village kotley PO Padshan Tehsil and District Chakwal</t>
  </si>
  <si>
    <t>JAND KHANZADA</t>
  </si>
  <si>
    <t>Erum Nazir</t>
  </si>
  <si>
    <t>7167</t>
  </si>
  <si>
    <t>17283</t>
  </si>
  <si>
    <t>27557</t>
  </si>
  <si>
    <t>9636</t>
  </si>
  <si>
    <t>GPS CHAK NO 366 TDA</t>
  </si>
  <si>
    <t>366/TDA</t>
  </si>
  <si>
    <t>Chak No. 366/TDA</t>
  </si>
  <si>
    <t>Sayyed  Fida Hussain</t>
  </si>
  <si>
    <t>GPS 134 RB I</t>
  </si>
  <si>
    <t>chak no. 134 RB I</t>
  </si>
  <si>
    <t>134 1st</t>
  </si>
  <si>
    <t>Sanaullah</t>
  </si>
  <si>
    <t>16324</t>
  </si>
  <si>
    <t>GPS 134 RB 2</t>
  </si>
  <si>
    <t>Mitranwali2nd</t>
  </si>
  <si>
    <t>CHAK NO. 134 RB II TEHSIL CHAK JHUMRA DISTRICT FAISALABAD</t>
  </si>
  <si>
    <t>134  RB  II</t>
  </si>
  <si>
    <t>BHAKHRY-WALI</t>
  </si>
  <si>
    <t>Amir Amanat</t>
  </si>
  <si>
    <t>6056</t>
  </si>
  <si>
    <t>11818</t>
  </si>
  <si>
    <t>3384</t>
  </si>
  <si>
    <t>GGES CHAK NO.13/BC-A</t>
  </si>
  <si>
    <t>13 BC</t>
  </si>
  <si>
    <t>PO  Same tehseel and district bwp chak no 13 bc</t>
  </si>
  <si>
    <t>13bc</t>
  </si>
  <si>
    <t>12 BC</t>
  </si>
  <si>
    <t>Nighat Hashmi</t>
  </si>
  <si>
    <t>3769</t>
  </si>
  <si>
    <t>GGPS MUHAMMAD SHAH WALI</t>
  </si>
  <si>
    <t>AEO (W) BHOWANA NO.30</t>
  </si>
  <si>
    <t>T M Shah</t>
  </si>
  <si>
    <t>GGPS M. SHAH WALI</t>
  </si>
  <si>
    <t>M Shah Wali</t>
  </si>
  <si>
    <t>Rahat Batool</t>
  </si>
  <si>
    <t>6692</t>
  </si>
  <si>
    <t>10016</t>
  </si>
  <si>
    <t>50517</t>
  </si>
  <si>
    <t>GGPS KOT SHAH MOHAMMAD 113/7-R</t>
  </si>
  <si>
    <t>OLD CHICHAWATNI-FEMALE</t>
  </si>
  <si>
    <t>Tibba Shah Kot</t>
  </si>
  <si>
    <t>GGPS Kot Shah Muhammad 113/7 R</t>
  </si>
  <si>
    <t>Tibba Shah Kot 113/ 7 R</t>
  </si>
  <si>
    <t>114/ 7 R</t>
  </si>
  <si>
    <t>ZAREEN AKHTER</t>
  </si>
  <si>
    <t>50884</t>
  </si>
  <si>
    <t>GES JAMALWAL</t>
  </si>
  <si>
    <t>vpo Jamalwal teh &amp; distt chakwal</t>
  </si>
  <si>
    <t>ijaz ahmad</t>
  </si>
  <si>
    <t>51016</t>
  </si>
  <si>
    <t>28808</t>
  </si>
  <si>
    <t>16305</t>
  </si>
  <si>
    <t>GES 293 RB 1</t>
  </si>
  <si>
    <t>CHAK NO. 293 RB EAST, FAISALABAD</t>
  </si>
  <si>
    <t>Muhammad Yunas</t>
  </si>
  <si>
    <t>27843</t>
  </si>
  <si>
    <t>52080</t>
  </si>
  <si>
    <t>GMPS SABOOKA DAKHANA TIBI LAL BAIG</t>
  </si>
  <si>
    <t>Sanattekay</t>
  </si>
  <si>
    <t>SABOOKA, PO TIBBI LAL BAIG, ARIFWALA, PAKPATTAN</t>
  </si>
  <si>
    <t>SABOOKA</t>
  </si>
  <si>
    <t>MACHI SINGH</t>
  </si>
  <si>
    <t>GGES CHAK NO.23/BC</t>
  </si>
  <si>
    <t>23/BC</t>
  </si>
  <si>
    <t>gge/s23/bc yazman road Bahawalpur</t>
  </si>
  <si>
    <t>23/bc</t>
  </si>
  <si>
    <t>24/bc</t>
  </si>
  <si>
    <t>28988</t>
  </si>
  <si>
    <t>GPS POTAY WALA P/O NAWAN KOT</t>
  </si>
  <si>
    <t>Chah Bilal Wala Mouza Nawan kot Tehsil Choubara District Layyah</t>
  </si>
  <si>
    <t>Chudhary Bilal Arain Wala</t>
  </si>
  <si>
    <t>Muhammad Naveed Akbar</t>
  </si>
  <si>
    <t>17468</t>
  </si>
  <si>
    <t>GPS 129 RB II</t>
  </si>
  <si>
    <t>Chak No 129 RB II</t>
  </si>
  <si>
    <t>129 RB Tibbi</t>
  </si>
  <si>
    <t>Pakka Dalla</t>
  </si>
  <si>
    <t>GPS 133 RB</t>
  </si>
  <si>
    <t>chak no.133 rb</t>
  </si>
  <si>
    <t>Chak No133rb</t>
  </si>
  <si>
    <t>Chak No133 Rb</t>
  </si>
  <si>
    <t>22401</t>
  </si>
  <si>
    <t>35349</t>
  </si>
  <si>
    <t>GGCMS 507/EB</t>
  </si>
  <si>
    <t>507 EB</t>
  </si>
  <si>
    <t>Chak No 507/EB Burewala</t>
  </si>
  <si>
    <t>GPS BASTI BARA</t>
  </si>
  <si>
    <t>No Abad</t>
  </si>
  <si>
    <t>Basti Bara Moza No Abad Tehsil Bahawalpur Sadar</t>
  </si>
  <si>
    <t>Basti Bara</t>
  </si>
  <si>
    <t>Marhi Shaikh Shajra</t>
  </si>
  <si>
    <t>30992</t>
  </si>
  <si>
    <t>5927</t>
  </si>
  <si>
    <t>50421</t>
  </si>
  <si>
    <t>GPS 8/14-L (NORTH)</t>
  </si>
  <si>
    <t>KASSOWAL-MALE</t>
  </si>
  <si>
    <t>8/14L North</t>
  </si>
  <si>
    <t>Chak No .8/14L North</t>
  </si>
  <si>
    <t>6/14-L</t>
  </si>
  <si>
    <t>17799</t>
  </si>
  <si>
    <t>37634</t>
  </si>
  <si>
    <t>51883</t>
  </si>
  <si>
    <t>GPS CHAK YASIN KAY</t>
  </si>
  <si>
    <t>sanattaka</t>
  </si>
  <si>
    <t>chak yasin kay p.o tibi lal baig tehsil arifwala distt pakpattan</t>
  </si>
  <si>
    <t>yasin kay</t>
  </si>
  <si>
    <t>Machi singh</t>
  </si>
  <si>
    <t>GPS NOOR PUR P/O NAWAN KOT LAYYAH</t>
  </si>
  <si>
    <t>tibby wala uc nawankot</t>
  </si>
  <si>
    <t>Tibbay Wala</t>
  </si>
  <si>
    <t>16347</t>
  </si>
  <si>
    <t>GPS 471 JB</t>
  </si>
  <si>
    <t>UCHKERA</t>
  </si>
  <si>
    <t>CHAK NO 471 JB Tehsil Chak Jhumra District Faisalabad</t>
  </si>
  <si>
    <t>471 Jb UCHKERA</t>
  </si>
  <si>
    <t>PAKA DHALA</t>
  </si>
  <si>
    <t>Muhammad Shahbaz Zafar</t>
  </si>
  <si>
    <t>18450</t>
  </si>
  <si>
    <t>GMPS MODEL TIBBI DATA KHAN</t>
  </si>
  <si>
    <t>Tibbi Data khan</t>
  </si>
  <si>
    <t>mouza tibi data khan po nor pur nourunga tehsil sader dist bwp</t>
  </si>
  <si>
    <t>Tibbi Data Khan</t>
  </si>
  <si>
    <t>Hajra Hassan</t>
  </si>
  <si>
    <t>GHS KHANPUR CHAKWAL</t>
  </si>
  <si>
    <t>VILLAGE &amp; POST OFFICE KHANPUR , TEHSIL &amp; DISTRICT CHAKWAL</t>
  </si>
  <si>
    <t>19983</t>
  </si>
  <si>
    <t>GPS MATHROOMA</t>
  </si>
  <si>
    <t>Moza Mathrooma</t>
  </si>
  <si>
    <t>asif ali</t>
  </si>
  <si>
    <t>19623</t>
  </si>
  <si>
    <t>46677</t>
  </si>
  <si>
    <t>52144</t>
  </si>
  <si>
    <t>GMPS 101 EB</t>
  </si>
  <si>
    <t>101eb</t>
  </si>
  <si>
    <t>chak no 101eb</t>
  </si>
  <si>
    <t>Medi Khan</t>
  </si>
  <si>
    <t>GGPS CHAK NO.25/BC</t>
  </si>
  <si>
    <t>25 Bc</t>
  </si>
  <si>
    <t>GMPS 25 BC</t>
  </si>
  <si>
    <t>Chak # 25 Bc</t>
  </si>
  <si>
    <t>Kaneez Akhter</t>
  </si>
  <si>
    <t>GPS CHAK NO.80 AML</t>
  </si>
  <si>
    <t>Behal Duger</t>
  </si>
  <si>
    <t>chak # 80A ML p.o behal teh $ distt bhakar</t>
  </si>
  <si>
    <t>Chak #80AML</t>
  </si>
  <si>
    <t>52093</t>
  </si>
  <si>
    <t>GGPS MACHI SINGH 1</t>
  </si>
  <si>
    <t>MACHI SINGH, PO KHAS, ARIFWALA, PAKPATTAN</t>
  </si>
  <si>
    <t>Zahidaparveen</t>
  </si>
  <si>
    <t>GPS MEHTA</t>
  </si>
  <si>
    <t>Mahta</t>
  </si>
  <si>
    <t>mehta</t>
  </si>
  <si>
    <t>44565</t>
  </si>
  <si>
    <t>GMPS MODEL JHOK FAQIR ATTA MUHAMMAD</t>
  </si>
  <si>
    <t>Jhok Faqir</t>
  </si>
  <si>
    <t>GMPS Jhok Faqir Atta Mohammad P / O Notak Tehsil  &amp; District Bhakkar</t>
  </si>
  <si>
    <t>Ammara Gul</t>
  </si>
  <si>
    <t>GPS ARABIC ABBAS NAGAR</t>
  </si>
  <si>
    <t>PO Abbas nagar thesil bwp saddar</t>
  </si>
  <si>
    <t>Abbass Nagar</t>
  </si>
  <si>
    <t>12443</t>
  </si>
  <si>
    <t>village. jawa p.o. jawa tehsil kahuta district rawalpindi</t>
  </si>
  <si>
    <t>Shafat Hussain</t>
  </si>
  <si>
    <t>other1</t>
  </si>
  <si>
    <t>22124</t>
  </si>
  <si>
    <t>GHS ISLAMIA KUNJAH</t>
  </si>
  <si>
    <t>Kunjah</t>
  </si>
  <si>
    <t>Near Bus stand, Kunjah Teh &amp; District Gujrat</t>
  </si>
  <si>
    <t>Moh Islamia school Kunjah</t>
  </si>
  <si>
    <t>Munir Hussain CH</t>
  </si>
  <si>
    <t>GPS GURJAKH NO.2</t>
  </si>
  <si>
    <t>Garhakh</t>
  </si>
  <si>
    <t>street No.10 Hassanpura Garjakh Gujranwala</t>
  </si>
  <si>
    <t>Jafar Hussain</t>
  </si>
  <si>
    <t>31340</t>
  </si>
  <si>
    <t>43236</t>
  </si>
  <si>
    <t>GPS BALLO KASSAR</t>
  </si>
  <si>
    <t>Ballokassar</t>
  </si>
  <si>
    <t>vpo ballokassar</t>
  </si>
  <si>
    <t>Sadia Noor</t>
  </si>
  <si>
    <t>6694</t>
  </si>
  <si>
    <t>16057</t>
  </si>
  <si>
    <t>GPS MAGHAL</t>
  </si>
  <si>
    <t>Maghal</t>
  </si>
  <si>
    <t>VPO MAGHAL TEHSIL CHOA SAIDAN SHAH DISTRICT CHAKWAL</t>
  </si>
  <si>
    <t>Muhammad Affaque Naeem</t>
  </si>
  <si>
    <t>4828</t>
  </si>
  <si>
    <t>4638</t>
  </si>
  <si>
    <t>GGPS SHADI WALA</t>
  </si>
  <si>
    <t>BWN.2-FEMALE</t>
  </si>
  <si>
    <t>basti acharki Moza shadi Wala tensile bahawalnagar</t>
  </si>
  <si>
    <t>Ghulam Khudeja</t>
  </si>
  <si>
    <t>54548</t>
  </si>
  <si>
    <t>GPS BUKKAN KHURD</t>
  </si>
  <si>
    <t>Bukkan Khurd</t>
  </si>
  <si>
    <t>Bukan Kalan P/O Vanike Tarar</t>
  </si>
  <si>
    <t>Bukan Khurd</t>
  </si>
  <si>
    <t>42526</t>
  </si>
  <si>
    <t>GPS DURAB JATAL</t>
  </si>
  <si>
    <t>Durab Jatal</t>
  </si>
  <si>
    <t>village Durab Jatal</t>
  </si>
  <si>
    <t>5139</t>
  </si>
  <si>
    <t>GPS CHAK NO 59/4-R W</t>
  </si>
  <si>
    <t>CHAK 59/4R</t>
  </si>
  <si>
    <t>Chak No. 59/4R West Tehsil Haroonabad District Bahawalnagar</t>
  </si>
  <si>
    <t>Chak 59/4R WEST</t>
  </si>
  <si>
    <t>CHAK 58/4R</t>
  </si>
  <si>
    <t>44571</t>
  </si>
  <si>
    <t>GPS 272/HR</t>
  </si>
  <si>
    <t>P/S 272/HR tehsil fortabbas Dstt.bahawalnagar</t>
  </si>
  <si>
    <t>MC FAS</t>
  </si>
  <si>
    <t>48215</t>
  </si>
  <si>
    <t>GPS CHAK NO.26 NB</t>
  </si>
  <si>
    <t>Chak26nb</t>
  </si>
  <si>
    <t>chak26n.b tehsil bhlwal</t>
  </si>
  <si>
    <t>Chak15sb</t>
  </si>
  <si>
    <t>10028</t>
  </si>
  <si>
    <t>Bara</t>
  </si>
  <si>
    <t>Muhammad Qadeer</t>
  </si>
  <si>
    <t>GPS REHMAT COLONY FEROZWALA</t>
  </si>
  <si>
    <t>Rehmat Colony wandala dial shah Ferozwala</t>
  </si>
  <si>
    <t>39848</t>
  </si>
  <si>
    <t>GGES TANDA</t>
  </si>
  <si>
    <t>po utmanabad, village tanda, tehsil hassan abdal, district attock</t>
  </si>
  <si>
    <t>tanda</t>
  </si>
  <si>
    <t>pind Mehri</t>
  </si>
  <si>
    <t>Rubina Bibi</t>
  </si>
  <si>
    <t>18405</t>
  </si>
  <si>
    <t>18180</t>
  </si>
  <si>
    <t>46738</t>
  </si>
  <si>
    <t>GPS KATCH TUNDAR KHEL</t>
  </si>
  <si>
    <t>Kuch Tander Khel</t>
  </si>
  <si>
    <t>kuch tander khel</t>
  </si>
  <si>
    <t>Rafi Ullah</t>
  </si>
  <si>
    <t>6524</t>
  </si>
  <si>
    <t>GGPS KOTLI KOKIAN</t>
  </si>
  <si>
    <t>Kotli Kokian</t>
  </si>
  <si>
    <t>village kotli kokian post office jamkey cheema tehsil dadka district sialkot</t>
  </si>
  <si>
    <t>Allo Mahar</t>
  </si>
  <si>
    <t>Azmat Noor</t>
  </si>
  <si>
    <t>8407</t>
  </si>
  <si>
    <t>17469</t>
  </si>
  <si>
    <t>KHEWA - FEMALE</t>
  </si>
  <si>
    <t>GGPs HajiaBad markaz khewa</t>
  </si>
  <si>
    <t>Fiyyaz Un Nisa</t>
  </si>
  <si>
    <t>38632</t>
  </si>
  <si>
    <t>GGPS 225 WB</t>
  </si>
  <si>
    <t>chak 225/wb</t>
  </si>
  <si>
    <t>chak 225/wb tehsil dunyapur distt lodhran</t>
  </si>
  <si>
    <t>225/wb</t>
  </si>
  <si>
    <t>231/wb</t>
  </si>
  <si>
    <t>Asifa Khaliq</t>
  </si>
  <si>
    <t>GPS BASTI PHULLAN</t>
  </si>
  <si>
    <t>Basti phullan teh.and distt.Bahawalpur</t>
  </si>
  <si>
    <t>Muhammad Maqbool</t>
  </si>
  <si>
    <t>29491</t>
  </si>
  <si>
    <t>49740</t>
  </si>
  <si>
    <t>54547</t>
  </si>
  <si>
    <t>GPS BUKKAN KALAN</t>
  </si>
  <si>
    <t>Bukkan Kalan</t>
  </si>
  <si>
    <t>Village Bukkan kalan P/O Vaniketarar (H.F.D)</t>
  </si>
  <si>
    <t>16310</t>
  </si>
  <si>
    <t>GPS BURU MANDI</t>
  </si>
  <si>
    <t>BURJMANDI</t>
  </si>
  <si>
    <t>Chak no 102 JB Burj Mandi</t>
  </si>
  <si>
    <t>Chak No 102 JB Burj Mandi</t>
  </si>
  <si>
    <t>Chak No 102 JB Burj</t>
  </si>
  <si>
    <t>37059</t>
  </si>
  <si>
    <t>21273</t>
  </si>
  <si>
    <t>36691</t>
  </si>
  <si>
    <t>GES BUTTA SINGH WALA, P/O MOUZA BUTTA SINGH WALA, KABIRWALA</t>
  </si>
  <si>
    <t>boota singh wala</t>
  </si>
  <si>
    <t>3 kassi syedan boota singh wala</t>
  </si>
  <si>
    <t>3 kassi syedan</t>
  </si>
  <si>
    <t>M Tanveer Abas Anjam</t>
  </si>
  <si>
    <t>41154</t>
  </si>
  <si>
    <t>GPS DHANCHACKAL</t>
  </si>
  <si>
    <t>Sang</t>
  </si>
  <si>
    <t>GPS Dhanchakal</t>
  </si>
  <si>
    <t>Dhanchakal</t>
  </si>
  <si>
    <t>Muhsin Ali</t>
  </si>
  <si>
    <t>GGHS SATHWANT</t>
  </si>
  <si>
    <t>Sathwani</t>
  </si>
  <si>
    <t>GGHS CHAK SATHWANI, P.O DHAMALI, TEHSIL KALLAR SYEDAN, DISTRICT RAWALPINDI</t>
  </si>
  <si>
    <t>Kanoha</t>
  </si>
  <si>
    <t>GMPS 147/10-R BARA</t>
  </si>
  <si>
    <t>147/10r Bara</t>
  </si>
  <si>
    <t>chak no.147/10.r bara,jahania</t>
  </si>
  <si>
    <t>147/10 R Bara</t>
  </si>
  <si>
    <t>49890</t>
  </si>
  <si>
    <t>47387</t>
  </si>
  <si>
    <t>39024</t>
  </si>
  <si>
    <t>GPS BADRA</t>
  </si>
  <si>
    <t>Dhock Namdar dakhli Hattar p/o Fateh Jang</t>
  </si>
  <si>
    <t>10753</t>
  </si>
  <si>
    <t>47338</t>
  </si>
  <si>
    <t>33399</t>
  </si>
  <si>
    <t>20010</t>
  </si>
  <si>
    <t>GGHS GHAFOOR ABAD NO.1</t>
  </si>
  <si>
    <t>mohallah ghafoorabad chiniot</t>
  </si>
  <si>
    <t>Rubina Chaudhary</t>
  </si>
  <si>
    <t>hand pump and water pump both</t>
  </si>
  <si>
    <t>2677</t>
  </si>
  <si>
    <t>40024</t>
  </si>
  <si>
    <t>GGHS SHINKA</t>
  </si>
  <si>
    <t>Village shinka tehsil hazro</t>
  </si>
  <si>
    <t>Taqveem Akhtar</t>
  </si>
  <si>
    <t>51802</t>
  </si>
  <si>
    <t>50360</t>
  </si>
  <si>
    <t>18767</t>
  </si>
  <si>
    <t>GGPS CHAK NO. 67/M TEH. JALALPUR PIRWALA</t>
  </si>
  <si>
    <t>MIAN PUR BELAY WALA - FEMALE</t>
  </si>
  <si>
    <t>67m</t>
  </si>
  <si>
    <t>government girls primary school ch 67m</t>
  </si>
  <si>
    <t>Mian Pur Belay</t>
  </si>
  <si>
    <t>Hajra Manzoor</t>
  </si>
  <si>
    <t>13705</t>
  </si>
  <si>
    <t>GGCMS KOT BODLA</t>
  </si>
  <si>
    <t>kot bodla</t>
  </si>
  <si>
    <t>govt.girls community model school kot bodla</t>
  </si>
  <si>
    <t>kotla mughlan</t>
  </si>
  <si>
    <t>fazeela sabeeh</t>
  </si>
  <si>
    <t>48495</t>
  </si>
  <si>
    <t>GGES CHAK NO.6 NB</t>
  </si>
  <si>
    <t>SALAM - FEMALE</t>
  </si>
  <si>
    <t>6NB</t>
  </si>
  <si>
    <t>Government girls elementary school 6NB</t>
  </si>
  <si>
    <t>Chabba Purana</t>
  </si>
  <si>
    <t>19674</t>
  </si>
  <si>
    <t>19759</t>
  </si>
  <si>
    <t>GPS TAQI ABAD</t>
  </si>
  <si>
    <t>AEO (M) BHOWANA NO.44</t>
  </si>
  <si>
    <t>TMShah</t>
  </si>
  <si>
    <t>Taqi Abad</t>
  </si>
  <si>
    <t>6495</t>
  </si>
  <si>
    <t>26507</t>
  </si>
  <si>
    <t>GGPS CHAK NO. 19/G (B)</t>
  </si>
  <si>
    <t>Basti Josar</t>
  </si>
  <si>
    <t>basti Josar near sugar mill ctn</t>
  </si>
  <si>
    <t>4/fw</t>
  </si>
  <si>
    <t>Sufia Latif</t>
  </si>
  <si>
    <t>46737</t>
  </si>
  <si>
    <t>GPS NO. 1 KALA BAGH</t>
  </si>
  <si>
    <t>Kalabagh</t>
  </si>
  <si>
    <t>moh eid gah kalabagh</t>
  </si>
  <si>
    <t>33544</t>
  </si>
  <si>
    <t>44234</t>
  </si>
  <si>
    <t>GPS DAYYAN</t>
  </si>
  <si>
    <t>Dayyan</t>
  </si>
  <si>
    <t>Village Dayyan PO Dharukna Tehsil Kallar Kahar District Chakwal</t>
  </si>
  <si>
    <t>Aftab Muhammad</t>
  </si>
  <si>
    <t>52066</t>
  </si>
  <si>
    <t>39836</t>
  </si>
  <si>
    <t>GGPS KACHA JALLO</t>
  </si>
  <si>
    <t>kacha</t>
  </si>
  <si>
    <t>ggps kacha</t>
  </si>
  <si>
    <t>jallo</t>
  </si>
  <si>
    <t>rubina tabassum</t>
  </si>
  <si>
    <t>8664</t>
  </si>
  <si>
    <t>GGPS CHABRI ZAREEN</t>
  </si>
  <si>
    <t>KHARI WALA</t>
  </si>
  <si>
    <t>ggps CHABRI ZAREEN,D.G.KHAN</t>
  </si>
  <si>
    <t>BASTI GASHGORI</t>
  </si>
  <si>
    <t>CHABRI ZAREEN</t>
  </si>
  <si>
    <t>SABRA PARVEEN</t>
  </si>
  <si>
    <t>17263</t>
  </si>
  <si>
    <t>18135</t>
  </si>
  <si>
    <t>GPS CHAK NO 232 JB FAROOQ ABAD</t>
  </si>
  <si>
    <t>MOCHI WALA - MALE</t>
  </si>
  <si>
    <t>Chak No. 232/JB, abadi Farooqabad, NaulanWala</t>
  </si>
  <si>
    <t>Naulanwala</t>
  </si>
  <si>
    <t>Verh Sipra</t>
  </si>
  <si>
    <t>GPS CHAK NO.274/HR</t>
  </si>
  <si>
    <t>chak no  274 / HR</t>
  </si>
  <si>
    <t>MC 1</t>
  </si>
  <si>
    <t>23986</t>
  </si>
  <si>
    <t>GMPS CHANGA</t>
  </si>
  <si>
    <t>vill chhanga teh   Daska dist Sialkot</t>
  </si>
  <si>
    <t>Bhughat  Pur</t>
  </si>
  <si>
    <t>Saima Khalil</t>
  </si>
  <si>
    <t>28730</t>
  </si>
  <si>
    <t>23754</t>
  </si>
  <si>
    <t>50258</t>
  </si>
  <si>
    <t>GGES 1/14-L</t>
  </si>
  <si>
    <t>1/14-L</t>
  </si>
  <si>
    <t>chak no 1/14-L.kassowal.tehsil ccw.distt. swl</t>
  </si>
  <si>
    <t>4/14-L</t>
  </si>
  <si>
    <t>Farzana</t>
  </si>
  <si>
    <t>40462</t>
  </si>
  <si>
    <t>44092</t>
  </si>
  <si>
    <t>GPS BADSHAH PUR</t>
  </si>
  <si>
    <t>Badshah Pur</t>
  </si>
  <si>
    <t>VPO Badshah Pur.Teh.C.S.Shah.Distt.Chakwal</t>
  </si>
  <si>
    <t>Dalwal</t>
  </si>
  <si>
    <t>20361</t>
  </si>
  <si>
    <t>12513</t>
  </si>
  <si>
    <t>45572</t>
  </si>
  <si>
    <t>GGPS CHAK NO.15-A TDA</t>
  </si>
  <si>
    <t>chak no. 15 a</t>
  </si>
  <si>
    <t>GGPS CHAK NO. 15 A TDA</t>
  </si>
  <si>
    <t>chak no.15 a tda</t>
  </si>
  <si>
    <t>DAGAR QURESHI</t>
  </si>
  <si>
    <t>31445</t>
  </si>
  <si>
    <t>GPS RANA BHATTI</t>
  </si>
  <si>
    <t>Rana Bhatti</t>
  </si>
  <si>
    <t>15320</t>
  </si>
  <si>
    <t>14945</t>
  </si>
  <si>
    <t>2729</t>
  </si>
  <si>
    <t>39002</t>
  </si>
  <si>
    <t>GPS DHOK SYEDAN (F.JANG)</t>
  </si>
  <si>
    <t>vill dhoke syedan po Fateh Jang.</t>
  </si>
  <si>
    <t>Sharrae Sadullah</t>
  </si>
  <si>
    <t>Abid Hussain Shah</t>
  </si>
  <si>
    <t>43356</t>
  </si>
  <si>
    <t>GPS DHOK HERAL</t>
  </si>
  <si>
    <t>Dhoke Harrel</t>
  </si>
  <si>
    <t>dhoke harrel</t>
  </si>
  <si>
    <t>19162</t>
  </si>
  <si>
    <t>42856</t>
  </si>
  <si>
    <t>GHS BAGH JAMERI</t>
  </si>
  <si>
    <t>Mamyam</t>
  </si>
  <si>
    <t>GHS bagh jameri</t>
  </si>
  <si>
    <t>Baghjameri</t>
  </si>
  <si>
    <t>Raja KHALID MEHMOOD</t>
  </si>
  <si>
    <t>GPS KAREEM ABAD KALABAGH</t>
  </si>
  <si>
    <t>Moh karimabad, p/o Kalabagh, Tehsil Isakhel distt. Mianwali.</t>
  </si>
  <si>
    <t>saeed ahmad</t>
  </si>
  <si>
    <t>3394</t>
  </si>
  <si>
    <t>19757</t>
  </si>
  <si>
    <t>GPS CHAK NO 193 JB AMEER WALA</t>
  </si>
  <si>
    <t>AEO (M) BHOWANA NO.45</t>
  </si>
  <si>
    <t>Nither Kay</t>
  </si>
  <si>
    <t>Chk # 193 Ameer Wala Mouza Nither Kay Teh Bhowana Dist Chiniot</t>
  </si>
  <si>
    <t>193 Ameer Wala</t>
  </si>
  <si>
    <t>Bhallo</t>
  </si>
  <si>
    <t>13862</t>
  </si>
  <si>
    <t>41151</t>
  </si>
  <si>
    <t>GPS BROTHI</t>
  </si>
  <si>
    <t>Brothi</t>
  </si>
  <si>
    <t>Vill Brothi PO Nara Tehsil kahuta District Rawalpindi</t>
  </si>
  <si>
    <t>Ghulam Qadir Idrees</t>
  </si>
  <si>
    <t>6882</t>
  </si>
  <si>
    <t>GPS CHAK NO 73/4-R</t>
  </si>
  <si>
    <t>MUSLIM COLONY</t>
  </si>
  <si>
    <t>28930</t>
  </si>
  <si>
    <t>GGPS SARESAR HITHAR</t>
  </si>
  <si>
    <t>GEHLAN HITHAR - FEMALE</t>
  </si>
  <si>
    <t>govt girls p/s saraser hithar</t>
  </si>
  <si>
    <t>46370</t>
  </si>
  <si>
    <t>44648</t>
  </si>
  <si>
    <t>GGPS SIAL PUR</t>
  </si>
  <si>
    <t>kararikot teh nd dist b Bhakkar</t>
  </si>
  <si>
    <t>Gulnaz Tabassum</t>
  </si>
  <si>
    <t>53471</t>
  </si>
  <si>
    <t>Mangreja</t>
  </si>
  <si>
    <t>Moza Mangreja BWP Sadar</t>
  </si>
  <si>
    <t>ManzoorAbad</t>
  </si>
  <si>
    <t>Goath Mehrab</t>
  </si>
  <si>
    <t>44067</t>
  </si>
  <si>
    <t>GHS ARA</t>
  </si>
  <si>
    <t>GHS Ara Tehsil Choa Sayden Shah distt. Chakwal</t>
  </si>
  <si>
    <t>Fazal Mehdi</t>
  </si>
  <si>
    <t>GGPS DHOK DOSA</t>
  </si>
  <si>
    <t>Dhok Dosa</t>
  </si>
  <si>
    <t>vpo rangli tehsil jand district attock</t>
  </si>
  <si>
    <t>Rangli</t>
  </si>
  <si>
    <t>Pind Sultani</t>
  </si>
  <si>
    <t>23533</t>
  </si>
  <si>
    <t>45395</t>
  </si>
  <si>
    <t>GHS CHAK NO.7 TDA</t>
  </si>
  <si>
    <t>DAGAR YAR SHAH</t>
  </si>
  <si>
    <t>GHS CHAK NO 7/TDA.</t>
  </si>
  <si>
    <t>CHAK NO 7/TDA</t>
  </si>
  <si>
    <t>CHAK NO 6/TDA</t>
  </si>
  <si>
    <t>MUHAMMAD HAMID KHAN</t>
  </si>
  <si>
    <t>17930</t>
  </si>
  <si>
    <t>35014</t>
  </si>
  <si>
    <t>GGPS BAILAY WALA</t>
  </si>
  <si>
    <t>Mian Pur Bailay Wala</t>
  </si>
  <si>
    <t>GGPS Bailay wala</t>
  </si>
  <si>
    <t>Bailay Wala</t>
  </si>
  <si>
    <t>Kubra Rehman Malik</t>
  </si>
  <si>
    <t>27224</t>
  </si>
  <si>
    <t>GPS DALLAYANA</t>
  </si>
  <si>
    <t>Dllayana</t>
  </si>
  <si>
    <t>Dllayana Qila Baksha Tehsil District Hafiz abad</t>
  </si>
  <si>
    <t>17693</t>
  </si>
  <si>
    <t>GGPS KHAWAR ABBAS</t>
  </si>
  <si>
    <t>Pir Behlol</t>
  </si>
  <si>
    <t>GGPS khawar abbas</t>
  </si>
  <si>
    <t>Khawarabad</t>
  </si>
  <si>
    <t>5074</t>
  </si>
  <si>
    <t>50298</t>
  </si>
  <si>
    <t>44641</t>
  </si>
  <si>
    <t>GMPS GHAZI WALA</t>
  </si>
  <si>
    <t>Kirari Kot</t>
  </si>
  <si>
    <t>ghaziwala</t>
  </si>
  <si>
    <t>Ghaziwala</t>
  </si>
  <si>
    <t>Kirarikot</t>
  </si>
  <si>
    <t>17534</t>
  </si>
  <si>
    <t>GES HAJI GHULAM MUHAMMAD KULYAR</t>
  </si>
  <si>
    <t>Tibba miani</t>
  </si>
  <si>
    <t>Basti Haji Ghulam Muhammad kachi wah sama satta Bahawalpur</t>
  </si>
  <si>
    <t>Haji Ghulam Muhammad</t>
  </si>
  <si>
    <t>Tibia Miani</t>
  </si>
  <si>
    <t>Muhammad Hassan</t>
  </si>
  <si>
    <t>41134</t>
  </si>
  <si>
    <t>GPS THUTHAR</t>
  </si>
  <si>
    <t>Thuthar</t>
  </si>
  <si>
    <t>vill Thuthar,po Salgran,Teh Kahuta</t>
  </si>
  <si>
    <t>Amir Mehmood Janjua</t>
  </si>
  <si>
    <t>18634</t>
  </si>
  <si>
    <t>43332</t>
  </si>
  <si>
    <t>50565</t>
  </si>
  <si>
    <t>GGPS 1/A 14-L</t>
  </si>
  <si>
    <t>1A/14L</t>
  </si>
  <si>
    <t>1A/14L kassowal</t>
  </si>
  <si>
    <t>12195</t>
  </si>
  <si>
    <t>GGHS MAMYAM</t>
  </si>
  <si>
    <t>gghs.mamyam@gmail.com</t>
  </si>
  <si>
    <t>Sakote</t>
  </si>
  <si>
    <t>Shabeh Tu Zahra</t>
  </si>
  <si>
    <t>53350</t>
  </si>
  <si>
    <t>GPS CHAK NO.163/M</t>
  </si>
  <si>
    <t>chak no 163/m tehsil hasilpur district bahawalpur</t>
  </si>
  <si>
    <t>Chak No  163/m</t>
  </si>
  <si>
    <t>Chak No 163/ M</t>
  </si>
  <si>
    <t>Muhammad Umar Liaqat</t>
  </si>
  <si>
    <t>40877</t>
  </si>
  <si>
    <t>GGHS DINA</t>
  </si>
  <si>
    <t>GGHS MAIN BAZAR DINA</t>
  </si>
  <si>
    <t>DINA-ll</t>
  </si>
  <si>
    <t>28931</t>
  </si>
  <si>
    <t>GGCMS BABAR KHAI</t>
  </si>
  <si>
    <t>Babbar Khai</t>
  </si>
  <si>
    <t>babbar khai p/o arzani pur teh. chunian distt. kasur</t>
  </si>
  <si>
    <t>Majida Tabbasum</t>
  </si>
  <si>
    <t>17162</t>
  </si>
  <si>
    <t>47242</t>
  </si>
  <si>
    <t>GGPS BAPPAR</t>
  </si>
  <si>
    <t>Bappar</t>
  </si>
  <si>
    <t>mouza bappar</t>
  </si>
  <si>
    <t>Alia Anjum</t>
  </si>
  <si>
    <t>9589</t>
  </si>
  <si>
    <t>25534</t>
  </si>
  <si>
    <t>GES CHAK NO.378 TDA</t>
  </si>
  <si>
    <t>Chak No 378</t>
  </si>
  <si>
    <t>chak No 378/TDA</t>
  </si>
  <si>
    <t>Chak No 378/TDA</t>
  </si>
  <si>
    <t>6575</t>
  </si>
  <si>
    <t>43974</t>
  </si>
  <si>
    <t>GES IQBAL NAGAR</t>
  </si>
  <si>
    <t>Kotha Jindo</t>
  </si>
  <si>
    <t>kotha Jindo Khan dajal teh.jampur distt.rajanpur</t>
  </si>
  <si>
    <t>GPS CHAK NO 96/F</t>
  </si>
  <si>
    <t>Chak No 96/f</t>
  </si>
  <si>
    <t>G.p/s chak No 96/f</t>
  </si>
  <si>
    <t>Chak No 98/f</t>
  </si>
  <si>
    <t>23862</t>
  </si>
  <si>
    <t>GGPS THATHA</t>
  </si>
  <si>
    <t>KALAH KALAN - FEMALE</t>
  </si>
  <si>
    <t>village thatha  post office talhara teh daska disst sialkot</t>
  </si>
  <si>
    <t>Raja Ghuman</t>
  </si>
  <si>
    <t>Hafza Tanzeela Naz</t>
  </si>
  <si>
    <t>7356</t>
  </si>
  <si>
    <t>GPS CHAK NO.270/HR QADIR TOWN</t>
  </si>
  <si>
    <t>270/HR qadir Town</t>
  </si>
  <si>
    <t>270/Hr QT po. Tiba alamgeer</t>
  </si>
  <si>
    <t>19827</t>
  </si>
  <si>
    <t>GMPS MANDAR</t>
  </si>
  <si>
    <t>Abadi mandar mouza suleman</t>
  </si>
  <si>
    <t>Mandar</t>
  </si>
  <si>
    <t>RABIA SHER</t>
  </si>
  <si>
    <t>26970</t>
  </si>
  <si>
    <t>41913</t>
  </si>
  <si>
    <t>40208</t>
  </si>
  <si>
    <t>GGES CHITTAN</t>
  </si>
  <si>
    <t>Chittan</t>
  </si>
  <si>
    <t>village chittan ,Tehsil &amp; District Jhelum</t>
  </si>
  <si>
    <t>Monan</t>
  </si>
  <si>
    <t>44114</t>
  </si>
  <si>
    <t>GPS JHEIK</t>
  </si>
  <si>
    <t>Jheik</t>
  </si>
  <si>
    <t>GPS JHAIK tehsil choa saiden shah  post office basharat Disitt chakwal</t>
  </si>
  <si>
    <t>Safeer Ahmed</t>
  </si>
  <si>
    <t>42669</t>
  </si>
  <si>
    <t>52770</t>
  </si>
  <si>
    <t>GGPS BASIR PUR NO 6</t>
  </si>
  <si>
    <t>Basirpur</t>
  </si>
  <si>
    <t>Moh.Sheikhupura Basirpur</t>
  </si>
  <si>
    <t>Municipal Commeti</t>
  </si>
  <si>
    <t>Shagufta Zareen</t>
  </si>
  <si>
    <t>44059</t>
  </si>
  <si>
    <t>46660</t>
  </si>
  <si>
    <t>GHS UDHEY WALA</t>
  </si>
  <si>
    <t>Kotki Berooni</t>
  </si>
  <si>
    <t>VILL udheywala p/o KAMAR MUSHANI TEHSIL is KHEL ditty mianwali</t>
  </si>
  <si>
    <t>Udheywala</t>
  </si>
  <si>
    <t>GGPS SHAM KOT</t>
  </si>
  <si>
    <t>HEAD ISLAM - FEMALE</t>
  </si>
  <si>
    <t>basti  shamkot hasilpur</t>
  </si>
  <si>
    <t>Sobia Ehsan</t>
  </si>
  <si>
    <t>3279</t>
  </si>
  <si>
    <t>GPS NAU ABAD</t>
  </si>
  <si>
    <t>Nau Abad</t>
  </si>
  <si>
    <t>gps nau abad moza nau abab p/0 samma satta</t>
  </si>
  <si>
    <t>Mari Shiekh shjra</t>
  </si>
  <si>
    <t>43034</t>
  </si>
  <si>
    <t>GGPS GUFF SINGAL</t>
  </si>
  <si>
    <t>Guff Sangal</t>
  </si>
  <si>
    <t>Village Guff Sangal post office kallarian tehsil kallar syedan  district Rawalpindi</t>
  </si>
  <si>
    <t>Guff  Sangal</t>
  </si>
  <si>
    <t>boring with motor</t>
  </si>
  <si>
    <t>26974</t>
  </si>
  <si>
    <t>GPS AMRAO KALAN</t>
  </si>
  <si>
    <t>Amraokalan</t>
  </si>
  <si>
    <t>govt p/s Amrao kalan</t>
  </si>
  <si>
    <t>Amrao Kalan</t>
  </si>
  <si>
    <t>Ramkay Chattha</t>
  </si>
  <si>
    <t>2232</t>
  </si>
  <si>
    <t>48343</t>
  </si>
  <si>
    <t>GPS NO. 3 PHULARWAN</t>
  </si>
  <si>
    <t>Phularwan</t>
  </si>
  <si>
    <t>Gps No.3 Phularwan near post office</t>
  </si>
  <si>
    <t>18397</t>
  </si>
  <si>
    <t>52014</t>
  </si>
  <si>
    <t>38084</t>
  </si>
  <si>
    <t>GGPS 143 EB</t>
  </si>
  <si>
    <t>ARIFWALA 1 - FEMALE</t>
  </si>
  <si>
    <t>143/e B</t>
  </si>
  <si>
    <t>chak no 143/eb</t>
  </si>
  <si>
    <t>143/eb</t>
  </si>
  <si>
    <t>147/eb</t>
  </si>
  <si>
    <t>GPS CHAK NO 466 JB DEPUTY WALA</t>
  </si>
  <si>
    <t>Ch 466JB</t>
  </si>
  <si>
    <t>Deputy Wala Teh. Bhowana Chiniot</t>
  </si>
  <si>
    <t>Deputy Wala</t>
  </si>
  <si>
    <t>Samandar</t>
  </si>
  <si>
    <t>Sammar Abbas</t>
  </si>
  <si>
    <t>GPS SANADHAN WALI</t>
  </si>
  <si>
    <t>JANDU - MALE</t>
  </si>
  <si>
    <t>haitu</t>
  </si>
  <si>
    <t>Sanadhan Wali tehsil kalur kot district bhakkar</t>
  </si>
  <si>
    <t>Sanadhan Wali</t>
  </si>
  <si>
    <t>14870</t>
  </si>
  <si>
    <t>GPS JAMAL WALA P/O JALALPUR PIR WALA</t>
  </si>
  <si>
    <t>Kanhoo</t>
  </si>
  <si>
    <t>chah muhammad ali wala moza kanhoo jalal pur pir wala</t>
  </si>
  <si>
    <t>Chah Muhammad Ali Wala</t>
  </si>
  <si>
    <t>Kanhoo Shumali</t>
  </si>
  <si>
    <t>Muhammad Farhan Adil</t>
  </si>
  <si>
    <t>39678</t>
  </si>
  <si>
    <t>GGES JALWAL</t>
  </si>
  <si>
    <t>vpo jalwal teh jand distt attock</t>
  </si>
  <si>
    <t>GPS GHARJAKH NO.3</t>
  </si>
  <si>
    <t>GPS No 3 Garjakh Raza Abad Gali Eid Gah Wali</t>
  </si>
  <si>
    <t>Raza Abad Garjakh</t>
  </si>
  <si>
    <t>Qazafi Road</t>
  </si>
  <si>
    <t>Aamir Aslam</t>
  </si>
  <si>
    <t>45496</t>
  </si>
  <si>
    <t>47618</t>
  </si>
  <si>
    <t>2251</t>
  </si>
  <si>
    <t>GPS CHAK NO.45/F KHACHAIN WALA</t>
  </si>
  <si>
    <t>chak No 45/ F</t>
  </si>
  <si>
    <t>chak no 45.F  khichian wala</t>
  </si>
  <si>
    <t>chak No 45 /F KW</t>
  </si>
  <si>
    <t>GPS BAKHAT WALI</t>
  </si>
  <si>
    <t>Bast Khandanian</t>
  </si>
  <si>
    <t>Khandanian</t>
  </si>
  <si>
    <t>GPS 472 JB</t>
  </si>
  <si>
    <t>472jb</t>
  </si>
  <si>
    <t>CHAK NO 472 JB TEHSIL CHAK JHUMRA FAISALABAD</t>
  </si>
  <si>
    <t>CHAK NO 472  JB</t>
  </si>
  <si>
    <t>PAKKA DHALLA</t>
  </si>
  <si>
    <t>Qaisar Masih</t>
  </si>
  <si>
    <t>2256</t>
  </si>
  <si>
    <t>38952</t>
  </si>
  <si>
    <t>GGHS JABBI KASRAN</t>
  </si>
  <si>
    <t>JABBI KASRAN</t>
  </si>
  <si>
    <t>GGHS JABBI KASRAN TAH FATEH JANG DISTT ATTOCK</t>
  </si>
  <si>
    <t>Darwesha Jan</t>
  </si>
  <si>
    <t>81603</t>
  </si>
  <si>
    <t>54765</t>
  </si>
  <si>
    <t>GGPS CHAK NO 77/F</t>
  </si>
  <si>
    <t>TAIL FATEH - FEMALE</t>
  </si>
  <si>
    <t>77/f</t>
  </si>
  <si>
    <t>chk no.77/f hasil pur</t>
  </si>
  <si>
    <t>Chk No 71/f</t>
  </si>
  <si>
    <t>Sadia Asghar</t>
  </si>
  <si>
    <t>34623</t>
  </si>
  <si>
    <t>GPS BHOUN NO.3</t>
  </si>
  <si>
    <t>Bhaun</t>
  </si>
  <si>
    <t>mohellah islamabad bhaun disst chakwal teh kallar kahar  .</t>
  </si>
  <si>
    <t>10905</t>
  </si>
  <si>
    <t>54880</t>
  </si>
  <si>
    <t>GPS CHAK NO. 137</t>
  </si>
  <si>
    <t>Chak No 137 Jb</t>
  </si>
  <si>
    <t>chak no 137 jb</t>
  </si>
  <si>
    <t>Chak No 146 Jb</t>
  </si>
  <si>
    <t>Munawer Hayat</t>
  </si>
  <si>
    <t>18492</t>
  </si>
  <si>
    <t>GHS GHOUSIA MUSLIM GOJRA</t>
  </si>
  <si>
    <t>ASHRAF COLONY MAIN GHANDA SINGH ROAD GOJRA</t>
  </si>
  <si>
    <t>Ashraf Colony</t>
  </si>
  <si>
    <t>Abrar-Ul-Bahar Shah</t>
  </si>
  <si>
    <t>19761</t>
  </si>
  <si>
    <t>GPS ZAMEERABAD</t>
  </si>
  <si>
    <t>TM SHAH</t>
  </si>
  <si>
    <t>HAVELI MUBARAK SHAH</t>
  </si>
  <si>
    <t>Haveli Mubarak Sha</t>
  </si>
  <si>
    <t>42735</t>
  </si>
  <si>
    <t>GPS TANZEEM KACHI MAULVIAN</t>
  </si>
  <si>
    <t>Tibba Miyani</t>
  </si>
  <si>
    <t>basti kachi wah sammasatts</t>
  </si>
  <si>
    <t>Kachi Wah</t>
  </si>
  <si>
    <t>Shams U Din</t>
  </si>
  <si>
    <t>GES CHAK NO. 25/3-R</t>
  </si>
  <si>
    <t>25/3-R</t>
  </si>
  <si>
    <t>Govt Elementary school chak no 25/3r ,p/o same Haroonabad</t>
  </si>
  <si>
    <t>23-24/3-R  Laleka</t>
  </si>
  <si>
    <t>GGES JALALIA</t>
  </si>
  <si>
    <t>Village Jalalia tehsil Hazro distt Attock</t>
  </si>
  <si>
    <t>SHAKEELA ANDLEEB</t>
  </si>
  <si>
    <t>48847</t>
  </si>
  <si>
    <t>28852</t>
  </si>
  <si>
    <t>GPS SHABAZ KEY</t>
  </si>
  <si>
    <t>Ghandi Roop Sing</t>
  </si>
  <si>
    <t>shahbaz kay teh chunian kasur</t>
  </si>
  <si>
    <t>Shahbaz Kay</t>
  </si>
  <si>
    <t>Ghulam Nabi Gill</t>
  </si>
  <si>
    <t>41072</t>
  </si>
  <si>
    <t>GES KERAL</t>
  </si>
  <si>
    <t>Keral</t>
  </si>
  <si>
    <t>Village Keral Tehsil Kahuta Distt. Rawalpindi</t>
  </si>
  <si>
    <t>3773</t>
  </si>
  <si>
    <t>GGPS CHAK NO.87/F</t>
  </si>
  <si>
    <t>MUHAMMAD PANAH - FEMALE</t>
  </si>
  <si>
    <t>Chak 87/F P/o Chak 88/F tehsil hasilpur dist bwp</t>
  </si>
  <si>
    <t>Chak 87/F P/o Chak 88/F</t>
  </si>
  <si>
    <t>89/F</t>
  </si>
  <si>
    <t>2294</t>
  </si>
  <si>
    <t>42401</t>
  </si>
  <si>
    <t>GES SUI CHEEMIAN</t>
  </si>
  <si>
    <t>SUI Cheemian</t>
  </si>
  <si>
    <t>village SUI CHEEMIAN p o Bewal</t>
  </si>
  <si>
    <t>Sui Cheemian</t>
  </si>
  <si>
    <t>Naseeb Khan</t>
  </si>
  <si>
    <t>45551</t>
  </si>
  <si>
    <t>50177</t>
  </si>
  <si>
    <t>GHS SHEIKH TAYYAB</t>
  </si>
  <si>
    <t>Sheikh Tayyab</t>
  </si>
  <si>
    <t>Chak Sheikh Tayyab Tehsil Chichawatni District Sahiwal</t>
  </si>
  <si>
    <t>Chak Sheikh Tayyab</t>
  </si>
  <si>
    <t>Chak No 112/7-R</t>
  </si>
  <si>
    <t>10654</t>
  </si>
  <si>
    <t>GPS CHAK NO 133/M</t>
  </si>
  <si>
    <t>ckak 133/m</t>
  </si>
  <si>
    <t>Hafiz Bashir Ahmad</t>
  </si>
  <si>
    <t>GMPS 159/7-R</t>
  </si>
  <si>
    <t>159/7r</t>
  </si>
  <si>
    <t>159/7r p/o same</t>
  </si>
  <si>
    <t>Sadaf Siddique</t>
  </si>
  <si>
    <t>48055</t>
  </si>
  <si>
    <t>GHS CHAK NO.15 SB</t>
  </si>
  <si>
    <t>Chak No 15/SB</t>
  </si>
  <si>
    <t>Chak No 15/ SB Tehsil Bhalwal District Sargodha</t>
  </si>
  <si>
    <t>43937</t>
  </si>
  <si>
    <t>GPS WAHI GUSSAIEN</t>
  </si>
  <si>
    <t>Wahi Gossain</t>
  </si>
  <si>
    <t>mouza Wahi Gossain p/o Sama Sata bwp</t>
  </si>
  <si>
    <t>11456</t>
  </si>
  <si>
    <t>39682</t>
  </si>
  <si>
    <t>GGPS LANGAR</t>
  </si>
  <si>
    <t>Vpo Langar Teh Jand  Distt Attock</t>
  </si>
  <si>
    <t>Dur i Nayab</t>
  </si>
  <si>
    <t>18869</t>
  </si>
  <si>
    <t>28964</t>
  </si>
  <si>
    <t>GGCMS ARAIAN WALA</t>
  </si>
  <si>
    <t>KANGAN PUR - FEMALE</t>
  </si>
  <si>
    <t>Arraian Wala</t>
  </si>
  <si>
    <t>Arraian Wala,Post Office Landay Wala,Markaz kangan pur,Tehsil Chunian,District Kasur</t>
  </si>
  <si>
    <t>Arraian Wala Post Office Landay Wala Tehsil Chunia</t>
  </si>
  <si>
    <t>Landay Wala</t>
  </si>
  <si>
    <t>43136</t>
  </si>
  <si>
    <t>39933</t>
  </si>
  <si>
    <t>GGHS BHANGI</t>
  </si>
  <si>
    <t>BHANGI</t>
  </si>
  <si>
    <t>JINNAH COLONY BHANGI</t>
  </si>
  <si>
    <t>ELECTRCITY MOTOR</t>
  </si>
  <si>
    <t>52509</t>
  </si>
  <si>
    <t>43317</t>
  </si>
  <si>
    <t>GPS MUNDAY</t>
  </si>
  <si>
    <t>Munday</t>
  </si>
  <si>
    <t>vpo munday chakwal</t>
  </si>
  <si>
    <t>6345</t>
  </si>
  <si>
    <t>31598</t>
  </si>
  <si>
    <t>25974</t>
  </si>
  <si>
    <t>25253</t>
  </si>
  <si>
    <t>44205</t>
  </si>
  <si>
    <t>GPS DHOK ZAWAR</t>
  </si>
  <si>
    <t>vill dhokezawar PO rehna sadaat tehsil kallarkahar distt chakwal</t>
  </si>
  <si>
    <t>Dhoke Zawar</t>
  </si>
  <si>
    <t>GGES CHAK NO.2/BC (E)</t>
  </si>
  <si>
    <t>ABBAS NAGAR- FEMALE</t>
  </si>
  <si>
    <t>2/BC</t>
  </si>
  <si>
    <t>Chak# 2/BC (east) Lal Sohanra</t>
  </si>
  <si>
    <t>38BC</t>
  </si>
  <si>
    <t>Abida Akbar</t>
  </si>
  <si>
    <t>GPS BASTI MAHREN</t>
  </si>
  <si>
    <t>Nwan shahar</t>
  </si>
  <si>
    <t>Basti NazarBurara nwan shahar</t>
  </si>
  <si>
    <t>Basti NazarBurara</t>
  </si>
  <si>
    <t>Noushehra grabi</t>
  </si>
  <si>
    <t>GGPS LOONI BAZDARAN</t>
  </si>
  <si>
    <t>Looni</t>
  </si>
  <si>
    <t>GGPS Looni Bazdaran vill.looni bazdaran p.o kallar syedan tehsil. kallar syedan district Rawalpindi.</t>
  </si>
  <si>
    <t>Looni Bazdaran</t>
  </si>
  <si>
    <t>Mukashif Shoaib</t>
  </si>
  <si>
    <t>15025</t>
  </si>
  <si>
    <t>13562</t>
  </si>
  <si>
    <t>GPS CHAK NO 405 TDA</t>
  </si>
  <si>
    <t>chak No. 405/TDA</t>
  </si>
  <si>
    <t>405/TDA</t>
  </si>
  <si>
    <t>Ashfaq Alam</t>
  </si>
  <si>
    <t>23316</t>
  </si>
  <si>
    <t>GPS SULTAN KOT</t>
  </si>
  <si>
    <t>Basti Khanda P/O Jalwala Bahawalnagar</t>
  </si>
  <si>
    <t>Basti Khanda</t>
  </si>
  <si>
    <t>Zia Mustafa</t>
  </si>
  <si>
    <t>GPS TATRAL</t>
  </si>
  <si>
    <t>Tatral Kahoon</t>
  </si>
  <si>
    <t>Govt Primary school Tatral kahoon</t>
  </si>
  <si>
    <t>Sher Muhammad Awan</t>
  </si>
  <si>
    <t>45035</t>
  </si>
  <si>
    <t>GPS 65-A/EB</t>
  </si>
  <si>
    <t>Chak 65 A/EB</t>
  </si>
  <si>
    <t>chak no 65 A/EB</t>
  </si>
  <si>
    <t>Chak No 65 A/EB</t>
  </si>
  <si>
    <t>69/EB</t>
  </si>
  <si>
    <t>Muhammad Ishaq Adil</t>
  </si>
  <si>
    <t>1253</t>
  </si>
  <si>
    <t>GGPS CHAK NO. 26/ B</t>
  </si>
  <si>
    <t>46/F</t>
  </si>
  <si>
    <t>46/F 26/GB TEH Chishtian District Bahawalnagar</t>
  </si>
  <si>
    <t>46/F  26/GB</t>
  </si>
  <si>
    <t>M Committee</t>
  </si>
  <si>
    <t>GPS ARABIC KURPAL</t>
  </si>
  <si>
    <t>basti malkan mouza kurpal</t>
  </si>
  <si>
    <t>46882</t>
  </si>
  <si>
    <t>GGCMS RAILWAY STATION KALA BAGH</t>
  </si>
  <si>
    <t>KALA BAGH-FEMALE</t>
  </si>
  <si>
    <t>Karim Abad Kalabagh</t>
  </si>
  <si>
    <t>Karim Abad</t>
  </si>
  <si>
    <t>GPS CHAK NO 280 HR</t>
  </si>
  <si>
    <t>280/HR</t>
  </si>
  <si>
    <t>chak no 281/hr, tehsil fortabbas, District Bahawalnagar</t>
  </si>
  <si>
    <t>GES 103/12-L</t>
  </si>
  <si>
    <t>103/12L</t>
  </si>
  <si>
    <t>chak no 103/12.L kassowal</t>
  </si>
  <si>
    <t>6754</t>
  </si>
  <si>
    <t>53784</t>
  </si>
  <si>
    <t>50678</t>
  </si>
  <si>
    <t>42477</t>
  </si>
  <si>
    <t>GPS JHND GUJAR</t>
  </si>
  <si>
    <t>Jand gujar</t>
  </si>
  <si>
    <t>jand gujar</t>
  </si>
  <si>
    <t>Fareed Nawaz</t>
  </si>
  <si>
    <t>41152</t>
  </si>
  <si>
    <t>GMPS CHIRASS</t>
  </si>
  <si>
    <t>Chirass</t>
  </si>
  <si>
    <t>village chirass po box narah tehsil kahuta district Rawalpindi</t>
  </si>
  <si>
    <t>Narah</t>
  </si>
  <si>
    <t>Hina Farooq</t>
  </si>
  <si>
    <t>6714</t>
  </si>
  <si>
    <t>3714</t>
  </si>
  <si>
    <t>37771</t>
  </si>
  <si>
    <t>GPS 111/10-R, JAHANIAN</t>
  </si>
  <si>
    <t>111/10 R</t>
  </si>
  <si>
    <t>New colony jahanian</t>
  </si>
  <si>
    <t>115/10-R</t>
  </si>
  <si>
    <t>M Rashid Rahimi</t>
  </si>
  <si>
    <t>10427</t>
  </si>
  <si>
    <t>44078</t>
  </si>
  <si>
    <t>GES PIR MAKHDOOM JAHANIAN</t>
  </si>
  <si>
    <t>Pir Makhdoom Jahanian</t>
  </si>
  <si>
    <t>v &amp; post office p.m jahanian c s shah</t>
  </si>
  <si>
    <t>52216</t>
  </si>
  <si>
    <t>19991</t>
  </si>
  <si>
    <t>GPS RAJOA SADAT</t>
  </si>
  <si>
    <t>Rajoya Sadat</t>
  </si>
  <si>
    <t>Near HBL, Main Bazaar Rajoya Sadat, Chiniot</t>
  </si>
  <si>
    <t>Muhammad Iqbal Fakhri</t>
  </si>
  <si>
    <t>48391</t>
  </si>
  <si>
    <t>GGHS BARA GRAN</t>
  </si>
  <si>
    <t>Baragran</t>
  </si>
  <si>
    <t>GGhs baragran</t>
  </si>
  <si>
    <t>Saima Rani</t>
  </si>
  <si>
    <t>10074</t>
  </si>
  <si>
    <t>44213</t>
  </si>
  <si>
    <t>GPS MALIK PUR</t>
  </si>
  <si>
    <t>Malikpura Bhaun</t>
  </si>
  <si>
    <t>39128</t>
  </si>
  <si>
    <t>GGPS FATU WALA</t>
  </si>
  <si>
    <t>V.fatuwala p/o Gaggan tehsil fateh jang district attock</t>
  </si>
  <si>
    <t>31339</t>
  </si>
  <si>
    <t>GMPS CHAK NO. 31/G</t>
  </si>
  <si>
    <t>31 /G</t>
  </si>
  <si>
    <t>31 / G</t>
  </si>
  <si>
    <t>28 / G</t>
  </si>
  <si>
    <t>Javeria Irum</t>
  </si>
  <si>
    <t>17104</t>
  </si>
  <si>
    <t>GES NASIR ABAD</t>
  </si>
  <si>
    <t>Nasirabad Mouza Mukhiana Jhang</t>
  </si>
  <si>
    <t>Nasirabad</t>
  </si>
  <si>
    <t>Ghulam Qamar</t>
  </si>
  <si>
    <t>39876</t>
  </si>
  <si>
    <t>village sultanpur tehsel hassan abdal distrct attock</t>
  </si>
  <si>
    <t>Sadia haleema Malik</t>
  </si>
  <si>
    <t>34612</t>
  </si>
  <si>
    <t>27221</t>
  </si>
  <si>
    <t>GPS GAUNJIAN WALA</t>
  </si>
  <si>
    <t>Ganjianwala</t>
  </si>
  <si>
    <t>village Ganjianwala HAFIZABAD</t>
  </si>
  <si>
    <t>Sandwan Tarar</t>
  </si>
  <si>
    <t>20630</t>
  </si>
  <si>
    <t>36693</t>
  </si>
  <si>
    <t>GPS 5-KASSI NO.2 KABIRWALA</t>
  </si>
  <si>
    <t>5kassi#2</t>
  </si>
  <si>
    <t>Govt.primary school 5 kassi no.2</t>
  </si>
  <si>
    <t>5 Kassi Jawandsingh Wala</t>
  </si>
  <si>
    <t>Muhammad Anwar Rasheed</t>
  </si>
  <si>
    <t>8396</t>
  </si>
  <si>
    <t>GPS CHAK 273 HR</t>
  </si>
  <si>
    <t>Chak no 273/HR</t>
  </si>
  <si>
    <t>Chak mo.273/HR.Teh. fortabbas</t>
  </si>
  <si>
    <t>273/HR</t>
  </si>
  <si>
    <t>281 /HR</t>
  </si>
  <si>
    <t>44091</t>
  </si>
  <si>
    <t>GES MIANHALA</t>
  </si>
  <si>
    <t>village and post office Minhala . GES Minhala</t>
  </si>
  <si>
    <t>43072</t>
  </si>
  <si>
    <t>51189</t>
  </si>
  <si>
    <t>46697</t>
  </si>
  <si>
    <t>GPS KAMRIAN WALA PO KALOOR SHREEF</t>
  </si>
  <si>
    <t>post office kallur tesil Isakhel,dst Mianwali</t>
  </si>
  <si>
    <t>Kamrianwala</t>
  </si>
  <si>
    <t>4461</t>
  </si>
  <si>
    <t>GGHS CHAK NO. 188 RB NALAWALA</t>
  </si>
  <si>
    <t>Nallay Wala</t>
  </si>
  <si>
    <t>gghs188rb,nallay Wala, tehsil jhumra,district faisalabad</t>
  </si>
  <si>
    <t>Naheed Cheena</t>
  </si>
  <si>
    <t>GGPS DARA SODAIE</t>
  </si>
  <si>
    <t>dera sodaie tehsil hazro distt attock</t>
  </si>
  <si>
    <t>Dera Sodaie</t>
  </si>
  <si>
    <t>aneeta waseem</t>
  </si>
  <si>
    <t>44808</t>
  </si>
  <si>
    <t>GPS MURADINA WALA</t>
  </si>
  <si>
    <t>Gps Muradianwala p/o Saray mohajir teh &amp; distt bhakkar</t>
  </si>
  <si>
    <t>Muradianwala And Islam Shah Wala</t>
  </si>
  <si>
    <t>10024</t>
  </si>
  <si>
    <t>13151</t>
  </si>
  <si>
    <t>GPS NOOR SHAH</t>
  </si>
  <si>
    <t>basti khalifa Qadir pur teh. jatoi district muzaffargarh</t>
  </si>
  <si>
    <t>Basti Khalifa</t>
  </si>
  <si>
    <t>Muhammad Niaz Murtaza</t>
  </si>
  <si>
    <t>8549</t>
  </si>
  <si>
    <t>GPS KHALI</t>
  </si>
  <si>
    <t>pati tomi basti mahi khan moza dalana dgkhan</t>
  </si>
  <si>
    <t>Pati Tomi Basti Mahi Khan</t>
  </si>
  <si>
    <t>42904</t>
  </si>
  <si>
    <t>GGES BIMMA GANGAL</t>
  </si>
  <si>
    <t>Bimma Gangal</t>
  </si>
  <si>
    <t>GGES Bimma Gangal vill  Bimma Gangal P.O, and Tehsil Kallar Syedan District Rawalpindi</t>
  </si>
  <si>
    <t>SALMA NADEEM</t>
  </si>
  <si>
    <t>30724</t>
  </si>
  <si>
    <t>38714</t>
  </si>
  <si>
    <t>GMPS PUL NADIR SHAH</t>
  </si>
  <si>
    <t>pul nadir shah</t>
  </si>
  <si>
    <t>Pul Nadir Shah</t>
  </si>
  <si>
    <t>39658</t>
  </si>
  <si>
    <t>GGPS RATTI BAN</t>
  </si>
  <si>
    <t>Rattiban</t>
  </si>
  <si>
    <t>Dhok Rattiban VPO Basal, tehsil jand ,district Attock</t>
  </si>
  <si>
    <t>Nazma Shaheen</t>
  </si>
  <si>
    <t>Water tank</t>
  </si>
  <si>
    <t>38683</t>
  </si>
  <si>
    <t>GGPS 223 WB</t>
  </si>
  <si>
    <t>Chak No 223wb</t>
  </si>
  <si>
    <t>CHAK no. 223wb Teh. Dunya pur distt lodhran</t>
  </si>
  <si>
    <t>CHAK 223 Wb</t>
  </si>
  <si>
    <t>LadhaBohar</t>
  </si>
  <si>
    <t>Samra Sadaf</t>
  </si>
  <si>
    <t>GPS BAKAINI</t>
  </si>
  <si>
    <t>BAKAINI II</t>
  </si>
  <si>
    <t>NEAR BAKAINI CHAOK</t>
  </si>
  <si>
    <t>36091</t>
  </si>
  <si>
    <t>19976</t>
  </si>
  <si>
    <t>GPS CHAK NO 135 JB</t>
  </si>
  <si>
    <t>Chak No.135 JB Tehsil, District &amp; P/O Chiniot</t>
  </si>
  <si>
    <t>Chak No 135 JB</t>
  </si>
  <si>
    <t>Chak No 146 JB</t>
  </si>
  <si>
    <t>15040</t>
  </si>
  <si>
    <t>51912</t>
  </si>
  <si>
    <t>GPS NO. 3 ARIFWALA</t>
  </si>
  <si>
    <t>albadr colony arifwala street no 2</t>
  </si>
  <si>
    <t>Ward No 24</t>
  </si>
  <si>
    <t>liaqat Hussain</t>
  </si>
  <si>
    <t>31402</t>
  </si>
  <si>
    <t>GPS RATAN PURA</t>
  </si>
  <si>
    <t>Rattan Pura</t>
  </si>
  <si>
    <t>Rattan pura</t>
  </si>
  <si>
    <t>Aadil Shaukat</t>
  </si>
  <si>
    <t>13517</t>
  </si>
  <si>
    <t>39751</t>
  </si>
  <si>
    <t>GGPS JAND WALA</t>
  </si>
  <si>
    <t>village Jandwala</t>
  </si>
  <si>
    <t>Nazia Perveen</t>
  </si>
  <si>
    <t>19484</t>
  </si>
  <si>
    <t>41106</t>
  </si>
  <si>
    <t>GPS MANYAND</t>
  </si>
  <si>
    <t>Manyand</t>
  </si>
  <si>
    <t>Govt boys primary School Manyand</t>
  </si>
  <si>
    <t>Dubran Khurd</t>
  </si>
  <si>
    <t>Shameen Akhtar</t>
  </si>
  <si>
    <t>40876</t>
  </si>
  <si>
    <t>GGHS MALOTE</t>
  </si>
  <si>
    <t>gghs malot, p.o. malot, tehsil dina, district jhelum</t>
  </si>
  <si>
    <t>malote</t>
  </si>
  <si>
    <t>FAIZA ABDUL MAJEED</t>
  </si>
  <si>
    <t>9619</t>
  </si>
  <si>
    <t>GPS CHAK NO 491 TDA</t>
  </si>
  <si>
    <t>CHAK NO. 491 TDA TEHSIL CHOUBARA DISTRICT LAYYAH</t>
  </si>
  <si>
    <t>CHAK NO 491/TDA</t>
  </si>
  <si>
    <t>Sharjeel Abbas Zaidi</t>
  </si>
  <si>
    <t>10310</t>
  </si>
  <si>
    <t>9521</t>
  </si>
  <si>
    <t>46989</t>
  </si>
  <si>
    <t>19981</t>
  </si>
  <si>
    <t>GPS JUSRAT</t>
  </si>
  <si>
    <t>Jasrat</t>
  </si>
  <si>
    <t>Haveli Loharan, moza Jasrat, Tehsil &amp; Disrict Chiniot</t>
  </si>
  <si>
    <t>Mathroma</t>
  </si>
  <si>
    <t>2337</t>
  </si>
  <si>
    <t>40172</t>
  </si>
  <si>
    <t>GPS MONA PIND</t>
  </si>
  <si>
    <t>Monapind</t>
  </si>
  <si>
    <t>vpo monapind teh&amp;distt jhelum</t>
  </si>
  <si>
    <t>14907</t>
  </si>
  <si>
    <t>39722</t>
  </si>
  <si>
    <t>GGES BARWALA</t>
  </si>
  <si>
    <t>Barwala tehsil jand district attock</t>
  </si>
  <si>
    <t>Nayab Khan</t>
  </si>
  <si>
    <t>29910</t>
  </si>
  <si>
    <t>24372</t>
  </si>
  <si>
    <t>GPS JALAL ABAD</t>
  </si>
  <si>
    <t>Shir Garwan</t>
  </si>
  <si>
    <t>moaza sher garwan jalal abad sma satta</t>
  </si>
  <si>
    <t>Sama Satta</t>
  </si>
  <si>
    <t>Arslan Mahmmod khan</t>
  </si>
  <si>
    <t>GPS PEHAR</t>
  </si>
  <si>
    <t>village pehar p.o khadiot kahuta</t>
  </si>
  <si>
    <t>7893</t>
  </si>
  <si>
    <t>GPS MUHAMMAD PUR HANBHI</t>
  </si>
  <si>
    <t>Muhammad pur Hanbhi</t>
  </si>
  <si>
    <t>Muhammad pur hanbhi</t>
  </si>
  <si>
    <t>Tibbi Londan</t>
  </si>
  <si>
    <t>Purchased</t>
  </si>
  <si>
    <t>38619</t>
  </si>
  <si>
    <t>GMPS 255 WB</t>
  </si>
  <si>
    <t>255/wb</t>
  </si>
  <si>
    <t>chak no. 255 wb</t>
  </si>
  <si>
    <t>255 Wb</t>
  </si>
  <si>
    <t>Chak No 237 Wb</t>
  </si>
  <si>
    <t>Javeria Bakhtawar</t>
  </si>
  <si>
    <t>34910</t>
  </si>
  <si>
    <t>GGPS TAJI WALA</t>
  </si>
  <si>
    <t>Tajay Wala</t>
  </si>
  <si>
    <t>Tajay wala Teh. Jalalpur peer wala</t>
  </si>
  <si>
    <t>Juggu Wala</t>
  </si>
  <si>
    <t>Robeena Sadiq</t>
  </si>
  <si>
    <t>38805</t>
  </si>
  <si>
    <t>GGHS SALAR</t>
  </si>
  <si>
    <t>Salar Chowk</t>
  </si>
  <si>
    <t>Gghs( salar)</t>
  </si>
  <si>
    <t>HINA FATIMA</t>
  </si>
  <si>
    <t>borings</t>
  </si>
  <si>
    <t>2352</t>
  </si>
  <si>
    <t>GES MODEL TOWN</t>
  </si>
  <si>
    <t>ISLAM PURA</t>
  </si>
  <si>
    <t>MODEL TOWN X BLOCK BAHAWALNAGAR</t>
  </si>
  <si>
    <t>MUHAMMAD AJMAL WATTO</t>
  </si>
  <si>
    <t>28433</t>
  </si>
  <si>
    <t>41084</t>
  </si>
  <si>
    <t>44308</t>
  </si>
  <si>
    <t>GPS DHOK HAJVERI BHOUN</t>
  </si>
  <si>
    <t>moh.toti mohra bhoun</t>
  </si>
  <si>
    <t>Mufeez Ahmad</t>
  </si>
  <si>
    <t>27174</t>
  </si>
  <si>
    <t>14782</t>
  </si>
  <si>
    <t>38274</t>
  </si>
  <si>
    <t>GPS CHAK NO 130/6-R</t>
  </si>
  <si>
    <t>130/6 R</t>
  </si>
  <si>
    <t>azafi basti 130/6r teh haroonabad</t>
  </si>
  <si>
    <t>130/6 R AB</t>
  </si>
  <si>
    <t>438/6r</t>
  </si>
  <si>
    <t>42492</t>
  </si>
  <si>
    <t>GPS MOHRA DARYAL</t>
  </si>
  <si>
    <t>Talkhalsa</t>
  </si>
  <si>
    <t>Post office Talkhalsa</t>
  </si>
  <si>
    <t>Mohra Daryal</t>
  </si>
  <si>
    <t>25910</t>
  </si>
  <si>
    <t>35409</t>
  </si>
  <si>
    <t>GES CHAK KATORA</t>
  </si>
  <si>
    <t>Bidana</t>
  </si>
  <si>
    <t>chak katora</t>
  </si>
  <si>
    <t>Chak Katora</t>
  </si>
  <si>
    <t>MUHAMMAD IQABL</t>
  </si>
  <si>
    <t>32888</t>
  </si>
  <si>
    <t>44570</t>
  </si>
  <si>
    <t>GGCMS MADHU NAHRAY WALA</t>
  </si>
  <si>
    <t>Khanani</t>
  </si>
  <si>
    <t>ggcmes nahry wala bhakkar</t>
  </si>
  <si>
    <t>Nahry Wala</t>
  </si>
  <si>
    <t>33278</t>
  </si>
  <si>
    <t>41146</t>
  </si>
  <si>
    <t>GPS BAND</t>
  </si>
  <si>
    <t>Band</t>
  </si>
  <si>
    <t>vill band post office nara tehsil kahuta rwp</t>
  </si>
  <si>
    <t>Muhammad Ramzan Mirza</t>
  </si>
  <si>
    <t>13417</t>
  </si>
  <si>
    <t>GHS RANGOO</t>
  </si>
  <si>
    <t>RANGOO</t>
  </si>
  <si>
    <t>VPO RANGOO TEHSIL HAZRO DISTRICT ATTOCK</t>
  </si>
  <si>
    <t>TAJAK</t>
  </si>
  <si>
    <t>KAZIM HUSSAIN SHAH</t>
  </si>
  <si>
    <t>29485</t>
  </si>
  <si>
    <t>35466</t>
  </si>
  <si>
    <t>GGES 489 EB</t>
  </si>
  <si>
    <t>DEWAN SAHIB - FEMALE</t>
  </si>
  <si>
    <t>Chak # 489/EB</t>
  </si>
  <si>
    <t>chak # 489/E.B Burewala</t>
  </si>
  <si>
    <t>Chak # 495/EB</t>
  </si>
  <si>
    <t>Zubaida Nazir</t>
  </si>
  <si>
    <t>29773</t>
  </si>
  <si>
    <t>49741</t>
  </si>
  <si>
    <t>50946</t>
  </si>
  <si>
    <t>44894</t>
  </si>
  <si>
    <t>GGHS HAITTU</t>
  </si>
  <si>
    <t>Haittu</t>
  </si>
  <si>
    <t>Haittu teh KallurkotDistrictbhakkar</t>
  </si>
  <si>
    <t>MEHWISH  INAM</t>
  </si>
  <si>
    <t>4312</t>
  </si>
  <si>
    <t>39918</t>
  </si>
  <si>
    <t>GES BEHBOODI</t>
  </si>
  <si>
    <t>HAZRO 2 - MALE</t>
  </si>
  <si>
    <t>behboodi</t>
  </si>
  <si>
    <t>v.p.o behboodi tehsil hazro  district attock</t>
  </si>
  <si>
    <t>malik mala</t>
  </si>
  <si>
    <t>AHMED SAEED</t>
  </si>
  <si>
    <t>GGPS CHAK NO.84/F NITHAL</t>
  </si>
  <si>
    <t>Chak 84f</t>
  </si>
  <si>
    <t>ggpschak84f-n</t>
  </si>
  <si>
    <t>Chak 84f-n</t>
  </si>
  <si>
    <t>Chak71f</t>
  </si>
  <si>
    <t>Sonia Parveen</t>
  </si>
  <si>
    <t>27046</t>
  </si>
  <si>
    <t>GGPS KOT HASHMAT</t>
  </si>
  <si>
    <t>kot hashmat</t>
  </si>
  <si>
    <t>kot hashmat hafizabad</t>
  </si>
  <si>
    <t>ram kor</t>
  </si>
  <si>
    <t>Rehana Akhtar</t>
  </si>
  <si>
    <t>4526</t>
  </si>
  <si>
    <t>50254</t>
  </si>
  <si>
    <t>GGES 117/12-L</t>
  </si>
  <si>
    <t>117/12-L</t>
  </si>
  <si>
    <t>CHAK NO. 117/12-L, TEHSIL CHICHAWATNI (SAHIWAL)</t>
  </si>
  <si>
    <t>CHAK 118/12-L</t>
  </si>
  <si>
    <t>Lubna Fardoos</t>
  </si>
  <si>
    <t>18177</t>
  </si>
  <si>
    <t>48404</t>
  </si>
  <si>
    <t>34965</t>
  </si>
  <si>
    <t>GMPS SERWER ABAD</t>
  </si>
  <si>
    <t>Kotli Adil</t>
  </si>
  <si>
    <t>Near Khawaja Basheer factory multan road jppw</t>
  </si>
  <si>
    <t>Sabu Wali</t>
  </si>
  <si>
    <t>Salma Bagum</t>
  </si>
  <si>
    <t>31399</t>
  </si>
  <si>
    <t>GPS FAZAL PURA</t>
  </si>
  <si>
    <t>Manoo Abad</t>
  </si>
  <si>
    <t>Fazal Pura</t>
  </si>
  <si>
    <t>Fozia Tabasum</t>
  </si>
  <si>
    <t>14986</t>
  </si>
  <si>
    <t>GPS CHAK NO.13/BC</t>
  </si>
  <si>
    <t>Chak 13/BC</t>
  </si>
  <si>
    <t>Chak No. 13/BC p/o Same Tehsil BWP Saddar District Bahawalpur</t>
  </si>
  <si>
    <t>GGES 313/WB</t>
  </si>
  <si>
    <t>313wb</t>
  </si>
  <si>
    <t>chak no 313 wb</t>
  </si>
  <si>
    <t>313 WB</t>
  </si>
  <si>
    <t>Sultan Arub Qatal</t>
  </si>
  <si>
    <t>5481</t>
  </si>
  <si>
    <t>28939</t>
  </si>
  <si>
    <t>GGPS KOT IQBAL HUSSAIN</t>
  </si>
  <si>
    <t>ladi</t>
  </si>
  <si>
    <t>kot iiqbal hussain</t>
  </si>
  <si>
    <t>kot iqbal hussain</t>
  </si>
  <si>
    <t>saresar hithar</t>
  </si>
  <si>
    <t>shazia perveen</t>
  </si>
  <si>
    <t>17751</t>
  </si>
  <si>
    <t>24030</t>
  </si>
  <si>
    <t>GMPS SALL</t>
  </si>
  <si>
    <t>Sall</t>
  </si>
  <si>
    <t>government model primary school sall</t>
  </si>
  <si>
    <t>SALL</t>
  </si>
  <si>
    <t>Alomahar</t>
  </si>
  <si>
    <t>SHAMIM KAUSAR</t>
  </si>
  <si>
    <t>GGPS AZIZ KHAN KORAI</t>
  </si>
  <si>
    <t>basti korai moza bair band jatoi m garah</t>
  </si>
  <si>
    <t>Basti Korai</t>
  </si>
  <si>
    <t>Syeda Rubab BiBi</t>
  </si>
  <si>
    <t>GPS PADHRALI</t>
  </si>
  <si>
    <t>Teen Pura</t>
  </si>
  <si>
    <t>village Padhrali P.O. &amp;Teh. Dina District Jhelum</t>
  </si>
  <si>
    <t>Padhrali</t>
  </si>
  <si>
    <t>Shahid Rehman</t>
  </si>
  <si>
    <t>GES CHAK NO 222 JB</t>
  </si>
  <si>
    <t>Chak No.222/jb Teh. Bhowana Distt.Chiniot</t>
  </si>
  <si>
    <t>Chak No 222/jb</t>
  </si>
  <si>
    <t>Arbaian</t>
  </si>
  <si>
    <t>GPS BUKHAR WALA</t>
  </si>
  <si>
    <t>chah bhakher wala</t>
  </si>
  <si>
    <t>BHAKHAR Wala</t>
  </si>
  <si>
    <t>35146</t>
  </si>
  <si>
    <t>38884</t>
  </si>
  <si>
    <t>GGPS SURAG</t>
  </si>
  <si>
    <t>BARYAR - FEMALE</t>
  </si>
  <si>
    <t>surag salar p/o surag salar</t>
  </si>
  <si>
    <t>Surag Salar</t>
  </si>
  <si>
    <t>25760</t>
  </si>
  <si>
    <t>43343</t>
  </si>
  <si>
    <t>GPS DHOK BHATTIAN NO. 2</t>
  </si>
  <si>
    <t>Dhoke bhattian Jound</t>
  </si>
  <si>
    <t>GPS dhoke bhattian Jound p/o Chakumra</t>
  </si>
  <si>
    <t>Shazia Nawaz</t>
  </si>
  <si>
    <t>48222</t>
  </si>
  <si>
    <t>29528</t>
  </si>
  <si>
    <t>GGPS CHAK NO. 178/M A</t>
  </si>
  <si>
    <t>CTN -IX-FEMALE</t>
  </si>
  <si>
    <t>chak no178m</t>
  </si>
  <si>
    <t>178m</t>
  </si>
  <si>
    <t>177m</t>
  </si>
  <si>
    <t>42391</t>
  </si>
  <si>
    <t>GES ALAM ABAD</t>
  </si>
  <si>
    <t>Alam Abad</t>
  </si>
  <si>
    <t>village and po Alam Abad Tehsil gujar khan</t>
  </si>
  <si>
    <t>Muhammad Ahmer Awan</t>
  </si>
  <si>
    <t>19798</t>
  </si>
  <si>
    <t>GGHS QASIMKA</t>
  </si>
  <si>
    <t>chak qasimka bwn</t>
  </si>
  <si>
    <t>Nabeela Yasmeen</t>
  </si>
  <si>
    <t>43151</t>
  </si>
  <si>
    <t>GHS DOREY</t>
  </si>
  <si>
    <t>Dorey</t>
  </si>
  <si>
    <t>Village &amp; P.O.:Dorey, Tehsil &amp; District Chakwal</t>
  </si>
  <si>
    <t>7494</t>
  </si>
  <si>
    <t>39871</t>
  </si>
  <si>
    <t>GGES PATHER GAR</t>
  </si>
  <si>
    <t>Babraki</t>
  </si>
  <si>
    <t>G G E.S.Pathar garh tehsil  Hassan abdal. District Attock</t>
  </si>
  <si>
    <t>Pathar Garh</t>
  </si>
  <si>
    <t>Farhana Zafar</t>
  </si>
  <si>
    <t>missile  motor</t>
  </si>
  <si>
    <t>39136</t>
  </si>
  <si>
    <t>13296</t>
  </si>
  <si>
    <t>GPS KHALID ABAD</t>
  </si>
  <si>
    <t>Hamzay Wali</t>
  </si>
  <si>
    <t>Basti Sheer khan Mouza Hamzay Wali Tehsil Jatoi Distt. M.Garh.</t>
  </si>
  <si>
    <t>Basti Shaer Khan</t>
  </si>
  <si>
    <t>Wains</t>
  </si>
  <si>
    <t>MUHAMMAD ISMAIL</t>
  </si>
  <si>
    <t>22810</t>
  </si>
  <si>
    <t>GMPS CHAK NO. 107/F</t>
  </si>
  <si>
    <t>107/F</t>
  </si>
  <si>
    <t>chak no.107/F chishtian</t>
  </si>
  <si>
    <t>Nasreen Akhtar Abdul Rasheed</t>
  </si>
  <si>
    <t>GGPS WAZIR PUR</t>
  </si>
  <si>
    <t>Wazirpur</t>
  </si>
  <si>
    <t>Village Wazirpur P.O Raja Ghuman</t>
  </si>
  <si>
    <t>Hiba Sadiq</t>
  </si>
  <si>
    <t>35335</t>
  </si>
  <si>
    <t>GGPS 443/EB BASTI AWANA BUREWALA</t>
  </si>
  <si>
    <t>GGPS.443/EB Basti Awan Burewala</t>
  </si>
  <si>
    <t>Zahida Tahira</t>
  </si>
  <si>
    <t>GPS DHENGAN</t>
  </si>
  <si>
    <t>Dhengan</t>
  </si>
  <si>
    <t>Village Dhengan Nazad Adda Qila Sattar Shah Tehsil Ferozewala Distt. Sheikhupura</t>
  </si>
  <si>
    <t>3585</t>
  </si>
  <si>
    <t>GGES CHAK NO.144/M</t>
  </si>
  <si>
    <t>DAHRAN WALA ROAD - FEMALE</t>
  </si>
  <si>
    <t>144M</t>
  </si>
  <si>
    <t>Chak 144/M, Tehsil Hasilpur</t>
  </si>
  <si>
    <t>144/M</t>
  </si>
  <si>
    <t>Chak 188/M</t>
  </si>
  <si>
    <t>Zunaira Yaqoob</t>
  </si>
  <si>
    <t>GPS KORA RONJHA</t>
  </si>
  <si>
    <t>kora ronjha</t>
  </si>
  <si>
    <t>post office noorpur noranga moza kora ronjha</t>
  </si>
  <si>
    <t>Noorpur noranga</t>
  </si>
  <si>
    <t>wahi hussain</t>
  </si>
  <si>
    <t>abdul mughees</t>
  </si>
  <si>
    <t>38842</t>
  </si>
  <si>
    <t>GPS DHOK MOCHIAN AKHORI</t>
  </si>
  <si>
    <t>Village Dhoke mochian P/O Akhori Tehsil &amp; District Attock</t>
  </si>
  <si>
    <t>GMPS SHARQI NO. 1 RAHWALI</t>
  </si>
  <si>
    <t>GMPS SHARQI NO.1 RAHWALI</t>
  </si>
  <si>
    <t>Talwandi Khajoor Wali</t>
  </si>
  <si>
    <t>Nabeela Bashir</t>
  </si>
  <si>
    <t>46330</t>
  </si>
  <si>
    <t>41183</t>
  </si>
  <si>
    <t>27219</t>
  </si>
  <si>
    <t>Village Shah Jamal</t>
  </si>
  <si>
    <t>43081</t>
  </si>
  <si>
    <t>GHS GHAZIAL</t>
  </si>
  <si>
    <t>Qasim Shahzad</t>
  </si>
  <si>
    <t>GPS CHAK NO.12/BC</t>
  </si>
  <si>
    <t>Chak No.12/BC Yazman road Bahawalpur</t>
  </si>
  <si>
    <t>Chak No.12/BC</t>
  </si>
  <si>
    <t>35641</t>
  </si>
  <si>
    <t>Katallahyar</t>
  </si>
  <si>
    <t>Basti maqsood abad</t>
  </si>
  <si>
    <t>Basti Maqsood Abad</t>
  </si>
  <si>
    <t>Nathaywala</t>
  </si>
  <si>
    <t>53020</t>
  </si>
  <si>
    <t>GPS RAKH THAKRA</t>
  </si>
  <si>
    <t>Rakh Thakra</t>
  </si>
  <si>
    <t>rakh thakra</t>
  </si>
  <si>
    <t>Thatha Ahmad Yar</t>
  </si>
  <si>
    <t>Mohib Ali Utar</t>
  </si>
  <si>
    <t>Arslan Haider</t>
  </si>
  <si>
    <t>44419</t>
  </si>
  <si>
    <t>GPS CHANDA</t>
  </si>
  <si>
    <t>Chanda</t>
  </si>
  <si>
    <t>chanda  po  chheena  bhakkar</t>
  </si>
  <si>
    <t>Mullanwali</t>
  </si>
  <si>
    <t>Gul Hassan</t>
  </si>
  <si>
    <t>9723</t>
  </si>
  <si>
    <t>GGPS CHAK NO 298 TDA</t>
  </si>
  <si>
    <t>ch#298 tda p/o fateh pur tehsil choubara layyah</t>
  </si>
  <si>
    <t>Chk 298 Tda</t>
  </si>
  <si>
    <t>Afshan Anwar</t>
  </si>
  <si>
    <t>31213</t>
  </si>
  <si>
    <t>GGPS MEHBOOB COLONY</t>
  </si>
  <si>
    <t>Mahboob Colony</t>
  </si>
  <si>
    <t>GGPS Mahboob Colony Ctn</t>
  </si>
  <si>
    <t>Tahira Fazeelat</t>
  </si>
  <si>
    <t>51864</t>
  </si>
  <si>
    <t>GPS 17 EB</t>
  </si>
  <si>
    <t>ChakNo17 EB</t>
  </si>
  <si>
    <t>CHAK NO.17/EB TEHSIL ARIFWALA DISTRICT PAKPATTAN</t>
  </si>
  <si>
    <t>Chak 17 Eb</t>
  </si>
  <si>
    <t>13 EB</t>
  </si>
  <si>
    <t>18549</t>
  </si>
  <si>
    <t>GG CMES CHAK 90 JB THROO</t>
  </si>
  <si>
    <t>DARA PUR FEMALE</t>
  </si>
  <si>
    <t>Chak 90 JB I</t>
  </si>
  <si>
    <t>chak no 90 jb throo</t>
  </si>
  <si>
    <t>chak no 93 jb</t>
  </si>
  <si>
    <t>Bushra Razaaq</t>
  </si>
  <si>
    <t>54576</t>
  </si>
  <si>
    <t>GPS KOT QASIM</t>
  </si>
  <si>
    <t>Kot Qasim</t>
  </si>
  <si>
    <t>kot Qasim Tehsil Hafizabad District Hafizabad</t>
  </si>
  <si>
    <t>GGPS CHAK NO.180/M</t>
  </si>
  <si>
    <t>180/m</t>
  </si>
  <si>
    <t>G G p/s180/m p/o 179/m tehsil Hasilpur District B W P</t>
  </si>
  <si>
    <t>Ghazala imtiaz</t>
  </si>
  <si>
    <t>GOVT. SALMAN SHAHEED HIGH SCHOOL IMAMIA COLONY FEROZWALA</t>
  </si>
  <si>
    <t>MAIN G T ROAD IMAMIA COLONY</t>
  </si>
  <si>
    <t>imamia colony</t>
  </si>
  <si>
    <t>MUHAMMAD FAYYAZ</t>
  </si>
  <si>
    <t>GES JHAND MEHLO</t>
  </si>
  <si>
    <t>Jand Mehlu P.O. Jand Mehlu Teh.Gujar khan Rawalpindi</t>
  </si>
  <si>
    <t>Nasir Saeed</t>
  </si>
  <si>
    <t>46224</t>
  </si>
  <si>
    <t>46903</t>
  </si>
  <si>
    <t>29359</t>
  </si>
  <si>
    <t>GGPS WANDHA MANJI TANI KHEL</t>
  </si>
  <si>
    <t>KAMAR MUSHANI NO.4-FEMALE</t>
  </si>
  <si>
    <t>Ggps majani tani khel kamar musjani mianwali</t>
  </si>
  <si>
    <t>Wandha Majani</t>
  </si>
  <si>
    <t>Kaneezan Bibi</t>
  </si>
  <si>
    <t>23545</t>
  </si>
  <si>
    <t>34902</t>
  </si>
  <si>
    <t>GGPS CHAK NO. 79/M</t>
  </si>
  <si>
    <t>Chak 79/M</t>
  </si>
  <si>
    <t>Government Girls primary school chak 79/M Tehsil jalal Pur Pir wala</t>
  </si>
  <si>
    <t>Miami Pur Belay Wala</t>
  </si>
  <si>
    <t>Azra Tasneem</t>
  </si>
  <si>
    <t>44073</t>
  </si>
  <si>
    <t>GGHSS DALWAL</t>
  </si>
  <si>
    <t>GGHSS Dalwal Tehsil Choa Saiden Shah Dist Chakwal</t>
  </si>
  <si>
    <t>Shamim Fatima</t>
  </si>
  <si>
    <t>265387</t>
  </si>
  <si>
    <t>GGHS BEHBOODI</t>
  </si>
  <si>
    <t>BEHBOODI</t>
  </si>
  <si>
    <t>GGHS BEHBOODI NEAR SHAKIR SHAHEED CHOWK BEHBOODI VILLAGE</t>
  </si>
  <si>
    <t>BEHBOODI VILLAGE</t>
  </si>
  <si>
    <t>MALAK MALA</t>
  </si>
  <si>
    <t>SAIMA GUL</t>
  </si>
  <si>
    <t>19601</t>
  </si>
  <si>
    <t>30026</t>
  </si>
  <si>
    <t>48559</t>
  </si>
  <si>
    <t>GGPS CHAK NO.3 SB</t>
  </si>
  <si>
    <t>3sb</t>
  </si>
  <si>
    <t>Abdaal</t>
  </si>
  <si>
    <t>Amna Mehmood</t>
  </si>
  <si>
    <t>54760</t>
  </si>
  <si>
    <t>32287</t>
  </si>
  <si>
    <t>42847</t>
  </si>
  <si>
    <t>GPS PURANA BAGHPUR</t>
  </si>
  <si>
    <t>Puran Bhagpur</t>
  </si>
  <si>
    <t>purana bhagpur gujar khan</t>
  </si>
  <si>
    <t>Purana Bhaglur</t>
  </si>
  <si>
    <t>15731</t>
  </si>
  <si>
    <t>31405</t>
  </si>
  <si>
    <t>GPS KOT NABI BAKHSH</t>
  </si>
  <si>
    <t>Kot Nabi Buksh</t>
  </si>
  <si>
    <t>GPS kot nabi buksh majeed colony wandala road feeozwala distrect skp</t>
  </si>
  <si>
    <t>Majeed Colony</t>
  </si>
  <si>
    <t>Wandala Dyal Shah</t>
  </si>
  <si>
    <t>Aleem ahmad</t>
  </si>
  <si>
    <t>34311</t>
  </si>
  <si>
    <t>48987</t>
  </si>
  <si>
    <t>2514</t>
  </si>
  <si>
    <t>20709</t>
  </si>
  <si>
    <t>GGES KOT SHAHAN</t>
  </si>
  <si>
    <t>gges kot shahan</t>
  </si>
  <si>
    <t>kot shahan</t>
  </si>
  <si>
    <t>lohianwala</t>
  </si>
  <si>
    <t>Misbah Kiran</t>
  </si>
  <si>
    <t>49240</t>
  </si>
  <si>
    <t>32708</t>
  </si>
  <si>
    <t>GPS DINGA KORAI</t>
  </si>
  <si>
    <t>DINGA KORAI</t>
  </si>
  <si>
    <t>KOTLA GAMOON</t>
  </si>
  <si>
    <t>Syed Mushtaq Ahmad</t>
  </si>
  <si>
    <t>19977</t>
  </si>
  <si>
    <t>GPS CHAK NO 146 JB</t>
  </si>
  <si>
    <t>chak no 146 jb</t>
  </si>
  <si>
    <t>Chak 146</t>
  </si>
  <si>
    <t>Chak No 146</t>
  </si>
  <si>
    <t>Ghulam Jafar</t>
  </si>
  <si>
    <t>41601</t>
  </si>
  <si>
    <t>23059</t>
  </si>
  <si>
    <t>22721</t>
  </si>
  <si>
    <t>GPS WALI DAD, P/O HAJI PUR, KABIRWALA</t>
  </si>
  <si>
    <t>Chan sarwar wala mauza chak walidad</t>
  </si>
  <si>
    <t>Rashid Mahmood Khalid</t>
  </si>
  <si>
    <t>30099</t>
  </si>
  <si>
    <t>GMPS KALALI</t>
  </si>
  <si>
    <t>kalali</t>
  </si>
  <si>
    <t>Chak kalali Tehsil Arifwala District Pakpattan</t>
  </si>
  <si>
    <t>Chak Shafi</t>
  </si>
  <si>
    <t>11197</t>
  </si>
  <si>
    <t>GMPS CHAK NO. 104/F</t>
  </si>
  <si>
    <t>Chack104/F</t>
  </si>
  <si>
    <t>GMPS 104/F</t>
  </si>
  <si>
    <t>Chack 104/F</t>
  </si>
  <si>
    <t>Farzana Akram</t>
  </si>
  <si>
    <t>28724</t>
  </si>
  <si>
    <t>GPS THEENG KHATRIAN</t>
  </si>
  <si>
    <t>Theeng Khatrian</t>
  </si>
  <si>
    <t>theeng khatrian tehsil Chunian</t>
  </si>
  <si>
    <t>Arzanipur</t>
  </si>
  <si>
    <t>13715</t>
  </si>
  <si>
    <t>27571</t>
  </si>
  <si>
    <t>44629</t>
  </si>
  <si>
    <t>50604</t>
  </si>
  <si>
    <t>GGES 32-35/14-L</t>
  </si>
  <si>
    <t>32-35/14-L</t>
  </si>
  <si>
    <t>Chak no 32-35/14-L Tehsil Chichawatni district Sahiwal</t>
  </si>
  <si>
    <t>31/14-L</t>
  </si>
  <si>
    <t>Sumera Gul</t>
  </si>
  <si>
    <t>hand pump+electric pump</t>
  </si>
  <si>
    <t>48220</t>
  </si>
  <si>
    <t>18714</t>
  </si>
  <si>
    <t>GMPS CHAK 278 JB II</t>
  </si>
  <si>
    <t>Chak Mhr</t>
  </si>
  <si>
    <t>chk mhra</t>
  </si>
  <si>
    <t>278jb II Chak Mhra</t>
  </si>
  <si>
    <t>278/JB I Usman Cot</t>
  </si>
  <si>
    <t>52697</t>
  </si>
  <si>
    <t>GPS MODEL BASTI GULANI</t>
  </si>
  <si>
    <t>Wahi Hussain</t>
  </si>
  <si>
    <t>GMPS basti gullani</t>
  </si>
  <si>
    <t>Saima Waheed</t>
  </si>
  <si>
    <t>GES CHAK 440/6-R EAST</t>
  </si>
  <si>
    <t>GES  Chak 440/6-R Tehsil Haroon Abad</t>
  </si>
  <si>
    <t>Chak 440/6-R</t>
  </si>
  <si>
    <t>438/6-R</t>
  </si>
  <si>
    <t>abdul qayyum</t>
  </si>
  <si>
    <t>44429</t>
  </si>
  <si>
    <t>GPS HOTAN WALA</t>
  </si>
  <si>
    <t>Kotla Jam Nshaib</t>
  </si>
  <si>
    <t>Basti Hotanwali kotla jam nashaib</t>
  </si>
  <si>
    <t>Hotanwala</t>
  </si>
  <si>
    <t>Dollat Wala</t>
  </si>
  <si>
    <t>Arif Mehmood Qazi</t>
  </si>
  <si>
    <t>GGHSS CHAK 103 JB CHAK JHUMRA</t>
  </si>
  <si>
    <t>103jb</t>
  </si>
  <si>
    <t>gghss103jb</t>
  </si>
  <si>
    <t>Brnala</t>
  </si>
  <si>
    <t>SHAMSHAD RUBANA</t>
  </si>
  <si>
    <t>in tank</t>
  </si>
  <si>
    <t>42479</t>
  </si>
  <si>
    <t>GPS JHAMATH</t>
  </si>
  <si>
    <t>Jhammath</t>
  </si>
  <si>
    <t>jhammath \ Gujar Khan\  Rawalpindi</t>
  </si>
  <si>
    <t>23113</t>
  </si>
  <si>
    <t>40093</t>
  </si>
  <si>
    <t>GES KANTRELI</t>
  </si>
  <si>
    <t>Kantrili</t>
  </si>
  <si>
    <t>Kantrili Jhelum</t>
  </si>
  <si>
    <t>ZAFAR IQBAL HASHMI</t>
  </si>
  <si>
    <t>30043</t>
  </si>
  <si>
    <t>46107</t>
  </si>
  <si>
    <t>52548</t>
  </si>
  <si>
    <t>GPS PIPLY MEHTAB RAI</t>
  </si>
  <si>
    <t>Pipli Mehtab Ray</t>
  </si>
  <si>
    <t>GPS pipli mehtab ray</t>
  </si>
  <si>
    <t>Sumandri 42/sp</t>
  </si>
  <si>
    <t>KARAM DIN</t>
  </si>
  <si>
    <t>10048</t>
  </si>
  <si>
    <t>44256</t>
  </si>
  <si>
    <t>GPS RANSIAL</t>
  </si>
  <si>
    <t>Ransial</t>
  </si>
  <si>
    <t>VPO Ransial TEHSIL Kallar Kahar DISTT Chakwal</t>
  </si>
  <si>
    <t>Salma Rashid</t>
  </si>
  <si>
    <t>42872</t>
  </si>
  <si>
    <t>GGHS DOBERAN KALAN</t>
  </si>
  <si>
    <t>doberan kallan</t>
  </si>
  <si>
    <t>vpo doberan kallan Tehsil Kallar syedan district rawalpindi</t>
  </si>
  <si>
    <t>irsa yaqoob</t>
  </si>
  <si>
    <t>47468</t>
  </si>
  <si>
    <t>GES THILL HAMLET</t>
  </si>
  <si>
    <t>Sultan pur</t>
  </si>
  <si>
    <t>Sultan pur mangla cantt dina distt jhelum</t>
  </si>
  <si>
    <t>31490</t>
  </si>
  <si>
    <t>44083</t>
  </si>
  <si>
    <t>GHS DALELPUR</t>
  </si>
  <si>
    <t>Dalail Pur</t>
  </si>
  <si>
    <t>GHS Dalail Pur tehsil Choa SaidenShah Distt chakwal</t>
  </si>
  <si>
    <t>Sultan Mumtaz</t>
  </si>
  <si>
    <t>14514</t>
  </si>
  <si>
    <t>GPS DARGHA E IQBAL MUZAFAR COLONY FSD</t>
  </si>
  <si>
    <t>street # 12 Muzaffar Colony Faisalabad</t>
  </si>
  <si>
    <t>Tahir hamid</t>
  </si>
  <si>
    <t>From  filter plant</t>
  </si>
  <si>
    <t>45377</t>
  </si>
  <si>
    <t>6453</t>
  </si>
  <si>
    <t>34869</t>
  </si>
  <si>
    <t>GGPS NOOR-UL-ISLAM JALALPUR PIRWALA</t>
  </si>
  <si>
    <t>Basti lang permat road lodhran jalal pur pir wala</t>
  </si>
  <si>
    <t>Basti Lang</t>
  </si>
  <si>
    <t>54709</t>
  </si>
  <si>
    <t>GPS KUND</t>
  </si>
  <si>
    <t>village kund tehsil kahuta district rawalpindi</t>
  </si>
  <si>
    <t>3598</t>
  </si>
  <si>
    <t>GGES CHAK NO.154/M</t>
  </si>
  <si>
    <t>CHACK 154/M</t>
  </si>
  <si>
    <t>CHACK163/M</t>
  </si>
  <si>
    <t>Shamaila ahmad</t>
  </si>
  <si>
    <t>4163</t>
  </si>
  <si>
    <t>GGPS MC NO. 2 HAFIZABAD</t>
  </si>
  <si>
    <t>Teacher Colony Hfd</t>
  </si>
  <si>
    <t>hafizabad Street no 2 malik Aslam wali</t>
  </si>
  <si>
    <t>Huma Ijaz</t>
  </si>
  <si>
    <t>48080</t>
  </si>
  <si>
    <t>44826</t>
  </si>
  <si>
    <t>31670</t>
  </si>
  <si>
    <t>23898</t>
  </si>
  <si>
    <t>GGPS KOT GHUMAN</t>
  </si>
  <si>
    <t>Kot Ghumman</t>
  </si>
  <si>
    <t>Kot Ghumman P/O jamkey cheema Daska Sialkot</t>
  </si>
  <si>
    <t>16277</t>
  </si>
  <si>
    <t>51413</t>
  </si>
  <si>
    <t>39935</t>
  </si>
  <si>
    <t>GGES KOT KAY</t>
  </si>
  <si>
    <t>G.g.E.s kotkayteh hazro distt Attock</t>
  </si>
  <si>
    <t>Sadiq Sultana</t>
  </si>
  <si>
    <t>47471</t>
  </si>
  <si>
    <t>45120</t>
  </si>
  <si>
    <t>28834</t>
  </si>
  <si>
    <t>GPS SHABAR</t>
  </si>
  <si>
    <t>Chabbar</t>
  </si>
  <si>
    <t>chabbar p/o kangun pur</t>
  </si>
  <si>
    <t>9596</t>
  </si>
  <si>
    <t>GGPS THUL ALI MUHAMMAD NO 2</t>
  </si>
  <si>
    <t>thul ali muhammad</t>
  </si>
  <si>
    <t>Tibi Lundon</t>
  </si>
  <si>
    <t>43142</t>
  </si>
  <si>
    <t>ghs no2 dhudial</t>
  </si>
  <si>
    <t>ARSHAD MEHMOOD</t>
  </si>
  <si>
    <t>44352</t>
  </si>
  <si>
    <t>46742</t>
  </si>
  <si>
    <t>GPS CHUGHLAN</t>
  </si>
  <si>
    <t>Kuch Tunder khel</t>
  </si>
  <si>
    <t>P/O, KALA BAGH R/O KUCH TUNDER KHEL TEHSIL ISA KHEL DISTT MIANWALI</t>
  </si>
  <si>
    <t>Chughlan</t>
  </si>
  <si>
    <t>Kot chandna</t>
  </si>
  <si>
    <t>Niaz Muhammad</t>
  </si>
  <si>
    <t>52558</t>
  </si>
  <si>
    <t>GPS MAHANT DARSHAN</t>
  </si>
  <si>
    <t>Mahanat Darshan</t>
  </si>
  <si>
    <t>munawar shaheed colony haveli lakha</t>
  </si>
  <si>
    <t>Ajmal Rasool</t>
  </si>
  <si>
    <t>39828</t>
  </si>
  <si>
    <t>GHS SHAHIA</t>
  </si>
  <si>
    <t>SHAHIA</t>
  </si>
  <si>
    <t>VILLAGE &amp; POST OFFICE SHAHIA TEHSIL HASSAN ABDAL DISTRICT ATTOCK</t>
  </si>
  <si>
    <t>SULTAN PUR</t>
  </si>
  <si>
    <t>SYED ATIQ UR REHMAN GILANI</t>
  </si>
  <si>
    <t>GPS AJMAL ABAD (BASTI HAZOORA)</t>
  </si>
  <si>
    <t>Atar Singh Sani</t>
  </si>
  <si>
    <t>Basti Hazoora Bahawalnagar</t>
  </si>
  <si>
    <t>Basti Hazoora</t>
  </si>
  <si>
    <t>GPS CHAK NO. 21/3-R</t>
  </si>
  <si>
    <t>Chak No 21/3R</t>
  </si>
  <si>
    <t>Chak No. 21/3.R Haroonabad</t>
  </si>
  <si>
    <t>Muhammad Faran</t>
  </si>
  <si>
    <t>24369</t>
  </si>
  <si>
    <t>GPS MUFTIAN</t>
  </si>
  <si>
    <t>Muftian Post office Dina Tehsil Dina District Jhelum</t>
  </si>
  <si>
    <t>Akhlaq Ahmed</t>
  </si>
  <si>
    <t>13557</t>
  </si>
  <si>
    <t>GPS MUKHTAR ABAD</t>
  </si>
  <si>
    <t>BASTI RAAN MAOZA BUKHARA</t>
  </si>
  <si>
    <t>BASTI RAAN</t>
  </si>
  <si>
    <t>Muhammad Aftab Khalid</t>
  </si>
  <si>
    <t>5416</t>
  </si>
  <si>
    <t>37896</t>
  </si>
  <si>
    <t>GMPS 116/10-R JADEED, JAHANIAN</t>
  </si>
  <si>
    <t>114/10-R - FEMALE</t>
  </si>
  <si>
    <t>jahanian</t>
  </si>
  <si>
    <t>chak no 116.10r jadeed tahseil jahania distt khanewal</t>
  </si>
  <si>
    <t>11610R  new</t>
  </si>
  <si>
    <t>140/10R</t>
  </si>
  <si>
    <t>Hafiza Muzmil Ruba</t>
  </si>
  <si>
    <t>42502</t>
  </si>
  <si>
    <t>GPS ROUNGTAY</t>
  </si>
  <si>
    <t>Rumat</t>
  </si>
  <si>
    <t>village tonight P/O Jand Mehlu</t>
  </si>
  <si>
    <t>Rounghty</t>
  </si>
  <si>
    <t>39772</t>
  </si>
  <si>
    <t>GES SAGHRI NO.01</t>
  </si>
  <si>
    <t>vpo saghri tehsil jand district attock GES No1 saghri</t>
  </si>
  <si>
    <t>6445</t>
  </si>
  <si>
    <t>35215</t>
  </si>
  <si>
    <t>53387</t>
  </si>
  <si>
    <t>GPS CHAK NO.193/EB</t>
  </si>
  <si>
    <t>Chak No 193/EB</t>
  </si>
  <si>
    <t>chak no. 193/EB tehsil burewala district vehari</t>
  </si>
  <si>
    <t>MUHAMMAD AHMED AFZAL</t>
  </si>
  <si>
    <t>39732</t>
  </si>
  <si>
    <t>GGPS AHMAD WALA MOUZA SHAHPUR UBBAH TEH.SHUJABAD</t>
  </si>
  <si>
    <t>SIKANDARABAD - FEMALE</t>
  </si>
  <si>
    <t>SHAH PUR UBBAH</t>
  </si>
  <si>
    <t>CHAH AHMD WALA</t>
  </si>
  <si>
    <t>SHAH PUR UBBHA</t>
  </si>
  <si>
    <t>MUHAMMAD TAYAB SABIR</t>
  </si>
  <si>
    <t>PSSP School</t>
  </si>
  <si>
    <t>GGPS JHANDEER WAH</t>
  </si>
  <si>
    <t>JHANDEER WAH</t>
  </si>
  <si>
    <t>JHANDIR WAH</t>
  </si>
  <si>
    <t>GGPS MANIALA</t>
  </si>
  <si>
    <t>MANIALA</t>
  </si>
  <si>
    <t>KHANAN WALI</t>
  </si>
  <si>
    <t>SALMA YASMIN</t>
  </si>
  <si>
    <t>GGPS CHAK 139/P (A) (PSSP)</t>
  </si>
  <si>
    <t>136/P-FEMALE</t>
  </si>
  <si>
    <t>CHAK 131/9</t>
  </si>
  <si>
    <t>FATIMA SHAHZADI</t>
  </si>
  <si>
    <t>GGPS SHIKRANI</t>
  </si>
  <si>
    <t>TIBBI ARAIN</t>
  </si>
  <si>
    <t>LAAL WALA</t>
  </si>
  <si>
    <t>BAZ WALA</t>
  </si>
  <si>
    <t>SHAZIA RASOOL</t>
  </si>
  <si>
    <t>07</t>
  </si>
  <si>
    <t>GGPS MALIK WALA</t>
  </si>
  <si>
    <t>DUNYA PUR WEST</t>
  </si>
  <si>
    <t>MALIK WALA</t>
  </si>
  <si>
    <t>SHARISH RIAZ</t>
  </si>
  <si>
    <t>GPS DHAKA</t>
  </si>
  <si>
    <t>SEET PUR-III- MALE</t>
  </si>
  <si>
    <t>DHACKA</t>
  </si>
  <si>
    <t>BASTI ALLAH BAKSH</t>
  </si>
  <si>
    <t>KHANGARH DOMA</t>
  </si>
  <si>
    <t>GGPS ALI KHEL NO 2</t>
  </si>
  <si>
    <t>GHULAMAN</t>
  </si>
  <si>
    <t>RURAL JANDANWALA</t>
  </si>
  <si>
    <t>TARIQ AZIZ KHAN</t>
  </si>
  <si>
    <t>GGPS TIBBI SIKHWAN</t>
  </si>
  <si>
    <t>TIBBI SIKHWAN</t>
  </si>
  <si>
    <t>CHAK MANJOO</t>
  </si>
  <si>
    <t>ASIM ASHFAQ</t>
  </si>
  <si>
    <t>GPS UPPAL SANSI</t>
  </si>
  <si>
    <t>UPPAL SANSI</t>
  </si>
  <si>
    <t>KOTLI NAWAB</t>
  </si>
  <si>
    <t>MADEEHA MAQBOOL</t>
  </si>
  <si>
    <t>01</t>
  </si>
  <si>
    <t>GGPS CHAK 350/WB</t>
  </si>
  <si>
    <t>CHAK 350/WB</t>
  </si>
  <si>
    <t>MIAN PUR</t>
  </si>
  <si>
    <t>CHAK 355/WB</t>
  </si>
  <si>
    <t>QAVI AHMAD</t>
  </si>
  <si>
    <t>GGPS DERA PEENIAN (PSSP)</t>
  </si>
  <si>
    <t>KACHA-FEMALE</t>
  </si>
  <si>
    <t>WAH ATHTTA</t>
  </si>
  <si>
    <t>DERA PENIAN</t>
  </si>
  <si>
    <t>RASHIDA AFZAL</t>
  </si>
  <si>
    <t>GMPS CHOUDO</t>
  </si>
  <si>
    <t>CHOUDO</t>
  </si>
  <si>
    <t>kharian III</t>
  </si>
  <si>
    <t>PANJAN KASANA</t>
  </si>
  <si>
    <t>rukhsana naz</t>
  </si>
  <si>
    <t>GPS RAJAY WALA</t>
  </si>
  <si>
    <t>KOTLI NAWAB - MAL</t>
  </si>
  <si>
    <t>RANWALA</t>
  </si>
  <si>
    <t>RAJAY WALA</t>
  </si>
  <si>
    <t>SAMINA ANWAR</t>
  </si>
  <si>
    <t>GGPS KOT HAJI</t>
  </si>
  <si>
    <t>KOT HAJI</t>
  </si>
  <si>
    <t>LADHA BOHAR</t>
  </si>
  <si>
    <t>KHALIDA BIBI</t>
  </si>
  <si>
    <t>GGPS CHAK NO.104/P (PSSP)</t>
  </si>
  <si>
    <t>PATAN MANARA</t>
  </si>
  <si>
    <t>Chak No. 104/P</t>
  </si>
  <si>
    <t>ASMA PERVEEN</t>
  </si>
  <si>
    <t>GPS MANGA VIRKAN</t>
  </si>
  <si>
    <t>MANGA VIRKAN</t>
  </si>
  <si>
    <t>JATRI KOHNA</t>
  </si>
  <si>
    <t>SANAM MEHNAZ</t>
  </si>
  <si>
    <t>36630378</t>
  </si>
  <si>
    <t>GPS CHAK NO 25/M</t>
  </si>
  <si>
    <t>CHAK 25/M</t>
  </si>
  <si>
    <t>CHAK 35/M</t>
  </si>
  <si>
    <t>ABDULLAH JAN</t>
  </si>
  <si>
    <t>GPS SHERO KANA</t>
  </si>
  <si>
    <t>SHERO KANA</t>
  </si>
  <si>
    <t>IRUM RAHEEM</t>
  </si>
  <si>
    <t>GPS 161/9-L</t>
  </si>
  <si>
    <t>BANGLA SHER WALA - MALE</t>
  </si>
  <si>
    <t>CHAK NO.161/9-L</t>
  </si>
  <si>
    <t>161/9-L</t>
  </si>
  <si>
    <t>SAKEENA BIBI</t>
  </si>
  <si>
    <t>GPS BASTI MARLA SAKEEM</t>
  </si>
  <si>
    <t>KATH - MALE</t>
  </si>
  <si>
    <t>DOGAR WAGHARA SHARKI</t>
  </si>
  <si>
    <t>MANSOOR ALAM SAHA</t>
  </si>
  <si>
    <t>GGPS QAZI WALA QURESHIAN</t>
  </si>
  <si>
    <t>BAHAWALNAGAR-X - FEMALE</t>
  </si>
  <si>
    <t>QAZI WALA QURESHIAN</t>
  </si>
  <si>
    <t>Muqaddas Saleem</t>
  </si>
  <si>
    <t>GPS SUCHA SAUDA</t>
  </si>
  <si>
    <t>SUCHA SODA</t>
  </si>
  <si>
    <t>SUCHA SAUDA</t>
  </si>
  <si>
    <t>SACHA SODA</t>
  </si>
  <si>
    <t>GPS THEH ROSA</t>
  </si>
  <si>
    <t>THEH ROSA</t>
  </si>
  <si>
    <t>RAM THAMAN</t>
  </si>
  <si>
    <t>AZRA RASHID</t>
  </si>
  <si>
    <t>GPS PULL ODAN WALI</t>
  </si>
  <si>
    <t>CHAK 386/WB</t>
  </si>
  <si>
    <t>PULL ODAN WALI</t>
  </si>
  <si>
    <t>BASHARAT FATIMA</t>
  </si>
  <si>
    <t>GGPS 561 GB II</t>
  </si>
  <si>
    <t>DATA NAGAR</t>
  </si>
  <si>
    <t>8 CHAK</t>
  </si>
  <si>
    <t>AFIFA ABBAS</t>
  </si>
  <si>
    <t>09</t>
  </si>
  <si>
    <t>GGPS KOT MANAN WALA</t>
  </si>
  <si>
    <t>MANAN WAL</t>
  </si>
  <si>
    <t>RAJA JANG BAROON</t>
  </si>
  <si>
    <t>AZRA NASIR</t>
  </si>
  <si>
    <t>GGPS MOHIB WALA</t>
  </si>
  <si>
    <t>PIRHAR SHARQI</t>
  </si>
  <si>
    <t>HALA</t>
  </si>
  <si>
    <t>KOT ADU-II</t>
  </si>
  <si>
    <t>SAIRA NAZ</t>
  </si>
  <si>
    <t>GPS THARRA</t>
  </si>
  <si>
    <t>THARRA</t>
  </si>
  <si>
    <t>WAN RADHA RAAM</t>
  </si>
  <si>
    <t>NAHEED FATIMA</t>
  </si>
  <si>
    <t>GPS 432 GB</t>
  </si>
  <si>
    <t>432 GB</t>
  </si>
  <si>
    <t>GANJAR</t>
  </si>
  <si>
    <t>434/GB</t>
  </si>
  <si>
    <t>GGPS MEERAN WALI</t>
  </si>
  <si>
    <t>SHADI KHAN MUNDA- FEMALE</t>
  </si>
  <si>
    <t>SHADI KHAN MUNDA</t>
  </si>
  <si>
    <t>GGPS MALIK MUBARIZ WALA</t>
  </si>
  <si>
    <t>CHAK NO.183 TDA</t>
  </si>
  <si>
    <t>MUBRAIZ WALA</t>
  </si>
  <si>
    <t>DAGAR REHTAS</t>
  </si>
  <si>
    <t>MUHAMMAD ZUBAIR AKRAM</t>
  </si>
  <si>
    <t>GPS 277 GB</t>
  </si>
  <si>
    <t>NAI WALA</t>
  </si>
  <si>
    <t>YASMIN NOSHER</t>
  </si>
  <si>
    <t>GGPS DERA GUJRAN</t>
  </si>
  <si>
    <t>DERA GUJRA</t>
  </si>
  <si>
    <t>DERA GUJRAN</t>
  </si>
  <si>
    <t>MADIHA ASGHAR</t>
  </si>
  <si>
    <t>GPS KANI VIRD 2</t>
  </si>
  <si>
    <t>KANI VIRD 2</t>
  </si>
  <si>
    <t>AWAN CHAK NO.39</t>
  </si>
  <si>
    <t>SAJIDA ISMAIL</t>
  </si>
  <si>
    <t>GGPS CHAK NO. 14/FW PAJARA WALA</t>
  </si>
  <si>
    <t>CHISHTIAN-XIII - FEMALE</t>
  </si>
  <si>
    <t>14/FW</t>
  </si>
  <si>
    <t>Chak No 10/FW</t>
  </si>
  <si>
    <t>Maria Tehseen</t>
  </si>
  <si>
    <t>GGPS SARAISAR CHAK NO. 21</t>
  </si>
  <si>
    <t>SARAISAR CHAK 21</t>
  </si>
  <si>
    <t>AWAN CHAK NO.23</t>
  </si>
  <si>
    <t>SAMIYA BUT</t>
  </si>
  <si>
    <t>GGPS MACHIAN WALI</t>
  </si>
  <si>
    <t>MACHIAN WALI</t>
  </si>
  <si>
    <t>TIBBI MACHAIAN WALI</t>
  </si>
  <si>
    <t>GHULAM SHABIR</t>
  </si>
  <si>
    <t>GMPS TUKRA AKUKA</t>
  </si>
  <si>
    <t>BAHAWALNAGAR-X - MALE</t>
  </si>
  <si>
    <t>SANTIKA</t>
  </si>
  <si>
    <t>AJMAL KOT</t>
  </si>
  <si>
    <t>GGPS WAJAY WALA</t>
  </si>
  <si>
    <t>JAMPUR (S) NO. 1 - FEMALE</t>
  </si>
  <si>
    <t>MUHAMMAD PURA NO 1</t>
  </si>
  <si>
    <t>BASTI BAKHU MALANA</t>
  </si>
  <si>
    <t>BUKHARA SHARIF</t>
  </si>
  <si>
    <t>NADIA NOREEN</t>
  </si>
  <si>
    <t>GPS CHAK 489 GB MAMUNKANJAN TANDLIANWALA</t>
  </si>
  <si>
    <t>LAHA</t>
  </si>
  <si>
    <t>489 GB</t>
  </si>
  <si>
    <t>490/GB</t>
  </si>
  <si>
    <t>RAZIA ASLAM</t>
  </si>
  <si>
    <t>GMPS ANOOLA</t>
  </si>
  <si>
    <t>ANOOLA</t>
  </si>
  <si>
    <t>CHAHR BAJWA</t>
  </si>
  <si>
    <t>NAFEESA MEHSAM</t>
  </si>
  <si>
    <t>GPS KOT TALIB</t>
  </si>
  <si>
    <t>KOT TALIB</t>
  </si>
  <si>
    <t>FARKHANDA HAMEED</t>
  </si>
  <si>
    <t>GGPS CHAK NO. 55/F BAKHSHAN KHAN</t>
  </si>
  <si>
    <t>CHISHTIAN-III - FEMALE</t>
  </si>
  <si>
    <t>CHAK 55 F</t>
  </si>
  <si>
    <t>Shaan Tul Mafia</t>
  </si>
  <si>
    <t>GGPS AKUKA OUTAR</t>
  </si>
  <si>
    <t>BAHAWALNAGAR-VI - FEMALE</t>
  </si>
  <si>
    <t>AKUKA</t>
  </si>
  <si>
    <t>GGPS MODEL CHAK BHULLAY</t>
  </si>
  <si>
    <t>CHAK BHULAIN</t>
  </si>
  <si>
    <t>CHAK BHULLAY</t>
  </si>
  <si>
    <t>KIRTO</t>
  </si>
  <si>
    <t>ZARTASHIA MEHAK</t>
  </si>
  <si>
    <t>GGPS SHOUKAT NAGAR</t>
  </si>
  <si>
    <t>DAJAL NO. 2 - FEMALE</t>
  </si>
  <si>
    <t>HAJI PUR</t>
  </si>
  <si>
    <t>FAREEHA RIAZ</t>
  </si>
  <si>
    <t>GPS CHAK 507 GB MAMUNKNAJAN</t>
  </si>
  <si>
    <t>507/GB</t>
  </si>
  <si>
    <t>ZAHIDA PERVEEN</t>
  </si>
  <si>
    <t>GGPS SAIDAY WALI</t>
  </si>
  <si>
    <t>SAIDAY WALI</t>
  </si>
  <si>
    <t>GADGORE</t>
  </si>
  <si>
    <t>SALMA</t>
  </si>
  <si>
    <t>GPS CHAH MACHI WALA</t>
  </si>
  <si>
    <t>MUHAMMAD PUR (W) - MALE</t>
  </si>
  <si>
    <t>MOHAMMAD PUR NO. 2</t>
  </si>
  <si>
    <t>NAHAR WALA</t>
  </si>
  <si>
    <t>MOHSIN RAZA</t>
  </si>
  <si>
    <t>GPS DHOLAN WALA</t>
  </si>
  <si>
    <t>CHONI JUNBI NASHIB</t>
  </si>
  <si>
    <t>DHOLAN WALA</t>
  </si>
  <si>
    <t>NAILA NOREEN</t>
  </si>
  <si>
    <t>GGPS CHAK NO. 301 TDA</t>
  </si>
  <si>
    <t>JAMAL CHAPRI - FEMALE</t>
  </si>
  <si>
    <t>CHAK No 301/TDA</t>
  </si>
  <si>
    <t>CHAK NO. 301 TDA</t>
  </si>
  <si>
    <t>OLAKH THAL KALAN</t>
  </si>
  <si>
    <t>GGPS KOT HABIB SHAH NO.2 (PSSP)</t>
  </si>
  <si>
    <t>IQBAL ABAD-FEMALE</t>
  </si>
  <si>
    <t>KOT HABIB SHAH NO 2</t>
  </si>
  <si>
    <t>KOT HABIB SHAH</t>
  </si>
  <si>
    <t>AKRAM ABAD</t>
  </si>
  <si>
    <t>RAZIA AKRAM</t>
  </si>
  <si>
    <t>GPS 254/HL</t>
  </si>
  <si>
    <t>CHAK NO. 254/HL</t>
  </si>
  <si>
    <t>CHAK NO289/HR</t>
  </si>
  <si>
    <t>REHNA KAUSAR</t>
  </si>
  <si>
    <t>GPS KOT SOOFIAN</t>
  </si>
  <si>
    <t>KOT SOOFIAN</t>
  </si>
  <si>
    <t>BEHRWAL KALAN</t>
  </si>
  <si>
    <t>MARYIM NASEEM</t>
  </si>
  <si>
    <t>GPS HERDO SOHIL ARAIAN</t>
  </si>
  <si>
    <t>HERDO  SOHIL ARAIAN</t>
  </si>
  <si>
    <t>HERDO SOHIL ARAIAN</t>
  </si>
  <si>
    <t>BUSHRA FATEH MUHAMMAD</t>
  </si>
  <si>
    <t>GPS SEELRA MASSAN SHAH COLONY</t>
  </si>
  <si>
    <t>JAMPUR (H/Q) - MALE</t>
  </si>
  <si>
    <t>JAM PUR</t>
  </si>
  <si>
    <t>JAMPUR EAST</t>
  </si>
  <si>
    <t>GPS JHUGH KALAN (PSSP)</t>
  </si>
  <si>
    <t>JHUGH KALAN</t>
  </si>
  <si>
    <t>JUJH KALAN</t>
  </si>
  <si>
    <t>JHAJH KALAN</t>
  </si>
  <si>
    <t>BABAR ISLAM</t>
  </si>
  <si>
    <t>GPS CHAK NO. 191/7-R SHARQI</t>
  </si>
  <si>
    <t>FORT ABBAS-III - MALE</t>
  </si>
  <si>
    <t>CHAK NO.191 SHARQI</t>
  </si>
  <si>
    <t>Chak No 167 /7R</t>
  </si>
  <si>
    <t>Saman Naz</t>
  </si>
  <si>
    <t>GPS BIMLA KANIAT</t>
  </si>
  <si>
    <t>BASSALI -A - MALE</t>
  </si>
  <si>
    <t>BIMLA KANIAT</t>
  </si>
  <si>
    <t>TAKHAT PARI</t>
  </si>
  <si>
    <t>SAMREEN AKBAR</t>
  </si>
  <si>
    <t>GPS JHOK SHAH MUHAMMAD</t>
  </si>
  <si>
    <t>JHOK SHAH MUHAMMAD</t>
  </si>
  <si>
    <t>BASTI BULANDI</t>
  </si>
  <si>
    <t>KAHAWAR KALAN</t>
  </si>
  <si>
    <t>RIZWANA ABBAS</t>
  </si>
  <si>
    <t>GPS CHAK 320/HR</t>
  </si>
  <si>
    <t>FORT ABBAS-X - MALE</t>
  </si>
  <si>
    <t>CHAK 320/HR</t>
  </si>
  <si>
    <t>JAMPUR CITY - MALE</t>
  </si>
  <si>
    <t>ALLAH ABAD MASHRQI</t>
  </si>
  <si>
    <t>BASTI WAZEER ABAD</t>
  </si>
  <si>
    <t>TEHMEENA TABASUM</t>
  </si>
  <si>
    <t>GGPS CHAK NO 311 TDA</t>
  </si>
  <si>
    <t>CHAK NO 311 TDA</t>
  </si>
  <si>
    <t>HAK NO 311 TDA</t>
  </si>
  <si>
    <t>Safia Faiz</t>
  </si>
  <si>
    <t>GGPS BASTI KHOKHRAN (PSSP)</t>
  </si>
  <si>
    <t>QADIR ABAD-FEMALE</t>
  </si>
  <si>
    <t>KOT KAMO SHAH</t>
  </si>
  <si>
    <t>BASTI KUMHARAN</t>
  </si>
  <si>
    <t>SHABANA KOUSAR</t>
  </si>
  <si>
    <t>GPS DAHER WALI</t>
  </si>
  <si>
    <t>DAJAL NO. 3 - MALE</t>
  </si>
  <si>
    <t>RAKBA NOSHEHRA</t>
  </si>
  <si>
    <t>BASTI GULAM QAIR DAHAR</t>
  </si>
  <si>
    <t>GPS 326/HR</t>
  </si>
  <si>
    <t>326/HR</t>
  </si>
  <si>
    <t>337/HR</t>
  </si>
  <si>
    <t>RABIA SHABBIR</t>
  </si>
  <si>
    <t>GPS AWAN UTAR</t>
  </si>
  <si>
    <t>AWAN UTAR</t>
  </si>
  <si>
    <t>AWAN OUTAR</t>
  </si>
  <si>
    <t>TANZEELA SHAHEEN</t>
  </si>
  <si>
    <t>GMPS THATHA RISALOO</t>
  </si>
  <si>
    <t>BHOWANA MARKAZ NO.17 - FEMALE</t>
  </si>
  <si>
    <t>THATHA RISALOO</t>
  </si>
  <si>
    <t>RISALOO</t>
  </si>
  <si>
    <t>ADLANA</t>
  </si>
  <si>
    <t>AALIA TAHIRA</t>
  </si>
  <si>
    <t>GGPS DHOK REHAN</t>
  </si>
  <si>
    <t>LAWA-FEMALE</t>
  </si>
  <si>
    <t>REHAN</t>
  </si>
  <si>
    <t>GGPS AHLAA</t>
  </si>
  <si>
    <t>NAZIA NAGINA</t>
  </si>
  <si>
    <t>GMPS HID</t>
  </si>
  <si>
    <t>HID</t>
  </si>
  <si>
    <t>GPS CHAK RASOOL PUR *** PEF</t>
  </si>
  <si>
    <t>CHAK  RASOOL PUR</t>
  </si>
  <si>
    <t>MUHAMMAD IJAZ KHAN</t>
  </si>
  <si>
    <t>GGPS THATTA SHEREKA   ***   PEF</t>
  </si>
  <si>
    <t>HASAN KHAN</t>
  </si>
  <si>
    <t>THATTA SHEREKA</t>
  </si>
  <si>
    <t>CHUND BHARWANA</t>
  </si>
  <si>
    <t>AMANULLAH</t>
  </si>
  <si>
    <t>GGPS KHOKHRAN WALA *** PEF</t>
  </si>
  <si>
    <t>KHOKHRAN WALA</t>
  </si>
  <si>
    <t>CHAK SYEDAN WALA</t>
  </si>
  <si>
    <t>GPS HAVELI DEHATI WARD NO 3 HAVELI (PSSP)</t>
  </si>
  <si>
    <t>WARD NO 3  HAVELI</t>
  </si>
  <si>
    <t>MC HAVELI LAKHA</t>
  </si>
  <si>
    <t>LUBNA RASHEED</t>
  </si>
  <si>
    <t>GPS CHAK NO 5-SP LADHOKA</t>
  </si>
  <si>
    <t>5 SP LADHOKA</t>
  </si>
  <si>
    <t>5/SP</t>
  </si>
  <si>
    <t>3/SP</t>
  </si>
  <si>
    <t>GPS SAJWAR SADHAR KEY</t>
  </si>
  <si>
    <t>SAJWAR SADHAR KEY</t>
  </si>
  <si>
    <t>SAJWAR SADHAR KAY</t>
  </si>
  <si>
    <t>PANDIT MANFOOL PUR</t>
  </si>
  <si>
    <t>GHULAM FATIMA</t>
  </si>
  <si>
    <t>GGPS DADOANA   ***   PEF</t>
  </si>
  <si>
    <t>DADOANA</t>
  </si>
  <si>
    <t>FOUZIA NAHEED</t>
  </si>
  <si>
    <t>GPS CHAK 315 JB KALAPAHAR</t>
  </si>
  <si>
    <t>CHAK NO 315 JB</t>
  </si>
  <si>
    <t>CHAK 315 JB</t>
  </si>
  <si>
    <t>GGPS BASTI SHAH PUR KHASS-II</t>
  </si>
  <si>
    <t>SHAH PUR</t>
  </si>
  <si>
    <t>UMMI SALMA BUKHARI</t>
  </si>
  <si>
    <t>GGPS JINDO KHAN</t>
  </si>
  <si>
    <t>PIRHAR GHARBI</t>
  </si>
  <si>
    <t>KOT ADU-III</t>
  </si>
  <si>
    <t>RIFAT SHAHEEN</t>
  </si>
  <si>
    <t>GGPS GARHI QURESHI</t>
  </si>
  <si>
    <t>GARHI QURASHI</t>
  </si>
  <si>
    <t>KOT ADU-I</t>
  </si>
  <si>
    <t>SAFIA ASLAM</t>
  </si>
  <si>
    <t>GGPS DOST WALA</t>
  </si>
  <si>
    <t>DRIGH</t>
  </si>
  <si>
    <t>SONIA</t>
  </si>
  <si>
    <t>GGPS CHAK NO. 529 TDA</t>
  </si>
  <si>
    <t>CHAK 529 TDA</t>
  </si>
  <si>
    <t>FARZANA KOUSER</t>
  </si>
  <si>
    <t>GGPS CHAK NO. 528/TDA</t>
  </si>
  <si>
    <t>RAFIA NAWAB</t>
  </si>
  <si>
    <t>GGPS BASTI TULANA</t>
  </si>
  <si>
    <t>RADHOO</t>
  </si>
  <si>
    <t>TULANA</t>
  </si>
  <si>
    <t>GGPS BASHIR AHMAD WALA</t>
  </si>
  <si>
    <t>CHAK RODI</t>
  </si>
  <si>
    <t>HINA ZAFAR</t>
  </si>
  <si>
    <t>GPS CHAK RODI</t>
  </si>
  <si>
    <t>PATTAL SHARQI</t>
  </si>
  <si>
    <t>PATTAL KOT ADU</t>
  </si>
  <si>
    <t>4441</t>
  </si>
  <si>
    <t>GPS DARBAR MOHIB JAHANIAN</t>
  </si>
  <si>
    <t>MEER HAJI- MALE</t>
  </si>
  <si>
    <t>MIN HAJI METLA</t>
  </si>
  <si>
    <t>NOHAN WALI</t>
  </si>
  <si>
    <t>FAREHA AYYUB</t>
  </si>
  <si>
    <t>GGPS BUNGA AMEER SINGH</t>
  </si>
  <si>
    <t>BUNGHA AMEER SINGH</t>
  </si>
  <si>
    <t>GGPS BUNGHA AMEER SINGH</t>
  </si>
  <si>
    <t>BUNGA AMEER SINGH</t>
  </si>
  <si>
    <t>BHELA GULAB SINGH</t>
  </si>
  <si>
    <t>GULSHAN GULZAR</t>
  </si>
  <si>
    <t>GGPS MUHAMMAD NAGAR NO 2</t>
  </si>
  <si>
    <t>BASTI HAYAT WALA</t>
  </si>
  <si>
    <t>MUHAMMAD NAGAR NO.2</t>
  </si>
  <si>
    <t>MUHAMMAD NAGAR</t>
  </si>
  <si>
    <t>GGPS SHADEWAL NO.1</t>
  </si>
  <si>
    <t>SHADEY WAL</t>
  </si>
  <si>
    <t>SHADEWAL</t>
  </si>
  <si>
    <t>JAITH PUR</t>
  </si>
  <si>
    <t>SAMIA AMBREEN</t>
  </si>
  <si>
    <t>GGPS WANA WALI</t>
  </si>
  <si>
    <t>WANA WALI</t>
  </si>
  <si>
    <t>MUSARAT MUNAWAR</t>
  </si>
  <si>
    <t>GGES REHMAN SAHOO KA (PSSP)</t>
  </si>
  <si>
    <t>REHMAN SAHOOKE</t>
  </si>
  <si>
    <t>GGPS REHMAN SAHOO KA (PSSP)</t>
  </si>
  <si>
    <t>REHMAN SAHO KA</t>
  </si>
  <si>
    <t>ATTARI</t>
  </si>
  <si>
    <t>SAMIA FIRDOUS</t>
  </si>
  <si>
    <t>GGPS LEEL</t>
  </si>
  <si>
    <t>QILA SATTAR SHAH</t>
  </si>
  <si>
    <t>IRAM SARWAR</t>
  </si>
  <si>
    <t>GGPS DERA TIBBAY WALA</t>
  </si>
  <si>
    <t>DERA TIBBAY WALA</t>
  </si>
  <si>
    <t>KHATIALA VIRKAN</t>
  </si>
  <si>
    <t>AMNA IMRAN</t>
  </si>
  <si>
    <t>GPS FATAH PURI</t>
  </si>
  <si>
    <t>FATEH PURI</t>
  </si>
  <si>
    <t>FATAH PURI</t>
  </si>
  <si>
    <t>ZUNAIRA SALEEM</t>
  </si>
  <si>
    <t>GGPS FATEH PURI</t>
  </si>
  <si>
    <t>ATIA SADIQ</t>
  </si>
  <si>
    <t>GGPS SHADMAN</t>
  </si>
  <si>
    <t>MURADAY KALAN</t>
  </si>
  <si>
    <t>KHADIJA AKRAM</t>
  </si>
  <si>
    <t>GPS CHAK 33</t>
  </si>
  <si>
    <t>MURIDKE-VIII - MALE</t>
  </si>
  <si>
    <t>CHAK NO 33</t>
  </si>
  <si>
    <t>CHAK 33</t>
  </si>
  <si>
    <t>BHAIAN WALA KALAN</t>
  </si>
  <si>
    <t>WAHWEED AHMED</t>
  </si>
  <si>
    <t>GPS IJAZ ABAD</t>
  </si>
  <si>
    <t>TAUNSA-2-II-M</t>
  </si>
  <si>
    <t>KHAN GAI</t>
  </si>
  <si>
    <t>GPS HASSO WALA</t>
  </si>
  <si>
    <t>SINWAN</t>
  </si>
  <si>
    <t>HASOO WALA</t>
  </si>
  <si>
    <t>PATI GULAM ALI</t>
  </si>
  <si>
    <t>IMRAN MAZHAR</t>
  </si>
  <si>
    <t>08</t>
  </si>
  <si>
    <t>00</t>
  </si>
  <si>
    <t>GPS DERA DEEN DARAAN (CHATHA COLONY)</t>
  </si>
  <si>
    <t>CHATTA COLONY</t>
  </si>
  <si>
    <t>DERA DEEN DARAAN (CHATHA COLONY)</t>
  </si>
  <si>
    <t>FAIZ PUR KHURD</t>
  </si>
  <si>
    <t>RAHEELA AKHTAR</t>
  </si>
  <si>
    <t>GGES KARGAL BIRHAMANAN</t>
  </si>
  <si>
    <t>KARGAL BIRMANA</t>
  </si>
  <si>
    <t>DINGA NARAIN PUR</t>
  </si>
  <si>
    <t>NABELA SASIQ</t>
  </si>
  <si>
    <t>GPS BORAY WALA</t>
  </si>
  <si>
    <t>SAKHI SARWAR</t>
  </si>
  <si>
    <t>BORAY WALA</t>
  </si>
  <si>
    <t>SAKHI SARWAR GHARBI</t>
  </si>
  <si>
    <t>MUHAMMAD MAAZ</t>
  </si>
  <si>
    <t>GGPS BOIA KALAN</t>
  </si>
  <si>
    <t>DAHLRA - FEMALE</t>
  </si>
  <si>
    <t>BHOIA</t>
  </si>
  <si>
    <t>GGPS (PSSP-II) 186 EB</t>
  </si>
  <si>
    <t>186 EB</t>
  </si>
  <si>
    <t>206 EB</t>
  </si>
  <si>
    <t>KANEEZ FATIMA</t>
  </si>
  <si>
    <t>GGPS BEHRA KALAN</t>
  </si>
  <si>
    <t>BEAHRA KALAN</t>
  </si>
  <si>
    <t>ZAREENA YOUSAF</t>
  </si>
  <si>
    <t>GPS CHANDIA NO. 2</t>
  </si>
  <si>
    <t>MAMOORI-M</t>
  </si>
  <si>
    <t>DIGER CHIT</t>
  </si>
  <si>
    <t>BASTI TARABI CHANDIA</t>
  </si>
  <si>
    <t>GHAZALA ZAIN</t>
  </si>
  <si>
    <t>GGPS DR. GHULAM MUHAMMAD</t>
  </si>
  <si>
    <t>MUTAFARIQ CHAHAN</t>
  </si>
  <si>
    <t>BASTI SANA ULLAH</t>
  </si>
  <si>
    <t>ZAHRA BATOOL</t>
  </si>
  <si>
    <t>GGPS BIRMANI NO. 2</t>
  </si>
  <si>
    <t>DARKHASAT JAMAL KHAN</t>
  </si>
  <si>
    <t>BASTI BIGER BIRMANI</t>
  </si>
  <si>
    <t>GGMPS QAIM WALA NO.1</t>
  </si>
  <si>
    <t>SADAR(S) D.G.KHAN - FEMALE</t>
  </si>
  <si>
    <t>GADAI SHARQI</t>
  </si>
  <si>
    <t>ANEELA SHAHEEN</t>
  </si>
  <si>
    <t>GGPS SUMRA GABOOL</t>
  </si>
  <si>
    <t>GPS QADIR WALA</t>
  </si>
  <si>
    <t>NAIDER QURESHI</t>
  </si>
  <si>
    <t>QADIR WALA</t>
  </si>
  <si>
    <t>GGPS Choti Bala #2</t>
  </si>
  <si>
    <t>CHAK ROHRI</t>
  </si>
  <si>
    <t>CHOTI BALA</t>
  </si>
  <si>
    <t>FAROOQ AHMED</t>
  </si>
  <si>
    <t>GGPS DALANA</t>
  </si>
  <si>
    <t>DALANA</t>
  </si>
  <si>
    <t>BASTI NAEEM NAGAR</t>
  </si>
  <si>
    <t>MUBARKI</t>
  </si>
  <si>
    <t>BASHEER AHMAD</t>
  </si>
  <si>
    <t>GGPS (PSSP-II) BASTI TAJ</t>
  </si>
  <si>
    <t>SADAR ZOR KOT</t>
  </si>
  <si>
    <t>BASTI TAJ</t>
  </si>
  <si>
    <t>KARAMPUR</t>
  </si>
  <si>
    <t>SHEHREEN FATIMA</t>
  </si>
  <si>
    <t>GGPS ISAN WALA</t>
  </si>
  <si>
    <t>SADAR(CITY) DGKHAN - FEMALE</t>
  </si>
  <si>
    <t>CHAH GADI WALA</t>
  </si>
  <si>
    <t>SHUMAILA MANZOOR</t>
  </si>
  <si>
    <t>GGPS SANGHI WALA</t>
  </si>
  <si>
    <t>RAJPOT COLONY</t>
  </si>
  <si>
    <t>SHALIMAR TOWN NEWR MASJID TAQWA</t>
  </si>
  <si>
    <t>SHALIMAR TOWN</t>
  </si>
  <si>
    <t>CHURHATA SINDH SOUTH</t>
  </si>
  <si>
    <t>MUHAMMAD SAMI ULLAH</t>
  </si>
  <si>
    <t>3368</t>
  </si>
  <si>
    <t>GPS KIKAR WALI</t>
  </si>
  <si>
    <t>TAUNSA NO.1-II-M</t>
  </si>
  <si>
    <t>BUHAR</t>
  </si>
  <si>
    <t>BOHAR</t>
  </si>
  <si>
    <t>NAGHMA FEROOZ</t>
  </si>
  <si>
    <t>GGPS BHEINDY WALI</t>
  </si>
  <si>
    <t>BHEDEINDY WALI</t>
  </si>
  <si>
    <t>NARI</t>
  </si>
  <si>
    <t>MUDASAR RASOOL</t>
  </si>
  <si>
    <t>GGPS KATHAYA WALA</t>
  </si>
  <si>
    <t>KATHAYA WALA</t>
  </si>
  <si>
    <t>GGMPS MIAN MUBARAK</t>
  </si>
  <si>
    <t>CHAH SHAHEED WALA</t>
  </si>
  <si>
    <t>SAMI ULLAH</t>
  </si>
  <si>
    <t>GPS MOHALAY WALA</t>
  </si>
  <si>
    <t>SADAR(N) D.G.KHAN - MALE</t>
  </si>
  <si>
    <t>CHAK DALIL</t>
  </si>
  <si>
    <t>MOHLAY WALA</t>
  </si>
  <si>
    <t>DRAHMAH - FEMALE</t>
  </si>
  <si>
    <t>GARAI EAST</t>
  </si>
  <si>
    <t>RABNAWAZ</t>
  </si>
  <si>
    <t>GGMPS ALI WALA</t>
  </si>
  <si>
    <t>JARWAR</t>
  </si>
  <si>
    <t>ALI WALA GHARBI</t>
  </si>
  <si>
    <t>PAKKI</t>
  </si>
  <si>
    <t>TAHIRA NASREEN</t>
  </si>
  <si>
    <t>GPS DRAHMAH</t>
  </si>
  <si>
    <t>DRAHAMA</t>
  </si>
  <si>
    <t>BASTI RAKH</t>
  </si>
  <si>
    <t>DRAHMAH</t>
  </si>
  <si>
    <t>REHANA NAWAZ</t>
  </si>
  <si>
    <t>GPS FAROOQ ABAD NO 2</t>
  </si>
  <si>
    <t>KALA EAST</t>
  </si>
  <si>
    <t>BAIT SAWAI</t>
  </si>
  <si>
    <t>BASTI RANJHA</t>
  </si>
  <si>
    <t>ZUHAIB HASSAN MUSHTAQ</t>
  </si>
  <si>
    <t>GPS LADAWAY-1 SHARAQPUR</t>
  </si>
  <si>
    <t>LADWAY</t>
  </si>
  <si>
    <t>LADAWAY-</t>
  </si>
  <si>
    <t>KOT MEHMOOD</t>
  </si>
  <si>
    <t>AZMAT BANO</t>
  </si>
  <si>
    <t>GPS BASTI GRAND</t>
  </si>
  <si>
    <t>NORIA KORIA</t>
  </si>
  <si>
    <t>LADAN</t>
  </si>
  <si>
    <t>MUHAMMAD MOSA PITAFI</t>
  </si>
  <si>
    <t>GPS DERA ROHI WALA</t>
  </si>
  <si>
    <t>ROHIWALA</t>
  </si>
  <si>
    <t>DERA ROHI WALA</t>
  </si>
  <si>
    <t>KOUSAR</t>
  </si>
  <si>
    <t>GPS PHERYAN WALA</t>
  </si>
  <si>
    <t>PHERYAN WALA</t>
  </si>
  <si>
    <t>HABIBA IRSHAD</t>
  </si>
  <si>
    <t>GGPS SAMOLANA</t>
  </si>
  <si>
    <t>SAMOLANA</t>
  </si>
  <si>
    <t>SABA SAFDAR</t>
  </si>
  <si>
    <t>GPS CHAH KHATRI WALA</t>
  </si>
  <si>
    <t>CHAH KHATRI WALA</t>
  </si>
  <si>
    <t>BAHARIAN WALA</t>
  </si>
  <si>
    <t>SHEHNAZ RASHEED</t>
  </si>
  <si>
    <t>GGPS METHA TRIDDA</t>
  </si>
  <si>
    <t>MEHTA TRIDDA</t>
  </si>
  <si>
    <t>METHA TRIDDA</t>
  </si>
  <si>
    <t>FAIZ PUR KALAN</t>
  </si>
  <si>
    <t>SABA ABDUL GHAFOOR</t>
  </si>
  <si>
    <t>GGPS TARLIAN WALI</t>
  </si>
  <si>
    <t>TARLIAN WALI</t>
  </si>
  <si>
    <t>DHABAN KALAN</t>
  </si>
  <si>
    <t>KHANPUR NORTH</t>
  </si>
  <si>
    <t>MISBAH SHAUKAT</t>
  </si>
  <si>
    <t>GGPS RANIAN WALA</t>
  </si>
  <si>
    <t>RANIAN WALA</t>
  </si>
  <si>
    <t>NADIHA SANA</t>
  </si>
  <si>
    <t>GGPS VANDALA NASIR KHAN</t>
  </si>
  <si>
    <t>WANDALA NASIR KHAN</t>
  </si>
  <si>
    <t>VANDALA NASIR KHAN</t>
  </si>
  <si>
    <t>SAMINA MASKEEN</t>
  </si>
  <si>
    <t>GPS MOZA KOT</t>
  </si>
  <si>
    <t>MOZA KOT</t>
  </si>
  <si>
    <t>KOT PINDI DAS</t>
  </si>
  <si>
    <t>FOUZIA SIDDIQUE</t>
  </si>
  <si>
    <t>GGPS BOMB</t>
  </si>
  <si>
    <t>BOMB</t>
  </si>
  <si>
    <t>MALLIAN KALAN</t>
  </si>
  <si>
    <t>SIDRAH</t>
  </si>
  <si>
    <t>GGPS CHAPPA MANARA</t>
  </si>
  <si>
    <t>CHAPPA MANARA</t>
  </si>
  <si>
    <t>RAKH HIRAN MINARA</t>
  </si>
  <si>
    <t>RAZIA SHAMSHAD</t>
  </si>
  <si>
    <t>GGPS MUKTA</t>
  </si>
  <si>
    <t>MUKTA</t>
  </si>
  <si>
    <t>RIZWANA HUSSAIN</t>
  </si>
  <si>
    <t>GGPS DERA NASEEB DOGRAN</t>
  </si>
  <si>
    <t>MADAR</t>
  </si>
  <si>
    <t>DERA NASEEB DOGRAN</t>
  </si>
  <si>
    <t>PEER WARIS SHAH</t>
  </si>
  <si>
    <t>SONIA RANI</t>
  </si>
  <si>
    <t>GPS SARANGIAN WALA</t>
  </si>
  <si>
    <t>KALOKE</t>
  </si>
  <si>
    <t>SARANGIAN WALA</t>
  </si>
  <si>
    <t>KALOKAY</t>
  </si>
  <si>
    <t>SADIA RAFIQUE</t>
  </si>
  <si>
    <t>GGPS DERA SAPORAN SINGH</t>
  </si>
  <si>
    <t>SAPORAN SINGH</t>
  </si>
  <si>
    <t>DERA SAPORAN SINGH</t>
  </si>
  <si>
    <t>MEHVISH BABAR</t>
  </si>
  <si>
    <t>GGPS DUDIAN WALA DHUDYAN WALA</t>
  </si>
  <si>
    <t>DUDIAN WALA</t>
  </si>
  <si>
    <t>FARIDA SARDAR</t>
  </si>
  <si>
    <t>GPS DERA KUNDAN SINGH</t>
  </si>
  <si>
    <t>TIBBI GHARAY SHAH</t>
  </si>
  <si>
    <t>DERA KUNDAN SINGH</t>
  </si>
  <si>
    <t>FAROOQABAD VILLAGE</t>
  </si>
  <si>
    <t>SADIA RIAZ</t>
  </si>
  <si>
    <t>GGPS NOKHAR NAI ABADI</t>
  </si>
  <si>
    <t>NOKHAR NEW ABADI</t>
  </si>
  <si>
    <t>NOKHAR NAI ABADI</t>
  </si>
  <si>
    <t>NOKHAR NOU</t>
  </si>
  <si>
    <t>TEHMINA NAZIR</t>
  </si>
  <si>
    <t>GPS DERA CHUBARI WALA</t>
  </si>
  <si>
    <t>DERA CHUBARI WALA</t>
  </si>
  <si>
    <t>JHAMKEY</t>
  </si>
  <si>
    <t>MUQADDAS</t>
  </si>
  <si>
    <t>GGPS JAGIAL</t>
  </si>
  <si>
    <t>DOULTALA-C - FEMALE</t>
  </si>
  <si>
    <t>JAGIAL</t>
  </si>
  <si>
    <t>KURAMB ILYAS</t>
  </si>
  <si>
    <t>NAZIA ILYAS</t>
  </si>
  <si>
    <t>GGPS CHAK NO.60 NB BHATA .........PSSP.........</t>
  </si>
  <si>
    <t>60 BHATA</t>
  </si>
  <si>
    <t>CHAK NO 56 NB</t>
  </si>
  <si>
    <t>CHAK 19/NB</t>
  </si>
  <si>
    <t>FAIZA SAJJAD</t>
  </si>
  <si>
    <t>GGPS CHAH PARMAT ADA PARMAT MOZO SAMRA LODRAAN</t>
  </si>
  <si>
    <t>SAMRA</t>
  </si>
  <si>
    <t>JHOKE WALA</t>
  </si>
  <si>
    <t>SUMRA</t>
  </si>
  <si>
    <t>SAJJAD FAREED</t>
  </si>
  <si>
    <t>GGPS KHAWAJA FAIQ</t>
  </si>
  <si>
    <t>KAHAWAJA FAIQ</t>
  </si>
  <si>
    <t>KHAWAJA FAIQ</t>
  </si>
  <si>
    <t>WAGHA</t>
  </si>
  <si>
    <t>BUSHRA SHAHEEN</t>
  </si>
  <si>
    <t>GPS CHAK NO.94 SB</t>
  </si>
  <si>
    <t>CHAK NO.94 SB</t>
  </si>
  <si>
    <t>CHAK 96/SB</t>
  </si>
  <si>
    <t>MALIK ABDUL REHMAN</t>
  </si>
  <si>
    <t>GGPS 169-A/9-L</t>
  </si>
  <si>
    <t>OKANAWALA  SHARQI - FEMALE</t>
  </si>
  <si>
    <t>CHAK NO.169-A/9-L</t>
  </si>
  <si>
    <t>169-A/9-L</t>
  </si>
  <si>
    <t>BISILLIAH</t>
  </si>
  <si>
    <t>GGPS KASSOANA PACCA ROAD *** PEF</t>
  </si>
  <si>
    <t>KASSOANA</t>
  </si>
  <si>
    <t>KASSOWANA</t>
  </si>
  <si>
    <t>KUNDAL KHOKRAN</t>
  </si>
  <si>
    <t>M. AMJAD NAEEM</t>
  </si>
  <si>
    <t>GGPS KHOKHAR HAIDER</t>
  </si>
  <si>
    <t>KHOKHAR HAIDER</t>
  </si>
  <si>
    <t>ZUNAIRA HANIF</t>
  </si>
  <si>
    <t>GGPS BHALL</t>
  </si>
  <si>
    <t>UM E AAMARA</t>
  </si>
  <si>
    <t>GMPS PARI (PSSP-I)</t>
  </si>
  <si>
    <t>PARI</t>
  </si>
  <si>
    <t>MALAL</t>
  </si>
  <si>
    <t>NAILA SHAHZADI</t>
  </si>
  <si>
    <t>2826</t>
  </si>
  <si>
    <t>GPS SAID PUR</t>
  </si>
  <si>
    <t>KOTLA MUGHLAN  MALE</t>
  </si>
  <si>
    <t>GHULAB SHAH</t>
  </si>
  <si>
    <t>SAID PUR</t>
  </si>
  <si>
    <t>NAZIA NOREEN</t>
  </si>
  <si>
    <t>GGPS JOHD (PSSP-I)</t>
  </si>
  <si>
    <t>JOHD</t>
  </si>
  <si>
    <t>MEHWISH JABEEN</t>
  </si>
  <si>
    <t>GMPS NAKODAR (GALI JAGEER)  (PSSP-I)</t>
  </si>
  <si>
    <t>NAKODAR</t>
  </si>
  <si>
    <t>ARBAN NAZ</t>
  </si>
  <si>
    <t>GPS DHOK LOHARAN LANGER (PSSP-III)</t>
  </si>
  <si>
    <t>DHOK LOHARAN</t>
  </si>
  <si>
    <t>ASMA BIBI</t>
  </si>
  <si>
    <t>GPS CHAK NO.97/DB</t>
  </si>
  <si>
    <t>ADDA CHAK NO. 106/DB (A) - MALE</t>
  </si>
  <si>
    <t>CHAK NO. 97/DB</t>
  </si>
  <si>
    <t>97/DB</t>
  </si>
  <si>
    <t>88/DB</t>
  </si>
  <si>
    <t>GPS CHAK NO.99/DB JADEED</t>
  </si>
  <si>
    <t>CHAK NO. 99/DB</t>
  </si>
  <si>
    <t>99/DB</t>
  </si>
  <si>
    <t>CHAK 106/DB</t>
  </si>
  <si>
    <t>AMRINA ASGHAR</t>
  </si>
  <si>
    <t>GPS CHAK NO.102/DB (N)</t>
  </si>
  <si>
    <t>CHAK NO.102/DB(N)</t>
  </si>
  <si>
    <t>YAZMAN CITY</t>
  </si>
  <si>
    <t>FARHAT ANJUM</t>
  </si>
  <si>
    <t>GPS CHAK NO.63/DB (S)</t>
  </si>
  <si>
    <t>CHAK NO.63/DB(S)</t>
  </si>
  <si>
    <t>63/DB(S)</t>
  </si>
  <si>
    <t>117/DB</t>
  </si>
  <si>
    <t>SABA ANWAR</t>
  </si>
  <si>
    <t>GPS CHAK NO.66/DB</t>
  </si>
  <si>
    <t>CHAK NO. 66/8DB</t>
  </si>
  <si>
    <t>CHAK NO.117/DB</t>
  </si>
  <si>
    <t>FAKHIRA ALTAF</t>
  </si>
  <si>
    <t>GPS CHAK NO.140/DB (N)</t>
  </si>
  <si>
    <t>CHAK NO. 140/DB</t>
  </si>
  <si>
    <t>140/DB</t>
  </si>
  <si>
    <t>CHAK NO.67/DB</t>
  </si>
  <si>
    <t>MAZHAR ABBAS</t>
  </si>
  <si>
    <t>GGPS CHAK NO.76/DNB</t>
  </si>
  <si>
    <t>CHAK NO.76/DNB</t>
  </si>
  <si>
    <t>76/DNB</t>
  </si>
  <si>
    <t>CHAK NO.47/DNB</t>
  </si>
  <si>
    <t>AMARA BABAR</t>
  </si>
  <si>
    <t>GGPS FCC CAMPUS</t>
  </si>
  <si>
    <t>GULBERG-2</t>
  </si>
  <si>
    <t>CANAL PARK</t>
  </si>
  <si>
    <t>AMNA AHMED</t>
  </si>
  <si>
    <t>GGPS UMRAN WALI</t>
  </si>
  <si>
    <t>UMRAN WALI</t>
  </si>
  <si>
    <t>RASOOL PUR BHALIAN</t>
  </si>
  <si>
    <t>SABAHAT</t>
  </si>
  <si>
    <t>GGPS SALEEM PUR</t>
  </si>
  <si>
    <t>SALEEM PUR</t>
  </si>
  <si>
    <t>KAPOOR WALI</t>
  </si>
  <si>
    <t>RIMSHA M AZAM</t>
  </si>
  <si>
    <t>GGPS RAVI TOWN SAEED PARK</t>
  </si>
  <si>
    <t>SAEED PARK SHAHDRA</t>
  </si>
  <si>
    <t>SAEED PARK</t>
  </si>
  <si>
    <t>RAVI CLIFTON COLONY</t>
  </si>
  <si>
    <t>SYEDA SANA NAQVI</t>
  </si>
  <si>
    <t>GMPS BASTI VERNALA P/O MUKHDOOM RASHEED</t>
  </si>
  <si>
    <t>GHARYALA - FEMALE</t>
  </si>
  <si>
    <t>BASTI WARNALA</t>
  </si>
  <si>
    <t>JALAL ABAD</t>
  </si>
  <si>
    <t>MUHAMMAD KAMAL</t>
  </si>
  <si>
    <t>2924</t>
  </si>
  <si>
    <t>GGPS OLAKH OTTAR</t>
  </si>
  <si>
    <t>HANDAL - FEMALE</t>
  </si>
  <si>
    <t>OLAKH OTTAR</t>
  </si>
  <si>
    <t>TASMINA HAROON</t>
  </si>
  <si>
    <t>GPS NANGAL</t>
  </si>
  <si>
    <t>NANGAL</t>
  </si>
  <si>
    <t>NADI AFAHEEM</t>
  </si>
  <si>
    <t>GPS MALOT KASWAL</t>
  </si>
  <si>
    <t>GUJAR KHAN B - MALE</t>
  </si>
  <si>
    <t>MALOT KASWAL</t>
  </si>
  <si>
    <t>GGPS WARA SEYYDAN WALA</t>
  </si>
  <si>
    <t>SEYYDAN WALA</t>
  </si>
  <si>
    <t>MANGA MANDI</t>
  </si>
  <si>
    <t>SAIMA BAHADUR</t>
  </si>
  <si>
    <t>GPS MC CHAH PUCHWARA</t>
  </si>
  <si>
    <t>CHAH PUCHWARA</t>
  </si>
  <si>
    <t>CHAH PICHWARA</t>
  </si>
  <si>
    <t>GANGA RAM</t>
  </si>
  <si>
    <t>SHUMAILA YOUNAS</t>
  </si>
  <si>
    <t>GGPS MALKAY KHURD</t>
  </si>
  <si>
    <t>MALKAY KHURD</t>
  </si>
  <si>
    <t>KOR PUR</t>
  </si>
  <si>
    <t>ANEEQA KASHIF</t>
  </si>
  <si>
    <t>GPS CHAK NO. 143/ML</t>
  </si>
  <si>
    <t>CHAK NO. 145/ML</t>
  </si>
  <si>
    <t>MIRPUR BHAGAL</t>
  </si>
  <si>
    <t>RABIA KALSOOM</t>
  </si>
  <si>
    <t>GPS HARNAL</t>
  </si>
  <si>
    <t>HARNAL</t>
  </si>
  <si>
    <t>SOBIA PARVEEN</t>
  </si>
  <si>
    <t>GPS RAKH DHALLA</t>
  </si>
  <si>
    <t>BARKI - MALE</t>
  </si>
  <si>
    <t>RAKH DHALA</t>
  </si>
  <si>
    <t>RAKH DHALLA</t>
  </si>
  <si>
    <t>DHALLOKI</t>
  </si>
  <si>
    <t>FOZIA RAFIQUE</t>
  </si>
  <si>
    <t>GMPS MALLA KALAN (PSSP-III)</t>
  </si>
  <si>
    <t>MALLA KALAN</t>
  </si>
  <si>
    <t>SHAMSA KANWAL</t>
  </si>
  <si>
    <t>GPS 464 GB</t>
  </si>
  <si>
    <t>GIRGA CHAK</t>
  </si>
  <si>
    <t>464 gb</t>
  </si>
  <si>
    <t>463/GB I</t>
  </si>
  <si>
    <t>NIDA ASLAM</t>
  </si>
  <si>
    <t>GPS CHAK NO. 9/FW</t>
  </si>
  <si>
    <t>CHISHTIAN-IV - MALE</t>
  </si>
  <si>
    <t>Sodagar Wala</t>
  </si>
  <si>
    <t>Fouzia Mehnaz</t>
  </si>
  <si>
    <t>GPS NADEEM ABAD</t>
  </si>
  <si>
    <t>CHAK NO. 142/ML</t>
  </si>
  <si>
    <t>CHAK NO.518</t>
  </si>
  <si>
    <t>GGPS KHANPUR NAURANGA NO.2</t>
  </si>
  <si>
    <t>KHAN PUR NAURANGA</t>
  </si>
  <si>
    <t>WAHI HUSSAIN</t>
  </si>
  <si>
    <t>GGPS MUSLIMANIAN</t>
  </si>
  <si>
    <t>MUSLIMANIAN</t>
  </si>
  <si>
    <t>Foqia Butt</t>
  </si>
  <si>
    <t>GPS DHERA KANYAL</t>
  </si>
  <si>
    <t>DHERA KINYAL</t>
  </si>
  <si>
    <t>MOHRA MALKAN</t>
  </si>
  <si>
    <t>BEWAL</t>
  </si>
  <si>
    <t>MARIAM BIBI</t>
  </si>
  <si>
    <t>GPS GAR (MALIK MALA) (PSSP-III)</t>
  </si>
  <si>
    <t>DHOK GAR</t>
  </si>
  <si>
    <t>GAR</t>
  </si>
  <si>
    <t>MALIK MALA</t>
  </si>
  <si>
    <t>GPS SHEIKHU WALA</t>
  </si>
  <si>
    <t>TIBBA MUSTAQIL SHARQI</t>
  </si>
  <si>
    <t>TIBBA</t>
  </si>
  <si>
    <t>MUHAMMAD AQIB</t>
  </si>
  <si>
    <t>GGPS SOHAWA MIRZA</t>
  </si>
  <si>
    <t>GUJAR KHAN-C - FEMALE</t>
  </si>
  <si>
    <t>SOHAWA MIRZA</t>
  </si>
  <si>
    <t>SUMIA BIBI</t>
  </si>
  <si>
    <t>GPS (PSSP-II) 281 EB</t>
  </si>
  <si>
    <t>281/E.B</t>
  </si>
  <si>
    <t>281 EB</t>
  </si>
  <si>
    <t>ASIA PARVEEN</t>
  </si>
  <si>
    <t>GPS CHAK NO.80/F</t>
  </si>
  <si>
    <t>HASILPUR CITY - MALE</t>
  </si>
  <si>
    <t>CHAK NO.80/F</t>
  </si>
  <si>
    <t>80/f</t>
  </si>
  <si>
    <t>MUHAMMAD IMRAN SHAFIQ</t>
  </si>
  <si>
    <t>GHAIR MUSTAQIL D.D.PA</t>
  </si>
  <si>
    <t>LOHARAN WALA</t>
  </si>
  <si>
    <t>D.D. PANAH</t>
  </si>
  <si>
    <t>GPS  QUTBAL</t>
  </si>
  <si>
    <t>DAULTALA A - MALE</t>
  </si>
  <si>
    <t>MOHRA NOORI</t>
  </si>
  <si>
    <t>UZMA NAZ</t>
  </si>
  <si>
    <t>GPS DHOK MUGHLAN MALIK MALA (PSSP-III)</t>
  </si>
  <si>
    <t>DHOK MUGHLAN</t>
  </si>
  <si>
    <t>SHAHNAZ BIBI</t>
  </si>
  <si>
    <t>GGPS (PSSP-II) DOTHRANA</t>
  </si>
  <si>
    <t>DOTHRANA</t>
  </si>
  <si>
    <t>JAMLERA</t>
  </si>
  <si>
    <t>MUHAMMAD SHAHZAD</t>
  </si>
  <si>
    <t>GGPS BHONIAR KASWAL</t>
  </si>
  <si>
    <t>GUJAR KHAN A - FEMALE</t>
  </si>
  <si>
    <t>BONIR KASWAL</t>
  </si>
  <si>
    <t>BHONAIR KASWAL</t>
  </si>
  <si>
    <t>TEHMINA MARIA</t>
  </si>
  <si>
    <t>GGPS MUGHLIAN WALA</t>
  </si>
  <si>
    <t>KUNDIAN WEST - FEMALE</t>
  </si>
  <si>
    <t>BAKHRA</t>
  </si>
  <si>
    <t>GGPS MUGHLIAN WALA MOZA BHAKRA</t>
  </si>
  <si>
    <t>ZAHIDA NOUREEN</t>
  </si>
  <si>
    <t>GGPS KHUDA BUKHSH CHANNAR</t>
  </si>
  <si>
    <t>MAITLAY</t>
  </si>
  <si>
    <t>KHUDAJA BIBI</t>
  </si>
  <si>
    <t>GGPS NOOR PUR SHAMSABAD (PSSP-I)</t>
  </si>
  <si>
    <t>MOORPUR</t>
  </si>
  <si>
    <t>ASIFA AMBER</t>
  </si>
  <si>
    <t>GGPS MERAN PUR</t>
  </si>
  <si>
    <t>MERAN PUR</t>
  </si>
  <si>
    <t>CHAK 49/M</t>
  </si>
  <si>
    <t>05</t>
  </si>
  <si>
    <t>ZAFARULLAH SHAKIR</t>
  </si>
  <si>
    <t>GGPS 429 GB</t>
  </si>
  <si>
    <t>429/GB</t>
  </si>
  <si>
    <t>429 GB</t>
  </si>
  <si>
    <t>FAZILAT RUBAB</t>
  </si>
  <si>
    <t>GGPS BONGA MACHI</t>
  </si>
  <si>
    <t>MINCHIN ABAD VIII - FEMALE</t>
  </si>
  <si>
    <t>BONGA MACHI</t>
  </si>
  <si>
    <t>DOLAT PUR</t>
  </si>
  <si>
    <t>YASMIN</t>
  </si>
  <si>
    <t>2875</t>
  </si>
  <si>
    <t>GGPS BASTI NOOR DIN SHAH</t>
  </si>
  <si>
    <t>QAIMPUR - FEMALE</t>
  </si>
  <si>
    <t>HASIL PUR</t>
  </si>
  <si>
    <t>BASTI NOOR DIN SHAH</t>
  </si>
  <si>
    <t>HAS</t>
  </si>
  <si>
    <t>2767</t>
  </si>
  <si>
    <t>GPS CHAK NO. 443/6-R EAST</t>
  </si>
  <si>
    <t>HAROONABAD-X - MALE</t>
  </si>
  <si>
    <t>443/6-R</t>
  </si>
  <si>
    <t>431/6R</t>
  </si>
  <si>
    <t>GGPS BASTI MOULVIAN</t>
  </si>
  <si>
    <t>TIBBI DHAKWAN</t>
  </si>
  <si>
    <t>TIBBI IZZAT</t>
  </si>
  <si>
    <t>SYED TASADDUK</t>
  </si>
  <si>
    <t>GMPS KOTLI VARYAM</t>
  </si>
  <si>
    <t>VERYAM KOTLEY</t>
  </si>
  <si>
    <t>KOTLI VERYAM</t>
  </si>
  <si>
    <t>SHEENI</t>
  </si>
  <si>
    <t>MADIHA RANI</t>
  </si>
  <si>
    <t>GGPS KOTLI (PSSP-III)</t>
  </si>
  <si>
    <t>KOTLI</t>
  </si>
  <si>
    <t>KOT SUNDKI</t>
  </si>
  <si>
    <t>SHAKEELA BIBI</t>
  </si>
  <si>
    <t>GGPS BASTI ISMAEEL ABAD</t>
  </si>
  <si>
    <t>BASTI ISMAIL ABAD</t>
  </si>
  <si>
    <t>ISMAIL ABAD</t>
  </si>
  <si>
    <t>WAJID ALI</t>
  </si>
  <si>
    <t>GGPS (PSSP-I) GHANWAN</t>
  </si>
  <si>
    <t>GHANWAN</t>
  </si>
  <si>
    <t>GANWAN</t>
  </si>
  <si>
    <t>CHANTTNI</t>
  </si>
  <si>
    <t>HASEEB ASLAM</t>
  </si>
  <si>
    <t>GGPS KARSAL PO KARSAL</t>
  </si>
  <si>
    <t>KARSAL</t>
  </si>
  <si>
    <t>GPS AHMAD PUR MCLEOD GUNJ (BLANK FORM)</t>
  </si>
  <si>
    <t>AHMAD PUR</t>
  </si>
  <si>
    <t>MUHAMMAD MUDASSIR</t>
  </si>
  <si>
    <t>GGPS ISMAIL PUR RATTEKA</t>
  </si>
  <si>
    <t>MINCHIN ABAD III - FEMALE</t>
  </si>
  <si>
    <t>ISMAIL PUR</t>
  </si>
  <si>
    <t>PEER GARH CHISHTI</t>
  </si>
  <si>
    <t>AYSHA AFZAL</t>
  </si>
  <si>
    <t>GGPS BASTI BHATTIAN</t>
  </si>
  <si>
    <t>BAHAWALNAGAR-III - FEMALE</t>
  </si>
  <si>
    <t>NADIR SHAH</t>
  </si>
  <si>
    <t>Basti Jhaday Khan</t>
  </si>
  <si>
    <t>3505</t>
  </si>
  <si>
    <t>GPS CHAK NO.59/F</t>
  </si>
  <si>
    <t>TAIL FATEH - MALE</t>
  </si>
  <si>
    <t>CHAK NO.59/F PO 58/F</t>
  </si>
  <si>
    <t>59/F</t>
  </si>
  <si>
    <t>SHABNAM NAWAZ</t>
  </si>
  <si>
    <t>GPS DOMEL NO.2 (PSSP-III)</t>
  </si>
  <si>
    <t>DOMEL</t>
  </si>
  <si>
    <t>DOMEL STATION</t>
  </si>
  <si>
    <t>MUNAZZA BATOOL</t>
  </si>
  <si>
    <t>GGPS HASAN BHATIAN</t>
  </si>
  <si>
    <t>HASAN BHATIAN</t>
  </si>
  <si>
    <t>LUTTER</t>
  </si>
  <si>
    <t>Jesti Wala</t>
  </si>
  <si>
    <t>Raqia Noreen</t>
  </si>
  <si>
    <t>GPS PINDORI KALAN</t>
  </si>
  <si>
    <t>RASOOL NAGAR - MAL</t>
  </si>
  <si>
    <t>PINDORI KALAN</t>
  </si>
  <si>
    <t>MEMOONA ZIA</t>
  </si>
  <si>
    <t>GPS CHAK NO.114/DB (E)</t>
  </si>
  <si>
    <t>CHAK NO. 114/DB E</t>
  </si>
  <si>
    <t>114/DB E</t>
  </si>
  <si>
    <t>108/DB</t>
  </si>
  <si>
    <t>SHABANA BIBI</t>
  </si>
  <si>
    <t>GPS KALA PHIDDA P.O. SANGHORI</t>
  </si>
  <si>
    <t>KALA PHIDDA</t>
  </si>
  <si>
    <t>KALIAM AWAN</t>
  </si>
  <si>
    <t>SONILA KHALID</t>
  </si>
  <si>
    <t>GPS CHAK NO.16/F.W</t>
  </si>
  <si>
    <t>CHAK NO.16/F.W</t>
  </si>
  <si>
    <t>16/f.w GOPAL PUR</t>
  </si>
  <si>
    <t>CHAK 58/F</t>
  </si>
  <si>
    <t>GGPS QILA SANGHIAN</t>
  </si>
  <si>
    <t>GHAKHAR-2 - FEMAL</t>
  </si>
  <si>
    <t>QILA SANGHIAN</t>
  </si>
  <si>
    <t>JOURA SIAN</t>
  </si>
  <si>
    <t>SANIA ASGHAR</t>
  </si>
  <si>
    <t>GPS MEHBOOB SHAH</t>
  </si>
  <si>
    <t>MEHBOOD SHAH</t>
  </si>
  <si>
    <t>THATHA MEHBOOB SHAH</t>
  </si>
  <si>
    <t>KILLAN WALA</t>
  </si>
  <si>
    <t>SADAF BATOOL</t>
  </si>
  <si>
    <t>GGPS DHOK MALKAN (PIND SULTANI) (PSSP-III)</t>
  </si>
  <si>
    <t>DHOK MALKAN</t>
  </si>
  <si>
    <t>PIND SULTANI</t>
  </si>
  <si>
    <t>FARAH SHAHEEN</t>
  </si>
  <si>
    <t>GGPS DHOK RAJIAN</t>
  </si>
  <si>
    <t>DHOKE RAJIAN</t>
  </si>
  <si>
    <t>MUGHLA</t>
  </si>
  <si>
    <t>SABA PARVEEN</t>
  </si>
  <si>
    <t>GPS MC HALQA - E BAHAWALNAGAR</t>
  </si>
  <si>
    <t>BAHAWALNAGAR-II - MALE</t>
  </si>
  <si>
    <t>FAISAL COLONY</t>
  </si>
  <si>
    <t>GPS CHAK NO.183/M</t>
  </si>
  <si>
    <t>NO.183/M</t>
  </si>
  <si>
    <t>183/M</t>
  </si>
  <si>
    <t>CHAK 188/M</t>
  </si>
  <si>
    <t>GPS BHADANA</t>
  </si>
  <si>
    <t>BHADANA GUJJARA</t>
  </si>
  <si>
    <t>BHADANA</t>
  </si>
  <si>
    <t>BASSALI</t>
  </si>
  <si>
    <t>ISMAT NAZ</t>
  </si>
  <si>
    <t>GMPS DARBAR LAL SHAH SALSADAR</t>
  </si>
  <si>
    <t>SAL SADAR</t>
  </si>
  <si>
    <t>LAL SHAH</t>
  </si>
  <si>
    <t>SABA IQBAL</t>
  </si>
  <si>
    <t>GGPS JUGGAIET PEER</t>
  </si>
  <si>
    <t>JUGGAIET PEER</t>
  </si>
  <si>
    <t>CHAK NO.75/DB</t>
  </si>
  <si>
    <t>SAJJAD HUSSAIN</t>
  </si>
  <si>
    <t>2361</t>
  </si>
  <si>
    <t>GGPS WANDHA NASEER WALA</t>
  </si>
  <si>
    <t>LIAQATABAD WEST - FEMALE</t>
  </si>
  <si>
    <t>WANDHA NASEER WALA</t>
  </si>
  <si>
    <t>ALLU WALI</t>
  </si>
  <si>
    <t>RUKHSANA ALI HASSAN</t>
  </si>
  <si>
    <t>GPS CHAK NO.165/M</t>
  </si>
  <si>
    <t>165 M</t>
  </si>
  <si>
    <t>165/M</t>
  </si>
  <si>
    <t>MUHAMMAD IQBAL RANJHA</t>
  </si>
  <si>
    <t>GPS SIHDU PURA</t>
  </si>
  <si>
    <t>SIHDU PURA</t>
  </si>
  <si>
    <t>IRAM SHAHZADI</t>
  </si>
  <si>
    <t>GGPS BARKAT TOWN SAGIAN SHAHDRA</t>
  </si>
  <si>
    <t>SAGIAN</t>
  </si>
  <si>
    <t>BARKAT TOWN</t>
  </si>
  <si>
    <t>AISHA</t>
  </si>
  <si>
    <t>GGPS CHAK NO. 425-B/TDA</t>
  </si>
  <si>
    <t>marhan</t>
  </si>
  <si>
    <t>425 tda</t>
  </si>
  <si>
    <t>peer jagi</t>
  </si>
  <si>
    <t>MEHWISH GUL</t>
  </si>
  <si>
    <t>GPS CHAK NO. 72/4-R</t>
  </si>
  <si>
    <t>HAROONABAD-I - MALE</t>
  </si>
  <si>
    <t>72/4-R</t>
  </si>
  <si>
    <t>GGPS MEHMOOD ABAD</t>
  </si>
  <si>
    <t>SAHGWAN</t>
  </si>
  <si>
    <t>BASTI MEHMOOD ABAD</t>
  </si>
  <si>
    <t>ZAHOOR AHMAD</t>
  </si>
  <si>
    <t>GGPS DHOK TARAP GULYAL (PSSP-III)</t>
  </si>
  <si>
    <t>TARAP GULYAL</t>
  </si>
  <si>
    <t>CHAPHRI</t>
  </si>
  <si>
    <t>ASMAT BIBI</t>
  </si>
  <si>
    <t>GPS CHAK NO.130/DNB</t>
  </si>
  <si>
    <t>CHAK NO.130/DNB</t>
  </si>
  <si>
    <t>MERANA</t>
  </si>
  <si>
    <t>ASIF SULTAN</t>
  </si>
  <si>
    <t>GGPS FATOO WALI</t>
  </si>
  <si>
    <t>ZAFARWAL.2 - FEMALE</t>
  </si>
  <si>
    <t>FATOO WALI</t>
  </si>
  <si>
    <t>CHAK DODHU</t>
  </si>
  <si>
    <t>GGPS ALMIANA</t>
  </si>
  <si>
    <t>ALMIANA</t>
  </si>
  <si>
    <t>PINDI KAH-LAWAN</t>
  </si>
  <si>
    <t>DHAMTHAL</t>
  </si>
  <si>
    <t>Fareeha bano</t>
  </si>
  <si>
    <t>GPS CHAK NO. 423 TDA</t>
  </si>
  <si>
    <t>423 tda</t>
  </si>
  <si>
    <t>423  tda</t>
  </si>
  <si>
    <t>NEELIM IRSHAD</t>
  </si>
  <si>
    <t>GPS DHOK MUNIAN P/O TAMMAN</t>
  </si>
  <si>
    <t>DK MUNIAN</t>
  </si>
  <si>
    <t>TAMMAN</t>
  </si>
  <si>
    <t>TANZEELA NOUREEN</t>
  </si>
  <si>
    <t>GPS HAVELI BALAQA SINGH</t>
  </si>
  <si>
    <t>HAVELI BALQA SINGH</t>
  </si>
  <si>
    <t>BHAMBA KALAN</t>
  </si>
  <si>
    <t>IQRA AZIZ</t>
  </si>
  <si>
    <t>GPS GHUNIAN</t>
  </si>
  <si>
    <t>AHMADPUR CITY - MALE</t>
  </si>
  <si>
    <t>GHUNIAN</t>
  </si>
  <si>
    <t>BASTI ARAIN</t>
  </si>
  <si>
    <t>SHEIKH ROSHAN</t>
  </si>
  <si>
    <t>MUHAMMAD ZIKRIA</t>
  </si>
  <si>
    <t>GGPS MOHRA PHALL</t>
  </si>
  <si>
    <t>DAULTALA   A - FEMALE</t>
  </si>
  <si>
    <t>MOHRA PHALL</t>
  </si>
  <si>
    <t>MOHRA PHULL</t>
  </si>
  <si>
    <t>NAZIA SATTAR</t>
  </si>
  <si>
    <t>GPS NARGIS WALA</t>
  </si>
  <si>
    <t>MASSA KOTHA- MALE</t>
  </si>
  <si>
    <t>QADIR PUR</t>
  </si>
  <si>
    <t>NEW BASTI</t>
  </si>
  <si>
    <t>CHELAY WAHIN</t>
  </si>
  <si>
    <t>MALIK MUHAMMAD ASLAM</t>
  </si>
  <si>
    <t>GPS WAPDA COLONY</t>
  </si>
  <si>
    <t>CHAK NO.24</t>
  </si>
  <si>
    <t>WAPDA COLONY CHAK NO.24</t>
  </si>
  <si>
    <t>MC KPT</t>
  </si>
  <si>
    <t>HAFZA IQBAL</t>
  </si>
  <si>
    <t>GGPS KOT SANGHAT SINGH</t>
  </si>
  <si>
    <t>SANGHAT SINGH</t>
  </si>
  <si>
    <t>KOT SANGHAT SINGH</t>
  </si>
  <si>
    <t>AYESHA</t>
  </si>
  <si>
    <t>GGPS PANDI DEONIAN</t>
  </si>
  <si>
    <t>PANDI DONIANON</t>
  </si>
  <si>
    <t>UNCHA KALAN</t>
  </si>
  <si>
    <t>GGPS FARID PUR JAGIR</t>
  </si>
  <si>
    <t>FARID PUR JAGIR</t>
  </si>
  <si>
    <t>SALEH MUSTAFA</t>
  </si>
  <si>
    <t>4295</t>
  </si>
  <si>
    <t>GPS VIDAD VAINS</t>
  </si>
  <si>
    <t>SHAHER SULTAN RURAL- MALE</t>
  </si>
  <si>
    <t>VIDAD</t>
  </si>
  <si>
    <t>SHAHBAZ PUR</t>
  </si>
  <si>
    <t>ASHIQ RASOOL</t>
  </si>
  <si>
    <t>GPS ALI MUHAMMAD WALA</t>
  </si>
  <si>
    <t>WIDAD</t>
  </si>
  <si>
    <t>PUL DENAY</t>
  </si>
  <si>
    <t>GGPS CHAH AKBAR WALA *** PEF</t>
  </si>
  <si>
    <t>DOLE</t>
  </si>
  <si>
    <t>AKBAR WALA</t>
  </si>
  <si>
    <t>SULTAN BAHO</t>
  </si>
  <si>
    <t>RIAZ HUSSAIN JAFERI</t>
  </si>
  <si>
    <t>GGPS CHAK NO 20 GHAGH ABADI NAZIR   ***   PEF</t>
  </si>
  <si>
    <t>20 GHAGH</t>
  </si>
  <si>
    <t>ABADI NAZIR WALI</t>
  </si>
  <si>
    <t>KAKKI NOU SOIM</t>
  </si>
  <si>
    <t>FOUZIA ZAHID</t>
  </si>
  <si>
    <t>GGPS CHAK NO. 6 GHAGH   ***   PEF</t>
  </si>
  <si>
    <t>CHAK NO6 GHAGH</t>
  </si>
  <si>
    <t>CHAK NO6 GHAGH`</t>
  </si>
  <si>
    <t>KOTLA ZARIF KHAN</t>
  </si>
  <si>
    <t>M. AMJAD JAVED</t>
  </si>
  <si>
    <t>GPS JINAH COLONY   ***   PEF</t>
  </si>
  <si>
    <t>JINAH COLONY</t>
  </si>
  <si>
    <t>M. WARIS</t>
  </si>
  <si>
    <t>GGPS BASTI NUSRAT</t>
  </si>
  <si>
    <t>BASTI NUSRAT</t>
  </si>
  <si>
    <t>KOT MURAD</t>
  </si>
  <si>
    <t>MANZAR ABBAS</t>
  </si>
  <si>
    <t>GGPS CHAH SAMUNDR WALA</t>
  </si>
  <si>
    <t>JABOOANA</t>
  </si>
  <si>
    <t>SYED ABAD</t>
  </si>
  <si>
    <t>HASEENA AFZAL</t>
  </si>
  <si>
    <t>GGPS HAFIZ ABAD CHOKEN JANPUR</t>
  </si>
  <si>
    <t>CHOKIN JANPUR</t>
  </si>
  <si>
    <t>18- HAZARI</t>
  </si>
  <si>
    <t>MC 18-HAZARI</t>
  </si>
  <si>
    <t>KOUSAR PERVEEN</t>
  </si>
  <si>
    <t>GGPS CHAK 459 ABADI TENDER   ***   PEF</t>
  </si>
  <si>
    <t>ABADI TENDER</t>
  </si>
  <si>
    <t>KOT LAKHNANA</t>
  </si>
  <si>
    <t>SUMERA TAJ</t>
  </si>
  <si>
    <t>GGPS BHEENI HAFIZ ALLAH BUX</t>
  </si>
  <si>
    <t>MATRI NOON</t>
  </si>
  <si>
    <t>MARI NOON</t>
  </si>
  <si>
    <t>MUHAMMAD SAEED KHAN</t>
  </si>
  <si>
    <t>GPS MEHANGA</t>
  </si>
  <si>
    <t>MEHANGA</t>
  </si>
  <si>
    <t>MEHNGA</t>
  </si>
  <si>
    <t>BADIANA</t>
  </si>
  <si>
    <t>M AFZAL</t>
  </si>
  <si>
    <t>PANDORI</t>
  </si>
  <si>
    <t>KIRTO SHARIF</t>
  </si>
  <si>
    <t>MUQADAS WAJID</t>
  </si>
  <si>
    <t>GGPS CHAK 459 HARAL ABAD   ***   PEF</t>
  </si>
  <si>
    <t>CHAK 459 HARAL ABAD</t>
  </si>
  <si>
    <t>CHAK NO.459</t>
  </si>
  <si>
    <t>CHAK 445 KHOI ADDA</t>
  </si>
  <si>
    <t>RUQIA MUSHTAQ</t>
  </si>
  <si>
    <t>5497</t>
  </si>
  <si>
    <t>GPS BASTI HUSSAIN ABAD *** PEF</t>
  </si>
  <si>
    <t>HUSSAIN ABAD</t>
  </si>
  <si>
    <t>MOHAR WALI</t>
  </si>
  <si>
    <t>RANA GULL</t>
  </si>
  <si>
    <t>GPS THATHA HARIAN</t>
  </si>
  <si>
    <t>CHINIOT MARKAZ NO.24 - MALE</t>
  </si>
  <si>
    <t>HERSA SHIEKH</t>
  </si>
  <si>
    <t>KARAM SHAH</t>
  </si>
  <si>
    <t>HERSA SHEIKH</t>
  </si>
  <si>
    <t>KHALID ALI</t>
  </si>
  <si>
    <t>GPS CHAK NO 456 JB   ***   PEF</t>
  </si>
  <si>
    <t>CHAK NO 456 JB</t>
  </si>
  <si>
    <t>CHAK 446</t>
  </si>
  <si>
    <t>SAJIDA PERVEEN</t>
  </si>
  <si>
    <t>GGPS SEHOEL HINDWAN NARANG</t>
  </si>
  <si>
    <t>SEHOEL HINDWAN</t>
  </si>
  <si>
    <t>SEHOEL HINDWAN NARANG</t>
  </si>
  <si>
    <t>RAZIA BANO</t>
  </si>
  <si>
    <t>GGPS DHORAY WALA NO.4 SHUJABAD</t>
  </si>
  <si>
    <t>DHORAY WALA BASTI SARDAR ABAD</t>
  </si>
  <si>
    <t>SIKANDAR PUR</t>
  </si>
  <si>
    <t>KAPOOR PUR</t>
  </si>
  <si>
    <t>FARAH</t>
  </si>
  <si>
    <t>GPS MOCHIWALA (DOUKA BALOCHAN)   ***   PEF</t>
  </si>
  <si>
    <t>DOUKA BALOCHAN</t>
  </si>
  <si>
    <t>CHAH MOCHIWALA</t>
  </si>
  <si>
    <t>QADIR PUR BAKHSHA</t>
  </si>
  <si>
    <t>NASEEM AKHTER</t>
  </si>
  <si>
    <t>GGPS MC MOZA BALL</t>
  </si>
  <si>
    <t>BALL</t>
  </si>
  <si>
    <t>GGPS MC BOZA BALL</t>
  </si>
  <si>
    <t>BOZA BALL</t>
  </si>
  <si>
    <t>MOZA BAL</t>
  </si>
  <si>
    <t>RAZIA KOUSAR</t>
  </si>
  <si>
    <t>GGPS CHAK 356 JB II</t>
  </si>
  <si>
    <t>CHAK NO 356 GB II</t>
  </si>
  <si>
    <t>CHAK  JB</t>
  </si>
  <si>
    <t>SHAMIM KOSAR</t>
  </si>
  <si>
    <t>GPS CHAK NO. 131 ML</t>
  </si>
  <si>
    <t>PATTAL MUNDA</t>
  </si>
  <si>
    <t>chak no 131 ml</t>
  </si>
  <si>
    <t>2766</t>
  </si>
  <si>
    <t>GPS CHAK NO 140/6-R</t>
  </si>
  <si>
    <t>HAROONABAD-IX - MALE</t>
  </si>
  <si>
    <t>140/6-R</t>
  </si>
  <si>
    <t>142/6-R</t>
  </si>
  <si>
    <t>GGPS HAJI KHAN WALA MAUZA KHAIR PUR SHUJABAD</t>
  </si>
  <si>
    <t>SHUJABAD - FEMALE</t>
  </si>
  <si>
    <t>KHAIR PUR</t>
  </si>
  <si>
    <t>HAJI KHAN WALA</t>
  </si>
  <si>
    <t>MARHA</t>
  </si>
  <si>
    <t>RABIA BATOOL</t>
  </si>
  <si>
    <t>GGPS MOHRA HIAYAL</t>
  </si>
  <si>
    <t>MANDRA- B - FEMALE</t>
  </si>
  <si>
    <t>MOHRAN HIAYAL</t>
  </si>
  <si>
    <t>MOHRA HAYAL</t>
  </si>
  <si>
    <t>SAHANG</t>
  </si>
  <si>
    <t>AMARA IBRAR</t>
  </si>
  <si>
    <t>GGPS CHURAHA JANJUA *** PEF</t>
  </si>
  <si>
    <t>MADDUKI - FEMALE</t>
  </si>
  <si>
    <t>MADOKI</t>
  </si>
  <si>
    <t>MUHAMMADY WALA</t>
  </si>
  <si>
    <t>LAK BADHAR</t>
  </si>
  <si>
    <t>RIFFAT RIAZ</t>
  </si>
  <si>
    <t>GPS CHAK NO 141/6-R</t>
  </si>
  <si>
    <t>141/6-R</t>
  </si>
  <si>
    <t>Samra Ejaz</t>
  </si>
  <si>
    <t>GGPS THATTY BAQIR *** PEF</t>
  </si>
  <si>
    <t>AKRIAN WALA - FEMALE</t>
  </si>
  <si>
    <t>THATTA BAQIR</t>
  </si>
  <si>
    <t>MAZARI</t>
  </si>
  <si>
    <t>CHATTA</t>
  </si>
  <si>
    <t>RUQQAYA FAZAL</t>
  </si>
  <si>
    <t>GGPS TIBBA DERA *** PEF</t>
  </si>
  <si>
    <t>HAVELI LAL</t>
  </si>
  <si>
    <t>DERAY WALA</t>
  </si>
  <si>
    <t>ASGHAR ABBAS</t>
  </si>
  <si>
    <t>GPS BASTI RANJIAM WALI</t>
  </si>
  <si>
    <t>KUND BHAKHA SANDAL</t>
  </si>
  <si>
    <t>BASTI RANJIAM WALI</t>
  </si>
  <si>
    <t>KOT PATHANA</t>
  </si>
  <si>
    <t>SYED IMRAN HAIDER</t>
  </si>
  <si>
    <t>GPS KALU GHAZI</t>
  </si>
  <si>
    <t>KALU GHAZI</t>
  </si>
  <si>
    <t>GATIALAIAN</t>
  </si>
  <si>
    <t>SUMAIRA RIAZ</t>
  </si>
  <si>
    <t>GPS SANGNI</t>
  </si>
  <si>
    <t>SANGNI</t>
  </si>
  <si>
    <t>SUI CHEEMIAN</t>
  </si>
  <si>
    <t>NUZAT JAHANGIR</t>
  </si>
  <si>
    <t>GPS LAMBANWALI</t>
  </si>
  <si>
    <t>GUJRANWALA CITY-4 - MAL</t>
  </si>
  <si>
    <t>LAMBANWALI</t>
  </si>
  <si>
    <t>BUTRAN WALI</t>
  </si>
  <si>
    <t>RIDA FATIMA</t>
  </si>
  <si>
    <t>GGPS CHAH BELAY WALA NEAR PUL DAWA MULTAN</t>
  </si>
  <si>
    <t>BAILY WALA</t>
  </si>
  <si>
    <t>WAQAR ABDUL SAMID</t>
  </si>
  <si>
    <t>GGPS BAPPAR WAL</t>
  </si>
  <si>
    <t>BAPPAR WAL</t>
  </si>
  <si>
    <t>WAINDLA JAGIR</t>
  </si>
  <si>
    <t>MEHWISH SARFRAZ</t>
  </si>
  <si>
    <t>GPS MURAD WALA GARH MAHARAJA *** PEF</t>
  </si>
  <si>
    <t>TANGU</t>
  </si>
  <si>
    <t>MURAD WALA</t>
  </si>
  <si>
    <t>JAIVAIN</t>
  </si>
  <si>
    <t>IRSHAD HUSSAIN</t>
  </si>
  <si>
    <t>GGPS CHAK NO 216/2 JB *** PEF</t>
  </si>
  <si>
    <t>CHAK NO 216 JB</t>
  </si>
  <si>
    <t>CHAK NO. 216</t>
  </si>
  <si>
    <t>RIFFAT AZHAR</t>
  </si>
  <si>
    <t>GPS CHAK 134/P (PSSP)</t>
  </si>
  <si>
    <t>MANTHAR RYK - MALE</t>
  </si>
  <si>
    <t>CHAK NO. 134/P</t>
  </si>
  <si>
    <t>CHAK NO 134P</t>
  </si>
  <si>
    <t>92P</t>
  </si>
  <si>
    <t>AMNA MAQSOOD</t>
  </si>
  <si>
    <t>GPS KANHA BAJAR</t>
  </si>
  <si>
    <t>KAHNA BAJAR</t>
  </si>
  <si>
    <t>KANHA BAJAR</t>
  </si>
  <si>
    <t>SAIRA FAROOQ SHAH</t>
  </si>
  <si>
    <t>GPS KOT KALARAIN</t>
  </si>
  <si>
    <t>NIZAMABAD - MAL</t>
  </si>
  <si>
    <t>KOT CLARA</t>
  </si>
  <si>
    <t>KOT KALARAIN</t>
  </si>
  <si>
    <t>ASIA MUBEEN</t>
  </si>
  <si>
    <t>BAHAWALNAGAR-II - FEMALE</t>
  </si>
  <si>
    <t>MUSA BHOUTA</t>
  </si>
  <si>
    <t>MUSA BHOTA</t>
  </si>
  <si>
    <t>GMPS PIR GODHA</t>
  </si>
  <si>
    <t>PIR GODHA</t>
  </si>
  <si>
    <t>AMLI MOTI</t>
  </si>
  <si>
    <t>SHAKILA AMANAT</t>
  </si>
  <si>
    <t>GMPS JAND WALA</t>
  </si>
  <si>
    <t>QADIR PUR LAR</t>
  </si>
  <si>
    <t>UZMA BIBI</t>
  </si>
  <si>
    <t>GGPS KOT AHMAD YAR</t>
  </si>
  <si>
    <t>CHINIOT MARKAZ NO.09 - FEMALE</t>
  </si>
  <si>
    <t>KOT AHMAD YAR</t>
  </si>
  <si>
    <t>IFRAT NAZ</t>
  </si>
  <si>
    <t>GGPS HAKIM IMAM DIN</t>
  </si>
  <si>
    <t>HAKIM IMAM DIN</t>
  </si>
  <si>
    <t>SHAM DIN</t>
  </si>
  <si>
    <t>M ASIF SHAMAS</t>
  </si>
  <si>
    <t>GPS CHAK 135/PB (PSSP)</t>
  </si>
  <si>
    <t>135/P</t>
  </si>
  <si>
    <t>METLA 135B</t>
  </si>
  <si>
    <t>MUNEEBA ATHAR</t>
  </si>
  <si>
    <t>GGPS CHAK NO. 42/D KHURD</t>
  </si>
  <si>
    <t>42 D KHURD</t>
  </si>
  <si>
    <t>42/D KHURD</t>
  </si>
  <si>
    <t>NAEEM BHATTI</t>
  </si>
  <si>
    <t>GMPS SIKANDAR BALOCHAN</t>
  </si>
  <si>
    <t>MINCHIN ABAD IX - FEMALE</t>
  </si>
  <si>
    <t>SIKANDAR BALOCHAN</t>
  </si>
  <si>
    <t>ASIA KOUSAR</t>
  </si>
  <si>
    <t>GGPS RAILWAY COLONY</t>
  </si>
  <si>
    <t>FAZILPUR NO. 3 - FEMALE</t>
  </si>
  <si>
    <t>MUNAZA AZAM</t>
  </si>
  <si>
    <t>GPS DAD WALI</t>
  </si>
  <si>
    <t>GHAKHAR-1 - MAL</t>
  </si>
  <si>
    <t>DAD WALI</t>
  </si>
  <si>
    <t>MUNAZZA TANVEER</t>
  </si>
  <si>
    <t>GPS BASTI SHAH WALI</t>
  </si>
  <si>
    <t>CHAK NO 10 RAKH MANKERA</t>
  </si>
  <si>
    <t>SHAH WALI</t>
  </si>
  <si>
    <t>GPS CHAK 699/41 GB</t>
  </si>
  <si>
    <t>CHAK NO 699/41 GB</t>
  </si>
  <si>
    <t>699/41 GB</t>
  </si>
  <si>
    <t>CHAK 694 GB</t>
  </si>
  <si>
    <t>RASHIDA MAJEED</t>
  </si>
  <si>
    <t>GGPS QILA BHATIAN WALA</t>
  </si>
  <si>
    <t>QILA BHATIANWALA</t>
  </si>
  <si>
    <t>QILA BHATIAN WALA</t>
  </si>
  <si>
    <t>IQRA SIJJAD</t>
  </si>
  <si>
    <t>GGPS CHAH CHURA WALA</t>
  </si>
  <si>
    <t>CHINIOT MARKAZ NO.08 - FEMALE</t>
  </si>
  <si>
    <t>CHAH CHURA</t>
  </si>
  <si>
    <t>M.C Chiniot</t>
  </si>
  <si>
    <t>FARIA BATOOL</t>
  </si>
  <si>
    <t>GGPS WAZEERKA</t>
  </si>
  <si>
    <t>WAZEER KA</t>
  </si>
  <si>
    <t>SHAMA RANI</t>
  </si>
  <si>
    <t>GPS BAHDUR PUR JADEED (PSSP)</t>
  </si>
  <si>
    <t>HAJI PUR - MALE</t>
  </si>
  <si>
    <t>BAHADUR PUR</t>
  </si>
  <si>
    <t>BAHADUR PUR JADEED</t>
  </si>
  <si>
    <t>MEMOONA ABDUL QADIR</t>
  </si>
  <si>
    <t>GPS JANDIALA DHAB WALA</t>
  </si>
  <si>
    <t>GHAKHAR-2 - MAL</t>
  </si>
  <si>
    <t>JANDIAL DHAB WALA</t>
  </si>
  <si>
    <t>JANDIALA DHAB WALA</t>
  </si>
  <si>
    <t>ISHRAT FIRDOUS</t>
  </si>
  <si>
    <t>GGPS BASTI DASTI</t>
  </si>
  <si>
    <t>FAZILPUR NO. 2 - FEMALE</t>
  </si>
  <si>
    <t>RATTAN</t>
  </si>
  <si>
    <t>BASTI DASTI</t>
  </si>
  <si>
    <t>PIR BUX EAST</t>
  </si>
  <si>
    <t>NOSHABA NAWAZ</t>
  </si>
  <si>
    <t>GPS BHOJIAN  (PSSP)</t>
  </si>
  <si>
    <t>BHOJIAN</t>
  </si>
  <si>
    <t>SHAREEN</t>
  </si>
  <si>
    <t>IRSHAD FATIMA</t>
  </si>
  <si>
    <t>GGPS CHAK NO 7 RD</t>
  </si>
  <si>
    <t>KATH - FEMALE</t>
  </si>
  <si>
    <t>CHAK NO 7 RD</t>
  </si>
  <si>
    <t>7 RDW</t>
  </si>
  <si>
    <t>BARANGA</t>
  </si>
  <si>
    <t>NAZEER AHMED</t>
  </si>
  <si>
    <t>GPS GALOR MUSSO KHAN (PSSP)</t>
  </si>
  <si>
    <t>RUKAN PUR - MALE</t>
  </si>
  <si>
    <t>GALOR MUSSO KHAN</t>
  </si>
  <si>
    <t>BASTI ABDUL QADIR</t>
  </si>
  <si>
    <t>GALOR MASSU KHAN</t>
  </si>
  <si>
    <t>SHUMLA ARSHAD</t>
  </si>
  <si>
    <t>GPS INAYAT KEY (PSSP)</t>
  </si>
  <si>
    <t>INAYAT KEY</t>
  </si>
  <si>
    <t>INAYAT KAY</t>
  </si>
  <si>
    <t>AKBAR</t>
  </si>
  <si>
    <t>SHAHZADI NELLOFAR</t>
  </si>
  <si>
    <t>GGPS WANG NO. 2</t>
  </si>
  <si>
    <t>RAJANPUR NO. 4 - FEMALE</t>
  </si>
  <si>
    <t>BASTI ARAIN WANG</t>
  </si>
  <si>
    <t>BASTI ARAI WANG</t>
  </si>
  <si>
    <t>GGPS GHULAM MUHAI UD DIN (PSSP)</t>
  </si>
  <si>
    <t>GALO WALI</t>
  </si>
  <si>
    <t>BASTI GHULAM MAHI-UD-DIN</t>
  </si>
  <si>
    <t>GARHI IKHTIAR KHAN</t>
  </si>
  <si>
    <t>NADEEM ABBAS</t>
  </si>
  <si>
    <t>GPS WAN GAHAR KI (PSSP)</t>
  </si>
  <si>
    <t>SADAR GOGERA - MALE</t>
  </si>
  <si>
    <t>ALAWAL KEY</t>
  </si>
  <si>
    <t>WAN GAHAR KI</t>
  </si>
  <si>
    <t>NAZIA NOUMAN</t>
  </si>
  <si>
    <t>GGPS CHAK BAHADUR</t>
  </si>
  <si>
    <t>CHAK BAHADUR</t>
  </si>
  <si>
    <t>Kanwain Wala</t>
  </si>
  <si>
    <t>2859</t>
  </si>
  <si>
    <t>GGPS BASTI JATT</t>
  </si>
  <si>
    <t>KOT MITHAN NO. 2 - FEMALE</t>
  </si>
  <si>
    <t>MOHIB ALI</t>
  </si>
  <si>
    <t>BASTI DHENGAN</t>
  </si>
  <si>
    <t>SHAZIA BIBI</t>
  </si>
  <si>
    <t>GPS KOT FAIZ ABAD (PSSP)</t>
  </si>
  <si>
    <t>ALAWAL KAY</t>
  </si>
  <si>
    <t>KOT FAIZABAD</t>
  </si>
  <si>
    <t>GGPS ASHIQ ABAD</t>
  </si>
  <si>
    <t>ASHIQ ABAD</t>
  </si>
  <si>
    <t>PEER PUNJA</t>
  </si>
  <si>
    <t>GGPS KHANA LUBANA</t>
  </si>
  <si>
    <t>KHANA BHANA</t>
  </si>
  <si>
    <t>KHANA LUBANA</t>
  </si>
  <si>
    <t>GHAZALA PARVEEN</t>
  </si>
  <si>
    <t>GPS CHAK SIAL</t>
  </si>
  <si>
    <t>RAJANPUR NO. 2 - MALE</t>
  </si>
  <si>
    <t>BASTI KARAM HUSSAIN</t>
  </si>
  <si>
    <t>2167</t>
  </si>
  <si>
    <t>GGPS ICHERWAL EAST</t>
  </si>
  <si>
    <t>LALIAN MARKAZ NO.07 - FEMALE</t>
  </si>
  <si>
    <t>BAHIWAL</t>
  </si>
  <si>
    <t>ICHERWAL EAST</t>
  </si>
  <si>
    <t>SHABANA ANWAR</t>
  </si>
  <si>
    <t>GPS CHAK SHIKARI</t>
  </si>
  <si>
    <t>RAJANPUR NO. 1 - MALE</t>
  </si>
  <si>
    <t>CHAK BARANDA</t>
  </si>
  <si>
    <t>PUL DHUNDI</t>
  </si>
  <si>
    <t>MEHWISH KANWAL</t>
  </si>
  <si>
    <t>GPS CHAK 49-A/2.L (PSSP)</t>
  </si>
  <si>
    <t>KARMAN WALA - MALE</t>
  </si>
  <si>
    <t>CHAK NO 49 A 2L</t>
  </si>
  <si>
    <t>49/A.2L</t>
  </si>
  <si>
    <t>52/2-L</t>
  </si>
  <si>
    <t>SHAKILA BIBI</t>
  </si>
  <si>
    <t>GGPS WAHGE WAN (PSSP)</t>
  </si>
  <si>
    <t>JAJJA ABBASIAN</t>
  </si>
  <si>
    <t>WAHGE WAN</t>
  </si>
  <si>
    <t>JAJJAH ABBASIAN</t>
  </si>
  <si>
    <t>ASMAT PARVEEN</t>
  </si>
  <si>
    <t>GGPS CHAK NO 4 RD</t>
  </si>
  <si>
    <t>CHAK NO 4 RD</t>
  </si>
  <si>
    <t>4 RD</t>
  </si>
  <si>
    <t>AZIZ FATIMA</t>
  </si>
  <si>
    <t>GPS BASRA COLONY MURIDKE</t>
  </si>
  <si>
    <t>BASRA</t>
  </si>
  <si>
    <t>BASRA COLONY MURIDKE</t>
  </si>
  <si>
    <t>MC MURIDKE</t>
  </si>
  <si>
    <t>KOMAL ASIF</t>
  </si>
  <si>
    <t>GMPS CHAK CHATHA</t>
  </si>
  <si>
    <t>NOKHAR - FEMAL</t>
  </si>
  <si>
    <t>CHAK CHATHA</t>
  </si>
  <si>
    <t>ADHO WALI</t>
  </si>
  <si>
    <t>AMNA SARQAR</t>
  </si>
  <si>
    <t>GGPS MARKH</t>
  </si>
  <si>
    <t>MARKH</t>
  </si>
  <si>
    <t>KANDIWAL</t>
  </si>
  <si>
    <t>SAFIA BIBI</t>
  </si>
  <si>
    <t>ALLAHA ABAD GARBI</t>
  </si>
  <si>
    <t>MOCHI WALA</t>
  </si>
  <si>
    <t>NOSHABA TEHREEM</t>
  </si>
  <si>
    <t>GPS CHAK 29-30/2-L (PSSP)</t>
  </si>
  <si>
    <t>29-30/2L</t>
  </si>
  <si>
    <t>29-30/2.L</t>
  </si>
  <si>
    <t>31/2.L</t>
  </si>
  <si>
    <t>RABIA MUSHTAQ</t>
  </si>
  <si>
    <t>GPS BIBI PUR (PSSP)</t>
  </si>
  <si>
    <t>RASHIDA NOOR</t>
  </si>
  <si>
    <t>GPS CHAK NO. 48/ 3-R NIAMI (PSSP)</t>
  </si>
  <si>
    <t>48/ 3-R NIAMI</t>
  </si>
  <si>
    <t>48/3.R</t>
  </si>
  <si>
    <t>48/3-R</t>
  </si>
  <si>
    <t>JAWARIA IQBAL</t>
  </si>
  <si>
    <t>RAFEEDA NAWAZ</t>
  </si>
  <si>
    <t>GMPS GHENEY KAY (PSSP)</t>
  </si>
  <si>
    <t>SADAR GOGERA - FEMALE</t>
  </si>
  <si>
    <t>GHENEY KAY</t>
  </si>
  <si>
    <t>FARZANA BATOOL</t>
  </si>
  <si>
    <t>GGPS DOULAT WAHI</t>
  </si>
  <si>
    <t>DOULAT WAHI</t>
  </si>
  <si>
    <t>BASTI SIAL</t>
  </si>
  <si>
    <t>JHUGGI WALA</t>
  </si>
  <si>
    <t>SAFDAR HUSSAIN</t>
  </si>
  <si>
    <t>GMPS CHAH UMAR WALA</t>
  </si>
  <si>
    <t>HASOOTA</t>
  </si>
  <si>
    <t>CHAH UMAR WALA</t>
  </si>
  <si>
    <t>FARIA ABBAS</t>
  </si>
  <si>
    <t>GPS HANIF ABAD</t>
  </si>
  <si>
    <t>NARAIN SEHGAL</t>
  </si>
  <si>
    <t>CHAK WALA</t>
  </si>
  <si>
    <t>WAN PITTAFI</t>
  </si>
  <si>
    <t>RAFIA BANO</t>
  </si>
  <si>
    <t>GMPS THATA BAIG (PSSP)</t>
  </si>
  <si>
    <t>AKBAR - FEMALE</t>
  </si>
  <si>
    <t>THATA BAIG</t>
  </si>
  <si>
    <t>THATHA BAIG</t>
  </si>
  <si>
    <t>RAZIA SADIQ</t>
  </si>
  <si>
    <t>GGPS JADEED KALAR WALA</t>
  </si>
  <si>
    <t>BASTI KHABARA</t>
  </si>
  <si>
    <t>PIRHAR</t>
  </si>
  <si>
    <t>SHAZIA PERVEEN</t>
  </si>
  <si>
    <t>GGPS DARBAR MIAN JAHANA (PSSP)</t>
  </si>
  <si>
    <t>DARBAR MIAN JAHANA</t>
  </si>
  <si>
    <t>MERAJ BIBI</t>
  </si>
  <si>
    <t>GPS KHALIL ABAD</t>
  </si>
  <si>
    <t>RAJAN PUR NO 1</t>
  </si>
  <si>
    <t>BASTI MULTANI</t>
  </si>
  <si>
    <t>RAJANPUR EAST</t>
  </si>
  <si>
    <t>AYESHA KHADIM</t>
  </si>
  <si>
    <t>GPS EIDGAH COLONY</t>
  </si>
  <si>
    <t>EID GAH COLONY</t>
  </si>
  <si>
    <t>RAJANPUR WEST</t>
  </si>
  <si>
    <t>MEHWISH TARIQ</t>
  </si>
  <si>
    <t>GPS BASTI SHAHEED</t>
  </si>
  <si>
    <t>RAJANPUR NO. 3 - MALE</t>
  </si>
  <si>
    <t>MAARI</t>
  </si>
  <si>
    <t>BASTI GHULAM HUSSAIN</t>
  </si>
  <si>
    <t>SHIKAR PUR</t>
  </si>
  <si>
    <t>00-Inactive PSSP GGPS GARHI MEMBRAN</t>
  </si>
  <si>
    <t>KHURAM CHORERA Ã¢â‚¬â€œ FEMALE</t>
  </si>
  <si>
    <t>GARRHI MEMERAN</t>
  </si>
  <si>
    <t>GARHI MEMBRAN</t>
  </si>
  <si>
    <t>BAGH KOHNA</t>
  </si>
  <si>
    <t>HINA SULEMAN</t>
  </si>
  <si>
    <t>00-Inactive PSSP GMPS GORA KHUH</t>
  </si>
  <si>
    <t>MUSTAFABAD Ã¢â‚¬â€œ FEMALE</t>
  </si>
  <si>
    <t>GORA KHUH</t>
  </si>
  <si>
    <t>THATTA KHERU MATMAL</t>
  </si>
  <si>
    <t>ROZINA BASHIR</t>
  </si>
  <si>
    <t>00-Inactive PSSP GPS NO. 2 JALAL PUR BHATTIAN</t>
  </si>
  <si>
    <t>JALALPUR BHATTIAN - MALE</t>
  </si>
  <si>
    <t>JALAL PUR BHATTIAN</t>
  </si>
  <si>
    <t>MC JALAL PUR BHATTIAN</t>
  </si>
  <si>
    <t>UMME KALSOOM</t>
  </si>
  <si>
    <t>00-Inactive PSSP GMPS DULLU KALAN</t>
  </si>
  <si>
    <t>DULLU KALAN</t>
  </si>
  <si>
    <t>BEHLOL PUR BHATTIAN</t>
  </si>
  <si>
    <t>NASREEN BIBI</t>
  </si>
  <si>
    <t>GPS ROSHAN ABAD NARI (PSSP)</t>
  </si>
  <si>
    <t>GPS ROSHAN ABAD NARI</t>
  </si>
  <si>
    <t>ROSHAN ABAD</t>
  </si>
  <si>
    <t>KOUSAR HAYAT</t>
  </si>
  <si>
    <t>GPS DERA KHALQIAN (PSSP)</t>
  </si>
  <si>
    <t>JASWAL</t>
  </si>
  <si>
    <t>GPS DERA KHALQIAN</t>
  </si>
  <si>
    <t>DAIWAL</t>
  </si>
  <si>
    <t>KANWAL SHAHEEN</t>
  </si>
  <si>
    <t>GPS JAURA JAGEER (PSSP)</t>
  </si>
  <si>
    <t>JAUHARABAD SOUTH - MALE</t>
  </si>
  <si>
    <t>HASSAN PUR TIWANA</t>
  </si>
  <si>
    <t>GPS JAURA JAGEER</t>
  </si>
  <si>
    <t>JAURA JAGEER</t>
  </si>
  <si>
    <t>MOHIB PUR</t>
  </si>
  <si>
    <t>RIDA ZAHRA</t>
  </si>
  <si>
    <t>00-Inactive PSSP GPS THATTA LODIKA</t>
  </si>
  <si>
    <t>SUKHEKI GOWAN - MALE</t>
  </si>
  <si>
    <t>THATTA LODIKA</t>
  </si>
  <si>
    <t>BHOBRA</t>
  </si>
  <si>
    <t>ZAHIDA RIAZ</t>
  </si>
  <si>
    <t>00-Inactive PSSP GPS PAR MASOO</t>
  </si>
  <si>
    <t>PAR MASOO</t>
  </si>
  <si>
    <t>NAWAN MANIKA</t>
  </si>
  <si>
    <t>00-Inactive PSSP GGPS THATTAH ASIAN</t>
  </si>
  <si>
    <t>SHAH JAMAL Ã¢â‚¬â€œ FEMALE</t>
  </si>
  <si>
    <t>THATTAH ASIAN</t>
  </si>
  <si>
    <t>UDDOKI</t>
  </si>
  <si>
    <t>SOFIA SHAHBAZ</t>
  </si>
  <si>
    <t>GGPS MUSTAFA ABAD (PSSP)</t>
  </si>
  <si>
    <t>RANG PUR-FEMALE</t>
  </si>
  <si>
    <t>MUSTAF ABAD</t>
  </si>
  <si>
    <t>MIANWALI QURESHIAN</t>
  </si>
  <si>
    <t>Tehmina Bashir</t>
  </si>
  <si>
    <t>GPS CHAK NO. 232/P (PSSP)</t>
  </si>
  <si>
    <t>CHAK NO. 232</t>
  </si>
  <si>
    <t>Chak No. 232/P</t>
  </si>
  <si>
    <t>228/P</t>
  </si>
  <si>
    <t>Amna Sehar</t>
  </si>
  <si>
    <t>GPS CHAK NO. 121/P (PSSP)</t>
  </si>
  <si>
    <t>CHAK NO 121/P</t>
  </si>
  <si>
    <t>Chak No. 121/P</t>
  </si>
  <si>
    <t>GPS BASTI PATWARI (PSSP)</t>
  </si>
  <si>
    <t>Basti Patwari</t>
  </si>
  <si>
    <t>GPS CHAK 54/P (PSSP)</t>
  </si>
  <si>
    <t>CHAK NO. 54/P</t>
  </si>
  <si>
    <t>CHAK 54/P</t>
  </si>
  <si>
    <t>amna khalid</t>
  </si>
  <si>
    <t>00-Inactive PSSP GGPS THATTAH MANAK</t>
  </si>
  <si>
    <t>THATTAH MANAK</t>
  </si>
  <si>
    <t>UDDOKE</t>
  </si>
  <si>
    <t>TAHRA SARWAR</t>
  </si>
  <si>
    <t>00-Inactive PSSP GMPS GHANOKE</t>
  </si>
  <si>
    <t>GHANOKE</t>
  </si>
  <si>
    <t>NAHRIAN WALA</t>
  </si>
  <si>
    <t>MUNAZA NAWAZ</t>
  </si>
  <si>
    <t>00-Inactive PSSP GMPS DERA JAMMUN (MARKAZ SAGAR KALAN)</t>
  </si>
  <si>
    <t>SAGAR KALAN Ã¢â‚¬â€œ FEMALE</t>
  </si>
  <si>
    <t>CHAK AWAN</t>
  </si>
  <si>
    <t>DERA JAMMUN</t>
  </si>
  <si>
    <t>SIDRA SAEED</t>
  </si>
  <si>
    <t>00-Inactive PSSP GPS KALAIR WALA KALAN</t>
  </si>
  <si>
    <t>HAFIZABAD SADAR - MALE</t>
  </si>
  <si>
    <t>KALAIR WALA</t>
  </si>
  <si>
    <t>KALAIR WALA KALAN</t>
  </si>
  <si>
    <t>NIGHAT JABEEN</t>
  </si>
  <si>
    <t>00-Inactive PSSP GGPS SAWAN PURA</t>
  </si>
  <si>
    <t>KOLO TARAR - FEMALE</t>
  </si>
  <si>
    <t>SAWAN PURA</t>
  </si>
  <si>
    <t>DHEERNKE LALKE</t>
  </si>
  <si>
    <t>ZAKIA UMER HAYAT</t>
  </si>
  <si>
    <t>00-Inactive PSSP GPS RAHEEMKE CHATTA</t>
  </si>
  <si>
    <t>RAHEEMKE CHATTA</t>
  </si>
  <si>
    <t>RAM KE CHATTA</t>
  </si>
  <si>
    <t>QURATUL AIN</t>
  </si>
  <si>
    <t>00-Inactive PSSP GMPS NIDALA KHAM</t>
  </si>
  <si>
    <t>NADALA KHAM</t>
  </si>
  <si>
    <t>CHAK KHARAL</t>
  </si>
  <si>
    <t>NABILA BASHIR</t>
  </si>
  <si>
    <t>00-Inactive PSSP GMPS SAGAR KHURD</t>
  </si>
  <si>
    <t>SAGAR KHURD</t>
  </si>
  <si>
    <t>GHULAM ABBASQ</t>
  </si>
  <si>
    <t>00-Inactive PSSP GGPS AHMED PUR</t>
  </si>
  <si>
    <t>AHMED PUR</t>
  </si>
  <si>
    <t>KIRAN SHAHZADI</t>
  </si>
  <si>
    <t>00-Inactive PSSP GGPS PIR KOT SANI</t>
  </si>
  <si>
    <t>PIR KOT SANI</t>
  </si>
  <si>
    <t>DHUNNI</t>
  </si>
  <si>
    <t>WAQAS AHMAD</t>
  </si>
  <si>
    <t>00-Inactive PSSP GGPS BATARAY NO. 1</t>
  </si>
  <si>
    <t>BATARAY NO.1</t>
  </si>
  <si>
    <t>BATARAY NO. 1</t>
  </si>
  <si>
    <t>NEELAM RANI</t>
  </si>
  <si>
    <t>00-Inactive PSSP GPS BHOON KALAN</t>
  </si>
  <si>
    <t>BHOON KALAN</t>
  </si>
  <si>
    <t>KARYALA</t>
  </si>
  <si>
    <t>ALI WAQAS</t>
  </si>
  <si>
    <t>GPS RANDIALI</t>
  </si>
  <si>
    <t>RANDIALI</t>
  </si>
  <si>
    <t>GHANIAN</t>
  </si>
  <si>
    <t>GMPS DAHRAM KOT</t>
  </si>
  <si>
    <t>KOTLI NAWAB - FEMAL</t>
  </si>
  <si>
    <t>DAHRAM KOT</t>
  </si>
  <si>
    <t>DHARAM KOT</t>
  </si>
  <si>
    <t>CHAK RAMDAS</t>
  </si>
  <si>
    <t>NIDA RIAZ</t>
  </si>
  <si>
    <t>GPS (PSSP-II) MC P-BLOCK</t>
  </si>
  <si>
    <t>P BLOCK BUREWALA</t>
  </si>
  <si>
    <t>P BLOCK</t>
  </si>
  <si>
    <t>BUREWALA CITY</t>
  </si>
  <si>
    <t>FAKHRA SHARIF</t>
  </si>
  <si>
    <t>GGPS DHUP SARRI</t>
  </si>
  <si>
    <t>KHUSHAB SOUTH - FEMALE</t>
  </si>
  <si>
    <t>DHUP SARRI</t>
  </si>
  <si>
    <t>DHUP SARI</t>
  </si>
  <si>
    <t>LUKOO</t>
  </si>
  <si>
    <t>MUAZMA BATOOL</t>
  </si>
  <si>
    <t>GPS LAKHGAN KAY BHANGHOOR</t>
  </si>
  <si>
    <t>PHOOL NAGAR - MALE</t>
  </si>
  <si>
    <t>LAKHAGAN KAY BHANGHOOR</t>
  </si>
  <si>
    <t>AKHGAN KAY BHANGHOOR</t>
  </si>
  <si>
    <t>NATHAY KHALSA</t>
  </si>
  <si>
    <t>SHAMIM SHAHEEN</t>
  </si>
  <si>
    <t>GPS NAZIM ABAD (PSSP)</t>
  </si>
  <si>
    <t>AMAN GARH</t>
  </si>
  <si>
    <t>BASTI NAZIM ABAD</t>
  </si>
  <si>
    <t>AMAAN GARH</t>
  </si>
  <si>
    <t>SHAFQAT PERVEEN</t>
  </si>
  <si>
    <t>DHOKE KASIB -I- MALE</t>
  </si>
  <si>
    <t>BARA DARI</t>
  </si>
  <si>
    <t>PO CHAK BASAWA VILLAGE BARA DARI</t>
  </si>
  <si>
    <t>RAKH BALOCH</t>
  </si>
  <si>
    <t>SIDRA NAAZ</t>
  </si>
  <si>
    <t>JHOKE HAJI</t>
  </si>
  <si>
    <t>RIAZ ABAD</t>
  </si>
  <si>
    <t>BHELI</t>
  </si>
  <si>
    <t>GGPS HAIDAR WALA *** PEF</t>
  </si>
  <si>
    <t>RODU SULTAN</t>
  </si>
  <si>
    <t>HAIDER WALA</t>
  </si>
  <si>
    <t>GMPS KHOT KALAN</t>
  </si>
  <si>
    <t>KAMOKE SADAR - FEMAL</t>
  </si>
  <si>
    <t>KHOT KALAN</t>
  </si>
  <si>
    <t>MARI THAKRAN</t>
  </si>
  <si>
    <t>AMMARA RIAZ</t>
  </si>
  <si>
    <t>GGPS THATTI GUNJERA JAUHARABAD</t>
  </si>
  <si>
    <t>THATTI GUNJERA</t>
  </si>
  <si>
    <t>THATHI GANJERA</t>
  </si>
  <si>
    <t>HASSAN PUR</t>
  </si>
  <si>
    <t>AKHTAR MIRZA</t>
  </si>
  <si>
    <t>GPS CHAK NO 2/52</t>
  </si>
  <si>
    <t>CHAK NO. 52/2</t>
  </si>
  <si>
    <t>CHAK NO. 2/52</t>
  </si>
  <si>
    <t>LURKA</t>
  </si>
  <si>
    <t>SADIQA SALEEM</t>
  </si>
  <si>
    <t>GGPS NAZEER ABAD NO.2</t>
  </si>
  <si>
    <t>MEHRAB WALA - FEMALE</t>
  </si>
  <si>
    <t>MEHRAB WALA</t>
  </si>
  <si>
    <t>NAZEER ABAD</t>
  </si>
  <si>
    <t>ISMAIL FAROOQI</t>
  </si>
  <si>
    <t>GPS CHOOK KALAN</t>
  </si>
  <si>
    <t>CHOOK KALAN</t>
  </si>
  <si>
    <t>CHOOK KALAN, P/O QADIRABAD</t>
  </si>
  <si>
    <t>QADIR ABAD</t>
  </si>
  <si>
    <t>MADEEHA ANUM</t>
  </si>
  <si>
    <t>GGPS BANSI</t>
  </si>
  <si>
    <t>BANSI</t>
  </si>
  <si>
    <t>TALOKAR</t>
  </si>
  <si>
    <t>GPS BULLAH PATUANA   ***   PEF</t>
  </si>
  <si>
    <t>BULLAH PATUANA</t>
  </si>
  <si>
    <t>PIR KOT SADHANA</t>
  </si>
  <si>
    <t>NIGHAT NAWAZ</t>
  </si>
  <si>
    <t>GGPS CHAK 61 RB II KHURRIANWALA</t>
  </si>
  <si>
    <t>61 RB II</t>
  </si>
  <si>
    <t>61/RB</t>
  </si>
  <si>
    <t>AMBREEN AKHTAR</t>
  </si>
  <si>
    <t>GGPS ADIALA</t>
  </si>
  <si>
    <t>RAWALPINDI CITY-B - FEMALE</t>
  </si>
  <si>
    <t>ADIALA</t>
  </si>
  <si>
    <t>QURAT UL AIN</t>
  </si>
  <si>
    <t>GGPS (PSSP-II) CHAK NO. 445/EB</t>
  </si>
  <si>
    <t>CHAK N0. 445 EB</t>
  </si>
  <si>
    <t>445 EB</t>
  </si>
  <si>
    <t>ZUBAIDA PERVEEN</t>
  </si>
  <si>
    <t>GGPS BASTI HAJI ABDUR REHMAN</t>
  </si>
  <si>
    <t>KULAB - FEMALE</t>
  </si>
  <si>
    <t>MUD RASHEED</t>
  </si>
  <si>
    <t>BASTI MUD RASHEED</t>
  </si>
  <si>
    <t>KUDHA BAKHSH MAHAR</t>
  </si>
  <si>
    <t>SHEHLA KANWAL</t>
  </si>
  <si>
    <t>CHAK MANAK</t>
  </si>
  <si>
    <t>BASTI GHULAM RASOOOL</t>
  </si>
  <si>
    <t>UCH BUKHARI</t>
  </si>
  <si>
    <t>MUHAMMAD ASIF SULTAN</t>
  </si>
  <si>
    <t>GPS MULKHIANA   ***   PEF</t>
  </si>
  <si>
    <t>MULKHIANA</t>
  </si>
  <si>
    <t>MUKHIANA</t>
  </si>
  <si>
    <t>IRSHAAD FATIMA</t>
  </si>
  <si>
    <t>GPS ARABIC BASTI BANGAN</t>
  </si>
  <si>
    <t>BANGAN</t>
  </si>
  <si>
    <t>BASTI BAGAN</t>
  </si>
  <si>
    <t>ASAD ZAHOOR</t>
  </si>
  <si>
    <t>GPS AALMA SHARQI   ***   PEF</t>
  </si>
  <si>
    <t>AALMA SHARQI</t>
  </si>
  <si>
    <t>ALMA SHARQI</t>
  </si>
  <si>
    <t>TASAWAR ABBAS KHAN</t>
  </si>
  <si>
    <t>2274</t>
  </si>
  <si>
    <t>GGPS 57/4-R</t>
  </si>
  <si>
    <t>BURJ WALA  B - FEMALE</t>
  </si>
  <si>
    <t>CHAK NO.57/4-R</t>
  </si>
  <si>
    <t>57/4-R</t>
  </si>
  <si>
    <t>IQRA ASHAQ</t>
  </si>
  <si>
    <t>GPS (PSSP-II) CHAK NO.73/WB</t>
  </si>
  <si>
    <t>CHAK NO.73/WB</t>
  </si>
  <si>
    <t>73 WB</t>
  </si>
  <si>
    <t>SHITAB GARH</t>
  </si>
  <si>
    <t>IQRA YASMIN</t>
  </si>
  <si>
    <t>GMPS CHAK KACHA *** PEF</t>
  </si>
  <si>
    <t>MAGHIANA</t>
  </si>
  <si>
    <t>MAGHINA CHAK</t>
  </si>
  <si>
    <t>HASNANA</t>
  </si>
  <si>
    <t>NISHA NAHEED</t>
  </si>
  <si>
    <t>GPS WALI DAD NOON   ***   PEF</t>
  </si>
  <si>
    <t>CHAK KACHA</t>
  </si>
  <si>
    <t>WALI DAD NOON</t>
  </si>
  <si>
    <t>SIDRA AJMAL</t>
  </si>
  <si>
    <t>GPS BAKHAT ALI WALA</t>
  </si>
  <si>
    <t>CHAH BAKHAT ALI WALA</t>
  </si>
  <si>
    <t>BAKHAT ALI WALA</t>
  </si>
  <si>
    <t>JATOI JANUBI</t>
  </si>
  <si>
    <t>MIAN RAMESH UL ZAMAN</t>
  </si>
  <si>
    <t>GGPS CHAH LOOSI WALA</t>
  </si>
  <si>
    <t>KARI KOT</t>
  </si>
  <si>
    <t>CHAH LOOSI WALA</t>
  </si>
  <si>
    <t>KARARI KOT</t>
  </si>
  <si>
    <t>SUMAIRA FAROOQ</t>
  </si>
  <si>
    <t>GPS 57/5-L NO.2</t>
  </si>
  <si>
    <t>QADIR ABAD - MALE</t>
  </si>
  <si>
    <t>CHAK NO.57/5-L</t>
  </si>
  <si>
    <t>GES 57/5-L NO.2</t>
  </si>
  <si>
    <t>57/5-L</t>
  </si>
  <si>
    <t>GPS LONGAN WALI</t>
  </si>
  <si>
    <t>NOOR SHAH - MALE</t>
  </si>
  <si>
    <t>LONGAN WALI</t>
  </si>
  <si>
    <t>GES LONGAN WALI</t>
  </si>
  <si>
    <t>KARYAL</t>
  </si>
  <si>
    <t>SHUMAILA ZULIFQAR</t>
  </si>
  <si>
    <t>GPS ROSHAN RAY BASTI ISLAM PUR GULZAR PUR</t>
  </si>
  <si>
    <t>2-GULZAR</t>
  </si>
  <si>
    <t>GMMS ROSHAN RAY BASTI ISLAM PUR GULZAR PUR</t>
  </si>
  <si>
    <t>BOOTAY WALA</t>
  </si>
  <si>
    <t>GGPS GHUNIA</t>
  </si>
  <si>
    <t>SUKHAIL - FEMALE</t>
  </si>
  <si>
    <t>SUKHAIL</t>
  </si>
  <si>
    <t>FAHIM MAHBOOB</t>
  </si>
  <si>
    <t>GGPS MOHALLA BAKHRI</t>
  </si>
  <si>
    <t>SARWAR SHAH</t>
  </si>
  <si>
    <t>DERA NAWAB SAHIB</t>
  </si>
  <si>
    <t>MISBAH NAZ</t>
  </si>
  <si>
    <t>GGPS BASTI SULEMAN</t>
  </si>
  <si>
    <t>SHEIK ROSHAN</t>
  </si>
  <si>
    <t>RAMEESA KHAN</t>
  </si>
  <si>
    <t>GGPS KALLU WALI</t>
  </si>
  <si>
    <t>SIDIQUE ABAD</t>
  </si>
  <si>
    <t>DAIRA NAWAB</t>
  </si>
  <si>
    <t>WAHEEDA BIBI</t>
  </si>
  <si>
    <t>GPS ARABIC BASTI BALOCHAN</t>
  </si>
  <si>
    <t>MUHAMMAD BUKHSH</t>
  </si>
  <si>
    <t>AHMADPUR EAST-I</t>
  </si>
  <si>
    <t>GGPS PEERI WALA</t>
  </si>
  <si>
    <t>PEERI WALA</t>
  </si>
  <si>
    <t>SHAREEN JHANGAR</t>
  </si>
  <si>
    <t>Hina Saeed</t>
  </si>
  <si>
    <t>GPS NO.2 QILA DIDAR SINGH</t>
  </si>
  <si>
    <t>GUJRANWALA SADAR-3 - MAL</t>
  </si>
  <si>
    <t>QILA DIDAR SINGH WALA</t>
  </si>
  <si>
    <t>QILA DIDAR SINGH</t>
  </si>
  <si>
    <t>QILA DIDAR SINGH-II</t>
  </si>
  <si>
    <t>FARWA KANWAL</t>
  </si>
  <si>
    <t>GGPS ALI PUR CHAK NO 6</t>
  </si>
  <si>
    <t>CHUNIAN CITY - FEMALE</t>
  </si>
  <si>
    <t>ALI PUR CHAK NO 6</t>
  </si>
  <si>
    <t>CHAK NO 7 KOTHI WALA</t>
  </si>
  <si>
    <t>GGPS KUTTI</t>
  </si>
  <si>
    <t>KUTTI</t>
  </si>
  <si>
    <t>JAJJA KALAN</t>
  </si>
  <si>
    <t>SIDRA YAQOOB</t>
  </si>
  <si>
    <t>GPS MC BRANCH R SAHIWAL YADGAR</t>
  </si>
  <si>
    <t>SAHIWAL SADAR A - MALE</t>
  </si>
  <si>
    <t>RAILWAY RD SWL</t>
  </si>
  <si>
    <t>GES MC BRANCH R SAHIWAL YADGAR</t>
  </si>
  <si>
    <t>YADGAR CHOWCK</t>
  </si>
  <si>
    <t>DUSERA GROUND</t>
  </si>
  <si>
    <t>SAIMA TAHIR</t>
  </si>
  <si>
    <t>GPS ARABIC ZAHOOR ABAD</t>
  </si>
  <si>
    <t>WAHRHEEL</t>
  </si>
  <si>
    <t>BASTI DAWARJ</t>
  </si>
  <si>
    <t>GGPS MACHRALA</t>
  </si>
  <si>
    <t>MACHRALA</t>
  </si>
  <si>
    <t>SHAZIA SAIN</t>
  </si>
  <si>
    <t>GPS KOT FAZAL DIN</t>
  </si>
  <si>
    <t>KOT FAZAL DIN</t>
  </si>
  <si>
    <t>WAN ADHAN</t>
  </si>
  <si>
    <t>FARHANA GHAFOOR</t>
  </si>
  <si>
    <t>GPS TALWANDI</t>
  </si>
  <si>
    <t>TALWANDI</t>
  </si>
  <si>
    <t>KOT HUSSAIN</t>
  </si>
  <si>
    <t>BAHAR-I-MUSTAFA</t>
  </si>
  <si>
    <t>GGCMS HASIL LAR</t>
  </si>
  <si>
    <t>HASIL LAR</t>
  </si>
  <si>
    <t>RIZWAN ABAD</t>
  </si>
  <si>
    <t>MAHAND SHARIF</t>
  </si>
  <si>
    <t>SHEHZAD HASSAN</t>
  </si>
  <si>
    <t>GMPS GILLAN WALA</t>
  </si>
  <si>
    <t>GILLAN WALA</t>
  </si>
  <si>
    <t>SARAI NOSHEHRA</t>
  </si>
  <si>
    <t>YASMIN MOOJ DIN</t>
  </si>
  <si>
    <t>GGPS PAPIAN</t>
  </si>
  <si>
    <t>CHOUNTRA-A - FEMALE</t>
  </si>
  <si>
    <t>PAPIN</t>
  </si>
  <si>
    <t>PAPIAN</t>
  </si>
  <si>
    <t>CHAK BELI KHAN</t>
  </si>
  <si>
    <t>AROSA MAQSOOD</t>
  </si>
  <si>
    <t>GPS MASJID LOHARAN (PSSP-III)</t>
  </si>
  <si>
    <t>MASJAD LOHARAN</t>
  </si>
  <si>
    <t>masjid loharan</t>
  </si>
  <si>
    <t>MIRZA</t>
  </si>
  <si>
    <t>shela bibi</t>
  </si>
  <si>
    <t>GPS DHAKOO</t>
  </si>
  <si>
    <t>RAKH CHUNIAN - MALE</t>
  </si>
  <si>
    <t>DHAKOO</t>
  </si>
  <si>
    <t>MUHAMMAD IBRAHIM</t>
  </si>
  <si>
    <t>GPS MANSOOR ABAD</t>
  </si>
  <si>
    <t>TAHIR WALI</t>
  </si>
  <si>
    <t>BASTI RAHIM BUKHSH ATRA</t>
  </si>
  <si>
    <t>MUHAMMAD HAMID</t>
  </si>
  <si>
    <t>GPS KHALAS PUR</t>
  </si>
  <si>
    <t>KHALAS PUR</t>
  </si>
  <si>
    <t>NAKKA KHURD</t>
  </si>
  <si>
    <t>SAEEDA MALIK</t>
  </si>
  <si>
    <t>GPS CHAK NO. 31 KB KOT ISMAIL</t>
  </si>
  <si>
    <t>CHAK NO 31 KB KOT ISMAIL</t>
  </si>
  <si>
    <t>KOT ISMAIL</t>
  </si>
  <si>
    <t>MOIN KOT</t>
  </si>
  <si>
    <t>HIRA AZIZ</t>
  </si>
  <si>
    <t>GPS GHULAM RASOOL JHABAIL</t>
  </si>
  <si>
    <t>UZMA MEHNAZ</t>
  </si>
  <si>
    <t>GGPS JABOKSSI</t>
  </si>
  <si>
    <t>GUJAR KHAN B - FEMALE</t>
  </si>
  <si>
    <t>JABOKSSI AWAN</t>
  </si>
  <si>
    <t>JABOKASSI</t>
  </si>
  <si>
    <t>JAND MAHLO</t>
  </si>
  <si>
    <t>NOSHEEN TAHIR</t>
  </si>
  <si>
    <t>GGPS BHADAR PUR</t>
  </si>
  <si>
    <t>BHADAR PUR</t>
  </si>
  <si>
    <t>PINDI KHOKHRAN</t>
  </si>
  <si>
    <t>TANZEELA RANI</t>
  </si>
  <si>
    <t>GGPS NO. 5 CHUNIAN</t>
  </si>
  <si>
    <t>RAKH CHUNIAN - FEMALE</t>
  </si>
  <si>
    <t>HUJRA ROAD CHUNIAN</t>
  </si>
  <si>
    <t>CHUNIAN-II</t>
  </si>
  <si>
    <t>SAIMA ANWAR</t>
  </si>
  <si>
    <t>GGPS DERA KHANAN CHAK NO.202 TDA</t>
  </si>
  <si>
    <t>KARRI KOT</t>
  </si>
  <si>
    <t>KHANAN WALA</t>
  </si>
  <si>
    <t>SARFRAZ AHMED</t>
  </si>
  <si>
    <t>GPS MAHAND</t>
  </si>
  <si>
    <t>MAHAND</t>
  </si>
  <si>
    <t>ZAHID HANIF</t>
  </si>
  <si>
    <t>GMPS KHUDA BUKHSH BHUTTA</t>
  </si>
  <si>
    <t>KOT DADU GALLU</t>
  </si>
  <si>
    <t>BASTI  KHUDA BUKHSH BHUTTA</t>
  </si>
  <si>
    <t>TAUQIR IRSHAD</t>
  </si>
  <si>
    <t>GPS PULL KASAN</t>
  </si>
  <si>
    <t>DHUNNI KALAN -MALE</t>
  </si>
  <si>
    <t>RAIRKA BALA</t>
  </si>
  <si>
    <t>VPO RERKA BALA</t>
  </si>
  <si>
    <t>PULL KESAN</t>
  </si>
  <si>
    <t>GPS CHAK NO.180/M</t>
  </si>
  <si>
    <t>CHAK NO.180/M</t>
  </si>
  <si>
    <t>CHAK 180/M</t>
  </si>
  <si>
    <t>JAMSHEED NAEEM QAMAR</t>
  </si>
  <si>
    <t>SANGLA HILL GHARBI - MALE</t>
  </si>
  <si>
    <t>DERA MANAGAL SINGH</t>
  </si>
  <si>
    <t>MARH BLOCHAN</t>
  </si>
  <si>
    <t>MARH BALOCHAN</t>
  </si>
  <si>
    <t>ROBINA SAYED</t>
  </si>
  <si>
    <t>GGPS WARD NO. 10 QABOOLA</t>
  </si>
  <si>
    <t>QABULA</t>
  </si>
  <si>
    <t>WARD NO.10 QABULA</t>
  </si>
  <si>
    <t>MAQSOOD AALAM</t>
  </si>
  <si>
    <t>GGPS BEHRWAL KHURD</t>
  </si>
  <si>
    <t>BEHRWAL KHURAD</t>
  </si>
  <si>
    <t>KANDO KHARA</t>
  </si>
  <si>
    <t>MUHAMMAD BOOTA</t>
  </si>
  <si>
    <t>GGPS PHURWAL DOLAL</t>
  </si>
  <si>
    <t>GUJAR KHAN-E - FEMALE</t>
  </si>
  <si>
    <t>PHURWAL DOLAL</t>
  </si>
  <si>
    <t>MATUA</t>
  </si>
  <si>
    <t>RAFIA KHATOON</t>
  </si>
  <si>
    <t>GGPS CHAK NO.7 A-SB</t>
  </si>
  <si>
    <t>CHAK NO.7 A-SB</t>
  </si>
  <si>
    <t>DEOWAL</t>
  </si>
  <si>
    <t>MEHVISH NAZIR</t>
  </si>
  <si>
    <t>GMPS HUMBER</t>
  </si>
  <si>
    <t>C. NO.II QADIRABAD - FEMALE</t>
  </si>
  <si>
    <t>HUMBER</t>
  </si>
  <si>
    <t>PO KALAN, VILLAGE HUMBER</t>
  </si>
  <si>
    <t>KHAMB KALAN</t>
  </si>
  <si>
    <t>GGPS MOHALLA RAO SAHBAN</t>
  </si>
  <si>
    <t>KPT CITY</t>
  </si>
  <si>
    <t>SAIMA KANWAL</t>
  </si>
  <si>
    <t>GPS CHAK 228 RB BOGHANI</t>
  </si>
  <si>
    <t>BOGHANI</t>
  </si>
  <si>
    <t>GULSHAN BATOOL</t>
  </si>
  <si>
    <t>GGPS VEHNI WALA</t>
  </si>
  <si>
    <t>VEHNI WAL</t>
  </si>
  <si>
    <t>basti vehni wal</t>
  </si>
  <si>
    <t>PAHAR PUR</t>
  </si>
  <si>
    <t>Shazia  Batool</t>
  </si>
  <si>
    <t>GGPS AMERICAN M. CHRISTIAN TOWN FSD</t>
  </si>
  <si>
    <t>AMERICAN M. CRISTIAN</t>
  </si>
  <si>
    <t>CHRISTIAN TOWN</t>
  </si>
  <si>
    <t>SHAHZAD ALI</t>
  </si>
  <si>
    <t>GPS DARKI BALOCH</t>
  </si>
  <si>
    <t>SONAK BELA</t>
  </si>
  <si>
    <t>BASTI KARAM SHAH</t>
  </si>
  <si>
    <t>DHOOR KOT</t>
  </si>
  <si>
    <t>ADNAN NAWAZ KHAN</t>
  </si>
  <si>
    <t>GGPS MUDWALA KALAN</t>
  </si>
  <si>
    <t>MADO WALA KALAN</t>
  </si>
  <si>
    <t>MUDWALA KALAN</t>
  </si>
  <si>
    <t>SOBIA SAIF ULLAH</t>
  </si>
  <si>
    <t>GMPS PANNU ATARI</t>
  </si>
  <si>
    <t>PANU ATARI</t>
  </si>
  <si>
    <t>PANNU ATARI</t>
  </si>
  <si>
    <t>HABIB PUR</t>
  </si>
  <si>
    <t>SOBIA RASOOL</t>
  </si>
  <si>
    <t>GPS CHAK NO.144/DB</t>
  </si>
  <si>
    <t>CHAK NO.144/DB</t>
  </si>
  <si>
    <t>GGPS JHANGI PHERO</t>
  </si>
  <si>
    <t>JHANGI PHERO</t>
  </si>
  <si>
    <t>TASLEEM AKHTAR</t>
  </si>
  <si>
    <t>GPS JHUGIAN MAKHAN</t>
  </si>
  <si>
    <t>JHUGINA MAKHAN</t>
  </si>
  <si>
    <t>KUBRA MANZOOR</t>
  </si>
  <si>
    <t>GPS CHANO BHOJA</t>
  </si>
  <si>
    <t>CHANDO BHOJA</t>
  </si>
  <si>
    <t>chanu bhoja</t>
  </si>
  <si>
    <t>KOTLA QASIM KHAN</t>
  </si>
  <si>
    <t>shehzadi munir</t>
  </si>
  <si>
    <t>GPS SHAIR PUR JADEED</t>
  </si>
  <si>
    <t>DHANOT</t>
  </si>
  <si>
    <t>BASTI SHER PUR JADEED</t>
  </si>
  <si>
    <t>RAPPAR</t>
  </si>
  <si>
    <t>TASNEEM</t>
  </si>
  <si>
    <t>GPS 30 M KAHOR PACCA</t>
  </si>
  <si>
    <t>CHAK NO. 30 M</t>
  </si>
  <si>
    <t>CHAK NO.30/M</t>
  </si>
  <si>
    <t>CHOKI MASTI KHAN</t>
  </si>
  <si>
    <t>GPS CHAK NO.76/DB CHOLISTAN</t>
  </si>
  <si>
    <t>CHAK NO.76/DB</t>
  </si>
  <si>
    <t>GPS DHALLA VIRK</t>
  </si>
  <si>
    <t>DHALLA VIRK</t>
  </si>
  <si>
    <t>HAIR</t>
  </si>
  <si>
    <t>SAJIDA AKRAM</t>
  </si>
  <si>
    <t>GPS KOT SUNDER SINGH</t>
  </si>
  <si>
    <t>KOT SUNDER SINGH</t>
  </si>
  <si>
    <t>MOKAL</t>
  </si>
  <si>
    <t>AFIFA PARVEEN</t>
  </si>
  <si>
    <t>ABLANI</t>
  </si>
  <si>
    <t>GPS GHOKAL</t>
  </si>
  <si>
    <t>GHOKAL</t>
  </si>
  <si>
    <t>KHOTIAN</t>
  </si>
  <si>
    <t>SAIMA NAZ</t>
  </si>
  <si>
    <t>GPS CHAKRALI BADHAL</t>
  </si>
  <si>
    <t>CHAKRALI BADHAL</t>
  </si>
  <si>
    <t>SHUMAILA SHAHNAZ</t>
  </si>
  <si>
    <t>GPS CHAK NO.137/DNB TIBBI LAKHANI</t>
  </si>
  <si>
    <t>CHAK NO.137/DNB</t>
  </si>
  <si>
    <t>SADIA PARVEEN</t>
  </si>
  <si>
    <t>GGPS 13 GHAGH, ABDUL HAKIM (PEF,PSSP PHASE II)</t>
  </si>
  <si>
    <t>13 GHAGH</t>
  </si>
  <si>
    <t>CHAK NO.6/DH</t>
  </si>
  <si>
    <t>SHAZIA RAFIQUE</t>
  </si>
  <si>
    <t>GGPS MOHLAAN WALA</t>
  </si>
  <si>
    <t>Mohlan Wala</t>
  </si>
  <si>
    <t>KABUTARI</t>
  </si>
  <si>
    <t>Mehwish Ashraf</t>
  </si>
  <si>
    <t>GGPS PURAN PUR</t>
  </si>
  <si>
    <t>EMINABAD - FEMAL</t>
  </si>
  <si>
    <t>PURAN PUR</t>
  </si>
  <si>
    <t>CHIANWALI</t>
  </si>
  <si>
    <t>NAILA SHABBIR</t>
  </si>
  <si>
    <t>GPS GORHA GUJRAN</t>
  </si>
  <si>
    <t>DAULTALA B - MALE</t>
  </si>
  <si>
    <t>GORHA GUJRAN</t>
  </si>
  <si>
    <t>GURRAH GUJRAN</t>
  </si>
  <si>
    <t>DEVI</t>
  </si>
  <si>
    <t>ASMA NOREEN</t>
  </si>
  <si>
    <t>GPS CHAK NO.162-7.R</t>
  </si>
  <si>
    <t>HAROONABAD-VII - MALE</t>
  </si>
  <si>
    <t>CHAK 162/7-R</t>
  </si>
  <si>
    <t>164/7-R</t>
  </si>
  <si>
    <t>Samrin Tariq</t>
  </si>
  <si>
    <t>GPS (PSSP-I) CHAK NO.243/EB</t>
  </si>
  <si>
    <t>CHAK NO.243/EB</t>
  </si>
  <si>
    <t>243 EB</t>
  </si>
  <si>
    <t>NAILA SHAHEEN</t>
  </si>
  <si>
    <t>GGPS MOUZA KACHLUMBA</t>
  </si>
  <si>
    <t>KACHLUMBA</t>
  </si>
  <si>
    <t>JUSSA</t>
  </si>
  <si>
    <t>SAMIA IJAZ</t>
  </si>
  <si>
    <t>GGPS CHHOKAR KALAN</t>
  </si>
  <si>
    <t>CHHOKAR KALAN</t>
  </si>
  <si>
    <t>CHOKAR KALAN</t>
  </si>
  <si>
    <t>HAJI MUHAMMAD</t>
  </si>
  <si>
    <t>MAFIA MOBEEN</t>
  </si>
  <si>
    <t>GPS CHAK BHRIAN</t>
  </si>
  <si>
    <t>CHAK BHRIAN</t>
  </si>
  <si>
    <t>MASROOR</t>
  </si>
  <si>
    <t>Sidhra rani</t>
  </si>
  <si>
    <t>GPS DERA AMIR KHAN</t>
  </si>
  <si>
    <t>CHASHMA BARRAGE - MALE</t>
  </si>
  <si>
    <t>NASEER WALA</t>
  </si>
  <si>
    <t>DERA AMIR KHAN</t>
  </si>
  <si>
    <t>NAZIA IRAM</t>
  </si>
  <si>
    <t>GGPS CHAK 245 GB III FAROOQ ABAD</t>
  </si>
  <si>
    <t>CHAK NO 245 GB III FAROOQ ABAD</t>
  </si>
  <si>
    <t>CHAK 245 GB</t>
  </si>
  <si>
    <t>245/GB</t>
  </si>
  <si>
    <t>KISHWAR NAHID</t>
  </si>
  <si>
    <t>GGPS CHANDAY WALI</t>
  </si>
  <si>
    <t>JAGGA SANTEKA</t>
  </si>
  <si>
    <t>CHANDAY WALI</t>
  </si>
  <si>
    <t>SAWAI WALA</t>
  </si>
  <si>
    <t>SHAHIDA PERVEEN</t>
  </si>
  <si>
    <t>GGCMS CHAK NO. 28/3-R</t>
  </si>
  <si>
    <t>HAROONABAD-VI - FEMALE</t>
  </si>
  <si>
    <t>28/3-R</t>
  </si>
  <si>
    <t>ALI BASHIR</t>
  </si>
  <si>
    <t>GPS CHAK NO.137/6-R</t>
  </si>
  <si>
    <t>137/6-R</t>
  </si>
  <si>
    <t>Musarat Munir</t>
  </si>
  <si>
    <t>GGPS CHAK 71 GB I SATIANA</t>
  </si>
  <si>
    <t>71-GB ATHWAL</t>
  </si>
  <si>
    <t>GURBANA</t>
  </si>
  <si>
    <t>73/GB</t>
  </si>
  <si>
    <t>AQSA IRAM</t>
  </si>
  <si>
    <t>GPS CHAK NO 26/3-R</t>
  </si>
  <si>
    <t>HAROONABAD-V - MALE</t>
  </si>
  <si>
    <t>CHAK NO 26 3R</t>
  </si>
  <si>
    <t>GPS DHOK PHALLY</t>
  </si>
  <si>
    <t>GUJAR KHAN A - MALE</t>
  </si>
  <si>
    <t>ROKHIYA</t>
  </si>
  <si>
    <t>DHOKE PHALLY</t>
  </si>
  <si>
    <t>QAZIAN</t>
  </si>
  <si>
    <t>NOSHARA RAMZAN</t>
  </si>
  <si>
    <t>GPS AUJJO WALI</t>
  </si>
  <si>
    <t>AUJJO WALI</t>
  </si>
  <si>
    <t>AJJO WALI</t>
  </si>
  <si>
    <t>JOURIAN KALAN</t>
  </si>
  <si>
    <t>HUMA IHSAN</t>
  </si>
  <si>
    <t>GGPS CHAK NO.71/DB</t>
  </si>
  <si>
    <t>CHAK NO.71/DB</t>
  </si>
  <si>
    <t>MUHAMMAD SHABAZ</t>
  </si>
  <si>
    <t>GGPS 12/D, ABDUL HAKIM (PEF PSSB PHASE I)</t>
  </si>
  <si>
    <t>12/D DARKHANA</t>
  </si>
  <si>
    <t>12/D</t>
  </si>
  <si>
    <t>CHAK NO.13/DH</t>
  </si>
  <si>
    <t>GPS CHAK NO.120/6-R</t>
  </si>
  <si>
    <t>CHAK NO.120-6.R</t>
  </si>
  <si>
    <t>GGPS AJJO WALI</t>
  </si>
  <si>
    <t>AJJOWALI</t>
  </si>
  <si>
    <t>JAURIAN KALAN</t>
  </si>
  <si>
    <t>ANILA NASEER</t>
  </si>
  <si>
    <t>GPS BASTI JHEDWAN</t>
  </si>
  <si>
    <t>MORHAN WALA</t>
  </si>
  <si>
    <t>BASTI JHEDWAN</t>
  </si>
  <si>
    <t>NOOR SAR</t>
  </si>
  <si>
    <t>ANILA RAO</t>
  </si>
  <si>
    <t>GGPS VEERAM</t>
  </si>
  <si>
    <t>VEERAM</t>
  </si>
  <si>
    <t>MOMAN KALAN</t>
  </si>
  <si>
    <t>RIZWANA ANWAR</t>
  </si>
  <si>
    <t>GMPS NASIR NAGAR *** PEF</t>
  </si>
  <si>
    <t>JALAL PUR KAMLANA</t>
  </si>
  <si>
    <t>BASTI ISLAM</t>
  </si>
  <si>
    <t>GHUMAN MARI</t>
  </si>
  <si>
    <t>RUQIA BB</t>
  </si>
  <si>
    <t>GPS MUSLIM COLONY HAROONABAD</t>
  </si>
  <si>
    <t>Shafia Ijaz</t>
  </si>
  <si>
    <t>GPS MAAN WALA, KABIRWALA (PEF,PSSP PHASE III)</t>
  </si>
  <si>
    <t>MAAN WALA</t>
  </si>
  <si>
    <t>MC  KABIRWALA</t>
  </si>
  <si>
    <t>FAISAL SALEEM</t>
  </si>
  <si>
    <t>GPS (PSSP-I) 149 WB</t>
  </si>
  <si>
    <t>149 WB</t>
  </si>
  <si>
    <t>GULNAZ</t>
  </si>
  <si>
    <t>GGPS QAIM SAHU, SARAI SIDHU (PEF,PSSP PHASE III)</t>
  </si>
  <si>
    <t>QAIM SAHU</t>
  </si>
  <si>
    <t>KOT GOHAR MUHAMMAD</t>
  </si>
  <si>
    <t>FAKHARA</t>
  </si>
  <si>
    <t>GPS CHAK 111 GB JARANWALA FSD</t>
  </si>
  <si>
    <t>CHAK 111 JB</t>
  </si>
  <si>
    <t>CHAK NO. 111 GB</t>
  </si>
  <si>
    <t>112 GB</t>
  </si>
  <si>
    <t>AQSA ASGHAR</t>
  </si>
  <si>
    <t>GMPS FARID ABAD JALAL PUR KAMLANA *** PEF</t>
  </si>
  <si>
    <t>JALAL PUR</t>
  </si>
  <si>
    <t>DABKALAN</t>
  </si>
  <si>
    <t>ZIL HUMA</t>
  </si>
  <si>
    <t>GGPS CHAK NO 65/4-R AZAFI BASTI</t>
  </si>
  <si>
    <t>HAROONABAD-IV - FEMALE</t>
  </si>
  <si>
    <t>65/4-R AB</t>
  </si>
  <si>
    <t>105/6-R</t>
  </si>
  <si>
    <t>Yasmeen Seher</t>
  </si>
  <si>
    <t>GMPS MODEL HAIDER ABAD CHAK 171/2 *** PEF</t>
  </si>
  <si>
    <t>MANGANI SHARIF - FEMALE</t>
  </si>
  <si>
    <t>MANGANI SHARI</t>
  </si>
  <si>
    <t>CHAK NO.171/2</t>
  </si>
  <si>
    <t>CHAK NO.175</t>
  </si>
  <si>
    <t>GPS CHAK NO. 102/F (A)</t>
  </si>
  <si>
    <t>CHISHTIAN-II - MALE</t>
  </si>
  <si>
    <t>102/F</t>
  </si>
  <si>
    <t>CHAK NO. 102/F (A)</t>
  </si>
  <si>
    <t>SAJID JAVED</t>
  </si>
  <si>
    <t>GPS AHMAD WALA, P/O MOHRI PUR, SARAI SIDHU (PEF,PSSP PHASE II)</t>
  </si>
  <si>
    <t>FARID PUR</t>
  </si>
  <si>
    <t>SUMAIRA PERVIN</t>
  </si>
  <si>
    <t>GPS AFZAL HANJRAI</t>
  </si>
  <si>
    <t>HANJRAI</t>
  </si>
  <si>
    <t>HINJRAI</t>
  </si>
  <si>
    <t>02</t>
  </si>
  <si>
    <t>SHAHLA SHAHEEN</t>
  </si>
  <si>
    <t>GPS DERA GOBAND</t>
  </si>
  <si>
    <t>DERA GOBAND</t>
  </si>
  <si>
    <t>JINDOO MISSON</t>
  </si>
  <si>
    <t>NOUREEN AFSHAN</t>
  </si>
  <si>
    <t>D.D. PANAH MUSTAQIL</t>
  </si>
  <si>
    <t>DAWOOD WALA</t>
  </si>
  <si>
    <t>D.D. PANAH MC</t>
  </si>
  <si>
    <t>RAZIA BATOOL</t>
  </si>
  <si>
    <t>GGPS CHAK NO.110/DNB</t>
  </si>
  <si>
    <t>CHAK NO.110/DNB</t>
  </si>
  <si>
    <t>MUNAZA NAHEED</t>
  </si>
  <si>
    <t>GGPS KOT SUKHA *** PEF</t>
  </si>
  <si>
    <t>PIRKOT SADHANA - FEMALE</t>
  </si>
  <si>
    <t>KOT SUKHA</t>
  </si>
  <si>
    <t>FARWA BATOOL</t>
  </si>
  <si>
    <t>CHOA GUNJ ALI SHAH</t>
  </si>
  <si>
    <t>AMNA AMIR</t>
  </si>
  <si>
    <t>GMPS MOHRA CHOHDRIAN</t>
  </si>
  <si>
    <t>MANDRA - FEMALE</t>
  </si>
  <si>
    <t>MOHRA CHUDERIAN</t>
  </si>
  <si>
    <t>SUKHO</t>
  </si>
  <si>
    <t>NAZIA SHAHEEN</t>
  </si>
  <si>
    <t>GGPS GHUGHIANA *** PEF</t>
  </si>
  <si>
    <t>GHUGHIANA</t>
  </si>
  <si>
    <t>GPS THAKRAL, P/O SHER GARH, KABIRWALA (PEF,PSSP PHASE II)</t>
  </si>
  <si>
    <t>BAHADUR WALA</t>
  </si>
  <si>
    <t>CHAK HAIDER ABAD</t>
  </si>
  <si>
    <t>GGPS (PSSP-I) 90 WB</t>
  </si>
  <si>
    <t>90WB</t>
  </si>
  <si>
    <t>90 WB</t>
  </si>
  <si>
    <t>88 WB</t>
  </si>
  <si>
    <t>HIFSA TEHSEEN</t>
  </si>
  <si>
    <t>GGPS KOTLA JANDARAM</t>
  </si>
  <si>
    <t>CHICHAWATNI SADAR B - FEMALE</t>
  </si>
  <si>
    <t>KOTLA JANDARAM</t>
  </si>
  <si>
    <t>112/7-R</t>
  </si>
  <si>
    <t>SUMAIRA BASHIR</t>
  </si>
  <si>
    <t>GGPS CHAK NO.58/DB</t>
  </si>
  <si>
    <t>CHAK NO.58/DB</t>
  </si>
  <si>
    <t>CHAK 57/DB</t>
  </si>
  <si>
    <t>ZENAT MUKHTAR</t>
  </si>
  <si>
    <t>GGPS JEEWAN ABAD *** PEF</t>
  </si>
  <si>
    <t>KOT SAI SINGH - FEMALE</t>
  </si>
  <si>
    <t>DERA M. FAZIL WAINCE</t>
  </si>
  <si>
    <t>CHAK GHUMNANA</t>
  </si>
  <si>
    <t>SHAHEEN ABIDA</t>
  </si>
  <si>
    <t>GPS (PSSP-II) KOT LAKHAN</t>
  </si>
  <si>
    <t>KOT LAKHAN</t>
  </si>
  <si>
    <t>110/WB</t>
  </si>
  <si>
    <t>GGPS BHAWAN SHAH WALA (PEF,PSSP PHASE II)</t>
  </si>
  <si>
    <t>NARHAL - FEMALE</t>
  </si>
  <si>
    <t>GHAGHAR</t>
  </si>
  <si>
    <t>BHAWAN SHAH</t>
  </si>
  <si>
    <t>GGPS CHAK NO.65/DB (N)</t>
  </si>
  <si>
    <t>65/DB(N)</t>
  </si>
  <si>
    <t>SUGHRAN BIBI</t>
  </si>
  <si>
    <t>GGPS THATTI HUMAYOON KI *** PEF</t>
  </si>
  <si>
    <t>THATHI HAMOYUN</t>
  </si>
  <si>
    <t>GMPS BANGAL WALA</t>
  </si>
  <si>
    <t>JHANGI WALA</t>
  </si>
  <si>
    <t>BANGAL WALA</t>
  </si>
  <si>
    <t>SANJAR</t>
  </si>
  <si>
    <t>SHOAIB AKRAM</t>
  </si>
  <si>
    <t>GMPS CHAWAN</t>
  </si>
  <si>
    <t>CHANWAN</t>
  </si>
  <si>
    <t>HASSAMA</t>
  </si>
  <si>
    <t>JHANGI WALI</t>
  </si>
  <si>
    <t>MUHAMMAD RAZIQ</t>
  </si>
  <si>
    <t>GPS CHAK NO.5/BC NEW ABAD</t>
  </si>
  <si>
    <t>CHAK NO.5/BC  NEW AB</t>
  </si>
  <si>
    <t>BASTI KACHOLIAN</t>
  </si>
  <si>
    <t>CHAK  NO. 4/BC</t>
  </si>
  <si>
    <t>MUHAMMAD JAHANGEER</t>
  </si>
  <si>
    <t>GPS MALHU</t>
  </si>
  <si>
    <t>MALHU</t>
  </si>
  <si>
    <t>malhu</t>
  </si>
  <si>
    <t>JOURA JALALPUR</t>
  </si>
  <si>
    <t>Maryam Muzaffar</t>
  </si>
  <si>
    <t>GPS CHAK NO.23/BC-A</t>
  </si>
  <si>
    <t>CHAK NO.23/BC-A</t>
  </si>
  <si>
    <t>CHAK NO.23/BC</t>
  </si>
  <si>
    <t>SAJJAD AHMAD</t>
  </si>
  <si>
    <t>GGPS JAMRANI SHAREEF</t>
  </si>
  <si>
    <t>JAMRANI KEHNA</t>
  </si>
  <si>
    <t>JAMRANI SHAREEF</t>
  </si>
  <si>
    <t>JAMRANI KOHNA</t>
  </si>
  <si>
    <t>ALLHA DITTA</t>
  </si>
  <si>
    <t>GGPS CHAK NO.32/BC (A)</t>
  </si>
  <si>
    <t>CHAK NO.32/BC</t>
  </si>
  <si>
    <t>32/BC</t>
  </si>
  <si>
    <t>4/BC</t>
  </si>
  <si>
    <t>SAJID DILAWAR</t>
  </si>
  <si>
    <t>GPS ARABIC PAKKA SHEIKH SHIJRA</t>
  </si>
  <si>
    <t>PAKKA BARA</t>
  </si>
  <si>
    <t>BASTI JAHANNIAN</t>
  </si>
  <si>
    <t>MARI SHEIKH SHIJRA</t>
  </si>
  <si>
    <t>BHATTIAN</t>
  </si>
  <si>
    <t>Tuba Liaqat</t>
  </si>
  <si>
    <t>GPS GUNJAY MOCHIAN</t>
  </si>
  <si>
    <t>WAHI SHAH MUHAMMAD</t>
  </si>
  <si>
    <t>GANJY MOCHIAN</t>
  </si>
  <si>
    <t>GOTH MEHRAB</t>
  </si>
  <si>
    <t>HAFIZ SULTAN</t>
  </si>
  <si>
    <t>GPS CHAH PATWARI WALA</t>
  </si>
  <si>
    <t>BASTI DARKHANAN</t>
  </si>
  <si>
    <t>ZAWAR HUSSAIN</t>
  </si>
  <si>
    <t>GGPS PANGROT</t>
  </si>
  <si>
    <t>PANGROT</t>
  </si>
  <si>
    <t>SIDRA SHAEEN</t>
  </si>
  <si>
    <t>GPS CHAK NO.20/F.W</t>
  </si>
  <si>
    <t>CHAK NO.20/F.W</t>
  </si>
  <si>
    <t>20/F.W</t>
  </si>
  <si>
    <t>CHAK NO. 71/F</t>
  </si>
  <si>
    <t>SHEER AFGHAN</t>
  </si>
  <si>
    <t>GGPS EID GAH</t>
  </si>
  <si>
    <t>KOTLA FAQIR</t>
  </si>
  <si>
    <t>NAFISA KIRAN</t>
  </si>
  <si>
    <t>GPS DHAL BANGASH</t>
  </si>
  <si>
    <t>DHULL BUNGASH</t>
  </si>
  <si>
    <t>dhal Bangash</t>
  </si>
  <si>
    <t>CHAKORI BHELOWAL</t>
  </si>
  <si>
    <t>syeda samina</t>
  </si>
  <si>
    <t>GPS SHAH PUR</t>
  </si>
  <si>
    <t>M AKBAR</t>
  </si>
  <si>
    <t>GPS BAMTA</t>
  </si>
  <si>
    <t>BAMTA</t>
  </si>
  <si>
    <t>Bamta</t>
  </si>
  <si>
    <t>Touqeer Zahra</t>
  </si>
  <si>
    <t>GGPS CHAK NO 238 TDA</t>
  </si>
  <si>
    <t>238 TDA</t>
  </si>
  <si>
    <t>CHAK NO 238 TDA</t>
  </si>
  <si>
    <t>FATEH PUR Rural</t>
  </si>
  <si>
    <t>Sadia Bashir</t>
  </si>
  <si>
    <t>GGPS CHAK NO 148 TDA BHATTI NAGAR</t>
  </si>
  <si>
    <t>SAMRA THAL</t>
  </si>
  <si>
    <t>BHATTI NAGAR</t>
  </si>
  <si>
    <t>LAYYAH THAL JANDI</t>
  </si>
  <si>
    <t>SHANZA AHMAD</t>
  </si>
  <si>
    <t>GPS CHAK NO 296 TDA</t>
  </si>
  <si>
    <t>296 TDA</t>
  </si>
  <si>
    <t>CHAK NO 296 TDA</t>
  </si>
  <si>
    <t>CHAK NO. 306/TDA</t>
  </si>
  <si>
    <t>Muhammad Aleem Ullah</t>
  </si>
  <si>
    <t>GPS SADAQAT KHAN WALA</t>
  </si>
  <si>
    <t>KOHARA ISRA</t>
  </si>
  <si>
    <t>SADAQAT KHAN WALA</t>
  </si>
  <si>
    <t>SAHO WALA</t>
  </si>
  <si>
    <t>Sayyad Mesam Rasool</t>
  </si>
  <si>
    <t>GPS LAHORIAN</t>
  </si>
  <si>
    <t>lahorian</t>
  </si>
  <si>
    <t>dhuma Malka</t>
  </si>
  <si>
    <t>GGPS SAHO CHAK</t>
  </si>
  <si>
    <t>SAHO CHAK</t>
  </si>
  <si>
    <t>GURHI MALIAN</t>
  </si>
  <si>
    <t>TALHA JABEEN</t>
  </si>
  <si>
    <t>GGPS CHAK NO.10 UCC</t>
  </si>
  <si>
    <t>CHAK NO 10</t>
  </si>
  <si>
    <t>CHAK NO.10 UCC</t>
  </si>
  <si>
    <t>MARH BHANGWAN</t>
  </si>
  <si>
    <t>RABIA SHARIF</t>
  </si>
  <si>
    <t>GGPS RAWALKY</t>
  </si>
  <si>
    <t>RAWALKY</t>
  </si>
  <si>
    <t>CHAK SADA</t>
  </si>
  <si>
    <t>RUQAIYA MEHMOOD</t>
  </si>
  <si>
    <t>GPS BHANI DHILWAN</t>
  </si>
  <si>
    <t>BHANI DHILWAN</t>
  </si>
  <si>
    <t>BHANI KHILWAN</t>
  </si>
  <si>
    <t>BHASEEN</t>
  </si>
  <si>
    <t>NAJMA ILYAS</t>
  </si>
  <si>
    <t>GPS TALWANDI INAYAT KHAN</t>
  </si>
  <si>
    <t>TALWANDI INAYAT KHAN</t>
  </si>
  <si>
    <t>SAMEERA JAVAID</t>
  </si>
  <si>
    <t>GMPS KHOKHRAN WALA *** PEF</t>
  </si>
  <si>
    <t>ANAM NIGHAT</t>
  </si>
  <si>
    <t>GGPS MEHAR DAD WALA</t>
  </si>
  <si>
    <t>EHSAN PUR- FEMALE</t>
  </si>
  <si>
    <t>EHSAN PUR MUSTAQIL</t>
  </si>
  <si>
    <t>MEHAR DAD WALA</t>
  </si>
  <si>
    <t>EHSAN PUR</t>
  </si>
  <si>
    <t>HINA SALEEM</t>
  </si>
  <si>
    <t>GPS PEERO WALA</t>
  </si>
  <si>
    <t>BAROON KASUR</t>
  </si>
  <si>
    <t>MUHAMMAD ABDULLAH</t>
  </si>
  <si>
    <t>GPS KHADIM WALI</t>
  </si>
  <si>
    <t>HANJRAI GHAIR MUSTAQI</t>
  </si>
  <si>
    <t>KHADIM WALI</t>
  </si>
  <si>
    <t>MUHAMMAD AJMAL</t>
  </si>
  <si>
    <t>GGPS PANWAR WALA</t>
  </si>
  <si>
    <t>TIBBA SHARQI</t>
  </si>
  <si>
    <t>NADIA BASHIR</t>
  </si>
  <si>
    <t>GPS PATTO KOHNA</t>
  </si>
  <si>
    <t>BHEDIAN KALAN - MALE</t>
  </si>
  <si>
    <t>PATTO KOHNA</t>
  </si>
  <si>
    <t>BHEDIAN KALAN</t>
  </si>
  <si>
    <t>FOUZIA SABIR</t>
  </si>
  <si>
    <t>4279</t>
  </si>
  <si>
    <t>GMMS BASTI MOHANA</t>
  </si>
  <si>
    <t>KALLAR WALI- MALE</t>
  </si>
  <si>
    <t>KOTLA LAL SHAH</t>
  </si>
  <si>
    <t>BASTI MOHANA</t>
  </si>
  <si>
    <t>MUSARAT YASMEEN</t>
  </si>
  <si>
    <t>GPS JAVED ISLAMIA</t>
  </si>
  <si>
    <t>GUJRANWALA CITY-2 - MAL</t>
  </si>
  <si>
    <t>RASOOL PURA</t>
  </si>
  <si>
    <t>RASOOL PURA BAGHBANPURA</t>
  </si>
  <si>
    <t>SADIA</t>
  </si>
  <si>
    <t>GPS DARS E FAROOQIA</t>
  </si>
  <si>
    <t>IQBAL AHMED</t>
  </si>
  <si>
    <t>GGPS NUNGAL HARSI</t>
  </si>
  <si>
    <t>NUNGAL HARSI</t>
  </si>
  <si>
    <t>MUSA PUR</t>
  </si>
  <si>
    <t>SAMARA KOUSAR</t>
  </si>
  <si>
    <t>GGPS BUKHARI WALA</t>
  </si>
  <si>
    <t>HAFIZ WALA</t>
  </si>
  <si>
    <t>SHAHR SULTAN</t>
  </si>
  <si>
    <t>SHAHER SULTAN CITY</t>
  </si>
  <si>
    <t>SHAZIA MANZOOR</t>
  </si>
  <si>
    <t>GPS MILLAT SADDIQUE COLONY</t>
  </si>
  <si>
    <t>GUJRANWALA CITY-3 - MAL</t>
  </si>
  <si>
    <t>SADDIQUE COLONY</t>
  </si>
  <si>
    <t>GRW-CITY-29</t>
  </si>
  <si>
    <t>ARFA</t>
  </si>
  <si>
    <t>GPS MAL LALU PASRUR</t>
  </si>
  <si>
    <t>MAL LALU</t>
  </si>
  <si>
    <t>MAL LALA</t>
  </si>
  <si>
    <t>UZMA IRAM</t>
  </si>
  <si>
    <t>GGPS EISAY WALA</t>
  </si>
  <si>
    <t>SHAHAR SULTAN</t>
  </si>
  <si>
    <t>ASMA KHALIL</t>
  </si>
  <si>
    <t>GGPS ALI PUR TIBBA</t>
  </si>
  <si>
    <t>ALI PUR TIBBA</t>
  </si>
  <si>
    <t>BHIAN WALA</t>
  </si>
  <si>
    <t>DIYA ASLAM</t>
  </si>
  <si>
    <t>GPS SARWAR ABAD</t>
  </si>
  <si>
    <t>HERO</t>
  </si>
  <si>
    <t>GPS KHOKHAR KE</t>
  </si>
  <si>
    <t>GUJRANWALA CITY-1 - MAL</t>
  </si>
  <si>
    <t>KHOKHAR KE</t>
  </si>
  <si>
    <t>KHOKHARKE</t>
  </si>
  <si>
    <t>ZOOBIA SAGAR</t>
  </si>
  <si>
    <t>GGPS GODHA KHICHI (PSSP)</t>
  </si>
  <si>
    <t>GODHA KACHI</t>
  </si>
  <si>
    <t>GODHA KHICHI</t>
  </si>
  <si>
    <t>FIRDOUS AKHTER</t>
  </si>
  <si>
    <t>GGPS BASTI BHATIAN RYK (PSSP)</t>
  </si>
  <si>
    <t>KOT SAMABA - FEMALE</t>
  </si>
  <si>
    <t>KOT QANDHARA SINGH</t>
  </si>
  <si>
    <t>BASTI BHATTIAN</t>
  </si>
  <si>
    <t>84/P</t>
  </si>
  <si>
    <t>SAIMA ATHAR</t>
  </si>
  <si>
    <t>GGPS JAM NASEER AHMED (PSSP)</t>
  </si>
  <si>
    <t>HASSU WALA</t>
  </si>
  <si>
    <t>BASTI JAAM NASEER AHMED</t>
  </si>
  <si>
    <t>BAGHO BAHAR</t>
  </si>
  <si>
    <t>NARGIS BANO</t>
  </si>
  <si>
    <t>GGPS CHAK NO.10/A (PSSP)</t>
  </si>
  <si>
    <t>CHAK NO 10/A</t>
  </si>
  <si>
    <t>CHAK 10/A</t>
  </si>
  <si>
    <t>NAVEED AKRAM</t>
  </si>
  <si>
    <t>GGPS MOHAN WALI</t>
  </si>
  <si>
    <t>MOHAN WALI</t>
  </si>
  <si>
    <t>DATEWAL</t>
  </si>
  <si>
    <t>RUKHSANA SAQLAIN</t>
  </si>
  <si>
    <t>3308</t>
  </si>
  <si>
    <t>GGPS BASTI RUKAN DIN (PSSP)</t>
  </si>
  <si>
    <t>MAO MUBARAK-FEMALE</t>
  </si>
  <si>
    <t>KOT ZOLFIQAR</t>
  </si>
  <si>
    <t>BASTI RUKAN DIN</t>
  </si>
  <si>
    <t>MAO MUBARAK</t>
  </si>
  <si>
    <t>TAYYABA KOUSAR</t>
  </si>
  <si>
    <t>GGPS CHAK JHANDO MANJ (PSSP)</t>
  </si>
  <si>
    <t>JHANDO MANJ</t>
  </si>
  <si>
    <t>JHANDO MAUNJ</t>
  </si>
  <si>
    <t>AZIZA BANO</t>
  </si>
  <si>
    <t>GPS MOORY 56000 (PSSP)</t>
  </si>
  <si>
    <t>RAHIM YAR KHAN</t>
  </si>
  <si>
    <t>MORI 56000</t>
  </si>
  <si>
    <t>GPS HAJI PUR</t>
  </si>
  <si>
    <t>GGPS 14/G.D MUJAHID PURA (PSSP)</t>
  </si>
  <si>
    <t>MUJAHID PURA</t>
  </si>
  <si>
    <t>14/GD</t>
  </si>
  <si>
    <t>ISRA HABIB</t>
  </si>
  <si>
    <t>GPS KIRAN WALI</t>
  </si>
  <si>
    <t>KIRANWALI</t>
  </si>
  <si>
    <t>KIRAN WALI</t>
  </si>
  <si>
    <t>MEHTA SUJA</t>
  </si>
  <si>
    <t>NUSRAT HANIF</t>
  </si>
  <si>
    <t>GPS PATI QAZI DAJAL</t>
  </si>
  <si>
    <t>DAJAL NO. 2 - MALE</t>
  </si>
  <si>
    <t>PATI QAZI</t>
  </si>
  <si>
    <t>BASTI ISRAN</t>
  </si>
  <si>
    <t>TAL SHUMALI</t>
  </si>
  <si>
    <t>AJMAL SHER</t>
  </si>
  <si>
    <t>GGPS GUL MUHAMMAD NAICH (PSSP)</t>
  </si>
  <si>
    <t>JAN PUR - FEMALE</t>
  </si>
  <si>
    <t>JEN PUR</t>
  </si>
  <si>
    <t>BASTI DAYA</t>
  </si>
  <si>
    <t>FAHMIDA BIBI</t>
  </si>
  <si>
    <t>GPS CHAK 18/1-AL (PSSP)</t>
  </si>
  <si>
    <t>18/1-AL</t>
  </si>
  <si>
    <t>18/1.AL</t>
  </si>
  <si>
    <t>14/1-AL</t>
  </si>
  <si>
    <t>SOBIA MUKHTAR</t>
  </si>
  <si>
    <t>GGPS JUMMAY WALI SMALL (PSSP)</t>
  </si>
  <si>
    <t>BAGHO WALA</t>
  </si>
  <si>
    <t>JAMAY WALI JADEED</t>
  </si>
  <si>
    <t>SONAK</t>
  </si>
  <si>
    <t>MAHAY MUNAWAR</t>
  </si>
  <si>
    <t>GPS DODAY WALA</t>
  </si>
  <si>
    <t>DODAY WALA</t>
  </si>
  <si>
    <t>KHURSHEED AHMAD</t>
  </si>
  <si>
    <t>GPS CHAK 4/1-AL KHURD (PSSP)</t>
  </si>
  <si>
    <t>4 1AL KHURD</t>
  </si>
  <si>
    <t>4/1.AL</t>
  </si>
  <si>
    <t>4/1-AL KALAN</t>
  </si>
  <si>
    <t>SHAISTA SABIR</t>
  </si>
  <si>
    <t>GGPS LUQMAAN ARAIEN (PSSP)</t>
  </si>
  <si>
    <t>MUHAMMAD DAHA - FEMALE</t>
  </si>
  <si>
    <t>MUHAMMAD DAHYA</t>
  </si>
  <si>
    <t>LUQMAN ARAIN</t>
  </si>
  <si>
    <t>MUHAMMAD DAHA</t>
  </si>
  <si>
    <t>NAJMA MUREED</t>
  </si>
  <si>
    <t>GGPS CHAK DHEEDO</t>
  </si>
  <si>
    <t>CHAK DHEEDO</t>
  </si>
  <si>
    <t>KALA KHATAI</t>
  </si>
  <si>
    <t>MEHWISH MUBASHAR</t>
  </si>
  <si>
    <t>GGPS BHATLI</t>
  </si>
  <si>
    <t>BHATLI</t>
  </si>
  <si>
    <t>DEHLRA</t>
  </si>
  <si>
    <t>MISBAH ZAFAR</t>
  </si>
  <si>
    <t>GPS SAID NIAL</t>
  </si>
  <si>
    <t>SABAZ PEER - MALE</t>
  </si>
  <si>
    <t>SAID NIAL</t>
  </si>
  <si>
    <t>SAID NAIL</t>
  </si>
  <si>
    <t>CHARWAH</t>
  </si>
  <si>
    <t>SAEEDA TAHIRA</t>
  </si>
  <si>
    <t>2829</t>
  </si>
  <si>
    <t>GPS JHOKE MAHAR</t>
  </si>
  <si>
    <t>MUHAMMAD PUR (E) - MALE</t>
  </si>
  <si>
    <t>JHOKE MAHAR</t>
  </si>
  <si>
    <t>BURRAY WALA</t>
  </si>
  <si>
    <t>FARHANA TAJ</t>
  </si>
  <si>
    <t>GGPS RATTA PIRAN</t>
  </si>
  <si>
    <t>RATTA PIRAN</t>
  </si>
  <si>
    <t>IQRA IRSHAD</t>
  </si>
  <si>
    <t>GGES CHANI KHARAAL</t>
  </si>
  <si>
    <t>CHANI KHARAAL</t>
  </si>
  <si>
    <t>CHHANI KHARAAL</t>
  </si>
  <si>
    <t>NORANG ABAD</t>
  </si>
  <si>
    <t>NAHEED MUSA</t>
  </si>
  <si>
    <t>GPS KOT JAN MUHAMMAD</t>
  </si>
  <si>
    <t>KOT JAN MUHAMMAD</t>
  </si>
  <si>
    <t>KOT AKBAR ABAD</t>
  </si>
  <si>
    <t>SUMAIRA GILLANI</t>
  </si>
  <si>
    <t>GPS ASMAT ABAD</t>
  </si>
  <si>
    <t>VEHOVA</t>
  </si>
  <si>
    <t>ASMAT ABAD</t>
  </si>
  <si>
    <t>JALLO WALI</t>
  </si>
  <si>
    <t>SHAISTA KUBRA</t>
  </si>
  <si>
    <t>GPS HAYATIAN</t>
  </si>
  <si>
    <t>HAYATIAN</t>
  </si>
  <si>
    <t>GUNAOUR</t>
  </si>
  <si>
    <t>RAZIA IDREES</t>
  </si>
  <si>
    <t>GPS KOT SARDAR LAL DIN P.O HALLAH</t>
  </si>
  <si>
    <t>KOT SARDAR LAL DIN</t>
  </si>
  <si>
    <t>APLA KALAN</t>
  </si>
  <si>
    <t>FARHAT JABEEN</t>
  </si>
  <si>
    <t>GGPS CHURKIN</t>
  </si>
  <si>
    <t>VEHOVA (S) - FEMALE</t>
  </si>
  <si>
    <t>CHURKIN</t>
  </si>
  <si>
    <t>P/O NUTKANI</t>
  </si>
  <si>
    <t>RAZA MUHAMMAD KHAN</t>
  </si>
  <si>
    <t>GPS KIROL</t>
  </si>
  <si>
    <t>KARWOL</t>
  </si>
  <si>
    <t>KIROL</t>
  </si>
  <si>
    <t>BHARTH</t>
  </si>
  <si>
    <t>AASIA SHAMSHAD</t>
  </si>
  <si>
    <t>GPS MANZOOR ABAD HOTI</t>
  </si>
  <si>
    <t>HOTI</t>
  </si>
  <si>
    <t>HOTHI</t>
  </si>
  <si>
    <t>DAJAL</t>
  </si>
  <si>
    <t>HAFIZ ABDUL QAYOOM</t>
  </si>
  <si>
    <t>GPS NO. 2 DAJAL</t>
  </si>
  <si>
    <t>BAKHTIAR AHMAD</t>
  </si>
  <si>
    <t>GPS DHOOP SARI</t>
  </si>
  <si>
    <t>DHOOP SARI</t>
  </si>
  <si>
    <t>FARRAH RAFIQUE</t>
  </si>
  <si>
    <t>GPS KHURSHID ABAD</t>
  </si>
  <si>
    <t>KHURSHID ABAD</t>
  </si>
  <si>
    <t>BEHERWAL KALAN</t>
  </si>
  <si>
    <t>AFSHAN SHAHID</t>
  </si>
  <si>
    <t>GGPS CHAKWAL SOLAHRIAN</t>
  </si>
  <si>
    <t>CHAKWAL SOLAHRIAN</t>
  </si>
  <si>
    <t>CHAKWAL SULEHRIAN</t>
  </si>
  <si>
    <t>SARJAL</t>
  </si>
  <si>
    <t>SHAHIDA ASHFAQ</t>
  </si>
  <si>
    <t>GPS MIR MUHAMMAD OWNER</t>
  </si>
  <si>
    <t>KOTLA GUJAR</t>
  </si>
  <si>
    <t>SAIRA KHURSHEED</t>
  </si>
  <si>
    <t>GPS KOT IBRAHIM</t>
  </si>
  <si>
    <t>KOT IBRAHIM</t>
  </si>
  <si>
    <t>NANGUL BUCHER</t>
  </si>
  <si>
    <t>FAREEHA WARIS</t>
  </si>
  <si>
    <t>GGPS KOT JALAL DIN NO.1</t>
  </si>
  <si>
    <t>KOT JJALAL DIN</t>
  </si>
  <si>
    <t>JAMBER KHURD</t>
  </si>
  <si>
    <t>GGES GAJGAL</t>
  </si>
  <si>
    <t>GAJGAL</t>
  </si>
  <si>
    <t>GGPS GAJGAL</t>
  </si>
  <si>
    <t>SAMRA IQBAL</t>
  </si>
  <si>
    <t>GGPS KHAKKIKI</t>
  </si>
  <si>
    <t>GUJRANWALA CITY-6 - FEMAL</t>
  </si>
  <si>
    <t>KHAKKIKI</t>
  </si>
  <si>
    <t>JALAL BALAGAN</t>
  </si>
  <si>
    <t>MARIA ASHRAF</t>
  </si>
  <si>
    <t>GPS NAWAZ ABAD NO. 2 AZMAT WALA DAJAL</t>
  </si>
  <si>
    <t>BASTI NAZOO MASTOI</t>
  </si>
  <si>
    <t>ANEEZA KANWAL</t>
  </si>
  <si>
    <t>GGPS BASTI CHAO KHAN</t>
  </si>
  <si>
    <t>BASTI CHAO KHAN</t>
  </si>
  <si>
    <t>KHARA</t>
  </si>
  <si>
    <t>ULFAT ASLAM</t>
  </si>
  <si>
    <t>GPS SALEEM ABAD (PSSP)</t>
  </si>
  <si>
    <t>MIAN WALI QURESHIAN - MALE</t>
  </si>
  <si>
    <t>SALEEM ABAD</t>
  </si>
  <si>
    <t>BULAQI WALI</t>
  </si>
  <si>
    <t>AZRA HASHMI</t>
  </si>
  <si>
    <t>GPS KOT BANDA</t>
  </si>
  <si>
    <t>KOT BANDA</t>
  </si>
  <si>
    <t>GPS KOT BANDA P.O. RAJA GHUMAN DASKA , SIALKOT</t>
  </si>
  <si>
    <t>RAJA GHUMMAN</t>
  </si>
  <si>
    <t>SONIA KOUSAR</t>
  </si>
  <si>
    <t>GGPS BAMBHAN NO 2</t>
  </si>
  <si>
    <t>BAMBHAN</t>
  </si>
  <si>
    <t>BHAMBHAN</t>
  </si>
  <si>
    <t>NARI SHUMALI</t>
  </si>
  <si>
    <t>GGPS HAVAILI KHUSH HAL SINGH</t>
  </si>
  <si>
    <t>HAVALI KHUSH HAL SINGH</t>
  </si>
  <si>
    <t>CHEREWAN</t>
  </si>
  <si>
    <t>MUSARAT SALEEM</t>
  </si>
  <si>
    <t>GGPS CHAK 124/NP (PSSP)</t>
  </si>
  <si>
    <t>CHAK 124/NP</t>
  </si>
  <si>
    <t>SHAHEENA IQBAL</t>
  </si>
  <si>
    <t>GPS WADHAWAN</t>
  </si>
  <si>
    <t>KARYAL KALAN - MAL</t>
  </si>
  <si>
    <t>WADHAWAN</t>
  </si>
  <si>
    <t>ABID ABAD</t>
  </si>
  <si>
    <t>JAVARIA NOREEN</t>
  </si>
  <si>
    <t>GGPS JUNMAN SINGH</t>
  </si>
  <si>
    <t>JUNMAN SINGH</t>
  </si>
  <si>
    <t>SUJOWAL</t>
  </si>
  <si>
    <t>GPS MUD DARBARI (PSSP)</t>
  </si>
  <si>
    <t>FARID ABAD</t>
  </si>
  <si>
    <t>BASTI KARIM BUX</t>
  </si>
  <si>
    <t>FATEH PUR KAMAL</t>
  </si>
  <si>
    <t>FAUZIA KANWAL</t>
  </si>
  <si>
    <t>GGPS BASTI JAM MANZOOR AHMED (PSSP)</t>
  </si>
  <si>
    <t>BASTI JAM MANZOOR AHMAD</t>
  </si>
  <si>
    <t>MUQADAS ZIA</t>
  </si>
  <si>
    <t>GPS BASTI ALLAH DINA (PSSP)</t>
  </si>
  <si>
    <t>BASTI ALLAH DINA</t>
  </si>
  <si>
    <t>SADIA AFZAL</t>
  </si>
  <si>
    <t>GPS CHAK NO 72 P (PSSP)</t>
  </si>
  <si>
    <t>CHAK NO 72 P</t>
  </si>
  <si>
    <t>CHAK NO. 72/P</t>
  </si>
  <si>
    <t>CHAK NO. 85/P</t>
  </si>
  <si>
    <t>MAHA SADIQ</t>
  </si>
  <si>
    <t>GPS YAREY WALI</t>
  </si>
  <si>
    <t>RETRA (S) - MALE</t>
  </si>
  <si>
    <t>BASTI CHANDIA</t>
  </si>
  <si>
    <t>AAMIR GHAFOOR</t>
  </si>
  <si>
    <t>GGPS SHAHBAZ PUR EAST (PSSP)</t>
  </si>
  <si>
    <t>ALI DAR</t>
  </si>
  <si>
    <t>JAM ALLAUDIN DAYA</t>
  </si>
  <si>
    <t>BILQUEES BIBI</t>
  </si>
  <si>
    <t>GPS NANOKAY</t>
  </si>
  <si>
    <t>NANOKAY</t>
  </si>
  <si>
    <t>GPS NANOKAY P.O. GLOTIAN KHURD, DASKA, SIALKOT</t>
  </si>
  <si>
    <t>GLOTIAN KHURD</t>
  </si>
  <si>
    <t>ZEENAT BIBI</t>
  </si>
  <si>
    <t>GGPS CHAK NO. 53/A (PSSP)</t>
  </si>
  <si>
    <t>CHAK 53/A</t>
  </si>
  <si>
    <t>MEHBOOB AHMAD</t>
  </si>
  <si>
    <t>GGPS KARHMAN SINGH (PSSP)</t>
  </si>
  <si>
    <t>KARHMAN SINGH</t>
  </si>
  <si>
    <t>BASTI ANWAR ABAD</t>
  </si>
  <si>
    <t>MURTAZA ABAD</t>
  </si>
  <si>
    <t>ANILA AZIZ</t>
  </si>
  <si>
    <t>GPS DAR-UL-ALOOM NAWAN SHAHER</t>
  </si>
  <si>
    <t>MUTFARIQ CHOHAN</t>
  </si>
  <si>
    <t>Nawan shahar</t>
  </si>
  <si>
    <t>ABDUL KAREEM</t>
  </si>
  <si>
    <t>GPS MIR PUR JAGIAN</t>
  </si>
  <si>
    <t>MIR PUR JAGIAN</t>
  </si>
  <si>
    <t>ATTIA</t>
  </si>
  <si>
    <t>GGPS 25 1AL NEW</t>
  </si>
  <si>
    <t>PULL JORIAN - FEMALE</t>
  </si>
  <si>
    <t>25/1 AL</t>
  </si>
  <si>
    <t>25/1.AL</t>
  </si>
  <si>
    <t>GPS CHAK NO 70 P (PSSP)</t>
  </si>
  <si>
    <t>CHAK NO 70 P</t>
  </si>
  <si>
    <t>CHAK NO. 70/P</t>
  </si>
  <si>
    <t>UZMA SHOUKAT</t>
  </si>
  <si>
    <t>GGPS MAJRA WAZIR PUR</t>
  </si>
  <si>
    <t>CHUCHAK - FEMALE</t>
  </si>
  <si>
    <t>MAJRA WAZIR PUR</t>
  </si>
  <si>
    <t>SANA IQBAL</t>
  </si>
  <si>
    <t>GGPS NIAZ ABAD</t>
  </si>
  <si>
    <t>BINDA ISHAQ- FEMALE</t>
  </si>
  <si>
    <t>NIAZ ABAD</t>
  </si>
  <si>
    <t>Basti Faiz Pur</t>
  </si>
  <si>
    <t>BINDA ISHAQ</t>
  </si>
  <si>
    <t>zahra batool</t>
  </si>
  <si>
    <t>GGPS JEWAN SINGH WALA</t>
  </si>
  <si>
    <t>MUSTAFA ABAD - FEMALE</t>
  </si>
  <si>
    <t>JEWAN SINGH</t>
  </si>
  <si>
    <t>SIDRA SHABBIR</t>
  </si>
  <si>
    <t>GPS DHORA RINDAN</t>
  </si>
  <si>
    <t>DHORA RINDAN</t>
  </si>
  <si>
    <t>AQEEL AHMAD</t>
  </si>
  <si>
    <t>GGPS PEER JAFAR LAL (PSSP)</t>
  </si>
  <si>
    <t>BAKHASH ABAD</t>
  </si>
  <si>
    <t>LAL BUX MAHAR</t>
  </si>
  <si>
    <t>BHONG SHARIF</t>
  </si>
  <si>
    <t>MUREED HUSSAIN</t>
  </si>
  <si>
    <t>GPS TILLU GOTH (PSSP)</t>
  </si>
  <si>
    <t>TILLO GOTH - MALE</t>
  </si>
  <si>
    <t>TILLU GOTH</t>
  </si>
  <si>
    <t>BINDOOR ABBASIAN</t>
  </si>
  <si>
    <t>SAIMA QADIR</t>
  </si>
  <si>
    <t>GPS TIBBA KHARA</t>
  </si>
  <si>
    <t>TIBBA KHARA</t>
  </si>
  <si>
    <t>TAYYABA TABBASUM</t>
  </si>
  <si>
    <t>GPS DARA PUR</t>
  </si>
  <si>
    <t>DAD PUR</t>
  </si>
  <si>
    <t>DARA PUR</t>
  </si>
  <si>
    <t>SIDRA MAJEED</t>
  </si>
  <si>
    <t>GPS CHAK NO 168/P (PSSP)</t>
  </si>
  <si>
    <t>SDK CITY - MALE</t>
  </si>
  <si>
    <t>CHAK 168/P</t>
  </si>
  <si>
    <t>MC SADIQABAD - E</t>
  </si>
  <si>
    <t>ROBINA SARDAR</t>
  </si>
  <si>
    <t>GGPS KAMMAN BHUTTA (PSSP)</t>
  </si>
  <si>
    <t>SHAHBAZ PUR - FEMALE</t>
  </si>
  <si>
    <t>kaman BHUTTA</t>
  </si>
  <si>
    <t>BASTI KAMAN BHATTA</t>
  </si>
  <si>
    <t>SABIRA AMEEN</t>
  </si>
  <si>
    <t>GGPS AHAL SULEHRIAN</t>
  </si>
  <si>
    <t>AHAL SULEHRIAN</t>
  </si>
  <si>
    <t>AHALL</t>
  </si>
  <si>
    <t>MISYAL</t>
  </si>
  <si>
    <t>SHAMIM MUSHTAQ</t>
  </si>
  <si>
    <t>GGPS DAJAL NO.4</t>
  </si>
  <si>
    <t>DAJAL NO. 1 - FEMALE</t>
  </si>
  <si>
    <t>FATIMA KHAIR UN NISA</t>
  </si>
  <si>
    <t>GPS BASTI RINDAN</t>
  </si>
  <si>
    <t>BASTI RANDAN</t>
  </si>
  <si>
    <t>KOTLA ESAN</t>
  </si>
  <si>
    <t>GGPS TULSI PUR</t>
  </si>
  <si>
    <t>TULSI PUR</t>
  </si>
  <si>
    <t>NIGHAT YAZDANI</t>
  </si>
  <si>
    <t>GGPS BASTI SALAMU</t>
  </si>
  <si>
    <t>BASTI SALMANI</t>
  </si>
  <si>
    <t>ASIMA PARVEEN</t>
  </si>
  <si>
    <t>GPS KAMBOH COLONY</t>
  </si>
  <si>
    <t>KAMBOH COLONY</t>
  </si>
  <si>
    <t>FAKHIRA ASLAM</t>
  </si>
  <si>
    <t>GMPS KALU WALI</t>
  </si>
  <si>
    <t>KALU WALI</t>
  </si>
  <si>
    <t>PIPNAKHA</t>
  </si>
  <si>
    <t>TAYYABA INTIZAR</t>
  </si>
  <si>
    <t>GGPS JHULKI</t>
  </si>
  <si>
    <t>THATHA UMRA - FEMALE</t>
  </si>
  <si>
    <t>JHULKI</t>
  </si>
  <si>
    <t>KOREKEY</t>
  </si>
  <si>
    <t>TAIBA RAFIQUE</t>
  </si>
  <si>
    <t>GPS BASTI PARI</t>
  </si>
  <si>
    <t>RAKH LANDA IBRAHIM</t>
  </si>
  <si>
    <t>RAKH LUNDA IBRAHIM</t>
  </si>
  <si>
    <t>SHAH NAWAZ</t>
  </si>
  <si>
    <t>GPS RAJ PURA</t>
  </si>
  <si>
    <t>RAJ PURA</t>
  </si>
  <si>
    <t>FOZIA ABBAS</t>
  </si>
  <si>
    <t>GGPS ABID ABAD</t>
  </si>
  <si>
    <t>ISLAMPUR</t>
  </si>
  <si>
    <t>ISLAM PUR</t>
  </si>
  <si>
    <t>HAFIZ MUHAMMAD AKBAR</t>
  </si>
  <si>
    <t>GGPS MIANWALI BANGLA NO.2</t>
  </si>
  <si>
    <t>MIANWALI BANGLA</t>
  </si>
  <si>
    <t>SIRAN WALI</t>
  </si>
  <si>
    <t>SAIRA ASMAT</t>
  </si>
  <si>
    <t>GGPS NIA MANGA</t>
  </si>
  <si>
    <t>NIA MANGA</t>
  </si>
  <si>
    <t>QILA KALAR WALA</t>
  </si>
  <si>
    <t>EHSAN ZAHRA</t>
  </si>
  <si>
    <t>GPS MUSHTARKA MEHRAY WALA</t>
  </si>
  <si>
    <t>FAZILPUR NO. 1 -MALE</t>
  </si>
  <si>
    <t>MUSHTARIKA MEHRAY WALA</t>
  </si>
  <si>
    <t>MUSHTARKA MEHRAY WALA</t>
  </si>
  <si>
    <t>SIKHANI WALA</t>
  </si>
  <si>
    <t>RABIA FAIZ</t>
  </si>
  <si>
    <t>GGPS CHAK 36 MURIDKE</t>
  </si>
  <si>
    <t>CHAK NO 36</t>
  </si>
  <si>
    <t>CHAK 36</t>
  </si>
  <si>
    <t>NOON</t>
  </si>
  <si>
    <t>RAKH HAZRAT WALA</t>
  </si>
  <si>
    <t>BASTI LASHARI</t>
  </si>
  <si>
    <t>NIDA FATIMA</t>
  </si>
  <si>
    <t>JAMPUR NO. 1 - FEMALE</t>
  </si>
  <si>
    <t>GUDARA COLONY</t>
  </si>
  <si>
    <t>GUDARA COLONY JAMPUR</t>
  </si>
  <si>
    <t>JAMPUR WEST</t>
  </si>
  <si>
    <t>ZEENAT SHAMAS</t>
  </si>
  <si>
    <t>GGPS CHAKOO</t>
  </si>
  <si>
    <t>CHAKOO KOTHAY</t>
  </si>
  <si>
    <t>uhammad zahid ishtiaq</t>
  </si>
  <si>
    <t>GPS CHUHAY WALI KHURD</t>
  </si>
  <si>
    <t>CHUHAY WALI</t>
  </si>
  <si>
    <t>CHUHAY WALI KHURD</t>
  </si>
  <si>
    <t>SADIA HALEEMA</t>
  </si>
  <si>
    <t>GGPS DATA ZAIDKA</t>
  </si>
  <si>
    <t>DATA ZAIDKA</t>
  </si>
  <si>
    <t>RAKHSHANDA KANWAL</t>
  </si>
  <si>
    <t>GPS MISHORI EAST</t>
  </si>
  <si>
    <t>KOT MITHAN - MALE</t>
  </si>
  <si>
    <t>POWAS ABAD</t>
  </si>
  <si>
    <t>BASTI MISHORI</t>
  </si>
  <si>
    <t>NOOR PUR MACHI WALA</t>
  </si>
  <si>
    <t>MUHAMMAD WASEEM AHMAD</t>
  </si>
  <si>
    <t>GPS CHAK NO. 43</t>
  </si>
  <si>
    <t>CHAK NO 43</t>
  </si>
  <si>
    <t>CHAK NO. 43</t>
  </si>
  <si>
    <t>CHAK NO.44</t>
  </si>
  <si>
    <t>NAILA AFZAL</t>
  </si>
  <si>
    <t>GPS RAHMOON KAY UPGRADED GMMS RAHMOON KAY</t>
  </si>
  <si>
    <t>FARID KOT - MALE</t>
  </si>
  <si>
    <t>RAHMOON KAY</t>
  </si>
  <si>
    <t>CHAK 15/SP</t>
  </si>
  <si>
    <t>ZAREENA MUHAMMAD ALI</t>
  </si>
  <si>
    <t>GGPS ASWAR KHAN</t>
  </si>
  <si>
    <t>KHAROO DAHIA</t>
  </si>
  <si>
    <t>ASWAR KHAN</t>
  </si>
  <si>
    <t>HASSAN ABBAS RASHID</t>
  </si>
  <si>
    <t>GGPS SIDH</t>
  </si>
  <si>
    <t>SIDH</t>
  </si>
  <si>
    <t>GGPS SIDH P.O DALOWALI</t>
  </si>
  <si>
    <t>DALOWALI</t>
  </si>
  <si>
    <t>GGPS CHEJOWAL JATTAN</t>
  </si>
  <si>
    <t>CHEJOWAL JATTAN</t>
  </si>
  <si>
    <t>chejowal jattan</t>
  </si>
  <si>
    <t>WALI PUR BHORA</t>
  </si>
  <si>
    <t>GPS CHAK NO. 123 GB</t>
  </si>
  <si>
    <t>CHAK NO 123</t>
  </si>
  <si>
    <t>HAWALIAN</t>
  </si>
  <si>
    <t>FARHANA AFZAL</t>
  </si>
  <si>
    <t>GPS DOGRAN KALAN</t>
  </si>
  <si>
    <t>HEAD MARALA - MALE</t>
  </si>
  <si>
    <t>DOGRAN KALAN</t>
  </si>
  <si>
    <t>SONGHAR</t>
  </si>
  <si>
    <t>SAMEERA ABID</t>
  </si>
  <si>
    <t>GPS AZAD KOT (CHOWK MERLA)</t>
  </si>
  <si>
    <t>QABOOLA - MALE</t>
  </si>
  <si>
    <t>AZAD KOT</t>
  </si>
  <si>
    <t>GMMS AZAD KOT (CHOWK MERLA)</t>
  </si>
  <si>
    <t>NUSRAT SAEED</t>
  </si>
  <si>
    <t>GGPS LATIF PUR *** PEF</t>
  </si>
  <si>
    <t>KARI WALA</t>
  </si>
  <si>
    <t>MANSOOR AKHTAR</t>
  </si>
  <si>
    <t>GGPS KAJLIAL</t>
  </si>
  <si>
    <t>KAJLIAL</t>
  </si>
  <si>
    <t>GGPS KAJLIAL P.O. KUNDAN PUR SIALKOT</t>
  </si>
  <si>
    <t>SHAKIL AKRAM</t>
  </si>
  <si>
    <t>98859</t>
  </si>
  <si>
    <t>GGPS JHOKE LAL</t>
  </si>
  <si>
    <t>JHOKE LAL</t>
  </si>
  <si>
    <t>KARAM PUR</t>
  </si>
  <si>
    <t>MUHAMMAD MUKHTAR</t>
  </si>
  <si>
    <t>GES CHAK NO. 5 UCC</t>
  </si>
  <si>
    <t>SHEIKHUPURA-III - MALE</t>
  </si>
  <si>
    <t>CHAK NO 5 UCC</t>
  </si>
  <si>
    <t>GPS CHAK NO. 5 UCC</t>
  </si>
  <si>
    <t>CHAK NO. 5 UCC</t>
  </si>
  <si>
    <t>BAHUMAAN</t>
  </si>
  <si>
    <t>TEHREEM MALIK</t>
  </si>
  <si>
    <t>GGES DERA NOOR MALIK</t>
  </si>
  <si>
    <t>DERA NUR MALIK</t>
  </si>
  <si>
    <t>DERA NOOR MALIK</t>
  </si>
  <si>
    <t>wali pur bora</t>
  </si>
  <si>
    <t>Tayaba</t>
  </si>
  <si>
    <t>GGPS BORI KHEL</t>
  </si>
  <si>
    <t>MUSA KHEL - FEMALE</t>
  </si>
  <si>
    <t>BORI KHEL</t>
  </si>
  <si>
    <t>GGPS BORI KHEL NEAR HOSPITAL</t>
  </si>
  <si>
    <t>GHUNDI</t>
  </si>
  <si>
    <t>SADIA IRUM</t>
  </si>
  <si>
    <t>GGPS 11 MR</t>
  </si>
  <si>
    <t>11/MR</t>
  </si>
  <si>
    <t>11 MR</t>
  </si>
  <si>
    <t>18 MR</t>
  </si>
  <si>
    <t>GGCMS FARID PUR MULTAN SADDAR</t>
  </si>
  <si>
    <t>ARRI WALA</t>
  </si>
  <si>
    <t>18MR</t>
  </si>
  <si>
    <t>SALMA KHATOON</t>
  </si>
  <si>
    <t>GGPS 10 KB</t>
  </si>
  <si>
    <t>10 KB</t>
  </si>
  <si>
    <t>10/KB</t>
  </si>
  <si>
    <t>CHAK 15/KB</t>
  </si>
  <si>
    <t>GPS 8/14-L (SOUTH)</t>
  </si>
  <si>
    <t>KASSOWAL - FEMALE</t>
  </si>
  <si>
    <t>CHACK NO 8/14-L</t>
  </si>
  <si>
    <t>8/14-L</t>
  </si>
  <si>
    <t>GULNAZ PERVEEN</t>
  </si>
  <si>
    <t>GGPS 9 MR MULTAN</t>
  </si>
  <si>
    <t>CHAK NO 9 MR</t>
  </si>
  <si>
    <t>19-MR</t>
  </si>
  <si>
    <t>KHAN PUR MARAL</t>
  </si>
  <si>
    <t>GGPS CHAH MEHR KHAN WALA</t>
  </si>
  <si>
    <t>MIANWALI RURAL - FEMALE</t>
  </si>
  <si>
    <t>GULMERI</t>
  </si>
  <si>
    <t>CHAH MEHR KHAN WALA</t>
  </si>
  <si>
    <t>GULMIRI</t>
  </si>
  <si>
    <t>GPS BUMB WALA</t>
  </si>
  <si>
    <t>KOT PIR SAHADAT</t>
  </si>
  <si>
    <t>BUMB WALA</t>
  </si>
  <si>
    <t>WAHI IMAM BUX</t>
  </si>
  <si>
    <t>MANZOOR HUSSAIN</t>
  </si>
  <si>
    <t>3441</t>
  </si>
  <si>
    <t>GGPS CHAK NO. 2 MB</t>
  </si>
  <si>
    <t>SHADIA - FEMALE</t>
  </si>
  <si>
    <t>CHAK NO. 1-4 MB</t>
  </si>
  <si>
    <t>CHAK NO. 2 MB TEHSIL AND DISTRICT MIANWALI</t>
  </si>
  <si>
    <t>CHAK NO. 2MB</t>
  </si>
  <si>
    <t>WAN BHACHRAN II</t>
  </si>
  <si>
    <t>IJAZ BIBI</t>
  </si>
  <si>
    <t>GPS SHEIKH BILAWAL</t>
  </si>
  <si>
    <t>SHEIKH BILAWAL</t>
  </si>
  <si>
    <t>SHAH BILAWAL</t>
  </si>
  <si>
    <t>ANIFA SHOKUT</t>
  </si>
  <si>
    <t>GGPS TOPAN WALA</t>
  </si>
  <si>
    <t>SHEIKH UMMER- FEMALE</t>
  </si>
  <si>
    <t>DAYA CHOKHA GHARBI</t>
  </si>
  <si>
    <t>KHOPAY WALA</t>
  </si>
  <si>
    <t>DOGAR KALASRA</t>
  </si>
  <si>
    <t>NOREEN FATIMA</t>
  </si>
  <si>
    <t>GGPS MASHORI WALA</t>
  </si>
  <si>
    <t>MASHORI WALA</t>
  </si>
  <si>
    <t>SHAHNAZ FATIMA</t>
  </si>
  <si>
    <t>GGPS JIWANDAY WALA</t>
  </si>
  <si>
    <t>KHERA</t>
  </si>
  <si>
    <t>TAHLI WALA</t>
  </si>
  <si>
    <t>PATTI DAYA CHOKHA</t>
  </si>
  <si>
    <t>FOZIA SHAHBAZ</t>
  </si>
  <si>
    <t>GPS IQBAL ABAD</t>
  </si>
  <si>
    <t>SINAWAN</t>
  </si>
  <si>
    <t>IQBAL ABAD</t>
  </si>
  <si>
    <t>SHEHRISH BIBI</t>
  </si>
  <si>
    <t>GPS GHULAM QADIR</t>
  </si>
  <si>
    <t>CHAH GUJAR WALA</t>
  </si>
  <si>
    <t>GGPS KHUDA BUKHSH MAHAR</t>
  </si>
  <si>
    <t>KHUDA BUKHSH MAHAR</t>
  </si>
  <si>
    <t>KHUDA BAKHSH MAHAR</t>
  </si>
  <si>
    <t>ATTA UL MOHSIN</t>
  </si>
  <si>
    <t>GPS HAIDER SOLGI</t>
  </si>
  <si>
    <t>HAIDER SOLGI</t>
  </si>
  <si>
    <t>GPS WAHI JOGIAN</t>
  </si>
  <si>
    <t>WAHI BHAWAL SHAH</t>
  </si>
  <si>
    <t>WAHI JOGIAN</t>
  </si>
  <si>
    <t>NAEEM AKHTAR</t>
  </si>
  <si>
    <t>GPS GHANNI PUR</t>
  </si>
  <si>
    <t>GHANNI PUR</t>
  </si>
  <si>
    <t>SHAKEELA PARVEEN</t>
  </si>
  <si>
    <t>GGPS YAKI WALI NO 1</t>
  </si>
  <si>
    <t>BASTI SIKHANI</t>
  </si>
  <si>
    <t>YAKAY WALI</t>
  </si>
  <si>
    <t>FAYYAZ AHMED</t>
  </si>
  <si>
    <t>GGPS BASTI GAMAN</t>
  </si>
  <si>
    <t>AZMAT PUR</t>
  </si>
  <si>
    <t>BASTI GAMAN</t>
  </si>
  <si>
    <t>GHALWAN</t>
  </si>
  <si>
    <t>AZRA PERVEEN</t>
  </si>
  <si>
    <t>GPS MALHALI</t>
  </si>
  <si>
    <t>MALHALI ADA MUHAMMAD</t>
  </si>
  <si>
    <t>CHAK 633/TDA</t>
  </si>
  <si>
    <t>CHAK 632/TDA</t>
  </si>
  <si>
    <t>BAHAWAL SHER</t>
  </si>
  <si>
    <t>GPS CHAK NO.636 TDA</t>
  </si>
  <si>
    <t>ARAIN SHARQI</t>
  </si>
  <si>
    <t>CHAK NO.636</t>
  </si>
  <si>
    <t>M.ZAFAR</t>
  </si>
  <si>
    <t>GPS MAIE WALA (CHAK NO. 634/TDA)</t>
  </si>
  <si>
    <t>CHAK NO. 634/TDA</t>
  </si>
  <si>
    <t>RAHIM BAKSH</t>
  </si>
  <si>
    <t>GPS CHAK NO. 641 TDA</t>
  </si>
  <si>
    <t>CHAK NO. 641/TDA</t>
  </si>
  <si>
    <t>CHAK 567/TDA</t>
  </si>
  <si>
    <t>SHUMAILA RAFIQ</t>
  </si>
  <si>
    <t>GGPS CHAK NO. 628 TDA</t>
  </si>
  <si>
    <t>RIAZ ABAD- FEMALE</t>
  </si>
  <si>
    <t>CHAK NO. 628/TDA</t>
  </si>
  <si>
    <t>SAJID RAFIQ</t>
  </si>
  <si>
    <t>4368</t>
  </si>
  <si>
    <t>GPS CHAK NO. 536/TDA</t>
  </si>
  <si>
    <t>CHOWK SARWAR SHAHEED-IV- MALE</t>
  </si>
  <si>
    <t>CHAK NO. 536/TDA</t>
  </si>
  <si>
    <t>SAIMA NASREEN</t>
  </si>
  <si>
    <t>GPS TARBATHI JHANG (PSSP-I)</t>
  </si>
  <si>
    <t>TARBATHI</t>
  </si>
  <si>
    <t>Tarbethi</t>
  </si>
  <si>
    <t>Sofia Benazir</t>
  </si>
  <si>
    <t>GPS GADDA (PSSP-I)</t>
  </si>
  <si>
    <t>GADDA</t>
  </si>
  <si>
    <t>Gadda</t>
  </si>
  <si>
    <t>GULYAL</t>
  </si>
  <si>
    <t>GPS 57/5-L NO-1</t>
  </si>
  <si>
    <t>CHAK NO.57/5-l</t>
  </si>
  <si>
    <t>SUMERA AKRAM</t>
  </si>
  <si>
    <t>GGPS SHAHBAZ PUR (PSSP-II)</t>
  </si>
  <si>
    <t>Shahbaz pur</t>
  </si>
  <si>
    <t>DANDI</t>
  </si>
  <si>
    <t>Narjis Perveen</t>
  </si>
  <si>
    <t>GPS MUSLIM FEROZE WALA ROAD</t>
  </si>
  <si>
    <t>SUKH CHAIN COLONY</t>
  </si>
  <si>
    <t>AQSA NAWAZ</t>
  </si>
  <si>
    <t>GPS WARAKHARAN</t>
  </si>
  <si>
    <t>WARAKHARAN</t>
  </si>
  <si>
    <t>WARA KAHANRA</t>
  </si>
  <si>
    <t>SULTANKAY</t>
  </si>
  <si>
    <t>GPS 167 WB</t>
  </si>
  <si>
    <t>167 WB</t>
  </si>
  <si>
    <t>MEHWISH MUNIR</t>
  </si>
  <si>
    <t>GPS HAVALI PORIAN</t>
  </si>
  <si>
    <t>HAVAILI PORIAN</t>
  </si>
  <si>
    <t>HAVELI POORIAN</t>
  </si>
  <si>
    <t>RUKKAN</t>
  </si>
  <si>
    <t>SAJIDA LATEEF</t>
  </si>
  <si>
    <t>GPS TRIDDIAN WALA</t>
  </si>
  <si>
    <t>TRIDDIAN WALA</t>
  </si>
  <si>
    <t>GURNA</t>
  </si>
  <si>
    <t>QAMAR BIBI</t>
  </si>
  <si>
    <t>GPS CHAK NO.108/DB JINNAH ABADI</t>
  </si>
  <si>
    <t>CHAK NO.108/DB JINNA</t>
  </si>
  <si>
    <t>CHAK NO 108/DB</t>
  </si>
  <si>
    <t>ISHRAT MUNIR</t>
  </si>
  <si>
    <t>GGPS FEROZ WALI (PSSP-II)</t>
  </si>
  <si>
    <t>FEROZ WALI</t>
  </si>
  <si>
    <t>Feroz wali</t>
  </si>
  <si>
    <t>Hameeda Bibi</t>
  </si>
  <si>
    <t>GPS KOT CHAND KHAN</t>
  </si>
  <si>
    <t>KOT CHAND KHAN</t>
  </si>
  <si>
    <t>CHAK NO.18</t>
  </si>
  <si>
    <t>NAZIA HANIF</t>
  </si>
  <si>
    <t>GPS AL-HUSSAIN DODHA</t>
  </si>
  <si>
    <t>DHODA</t>
  </si>
  <si>
    <t>DODHA</t>
  </si>
  <si>
    <t>BUSHRA MUSHTAQ</t>
  </si>
  <si>
    <t>GPS BASTI SULEMAN GUJRAN</t>
  </si>
  <si>
    <t>BASTI SULEMAN GUJRAN</t>
  </si>
  <si>
    <t>BAHADAR PURA</t>
  </si>
  <si>
    <t>SONIA BASHIR</t>
  </si>
  <si>
    <t>GGPS DHOK JHANGI (PSSP-III)</t>
  </si>
  <si>
    <t>Dhok Jhangi</t>
  </si>
  <si>
    <t>Rabia Yasmin</t>
  </si>
  <si>
    <t>GPS DERA NAWAZ</t>
  </si>
  <si>
    <t>DERA NAWAZ</t>
  </si>
  <si>
    <t>HAVELI DAIM</t>
  </si>
  <si>
    <t>GOHAR</t>
  </si>
  <si>
    <t>ALIA FIRDOUS</t>
  </si>
  <si>
    <t>GPS (PSSP-II) CHEENA</t>
  </si>
  <si>
    <t>CHEENA</t>
  </si>
  <si>
    <t>SHAHEEN BIBI</t>
  </si>
  <si>
    <t>GGPS CHAK NO.88 NB DERA KHAN MOHAMMAD WALA</t>
  </si>
  <si>
    <t>PULL 78-NB - FEMALE</t>
  </si>
  <si>
    <t>88 SHUMALI</t>
  </si>
  <si>
    <t>DERA KHAN MOHAMMAD WALA</t>
  </si>
  <si>
    <t>CHAK 100/NB</t>
  </si>
  <si>
    <t>MEHVISH ANDLEEB</t>
  </si>
  <si>
    <t>GGPS 87A/6-R MANDALI</t>
  </si>
  <si>
    <t>QUTAB SHAHANA - FEMALE</t>
  </si>
  <si>
    <t>CHAK 87-A/6-R MANDALI</t>
  </si>
  <si>
    <t>87-A/6-R</t>
  </si>
  <si>
    <t>ASMAT KHURSHEED</t>
  </si>
  <si>
    <t>GPS ALAMGER WALA JAMALI</t>
  </si>
  <si>
    <t>JAMALI (MALE)</t>
  </si>
  <si>
    <t>JAMALI</t>
  </si>
  <si>
    <t>SANOBER IQBAL</t>
  </si>
  <si>
    <t>GGPS MURADYAL</t>
  </si>
  <si>
    <t>GUJAR KHAN-D - FEMALE</t>
  </si>
  <si>
    <t>MURADYAL</t>
  </si>
  <si>
    <t>MURADIAL</t>
  </si>
  <si>
    <t>TABASSAM AMBREEN</t>
  </si>
  <si>
    <t>GPS BOSAL MASOOR</t>
  </si>
  <si>
    <t>BOSAL MASOOR</t>
  </si>
  <si>
    <t>PO BOSAL MASOOR</t>
  </si>
  <si>
    <t>BOSAL</t>
  </si>
  <si>
    <t>FARHAT PERVEEN</t>
  </si>
  <si>
    <t>jagiyal</t>
  </si>
  <si>
    <t>sadia</t>
  </si>
  <si>
    <t>GPS CHHANI RAHEEM SHAH</t>
  </si>
  <si>
    <t>CHHANI RAHEEM SHAH</t>
  </si>
  <si>
    <t>CHANNI RAHIM SHAH</t>
  </si>
  <si>
    <t>KADHAR SHARIF</t>
  </si>
  <si>
    <t>SYED MAHREEN SAMRA</t>
  </si>
  <si>
    <t>CHAK MUGARI</t>
  </si>
  <si>
    <t>SAFAN PUR</t>
  </si>
  <si>
    <t>SHAH MUHAMMAD</t>
  </si>
  <si>
    <t>GGPS KAMANDERIAL</t>
  </si>
  <si>
    <t>KAMNDERIAL</t>
  </si>
  <si>
    <t>KAMANDERIAL</t>
  </si>
  <si>
    <t>GHUNGRILA</t>
  </si>
  <si>
    <t>NAGINA UMAR</t>
  </si>
  <si>
    <t>GPS CHAK 95 JB I</t>
  </si>
  <si>
    <t>NIA LAHORE MALE</t>
  </si>
  <si>
    <t>95 JB GEHRI</t>
  </si>
  <si>
    <t>281/JB</t>
  </si>
  <si>
    <t>ADILA BASHART</t>
  </si>
  <si>
    <t>GPS (PSSP-II) 152 EB</t>
  </si>
  <si>
    <t>152/E.B</t>
  </si>
  <si>
    <t>152 EB</t>
  </si>
  <si>
    <t>NOSHEEN BIBI</t>
  </si>
  <si>
    <t>GGPS BERHAMAN ABAD</t>
  </si>
  <si>
    <t>BARKI - FEMALE</t>
  </si>
  <si>
    <t>BRHAMAN ABAD</t>
  </si>
  <si>
    <t>BERHMAN ABAD</t>
  </si>
  <si>
    <t>GOWHIND</t>
  </si>
  <si>
    <t>SABA SHAFIQ</t>
  </si>
  <si>
    <t>GPS GOHAR THARKHANA WALI</t>
  </si>
  <si>
    <t>GOHAR THARKHANA WALI</t>
  </si>
  <si>
    <t>GHUMMAN KEY</t>
  </si>
  <si>
    <t>SONIA SARWAR</t>
  </si>
  <si>
    <t>GPS WARANBANGURO</t>
  </si>
  <si>
    <t>WARANBANGURO</t>
  </si>
  <si>
    <t>WARA BANGRO</t>
  </si>
  <si>
    <t>SHAKIRA MUNAWAR</t>
  </si>
  <si>
    <t>GPS 66/5-L</t>
  </si>
  <si>
    <t>BURJ WALA A - MALE</t>
  </si>
  <si>
    <t>66/5-L</t>
  </si>
  <si>
    <t>67/5-L</t>
  </si>
  <si>
    <t>SHAFIA PERVEEN</t>
  </si>
  <si>
    <t>GPS NO.1 ASSIAN WALA</t>
  </si>
  <si>
    <t>ASSIAN WALA</t>
  </si>
  <si>
    <t>CHAK 50/NB</t>
  </si>
  <si>
    <t>HUMERA SARWAR</t>
  </si>
  <si>
    <t>GGPS CHOUNTARIAN</t>
  </si>
  <si>
    <t>JAND-FEMALE</t>
  </si>
  <si>
    <t>CHOUNTRIAN</t>
  </si>
  <si>
    <t>CHOUNTIRAN</t>
  </si>
  <si>
    <t>GGPS MC NO.10 GUJRANWALA</t>
  </si>
  <si>
    <t>GULSHAN ABAD</t>
  </si>
  <si>
    <t>TAHIRA AMIR</t>
  </si>
  <si>
    <t>GPS CHAK NO 17 UCC</t>
  </si>
  <si>
    <t>CHAK NO 17</t>
  </si>
  <si>
    <t>CHAK NO 17 UCC</t>
  </si>
  <si>
    <t>MADIHA GHUMAN</t>
  </si>
  <si>
    <t>GGPS AKBAR ABAD</t>
  </si>
  <si>
    <t>MIAN SAHIB</t>
  </si>
  <si>
    <t>JALALA ABAD</t>
  </si>
  <si>
    <t>RIMSHA KHADIM</t>
  </si>
  <si>
    <t>GPS SHAH WALA SHUMALI</t>
  </si>
  <si>
    <t>QUAIDABAD WEST - MALE</t>
  </si>
  <si>
    <t>UTTRA</t>
  </si>
  <si>
    <t>SHAH WALA SHUMALI</t>
  </si>
  <si>
    <t>UTRA</t>
  </si>
  <si>
    <t>GGPS CHAK NO.112 NB MANGLA DAM</t>
  </si>
  <si>
    <t>CHAK NO.112 NB</t>
  </si>
  <si>
    <t>MANGLA ABADI</t>
  </si>
  <si>
    <t>CHAK 103/NB</t>
  </si>
  <si>
    <t>ASIA AKHTAR</t>
  </si>
  <si>
    <t>GPS KHUMB KHURD</t>
  </si>
  <si>
    <t>KHUMB KHURD</t>
  </si>
  <si>
    <t>PO KHUMB KHURD</t>
  </si>
  <si>
    <t>SIDRA ARSHAD</t>
  </si>
  <si>
    <t>GGES BAIRO WALI</t>
  </si>
  <si>
    <t>BAIRO WALI</t>
  </si>
  <si>
    <t>Bairowali</t>
  </si>
  <si>
    <t>RABIA KALAN</t>
  </si>
  <si>
    <t>Shakeela Kanwal</t>
  </si>
  <si>
    <t>GPS DHOK SUKHWAL (PSSP-III)</t>
  </si>
  <si>
    <t>SUKHWAL</t>
  </si>
  <si>
    <t>Zobia Naz</t>
  </si>
  <si>
    <t>GPS RAKH BURJ</t>
  </si>
  <si>
    <t>RAKH BURJ</t>
  </si>
  <si>
    <t>ABDUL GHAFAR</t>
  </si>
  <si>
    <t>GPS CHAK 274 RB II FSD CHHIMMA</t>
  </si>
  <si>
    <t>DIJKOT 1 - MALE</t>
  </si>
  <si>
    <t>CHHEEMA</t>
  </si>
  <si>
    <t>CHHIMMA</t>
  </si>
  <si>
    <t>IQRA ZAHID</t>
  </si>
  <si>
    <t>GMPS SADRA BADRA</t>
  </si>
  <si>
    <t>SADRA BADRA</t>
  </si>
  <si>
    <t>GPS CHAK NO.70 NB</t>
  </si>
  <si>
    <t>CHAK NO.70 NB</t>
  </si>
  <si>
    <t>HYDER ABAD TOWN</t>
  </si>
  <si>
    <t>WASEEM AKRAM</t>
  </si>
  <si>
    <t>GGPS CHAH MURAD</t>
  </si>
  <si>
    <t>CHAH MURAD</t>
  </si>
  <si>
    <t>GPS CHAK NO.75/F</t>
  </si>
  <si>
    <t>CHAK NO.75/F</t>
  </si>
  <si>
    <t>CHAK NO 71/F</t>
  </si>
  <si>
    <t>MUHAMMAD ADNAN WAHID</t>
  </si>
  <si>
    <t>GPS UDHERA BANGLA</t>
  </si>
  <si>
    <t>UDHERA BANGLA</t>
  </si>
  <si>
    <t>QURESHIAN WALA</t>
  </si>
  <si>
    <t>IFFAT FATIMA</t>
  </si>
  <si>
    <t>GPS CHAK NO. 252 REHMAN ABAD</t>
  </si>
  <si>
    <t>layyah</t>
  </si>
  <si>
    <t>SIDRA KOMAL</t>
  </si>
  <si>
    <t>GGPS PATTI KASHMIR</t>
  </si>
  <si>
    <t>PATTI KASHMIR</t>
  </si>
  <si>
    <t>OLD KAHNA</t>
  </si>
  <si>
    <t>AYESHA MUHAMMAD ALI</t>
  </si>
  <si>
    <t>GPS CHAK NO.42/DB (W)</t>
  </si>
  <si>
    <t>CHAK NO.42/DB(W)</t>
  </si>
  <si>
    <t>42/DB(W)</t>
  </si>
  <si>
    <t>44/DB</t>
  </si>
  <si>
    <t>IQRA UROJ IJAZ</t>
  </si>
  <si>
    <t>GPS CHANDAIR</t>
  </si>
  <si>
    <t>CHANDAIR</t>
  </si>
  <si>
    <t>MINHALA</t>
  </si>
  <si>
    <t>RAMILA YOUNAS</t>
  </si>
  <si>
    <t>GPS DHOK HAJI AHMED CHAK NO.74 NB</t>
  </si>
  <si>
    <t>CHAK NO.74 NB</t>
  </si>
  <si>
    <t>CHAK 67/NB</t>
  </si>
  <si>
    <t>IQRA ANWAR</t>
  </si>
  <si>
    <t>4172</t>
  </si>
  <si>
    <t>GGPS KHAGALI</t>
  </si>
  <si>
    <t>DHOKRI (FEMALE)</t>
  </si>
  <si>
    <t>KHAGALI</t>
  </si>
  <si>
    <t>SARFRAZ</t>
  </si>
  <si>
    <t>GPS RAKH DAFFAR NO. 1 CHAK NO.24</t>
  </si>
  <si>
    <t>CHAK 24</t>
  </si>
  <si>
    <t>CHAK NO. 24</t>
  </si>
  <si>
    <t>MONA SYEDAN</t>
  </si>
  <si>
    <t>IRRUM TAQI</t>
  </si>
  <si>
    <t>GPS CHAK 87 JB</t>
  </si>
  <si>
    <t>87 /JB</t>
  </si>
  <si>
    <t>87 JB</t>
  </si>
  <si>
    <t>88 JB</t>
  </si>
  <si>
    <t>TAHSEEN ABAD</t>
  </si>
  <si>
    <t>GPS MOHRA KASS</t>
  </si>
  <si>
    <t>S.A.GIR III - MALE</t>
  </si>
  <si>
    <t>MOHRA KASS</t>
  </si>
  <si>
    <t>mora khss</t>
  </si>
  <si>
    <t>MANDI BHALWAL</t>
  </si>
  <si>
    <t>saima rani</t>
  </si>
  <si>
    <t>GGPS MACHANA</t>
  </si>
  <si>
    <t>MACHANA</t>
  </si>
  <si>
    <t>AKI KAY</t>
  </si>
  <si>
    <t>FATIMA BIBI</t>
  </si>
  <si>
    <t>GGPS CHAK NO. 269/2 *** PEF</t>
  </si>
  <si>
    <t>CHAK NO.269</t>
  </si>
  <si>
    <t>CHAK NO. 262 EAST</t>
  </si>
  <si>
    <t>KOT SAI SINGH</t>
  </si>
  <si>
    <t>AQSA MUBEEN</t>
  </si>
  <si>
    <t>GPS CHAH JAN MOHAMMAD WALA   ***   PEF</t>
  </si>
  <si>
    <t>BASTI MALAH</t>
  </si>
  <si>
    <t>GPS MAL AWAN</t>
  </si>
  <si>
    <t>MAL AWAN</t>
  </si>
  <si>
    <t>MALAWAM</t>
  </si>
  <si>
    <t>CHANGA BANGIAL</t>
  </si>
  <si>
    <t>TANIA BIBI</t>
  </si>
  <si>
    <t>GPS CHAK NO.256/HR</t>
  </si>
  <si>
    <t>FORT ABBAS-I - MALE</t>
  </si>
  <si>
    <t>256-HR</t>
  </si>
  <si>
    <t>GGPS JHALEY</t>
  </si>
  <si>
    <t>JHALEY</t>
  </si>
  <si>
    <t>SEHRISH ALI</t>
  </si>
  <si>
    <t>GMPS MAJRA</t>
  </si>
  <si>
    <t>MAJRA</t>
  </si>
  <si>
    <t>SOBIA NOREEN</t>
  </si>
  <si>
    <t>GGPS SARNAKA</t>
  </si>
  <si>
    <t>PAIL MIRZA-FEMALE</t>
  </si>
  <si>
    <t>SARNAKA</t>
  </si>
  <si>
    <t>PAIL BANNAY KHAN</t>
  </si>
  <si>
    <t>ZAINAB BIBI</t>
  </si>
  <si>
    <t>GPS KARKAN MOUZA KHARAL AZIM THAL</t>
  </si>
  <si>
    <t>KHARIL AZAM</t>
  </si>
  <si>
    <t>kharal azeem</t>
  </si>
  <si>
    <t>kot sultan rural</t>
  </si>
  <si>
    <t>Shafqat abid</t>
  </si>
  <si>
    <t>GMPS CHAK NO. 239/9-R</t>
  </si>
  <si>
    <t>FORT ABBAS-IV - FEMALE</t>
  </si>
  <si>
    <t>239-9R</t>
  </si>
  <si>
    <t>238/9R</t>
  </si>
  <si>
    <t>Madiha Farooq</t>
  </si>
  <si>
    <t>GGPS BAGHI DHANOT KEHROR PACCA</t>
  </si>
  <si>
    <t>NOOR SHAH GILLANI-FEMALE</t>
  </si>
  <si>
    <t>NALAY WALA</t>
  </si>
  <si>
    <t>MUHAMMAD IQBAL TAHIR</t>
  </si>
  <si>
    <t>GPS MULA PUR</t>
  </si>
  <si>
    <t>MULA PUR</t>
  </si>
  <si>
    <t>ABIDYA TAHREEM</t>
  </si>
  <si>
    <t>GPS CHAK GHANIAN</t>
  </si>
  <si>
    <t>WARD NO 11</t>
  </si>
  <si>
    <t>CHHAPRAN</t>
  </si>
  <si>
    <t>S.ALAMGIR-II</t>
  </si>
  <si>
    <t>ASMAT BATOOL</t>
  </si>
  <si>
    <t>GGPS MUDKAY</t>
  </si>
  <si>
    <t>MAD KAY</t>
  </si>
  <si>
    <t>MUDKAY</t>
  </si>
  <si>
    <t>GMPS SHER GARH *** PEF</t>
  </si>
  <si>
    <t>SHAIR GARH</t>
  </si>
  <si>
    <t>ASIMA MAZHAR ABBAS</t>
  </si>
  <si>
    <t>GPS SARWAR WALA</t>
  </si>
  <si>
    <t>CHAK NO. 532/TDA</t>
  </si>
  <si>
    <t>CHAK NO.539</t>
  </si>
  <si>
    <t>GGPS ABADI CHAK SHUMALI *** PEF</t>
  </si>
  <si>
    <t>CHAK SHUMALI</t>
  </si>
  <si>
    <t>SHAZIA KOUSAR</t>
  </si>
  <si>
    <t>GPS KALA DOHRA (PSSP)</t>
  </si>
  <si>
    <t>BASTI KALA DOHRA</t>
  </si>
  <si>
    <t>SABA WARIS</t>
  </si>
  <si>
    <t>GGPS TUBE WELL GHULAM QASIM</t>
  </si>
  <si>
    <t>KANARY</t>
  </si>
  <si>
    <t>TUBE WALI</t>
  </si>
  <si>
    <t>KACHI SHAHANI</t>
  </si>
  <si>
    <t>SAMIA TABSUM</t>
  </si>
  <si>
    <t>GGPS TAMGHAY WALI</t>
  </si>
  <si>
    <t>MAKWAL</t>
  </si>
  <si>
    <t>BASTI DAI WALI</t>
  </si>
  <si>
    <t>BAIR BAND</t>
  </si>
  <si>
    <t>MUKHTAR AHMED</t>
  </si>
  <si>
    <t>GGPS BHORAY OTHEY</t>
  </si>
  <si>
    <t>BHORAY OTHEY</t>
  </si>
  <si>
    <t>LADHEKEY</t>
  </si>
  <si>
    <t>SAMRINA ZULFIQAR</t>
  </si>
  <si>
    <t>GGPS BASTI KHUDAI NO.1</t>
  </si>
  <si>
    <t>DHANKA GHARO</t>
  </si>
  <si>
    <t>BASTI MUHAMMAD MURAD</t>
  </si>
  <si>
    <t>DHAKHNA GHARU</t>
  </si>
  <si>
    <t>MUHAMMAD SHABIR</t>
  </si>
  <si>
    <t>2788</t>
  </si>
  <si>
    <t>GPS MOSAM WALA</t>
  </si>
  <si>
    <t>MINCHIN ABAD-V - MALE</t>
  </si>
  <si>
    <t>MOSAM WALA</t>
  </si>
  <si>
    <t>SAID ALI</t>
  </si>
  <si>
    <t>Farzana Falik Sher</t>
  </si>
  <si>
    <t>GPS (PSSP-I) 575/EB</t>
  </si>
  <si>
    <t>CHAK NO.575 EB</t>
  </si>
  <si>
    <t>575 EB</t>
  </si>
  <si>
    <t>519 EB</t>
  </si>
  <si>
    <t>QAISAR NAVEEF</t>
  </si>
  <si>
    <t>GPS DHERI ANWAL</t>
  </si>
  <si>
    <t>DHERI ANWAL</t>
  </si>
  <si>
    <t>IFFAT SHAHEEN</t>
  </si>
  <si>
    <t>GGPS DADIAN</t>
  </si>
  <si>
    <t>DADIAN</t>
  </si>
  <si>
    <t>Ghota Fathe Garh</t>
  </si>
  <si>
    <t>Brya Nazir</t>
  </si>
  <si>
    <t>GGPS RANNI WALA   ***   PEF</t>
  </si>
  <si>
    <t>RANI WALA</t>
  </si>
  <si>
    <t>GPS DARAY WALA RUSTAM SARGANA *** PEF</t>
  </si>
  <si>
    <t>H.B SHAH - MALE</t>
  </si>
  <si>
    <t>RUSTOM SARGANA</t>
  </si>
  <si>
    <t>DARAY WALA</t>
  </si>
  <si>
    <t>AASIA BB</t>
  </si>
  <si>
    <t>GES BHULLAR MARIWALA</t>
  </si>
  <si>
    <t>BHULLAR MARIWALA</t>
  </si>
  <si>
    <t>GPS BHULLAR MARIWALA</t>
  </si>
  <si>
    <t>BHULLAR MARI WALI</t>
  </si>
  <si>
    <t>AQSA BAWO</t>
  </si>
  <si>
    <t>REHMAN PURA</t>
  </si>
  <si>
    <t>NIDDOKAY</t>
  </si>
  <si>
    <t>Jweria Aziz ur. rehman</t>
  </si>
  <si>
    <t>GPS MOZA SHER MUHAMMAD</t>
  </si>
  <si>
    <t>BAHAWALNAGAR-VIII - MALE</t>
  </si>
  <si>
    <t>SHER MUHAMMAD</t>
  </si>
  <si>
    <t>Akkan Wali</t>
  </si>
  <si>
    <t>Jand Wala</t>
  </si>
  <si>
    <t>Abdull Qadir Shaheen</t>
  </si>
  <si>
    <t>GGPS MOUZA BUKHRI KEHROR PACCA</t>
  </si>
  <si>
    <t>BUKHRI</t>
  </si>
  <si>
    <t>BASTI NALA</t>
  </si>
  <si>
    <t>SHAHPUR PHUL</t>
  </si>
  <si>
    <t>FARZANA PERVEEN</t>
  </si>
  <si>
    <t>GGPS ROPER</t>
  </si>
  <si>
    <t>ROPER</t>
  </si>
  <si>
    <t>KATTARI</t>
  </si>
  <si>
    <t>SOHAN</t>
  </si>
  <si>
    <t>SHUMAILA KANWAL</t>
  </si>
  <si>
    <t>GGPS CHAH ZARKANI WALA</t>
  </si>
  <si>
    <t>CHAH ZARKANI WALA</t>
  </si>
  <si>
    <t>FAHAT SHAHEEN</t>
  </si>
  <si>
    <t>GPS WASU ASTANA   ***   PEF</t>
  </si>
  <si>
    <t>WASU ASTANA</t>
  </si>
  <si>
    <t>WASU</t>
  </si>
  <si>
    <t>NADIA PARVEEN</t>
  </si>
  <si>
    <t>GPS CHAK 656/7 GB I</t>
  </si>
  <si>
    <t>CHAK 656/7 GB I</t>
  </si>
  <si>
    <t>CHAK NO. 656/7 GB</t>
  </si>
  <si>
    <t>657/8 GB</t>
  </si>
  <si>
    <t>RASHIDA</t>
  </si>
  <si>
    <t>GPS KHEWA BAJWA</t>
  </si>
  <si>
    <t>KHEWA BAJWA</t>
  </si>
  <si>
    <t>KALASWALA</t>
  </si>
  <si>
    <t>TAIBA YOUNAS</t>
  </si>
  <si>
    <t>GPS TIBBA SADAT</t>
  </si>
  <si>
    <t>SHEIKH DUGGAR</t>
  </si>
  <si>
    <t>TIBA SADAT</t>
  </si>
  <si>
    <t>GADOLA</t>
  </si>
  <si>
    <t>GGPS NOQABIL WAH NO.1</t>
  </si>
  <si>
    <t>NOQABIL WAH</t>
  </si>
  <si>
    <t>BASTI RANG BHRA</t>
  </si>
  <si>
    <t>IQRA SHAD</t>
  </si>
  <si>
    <t>GGPS BIDHAR</t>
  </si>
  <si>
    <t>IMRANA BEGUM</t>
  </si>
  <si>
    <t>GGPS PINDI LATTIAN</t>
  </si>
  <si>
    <t>TANDA I - FEMALE</t>
  </si>
  <si>
    <t>PINDI LATTIAN</t>
  </si>
  <si>
    <t>tanda 1</t>
  </si>
  <si>
    <t>CHAK KAMALA</t>
  </si>
  <si>
    <t>syeda aaisha</t>
  </si>
  <si>
    <t>GGPS (PSSP-II) PEER BOKHAN</t>
  </si>
  <si>
    <t>PEER BOKHAN</t>
  </si>
  <si>
    <t>PEER BOKHLAN</t>
  </si>
  <si>
    <t>ZAHIDA KOUSAR</t>
  </si>
  <si>
    <t>GGPS JHANDAY WAL</t>
  </si>
  <si>
    <t>JHANDAY WAL</t>
  </si>
  <si>
    <t>JHANDAYWALA</t>
  </si>
  <si>
    <t>SAROKI</t>
  </si>
  <si>
    <t>IMRAN AZIZ</t>
  </si>
  <si>
    <t>GGPS CHAK NO. 400/TDA</t>
  </si>
  <si>
    <t>CHAK NO.400/TDA</t>
  </si>
  <si>
    <t>400tda</t>
  </si>
  <si>
    <t>CHOWK AZAM-I</t>
  </si>
  <si>
    <t>Maqsood Bibi</t>
  </si>
  <si>
    <t>GGPS KOTLI MUHAMMAD SADDIQUE</t>
  </si>
  <si>
    <t>KOTLI MUHAMMAD SADDIQUE</t>
  </si>
  <si>
    <t>MOTI MUGLAN</t>
  </si>
  <si>
    <t>FALEEZ PUR</t>
  </si>
  <si>
    <t>Asmat Abbas</t>
  </si>
  <si>
    <t>GGPS 18- C/7-R</t>
  </si>
  <si>
    <t>CHAK NO 18-C/7-R</t>
  </si>
  <si>
    <t>18- C/7-R</t>
  </si>
  <si>
    <t>UZMA PARVEEN</t>
  </si>
  <si>
    <t>GPS TURBAT PUR</t>
  </si>
  <si>
    <t>GHULHAAR</t>
  </si>
  <si>
    <t>RIND JADA</t>
  </si>
  <si>
    <t>GAHI MAMMER</t>
  </si>
  <si>
    <t>GGPS CHAK 63 GB EAST JARANWALA</t>
  </si>
  <si>
    <t>MOTI WALA</t>
  </si>
  <si>
    <t>63/GB</t>
  </si>
  <si>
    <t>NIDA WAQAT</t>
  </si>
  <si>
    <t>GGPS (PSSP-II) STATION ASHRAF SHAH</t>
  </si>
  <si>
    <t>ASHRAF SHAH</t>
  </si>
  <si>
    <t>ALI WAH</t>
  </si>
  <si>
    <t>GGPS DHIBBA CHINGI</t>
  </si>
  <si>
    <t>CHINGI</t>
  </si>
  <si>
    <t>BHILOMAR</t>
  </si>
  <si>
    <t>GPS DHOK LAR</t>
  </si>
  <si>
    <t>LAR</t>
  </si>
  <si>
    <t>JHATLA</t>
  </si>
  <si>
    <t>HAMEEDA KHATOON</t>
  </si>
  <si>
    <t>GMPS THEH SAHARAN</t>
  </si>
  <si>
    <t>THEH SAHARAN</t>
  </si>
  <si>
    <t>NAZIA</t>
  </si>
  <si>
    <t>GPS CHAK 76/NP (PSSP)</t>
  </si>
  <si>
    <t>76/N.P</t>
  </si>
  <si>
    <t>BADAL PUR</t>
  </si>
  <si>
    <t>SADIA BIBI</t>
  </si>
  <si>
    <t>GPS CHAK SADHANA</t>
  </si>
  <si>
    <t>CHAK SADHANA</t>
  </si>
  <si>
    <t>RAJA JANG BEROON</t>
  </si>
  <si>
    <t>SHAZIA SAAD</t>
  </si>
  <si>
    <t>GPS CHAK NO 188 TDA</t>
  </si>
  <si>
    <t>BHAKKAR HQ</t>
  </si>
  <si>
    <t>CHAK NO 188/TDA</t>
  </si>
  <si>
    <t>CHAK NO 183 TDA</t>
  </si>
  <si>
    <t>MUHAMMAD MEHBOOB ALAM</t>
  </si>
  <si>
    <t>SERISHTA THAL</t>
  </si>
  <si>
    <t>169tda</t>
  </si>
  <si>
    <t>sajjad hussain</t>
  </si>
  <si>
    <t>GPS NO. 5 TALAGANG</t>
  </si>
  <si>
    <t>DHOK SIRAL</t>
  </si>
  <si>
    <t>TALAGANG SHARAQ</t>
  </si>
  <si>
    <t>SHUMAILA GULFAREEN</t>
  </si>
  <si>
    <t>GPS 345/WB</t>
  </si>
  <si>
    <t>QUTABPUR-MALE</t>
  </si>
  <si>
    <t>345/WB</t>
  </si>
  <si>
    <t>CHAK 345/WB</t>
  </si>
  <si>
    <t>CHAK 357/WB</t>
  </si>
  <si>
    <t>GPS CHAK 95 GB</t>
  </si>
  <si>
    <t>PULL 93 GB - MALE</t>
  </si>
  <si>
    <t>TAJ PUR</t>
  </si>
  <si>
    <t>95 GB</t>
  </si>
  <si>
    <t>97/GB</t>
  </si>
  <si>
    <t>IRUM MUNEER</t>
  </si>
  <si>
    <t>GPS DAL PURA</t>
  </si>
  <si>
    <t>DAL PURA</t>
  </si>
  <si>
    <t>KOTLI RAI ABUBAKAR</t>
  </si>
  <si>
    <t>ASIA MAQBOOL</t>
  </si>
  <si>
    <t>GPS CHITTAN</t>
  </si>
  <si>
    <t>CHITIAN</t>
  </si>
  <si>
    <t>CHITTAN</t>
  </si>
  <si>
    <t>MONAN</t>
  </si>
  <si>
    <t>ASIA NASIR</t>
  </si>
  <si>
    <t>GGPS SHEIKH WAH</t>
  </si>
  <si>
    <t>SHEIKH WAH</t>
  </si>
  <si>
    <t>ASGHAR ALI ADIL</t>
  </si>
  <si>
    <t>GMPS KOT MOJ DIN</t>
  </si>
  <si>
    <t>KOT MOJ DIN</t>
  </si>
  <si>
    <t>kot moj din</t>
  </si>
  <si>
    <t>Ammara Asad</t>
  </si>
  <si>
    <t>GGPS MONGA WALA NO.1 KABIRWALA (PEF,PSSP PHASE III)</t>
  </si>
  <si>
    <t>MOHANA WALA</t>
  </si>
  <si>
    <t>NEELAM ZAHRA</t>
  </si>
  <si>
    <t>GPS 45 JB I</t>
  </si>
  <si>
    <t>CHAK NO 45 JB I</t>
  </si>
  <si>
    <t>MAJORAN WALA</t>
  </si>
  <si>
    <t>QADAR KAY</t>
  </si>
  <si>
    <t>KANWAL SHEHAZADI</t>
  </si>
  <si>
    <t>GPS CHAK NO 67 ML</t>
  </si>
  <si>
    <t>CHAK NO 67/ML</t>
  </si>
  <si>
    <t>67/ML</t>
  </si>
  <si>
    <t>MASOOD SADIQ</t>
  </si>
  <si>
    <t>GGPS 361/WB EAST</t>
  </si>
  <si>
    <t>361/WB EAST</t>
  </si>
  <si>
    <t>CHAK NO.361/WB</t>
  </si>
  <si>
    <t>CHAK 360/WB</t>
  </si>
  <si>
    <t>MUHAMMAD HABIB</t>
  </si>
  <si>
    <t>GGPS SHAIKH QURASHAN</t>
  </si>
  <si>
    <t>SHAIKH QURASHAN</t>
  </si>
  <si>
    <t>sheikh Qurashan</t>
  </si>
  <si>
    <t>shamsa Kanwal</t>
  </si>
  <si>
    <t>GGPS CHAK NO 45 JB</t>
  </si>
  <si>
    <t>THEAM</t>
  </si>
  <si>
    <t>THEEM</t>
  </si>
  <si>
    <t>SADIA NAZ</t>
  </si>
  <si>
    <t>GPS CHAK NO 66 ML</t>
  </si>
  <si>
    <t>CHAK NO 66</t>
  </si>
  <si>
    <t>66 ML</t>
  </si>
  <si>
    <t>NABEELA IRSHAD</t>
  </si>
  <si>
    <t>GGPS ARA</t>
  </si>
  <si>
    <t>ARA</t>
  </si>
  <si>
    <t>AARA</t>
  </si>
  <si>
    <t>DOMELI</t>
  </si>
  <si>
    <t>NABILA KOUSAR</t>
  </si>
  <si>
    <t>GGPS DERA UTRA PO BHAKKAR</t>
  </si>
  <si>
    <t>BASTI KHOWAJA ABAD</t>
  </si>
  <si>
    <t>SIAL</t>
  </si>
  <si>
    <t>AFSHEEN ASLAM</t>
  </si>
  <si>
    <t>GPS DHOK MUSLIM</t>
  </si>
  <si>
    <t>S.A.GIR II - MALE</t>
  </si>
  <si>
    <t>DHOK MUSLIM</t>
  </si>
  <si>
    <t>S.A.GIR II</t>
  </si>
  <si>
    <t>KHOHAR</t>
  </si>
  <si>
    <t>KIRN REHMAN</t>
  </si>
  <si>
    <t>GPS BASTI GOHAR ABAD (PSSP)</t>
  </si>
  <si>
    <t>NAZAM ABAD</t>
  </si>
  <si>
    <t>BASTI GOHAR ABAD</t>
  </si>
  <si>
    <t>BAHODI PUR QURESHIAN</t>
  </si>
  <si>
    <t>HIJAB ZAHRA</t>
  </si>
  <si>
    <t>GGPS PINDI TATAR</t>
  </si>
  <si>
    <t>PINDI TATAR</t>
  </si>
  <si>
    <t>KATHALA CHENAB</t>
  </si>
  <si>
    <t>AMMRA KANWAL</t>
  </si>
  <si>
    <t>GPS BASTI YAR MOHAMMAD (PSSP)</t>
  </si>
  <si>
    <t>ABAD PUR - MALE</t>
  </si>
  <si>
    <t>DUNYA PUR GANGA</t>
  </si>
  <si>
    <t>BASTI YAR MUHAMMAD</t>
  </si>
  <si>
    <t>YASMEEN AKHTAR</t>
  </si>
  <si>
    <t>GPS CHAK NO. 50 NP (PSSP)</t>
  </si>
  <si>
    <t>CHAK NO 50 NP</t>
  </si>
  <si>
    <t>CHAK 50/NP</t>
  </si>
  <si>
    <t>ABAD PUR</t>
  </si>
  <si>
    <t>GPS DHANDLA</t>
  </si>
  <si>
    <t>DHANDLA</t>
  </si>
  <si>
    <t>KOLIAN SHAH HUSSAIN</t>
  </si>
  <si>
    <t>IFRA BIBI</t>
  </si>
  <si>
    <t>GPS FATEH PUR</t>
  </si>
  <si>
    <t>s a gir II</t>
  </si>
  <si>
    <t>puran</t>
  </si>
  <si>
    <t>shamim razzaq</t>
  </si>
  <si>
    <t>GGPS SHAH PUR CANAL COLONY (PSSP)</t>
  </si>
  <si>
    <t>111/P</t>
  </si>
  <si>
    <t>RYK CITY</t>
  </si>
  <si>
    <t>MC R.Y.KHAN - B</t>
  </si>
  <si>
    <t>MEHVISH BAIG</t>
  </si>
  <si>
    <t>GGPS CHINGUIS</t>
  </si>
  <si>
    <t>CHINGS</t>
  </si>
  <si>
    <t>s a gir I</t>
  </si>
  <si>
    <t>poraan</t>
  </si>
  <si>
    <t>bushra noreen</t>
  </si>
  <si>
    <t>GGPS 13/9-R, KACHA KHUH (PEF,PSSP PHASE II)</t>
  </si>
  <si>
    <t>DANGARAN WALA</t>
  </si>
  <si>
    <t>BASTI WARYAM WALA</t>
  </si>
  <si>
    <t>CHAK NO.14/9-R</t>
  </si>
  <si>
    <t>GGPS KARU SHAH WALA</t>
  </si>
  <si>
    <t>KHOKHAR ISRAR NASHEEB</t>
  </si>
  <si>
    <t>KARU SHAH WALA</t>
  </si>
  <si>
    <t>GMPS CHAK GIL</t>
  </si>
  <si>
    <t>CHAK GIL</t>
  </si>
  <si>
    <t>LANGAY</t>
  </si>
  <si>
    <t>SADAF ZAHRA</t>
  </si>
  <si>
    <t>GPS PAARI WALA NO.1 AZIZ ABAD, KHANEWAL (PEF,PSSP PHASE III)</t>
  </si>
  <si>
    <t>BASTI AZIZABAD</t>
  </si>
  <si>
    <t>CHAK NO. BHEROWAL</t>
  </si>
  <si>
    <t>SHUMAILA NAZIR</t>
  </si>
  <si>
    <t>GGES 55/15-L, P/O 56/15-L, MIAN CHANNU (PEF,PSSP PHASE II)</t>
  </si>
  <si>
    <t>CHAWRIAN WALA</t>
  </si>
  <si>
    <t>GGPS 55/15-L, P/O 56/15-L, MIAN CHANNU (PEF,PSSP PHASE II)</t>
  </si>
  <si>
    <t>55/15-L</t>
  </si>
  <si>
    <t>CHAK NO.57/15-L</t>
  </si>
  <si>
    <t>RUBINA KOUSAR</t>
  </si>
  <si>
    <t>GGPS TIBBA MARILA</t>
  </si>
  <si>
    <t>KHOKHARA  ISRA THAL</t>
  </si>
  <si>
    <t>TIBBA MARILA</t>
  </si>
  <si>
    <t>Rehana Mushtaq</t>
  </si>
  <si>
    <t>GPS KOT MIANA</t>
  </si>
  <si>
    <t>KUNJAH II - MALE</t>
  </si>
  <si>
    <t>KOT MIANA</t>
  </si>
  <si>
    <t>GMPS JARAHI, TULAMBA (PEF,PSSP PHASE II)</t>
  </si>
  <si>
    <t>JARAHI</t>
  </si>
  <si>
    <t>SAIMA BIBI</t>
  </si>
  <si>
    <t>GGPS CHAK NO. 100 TDA NASIR SHAH</t>
  </si>
  <si>
    <t>CHAK NO. 100 TDA NASIR SHAH</t>
  </si>
  <si>
    <t>GPS KHOKHAR ISRA</t>
  </si>
  <si>
    <t>GGPS BASTI GASOORI (NEW)</t>
  </si>
  <si>
    <t>BUCHI WALA</t>
  </si>
  <si>
    <t>BASTI GASOORI</t>
  </si>
  <si>
    <t>JAMPUR (S) NO. 2 - FEMALE</t>
  </si>
  <si>
    <t>RUSTAM LAGHARI</t>
  </si>
  <si>
    <t>RUSTUM LAGHARI</t>
  </si>
  <si>
    <t>ABIDA BIBI</t>
  </si>
  <si>
    <t>GGPS BASTI SIKHANI</t>
  </si>
  <si>
    <t>GHALAB SHAH</t>
  </si>
  <si>
    <t>BASTI NOON</t>
  </si>
  <si>
    <t>GGPS ADHI WALA</t>
  </si>
  <si>
    <t>DAKKAR</t>
  </si>
  <si>
    <t>DUKKAR</t>
  </si>
  <si>
    <t>GPS PIR CHATTAR</t>
  </si>
  <si>
    <t>CHAK NO.109/ML</t>
  </si>
  <si>
    <t>PIR CHATTAR</t>
  </si>
  <si>
    <t>FATEH RURAL</t>
  </si>
  <si>
    <t>Muhammad Rizwan Jalal</t>
  </si>
  <si>
    <t>GGPS CHAK NO.94-A/TDA</t>
  </si>
  <si>
    <t>CHAK NO.94-A/TDA</t>
  </si>
  <si>
    <t>KAROR THAL JANDI</t>
  </si>
  <si>
    <t>GPS CHAK NO. 94-A TDA</t>
  </si>
  <si>
    <t>CHAK NO 101 TDA</t>
  </si>
  <si>
    <t>CHAK NO. 94-A TDA</t>
  </si>
  <si>
    <t>GPS CHAK NO. 221/ TDA</t>
  </si>
  <si>
    <t>MOG GAR</t>
  </si>
  <si>
    <t>CHAK NO. 221/ TDA</t>
  </si>
  <si>
    <t>GPS CHAK NO 267 TDA</t>
  </si>
  <si>
    <t>267 TDA</t>
  </si>
  <si>
    <t>CHAK NO 267 TDA</t>
  </si>
  <si>
    <t>CHAK NO. 112/ML</t>
  </si>
  <si>
    <t>Muhammad Naeem Anwer</t>
  </si>
  <si>
    <t>GPS CHAK NO 497 TDA</t>
  </si>
  <si>
    <t>SHAIR GARAH</t>
  </si>
  <si>
    <t>CHAK NO 497 TDA</t>
  </si>
  <si>
    <t>Shair Ali</t>
  </si>
  <si>
    <t>GGPS MUHAMMAD HUSSAIN WALA</t>
  </si>
  <si>
    <t>KHAIRY WALA</t>
  </si>
  <si>
    <t>MUHAMMAD HUSSAIN WALA</t>
  </si>
  <si>
    <t>KHAIRAY WALA</t>
  </si>
  <si>
    <t>GGPS MUHAMMAD AFZAL</t>
  </si>
  <si>
    <t>TIBBI SOLGI</t>
  </si>
  <si>
    <t>HUMAIRA IJAZ</t>
  </si>
  <si>
    <t>GGPS MIANI JATTAN</t>
  </si>
  <si>
    <t>BASTI NAWAZ KHAN</t>
  </si>
  <si>
    <t>FATIMA SHAFI</t>
  </si>
  <si>
    <t>GGPS MEHRIAN PUR</t>
  </si>
  <si>
    <t>RAJANPUR NO. 1 - FEMALE</t>
  </si>
  <si>
    <t>MEHRIAN PUR</t>
  </si>
  <si>
    <t>MEERAN PUR</t>
  </si>
  <si>
    <t>SEHRISH ZULFQAR</t>
  </si>
  <si>
    <t>GPS JHAR BHAR</t>
  </si>
  <si>
    <t>WANG - MALE</t>
  </si>
  <si>
    <t>WANG CHAK DOAIM</t>
  </si>
  <si>
    <t>BASTI JUMA</t>
  </si>
  <si>
    <t>SYED SAQIB RAZA</t>
  </si>
  <si>
    <t>GGPS FIRDOUSI FARM</t>
  </si>
  <si>
    <t>RAJANPUR NO. 5 - FEMALE</t>
  </si>
  <si>
    <t>KOTLA LUNDAN</t>
  </si>
  <si>
    <t>FARDOUS FARM</t>
  </si>
  <si>
    <t>RASHIDA IQBAL</t>
  </si>
  <si>
    <t>GGPS BASTI SHAHEED</t>
  </si>
  <si>
    <t>BASTI SHAHEED</t>
  </si>
  <si>
    <t>JAGEER GABOOL</t>
  </si>
  <si>
    <t>NOSHEEN IRAM</t>
  </si>
  <si>
    <t>GGPS BASTI RINDAN</t>
  </si>
  <si>
    <t>ZAHID HUSSAIN</t>
  </si>
  <si>
    <t>GGPS CHAK KHALID ABAD</t>
  </si>
  <si>
    <t>RAJANPUR NO. 3 - FEMALE</t>
  </si>
  <si>
    <t>KOTLA  MALAM</t>
  </si>
  <si>
    <t>BASTI RANA NAWAB</t>
  </si>
  <si>
    <t>NADIA ISHAQ</t>
  </si>
  <si>
    <t>GGPS RAJANPUR NO. 8</t>
  </si>
  <si>
    <t>DERA MACHI WALA</t>
  </si>
  <si>
    <t>ARIFA BATOOL</t>
  </si>
  <si>
    <t>GGPS QASIM PUR</t>
  </si>
  <si>
    <t>FOUZIA MANZOOR</t>
  </si>
  <si>
    <t>GPS BHAGSAR NO. 1</t>
  </si>
  <si>
    <t>ROJHAN NO. 1 - MALE</t>
  </si>
  <si>
    <t>RAKH QADRAH</t>
  </si>
  <si>
    <t>BASTI NAJAM CHACHAR</t>
  </si>
  <si>
    <t>SABZANI</t>
  </si>
  <si>
    <t>SHAHID IQBAL</t>
  </si>
  <si>
    <t>GPS MITHAN WALI</t>
  </si>
  <si>
    <t>MITHAN WALI</t>
  </si>
  <si>
    <t>BASTI JATOI</t>
  </si>
  <si>
    <t>GABBAR ARAIN</t>
  </si>
  <si>
    <t>MUHAMMAD ISHFAQ</t>
  </si>
  <si>
    <t>GPS BASTI PUNJAB NO. 2</t>
  </si>
  <si>
    <t>UMER KOT  MALE</t>
  </si>
  <si>
    <t>BASTI LAKHA FOUJDAR</t>
  </si>
  <si>
    <t>MURAD PUR JANUBI</t>
  </si>
  <si>
    <t>MEER WALA</t>
  </si>
  <si>
    <t>MURAD PUR SOUTH</t>
  </si>
  <si>
    <t>GPS BASTI INAYAT KHAN</t>
  </si>
  <si>
    <t>UMAR KOT</t>
  </si>
  <si>
    <t>BASTI LONG GARANI</t>
  </si>
  <si>
    <t>IMRAN ELAHI</t>
  </si>
  <si>
    <t>GPS BASTI GISHKORI</t>
  </si>
  <si>
    <t>KHAIR PUR-IV- MALE</t>
  </si>
  <si>
    <t>BAIT DEWAN</t>
  </si>
  <si>
    <t>BASTI GASHKORI</t>
  </si>
  <si>
    <t>GABBAR ARIAN</t>
  </si>
  <si>
    <t>SAGHIR KARIM</t>
  </si>
  <si>
    <t>GGPS ASLAM TOWN</t>
  </si>
  <si>
    <t>BASTU BAND ALI</t>
  </si>
  <si>
    <t>BASTI BAND ALI</t>
  </si>
  <si>
    <t>AMBREEN ASGHAR</t>
  </si>
  <si>
    <t>GPS KABIR GOPANG</t>
  </si>
  <si>
    <t>BASTI SHUJRA</t>
  </si>
  <si>
    <t>MURAD PUR JANOBI</t>
  </si>
  <si>
    <t>MUHAMMAD TAUQIR</t>
  </si>
  <si>
    <t>GGPS NEW KOTLA NASEER</t>
  </si>
  <si>
    <t>KOTLA NASIR</t>
  </si>
  <si>
    <t>DAHNA COLONY</t>
  </si>
  <si>
    <t>GGPS GHULAM HUSSAIN BALHORA</t>
  </si>
  <si>
    <t>KOILA  RIAET</t>
  </si>
  <si>
    <t>GHULAM HUSSAIN BALHORA</t>
  </si>
  <si>
    <t>RAKH FAZIL PUR</t>
  </si>
  <si>
    <t>RIZWANA ASLAM</t>
  </si>
  <si>
    <t>GGPS BASTI KHAN MUHAMMAD (PSSP)</t>
  </si>
  <si>
    <t>SDK SADAR A - FEMALE</t>
  </si>
  <si>
    <t>JAFFAR ABAD</t>
  </si>
  <si>
    <t>BASTI KHAN</t>
  </si>
  <si>
    <t>GOTH JANGO</t>
  </si>
  <si>
    <t>RAHILA KOUSAR</t>
  </si>
  <si>
    <t>GGPS GULSHAN ISHAQ COLONY RENALA KHURD (PSSP)</t>
  </si>
  <si>
    <t>GULSHAN ISHAQ COLONY</t>
  </si>
  <si>
    <t>GHULHSAN ISHAQ COLONY</t>
  </si>
  <si>
    <t>MC RENALA KHURD</t>
  </si>
  <si>
    <t>SADIA SEED</t>
  </si>
  <si>
    <t>GGPS INAYAT ALI WALA</t>
  </si>
  <si>
    <t>QASBA MARRAL - FEMALE</t>
  </si>
  <si>
    <t>QASBA MARAL</t>
  </si>
  <si>
    <t>QAZI WALA</t>
  </si>
  <si>
    <t>QASBA AWAL</t>
  </si>
  <si>
    <t>MUKHTAR ALI</t>
  </si>
  <si>
    <t>GGPS ADAM SAHABA (PSSP)</t>
  </si>
  <si>
    <t>REHMO</t>
  </si>
  <si>
    <t>KANDAY WALI</t>
  </si>
  <si>
    <t>FARIHA HAMZA</t>
  </si>
  <si>
    <t>GGPS BASTI MAROOF KHAN (PSSP)</t>
  </si>
  <si>
    <t>GOTH JUNGO</t>
  </si>
  <si>
    <t>BASTI MAROOF KHAN SHAR</t>
  </si>
  <si>
    <t>SAFDAR ALI KHAN</t>
  </si>
  <si>
    <t>GGPS 172/P (PSSP)</t>
  </si>
  <si>
    <t>CHAK 172/P</t>
  </si>
  <si>
    <t>RASHIDA KANWAL</t>
  </si>
  <si>
    <t>GGPS JAM JUNDU ANDHAR (PSSP)</t>
  </si>
  <si>
    <t>BASTI JAM INDHER</t>
  </si>
  <si>
    <t>ASIF RASHEED</t>
  </si>
  <si>
    <t>GGPS KHAI WALA MULTAN</t>
  </si>
  <si>
    <t>QASBA CHACARUM</t>
  </si>
  <si>
    <t>GMPS KHAI WALA MULTAN</t>
  </si>
  <si>
    <t>CHAH AZIZ WALA</t>
  </si>
  <si>
    <t>QASBA CHAHARAM</t>
  </si>
  <si>
    <t>FAIZA QAYYUM</t>
  </si>
  <si>
    <t>GMPS NOWLAN WALI</t>
  </si>
  <si>
    <t>SADHOKE - FEMALE</t>
  </si>
  <si>
    <t>NOWLAN WALI</t>
  </si>
  <si>
    <t>NULAN WALI</t>
  </si>
  <si>
    <t>UMM-E-KALSOOM</t>
  </si>
  <si>
    <t>GPS NAWAN DERA</t>
  </si>
  <si>
    <t>NAWAN DERA</t>
  </si>
  <si>
    <t>TANVEER AHMED</t>
  </si>
  <si>
    <t>GPS NOOR PUR (AZIZ FORM) (PSSP)</t>
  </si>
  <si>
    <t>NOOR</t>
  </si>
  <si>
    <t>GMPS CHAK 8-T</t>
  </si>
  <si>
    <t>8 T</t>
  </si>
  <si>
    <t>CHAK N0. 8-T</t>
  </si>
  <si>
    <t>MOUZA CHATA</t>
  </si>
  <si>
    <t>ASMAT SHAHEEN</t>
  </si>
  <si>
    <t>4256</t>
  </si>
  <si>
    <t>GGPS JATOI JANUBI</t>
  </si>
  <si>
    <t>RAM PUR- FEMALE</t>
  </si>
  <si>
    <t>JATOI SHUMALI</t>
  </si>
  <si>
    <t>BEHAR WALA</t>
  </si>
  <si>
    <t>JATOI CITY</t>
  </si>
  <si>
    <t>HINA AFSHAN</t>
  </si>
  <si>
    <t>GPS MIANIE</t>
  </si>
  <si>
    <t>MIANIE</t>
  </si>
  <si>
    <t>GHAZALA ASHRAF</t>
  </si>
  <si>
    <t>GPS TAHLI JAMAL HITHAR</t>
  </si>
  <si>
    <t>HAVELI</t>
  </si>
  <si>
    <t>TAHLI JAMAL</t>
  </si>
  <si>
    <t>TAHLI JAMA LATHAR</t>
  </si>
  <si>
    <t>AAAA</t>
  </si>
  <si>
    <t>GPS AHMAD KHAN DAHIR (PSSP)</t>
  </si>
  <si>
    <t>AHMAD KHAN DAHIR</t>
  </si>
  <si>
    <t>BASTI GUL MUHAMMAD</t>
  </si>
  <si>
    <t>NAWAZ ABAD</t>
  </si>
  <si>
    <t>GHULAM MUHAMMAD</t>
  </si>
  <si>
    <t>GPS CHAK BAIG</t>
  </si>
  <si>
    <t>GUJRANWALA SADAR-4 - MAL</t>
  </si>
  <si>
    <t>CHAK BAIG</t>
  </si>
  <si>
    <t>NOREEN SHEHBAZ</t>
  </si>
  <si>
    <t>CHAK NO. 562/TDA</t>
  </si>
  <si>
    <t>562/TDA</t>
  </si>
  <si>
    <t>CHAK 565/TDA</t>
  </si>
  <si>
    <t>Bushra sadiqe</t>
  </si>
  <si>
    <t>GGPS SIKANDAR FARM (PSSP)</t>
  </si>
  <si>
    <t>SIKANDAR FARM</t>
  </si>
  <si>
    <t>CHANDIA</t>
  </si>
  <si>
    <t>RAHIM ABAD</t>
  </si>
  <si>
    <t>SHAHNAZ IQBAL</t>
  </si>
  <si>
    <t>GGPS BASTI LUKHAN (PSSP)</t>
  </si>
  <si>
    <t>AHMED PUR LAMMA - FEMALE</t>
  </si>
  <si>
    <t>GHAMI</t>
  </si>
  <si>
    <t>BASTI LAKHAN</t>
  </si>
  <si>
    <t>SANJAR PUR</t>
  </si>
  <si>
    <t>ABDUL QAYUM</t>
  </si>
  <si>
    <t>MIR WALA</t>
  </si>
  <si>
    <t>FIAZ AHMED FAHEEM</t>
  </si>
  <si>
    <t>GGPS BASTI ALI BUX (PSSP)</t>
  </si>
  <si>
    <t>ALI PUR</t>
  </si>
  <si>
    <t>BASTI ALI BAKHSH</t>
  </si>
  <si>
    <t>MAHBOOB AHMAD</t>
  </si>
  <si>
    <t>GPS GUJRAT</t>
  </si>
  <si>
    <t>QASBBA GUJRAT</t>
  </si>
  <si>
    <t>AZRA BASHIR</t>
  </si>
  <si>
    <t>GMPS JHUGIAN</t>
  </si>
  <si>
    <t>GUJRANWALA SADAR-5 - FEMAL</t>
  </si>
  <si>
    <t>JHUGIAN</t>
  </si>
  <si>
    <t>QILA MIAN SINGH</t>
  </si>
  <si>
    <t>KOMAL KARAM ELAHI</t>
  </si>
  <si>
    <t>GPS SALEEM KHAN</t>
  </si>
  <si>
    <t>KOTLA HASSAN JAMRa</t>
  </si>
  <si>
    <t>BASTI MALIK SULTAN</t>
  </si>
  <si>
    <t>GGPS BASTI NAWAB SHAH</t>
  </si>
  <si>
    <t>ARAIAN WALA</t>
  </si>
  <si>
    <t>GMPS BASTI NAWAB SHAH</t>
  </si>
  <si>
    <t>ARYAN WALA</t>
  </si>
  <si>
    <t>HIRA ASHIQ</t>
  </si>
  <si>
    <t>GGPS 12/NP (PSSP)</t>
  </si>
  <si>
    <t>12/NP</t>
  </si>
  <si>
    <t>CHAK NO 12NP</t>
  </si>
  <si>
    <t>MUHAMMAD PUR LAMA</t>
  </si>
  <si>
    <t>ZAFAR ULLAH AASI</t>
  </si>
  <si>
    <t>GPS DODAY</t>
  </si>
  <si>
    <t>DODAY</t>
  </si>
  <si>
    <t>IQRA NAZIR</t>
  </si>
  <si>
    <t>GGPS CHAK NO. 5/NP (PSSP)</t>
  </si>
  <si>
    <t>UMEED ALI BHAIT</t>
  </si>
  <si>
    <t>CHAK 5/NP</t>
  </si>
  <si>
    <t>ROSHAN BHAIT</t>
  </si>
  <si>
    <t>FEHMIDA BIBI</t>
  </si>
  <si>
    <t>GPS SHAHMIR DREG</t>
  </si>
  <si>
    <t>BANGLA ICHHA MALE</t>
  </si>
  <si>
    <t>SOON MIANI</t>
  </si>
  <si>
    <t>SHAH MEER DREGH</t>
  </si>
  <si>
    <t>SON MIANI</t>
  </si>
  <si>
    <t>ABDUL HAFEEZ</t>
  </si>
  <si>
    <t>GGPS LAKHAN WALA (PSSP)</t>
  </si>
  <si>
    <t>CHACHRAN</t>
  </si>
  <si>
    <t>LAKHAN WALA</t>
  </si>
  <si>
    <t>CHACHARAN</t>
  </si>
  <si>
    <t>MUHAMMAD AZHAR</t>
  </si>
  <si>
    <t>ROJHAN NO. 2 - MALE</t>
  </si>
  <si>
    <t>CHAK DIM</t>
  </si>
  <si>
    <t>BASTI TAJ MUHAMMAD BANU</t>
  </si>
  <si>
    <t>ROJHAN CITY</t>
  </si>
  <si>
    <t>SHER BAZ</t>
  </si>
  <si>
    <t>GGPS CHAK NASEER ABAD (PSSP)</t>
  </si>
  <si>
    <t>NASEER ABAD</t>
  </si>
  <si>
    <t>CHAK NASEER ABAD</t>
  </si>
  <si>
    <t>KOT SANJAR KHAN</t>
  </si>
  <si>
    <t>GGPS GUL GANWAR</t>
  </si>
  <si>
    <t>ROJHAN - FEMALE</t>
  </si>
  <si>
    <t>WAH MACHKA</t>
  </si>
  <si>
    <t>WAH MACHIKA</t>
  </si>
  <si>
    <t>ROJHAN EAST</t>
  </si>
  <si>
    <t>GPS NAI ABADI LADHAY WALA WARRAICH NO.03</t>
  </si>
  <si>
    <t>LADHAY WALA WARRAICH</t>
  </si>
  <si>
    <t>NAI ABADI LADHAY WALA WARRAICH</t>
  </si>
  <si>
    <t>LADHAY WALA WARRAICH-I</t>
  </si>
  <si>
    <t>MUNEEBA RAZA</t>
  </si>
  <si>
    <t>GGPS JINAH ABADI LOOTHER</t>
  </si>
  <si>
    <t>LOOTHER</t>
  </si>
  <si>
    <t>JINAH ABADI LOTHAR</t>
  </si>
  <si>
    <t>MUHAMMAD ABDUL RAZZAQ</t>
  </si>
  <si>
    <t>DEEN PUR- FEMALE</t>
  </si>
  <si>
    <t>Thatta Qureshi</t>
  </si>
  <si>
    <t>Thattha Qureshi</t>
  </si>
  <si>
    <t>GGPS CHAK UMRANI</t>
  </si>
  <si>
    <t>MEER DOST MUHAMMAD</t>
  </si>
  <si>
    <t>HAJYANI ASMA</t>
  </si>
  <si>
    <t>GPS CHAK NO 21/A-NP (PSSP)</t>
  </si>
  <si>
    <t>GMMS CHAK NO 21/A-NP (PSSP)</t>
  </si>
  <si>
    <t>CHAK 21/ANP</t>
  </si>
  <si>
    <t>BHUTTA WAHAN</t>
  </si>
  <si>
    <t>GPS FARKHAND ABAD</t>
  </si>
  <si>
    <t>FARKHANDA ABAD</t>
  </si>
  <si>
    <t>FARKHAND ABAD</t>
  </si>
  <si>
    <t>GHUCHLI VIRK</t>
  </si>
  <si>
    <t>NAILA GULFAM</t>
  </si>
  <si>
    <t>GPS PATAY WALA</t>
  </si>
  <si>
    <t>PATTAY WALA</t>
  </si>
  <si>
    <t>MEMONA ISMAEL</t>
  </si>
  <si>
    <t>GGES SAKROORI</t>
  </si>
  <si>
    <t>SAKROORI</t>
  </si>
  <si>
    <t>JANDIALA</t>
  </si>
  <si>
    <t>sadia sadar</t>
  </si>
  <si>
    <t>GPS BASTI KHUDA BAKHSH</t>
  </si>
  <si>
    <t>RAZAI JHAH</t>
  </si>
  <si>
    <t>RAZAI SHAH NASHEEB</t>
  </si>
  <si>
    <t>MULAN WALI</t>
  </si>
  <si>
    <t>NADIA MUMTAZ</t>
  </si>
  <si>
    <t>GPS SHAFIQ ABAD</t>
  </si>
  <si>
    <t>BASTI JAN MUHAMMAD JOYA</t>
  </si>
  <si>
    <t>GPS JARIEN</t>
  </si>
  <si>
    <t>YARA DAHA</t>
  </si>
  <si>
    <t>BASTI GAHNY WALA</t>
  </si>
  <si>
    <t>WAN PITAFI</t>
  </si>
  <si>
    <t>M AKRAM SURANI</t>
  </si>
  <si>
    <t>GGPS HAYAT PUR ARAIN</t>
  </si>
  <si>
    <t>BASTI HAYAT PUR</t>
  </si>
  <si>
    <t>JAVED AKHTER</t>
  </si>
  <si>
    <t>GGPS KOT NAJOO</t>
  </si>
  <si>
    <t>ZAFARWAL.1 - FEMALE</t>
  </si>
  <si>
    <t>KOT NAJOO</t>
  </si>
  <si>
    <t>SIDRA BASHIR</t>
  </si>
  <si>
    <t>GGPS HUSSAIN BUKHSH SALATANI</t>
  </si>
  <si>
    <t>WAHMACHKA</t>
  </si>
  <si>
    <t>BASTI HUSSAIN BUX</t>
  </si>
  <si>
    <t>AQEELA BIBI</t>
  </si>
  <si>
    <t>GGPS PALO SHAH</t>
  </si>
  <si>
    <t>CHAK MAT NO.1</t>
  </si>
  <si>
    <t>BASTI YAQOOB MAKWAL</t>
  </si>
  <si>
    <t>TAYYABA SIDDIQUE</t>
  </si>
  <si>
    <t>GPS DERA BHAI</t>
  </si>
  <si>
    <t>CHAK DHORA</t>
  </si>
  <si>
    <t>BASTI AKBAR GOPANG</t>
  </si>
  <si>
    <t>FIAZ AHMAD</t>
  </si>
  <si>
    <t>GPS CHUNNAR JADEED</t>
  </si>
  <si>
    <t>KHANGARH-II - MALE</t>
  </si>
  <si>
    <t>MALOOK CHUNAR</t>
  </si>
  <si>
    <t>CHUNNAR JADEED</t>
  </si>
  <si>
    <t>MEHAR PUR</t>
  </si>
  <si>
    <t>ISHRAT FATIMA</t>
  </si>
  <si>
    <t>GGMPS GHAZI PUR</t>
  </si>
  <si>
    <t>GHAZI PUR</t>
  </si>
  <si>
    <t>FAKHRA ANDLEEB</t>
  </si>
  <si>
    <t>GGPS MALIK RAHO</t>
  </si>
  <si>
    <t>ROJHAN (H/Q)  FEMALE</t>
  </si>
  <si>
    <t>GIAMAL</t>
  </si>
  <si>
    <t>BASTI RAFIQUE SANGRANI</t>
  </si>
  <si>
    <t>YASMEEN BIBI</t>
  </si>
  <si>
    <t>GGPS CHAK NO 38 ML</t>
  </si>
  <si>
    <t>CHAK NO. 38 ML</t>
  </si>
  <si>
    <t>CHAK NO 38 ML</t>
  </si>
  <si>
    <t>URBAN JANDANWALA</t>
  </si>
  <si>
    <t>SAMI ULLAH KHAN</t>
  </si>
  <si>
    <t>GGES MAINA PIND</t>
  </si>
  <si>
    <t>MAINAPIND</t>
  </si>
  <si>
    <t>GGPS MAINA PIND</t>
  </si>
  <si>
    <t>MIANA PIND</t>
  </si>
  <si>
    <t>DHANRG MIANA</t>
  </si>
  <si>
    <t>SOMAN JAMES</t>
  </si>
  <si>
    <t>GGPS (PSSP-II) ZIARAT PATHAN</t>
  </si>
  <si>
    <t>ZIARAT PATHAN</t>
  </si>
  <si>
    <t>ALLI UD DIN</t>
  </si>
  <si>
    <t>SUMAIRA NAWAZ</t>
  </si>
  <si>
    <t>PIRHAR GHARBI- MALE</t>
  </si>
  <si>
    <t>ROBENA MAJEED</t>
  </si>
  <si>
    <t>GGPS BAGHO CHOORY</t>
  </si>
  <si>
    <t>BACHO CHOORY</t>
  </si>
  <si>
    <t>BAGHO CHOORY</t>
  </si>
  <si>
    <t>SHAMAILA LIAQAT</t>
  </si>
  <si>
    <t>GPS FAZIL ABAD</t>
  </si>
  <si>
    <t>MASTORI WALA</t>
  </si>
  <si>
    <t>NASEEM HAMEED</t>
  </si>
  <si>
    <t>GGPS PAHORRAN WALA NO. 2</t>
  </si>
  <si>
    <t>PHORRAN WALA NO 2</t>
  </si>
  <si>
    <t>ZAKIA BIBI</t>
  </si>
  <si>
    <t>GPS DYET WALA</t>
  </si>
  <si>
    <t>MEHMOOD KOT-II- MALE</t>
  </si>
  <si>
    <t>PATTI KHAR</t>
  </si>
  <si>
    <t>KHAN WALA</t>
  </si>
  <si>
    <t>KASHIF ABAD</t>
  </si>
  <si>
    <t>GULAM ALLAH</t>
  </si>
  <si>
    <t>GPS BEHLOL WALA</t>
  </si>
  <si>
    <t>PATTI JHANDEER</t>
  </si>
  <si>
    <t>BASTI KAHI WALA</t>
  </si>
  <si>
    <t>MUHAMMAD IQABAL HUSSAIN</t>
  </si>
  <si>
    <t>GGPS SHAH MUHAMMAD JANUBI</t>
  </si>
  <si>
    <t>SHAH MUHAMMAD JANUBI</t>
  </si>
  <si>
    <t>shah muhammad janubi</t>
  </si>
  <si>
    <t>asma yasmeen</t>
  </si>
  <si>
    <t>GPS SIRAJ</t>
  </si>
  <si>
    <t>SIRAJ</t>
  </si>
  <si>
    <t>GPS SIRAJ P.O. GHOTA</t>
  </si>
  <si>
    <t>GHOTA FATEH GARH</t>
  </si>
  <si>
    <t>SANA RASHEED</t>
  </si>
  <si>
    <t>2299</t>
  </si>
  <si>
    <t>GGPS CHAK NO. 595 TDA</t>
  </si>
  <si>
    <t>CHAK NO. 595/TDA</t>
  </si>
  <si>
    <t>595 TDA</t>
  </si>
  <si>
    <t>CHAK 547/TDA</t>
  </si>
  <si>
    <t>GULAM MURTAZA</t>
  </si>
  <si>
    <t>GPS DAHIR</t>
  </si>
  <si>
    <t>DAHIR</t>
  </si>
  <si>
    <t>DONGIAN</t>
  </si>
  <si>
    <t>NIDA SHABIR</t>
  </si>
  <si>
    <t>GPS PATTI SULTAN MAHMOOD</t>
  </si>
  <si>
    <t>CHAK NO. 594/TDA</t>
  </si>
  <si>
    <t>5925 TDA</t>
  </si>
  <si>
    <t>GPS BASTI MIAN KHAN PO SHAHANI</t>
  </si>
  <si>
    <t>BASTI MIAN KHAN</t>
  </si>
  <si>
    <t>Asmat Imam</t>
  </si>
  <si>
    <t>GPS BAROTI</t>
  </si>
  <si>
    <t>BAROTI</t>
  </si>
  <si>
    <t>BHAROTI</t>
  </si>
  <si>
    <t>FAIZA KHALID</t>
  </si>
  <si>
    <t>GGPS KISHWAR WALA</t>
  </si>
  <si>
    <t>BASTI ARSLAN- FEMALE</t>
  </si>
  <si>
    <t>GULAB GURMANI</t>
  </si>
  <si>
    <t>BASTI LOHAR WALA</t>
  </si>
  <si>
    <t>ZAITOON BATOOL</t>
  </si>
  <si>
    <t>GPS MEHLWAN</t>
  </si>
  <si>
    <t>MEHLWAN</t>
  </si>
  <si>
    <t>MEHLWAL</t>
  </si>
  <si>
    <t>LESSAR KALAN</t>
  </si>
  <si>
    <t>HUMAIRA IQBAL</t>
  </si>
  <si>
    <t>GGPS BHAGIAN</t>
  </si>
  <si>
    <t>LANGAR SRAI- FEMALE</t>
  </si>
  <si>
    <t>BEHGIYA</t>
  </si>
  <si>
    <t>GULSHAN ZAHRA</t>
  </si>
  <si>
    <t>GGPS QURESHI WALA</t>
  </si>
  <si>
    <t>HADAR DASHTI</t>
  </si>
  <si>
    <t>QURASHI WALA</t>
  </si>
  <si>
    <t>BASIRA</t>
  </si>
  <si>
    <t>SOBIA MUSHTAQ</t>
  </si>
  <si>
    <t>GGPS QADIR PUR SALEH</t>
  </si>
  <si>
    <t>QADIR PUR SALEH</t>
  </si>
  <si>
    <t>BASTI DHOLIAN</t>
  </si>
  <si>
    <t>JHANDAY WALI</t>
  </si>
  <si>
    <t>GPS BASTI RAN</t>
  </si>
  <si>
    <t>BASTI RAN</t>
  </si>
  <si>
    <t>KHAKH WALA</t>
  </si>
  <si>
    <t>UME KALSOOM</t>
  </si>
  <si>
    <t>GGPS MAHMOOD MILLS</t>
  </si>
  <si>
    <t>TALIRI</t>
  </si>
  <si>
    <t>WAJIHA SULTAN</t>
  </si>
  <si>
    <t>GGMPS TARKWAL</t>
  </si>
  <si>
    <t>TARKWAL</t>
  </si>
  <si>
    <t>NAGWAL</t>
  </si>
  <si>
    <t>TAHA ANWAR</t>
  </si>
  <si>
    <t>GPS BHINDA LAL PUR</t>
  </si>
  <si>
    <t>SUNNAKI- MALE</t>
  </si>
  <si>
    <t>BHINDA LAL PUR</t>
  </si>
  <si>
    <t>AHMED KHAN</t>
  </si>
  <si>
    <t>SHUMAILA</t>
  </si>
  <si>
    <t>GPS PACCA MAKHDOOM</t>
  </si>
  <si>
    <t>PACCA MAKHDOOM</t>
  </si>
  <si>
    <t>NAJMA PERVEEN</t>
  </si>
  <si>
    <t>GGPS BAGOOR KAURD</t>
  </si>
  <si>
    <t>BAGOOR KHURAD</t>
  </si>
  <si>
    <t>nagwal</t>
  </si>
  <si>
    <t>SANA AMANAT</t>
  </si>
  <si>
    <t>BHUTTA PUR</t>
  </si>
  <si>
    <t>PUNJAY WALA</t>
  </si>
  <si>
    <t>GGPS MAHRA FARAZ</t>
  </si>
  <si>
    <t>MAHRA FRAZ</t>
  </si>
  <si>
    <t>MAHRA</t>
  </si>
  <si>
    <t>ASMA RASHEED</t>
  </si>
  <si>
    <t>GMPS KOHLIAN KALAN</t>
  </si>
  <si>
    <t>KOHLIAN KALAN</t>
  </si>
  <si>
    <t>TAHIRA</t>
  </si>
  <si>
    <t>GGPS TAHIR ABAD</t>
  </si>
  <si>
    <t>BUTAY WALA</t>
  </si>
  <si>
    <t>RIMSHA IRSHAD</t>
  </si>
  <si>
    <t>GGES BHAROTI</t>
  </si>
  <si>
    <t>BHROTI</t>
  </si>
  <si>
    <t>fata pur</t>
  </si>
  <si>
    <t>safyia kousar</t>
  </si>
  <si>
    <t>GPS ADALAT ABAD</t>
  </si>
  <si>
    <t>ADALAT ABAD</t>
  </si>
  <si>
    <t>SOHAWA BOLANI</t>
  </si>
  <si>
    <t>SADIA AHMAD</t>
  </si>
  <si>
    <t>GPS NOURANG WALA</t>
  </si>
  <si>
    <t>KHRAL AZIM THAL JUNDI</t>
  </si>
  <si>
    <t>NOURANG WALA</t>
  </si>
  <si>
    <t>SARISHTA THAL JANDI</t>
  </si>
  <si>
    <t>GPS RAIPA</t>
  </si>
  <si>
    <t>JAND MAHLU</t>
  </si>
  <si>
    <t>JAND MEHLU</t>
  </si>
  <si>
    <t>ATTIA MUNIR</t>
  </si>
  <si>
    <t>GPS CHANI MOLO</t>
  </si>
  <si>
    <t>PHUKLIAN - MALE</t>
  </si>
  <si>
    <t>CHANI MOLO</t>
  </si>
  <si>
    <t>chani molo</t>
  </si>
  <si>
    <t>KACHHI MAND</t>
  </si>
  <si>
    <t>badra khatoon</t>
  </si>
  <si>
    <t>GGPS NARA MUGHLAN</t>
  </si>
  <si>
    <t>NARA MUGHLAN</t>
  </si>
  <si>
    <t>SANIA QADEER</t>
  </si>
  <si>
    <t>GPS JINDRA KALAN</t>
  </si>
  <si>
    <t>JINDRA KALAN</t>
  </si>
  <si>
    <t>MAMOONA TAHIR</t>
  </si>
  <si>
    <t>GGPS QALI SOKAL</t>
  </si>
  <si>
    <t>MOKAL - FEMALE</t>
  </si>
  <si>
    <t>QALI SOKAL</t>
  </si>
  <si>
    <t>KULL</t>
  </si>
  <si>
    <t>BISMA SAIF</t>
  </si>
  <si>
    <t>GGPS MODEL HUSSAIN PUR CHATTAH</t>
  </si>
  <si>
    <t>HUSSAIN PUR CHATTAH</t>
  </si>
  <si>
    <t>CHAK NO. 575/GB</t>
  </si>
  <si>
    <t>SULTANA KOSAR</t>
  </si>
  <si>
    <t>GMPS MODEL RATHANA .........PSSP.........</t>
  </si>
  <si>
    <t>SAHIWAL - FEMALE</t>
  </si>
  <si>
    <t>RATHANA</t>
  </si>
  <si>
    <t>ATIA ASHRAF</t>
  </si>
  <si>
    <t>GMPS PIND KAHOOT (PSSP-II)</t>
  </si>
  <si>
    <t>PIND KAHOOT</t>
  </si>
  <si>
    <t>Pind Kahoot</t>
  </si>
  <si>
    <t>Bukhar Bhatoo</t>
  </si>
  <si>
    <t>GGPS CHAK BHARAT</t>
  </si>
  <si>
    <t>CHAK BHARAT</t>
  </si>
  <si>
    <t>NARGIS CHAND</t>
  </si>
  <si>
    <t>2888</t>
  </si>
  <si>
    <t>GPS CHAK NO.29/DNB</t>
  </si>
  <si>
    <t>SHAHI WALA (A) - MALE</t>
  </si>
  <si>
    <t>CHAK NO. 29/DNB</t>
  </si>
  <si>
    <t>NAZIR AHMED</t>
  </si>
  <si>
    <t>GGPS HAFIZ SIDDIQ</t>
  </si>
  <si>
    <t>PAKPATTAN 3 - FEMALE</t>
  </si>
  <si>
    <t>HAFIZ SIDDIQ</t>
  </si>
  <si>
    <t>ALI BUKHARI</t>
  </si>
  <si>
    <t>GPS MIKIAL (PSSP-II)</t>
  </si>
  <si>
    <t>MIKIAL</t>
  </si>
  <si>
    <t>AHMADAL</t>
  </si>
  <si>
    <t>BUSHRA TABASSUM</t>
  </si>
  <si>
    <t>GGPS 66 D UCHARKI</t>
  </si>
  <si>
    <t>UCHARKI</t>
  </si>
  <si>
    <t>66/D</t>
  </si>
  <si>
    <t>TOWANA KALAN</t>
  </si>
  <si>
    <t>KHUSHI MUHAMMAD</t>
  </si>
  <si>
    <t>GPS TORAN WAL</t>
  </si>
  <si>
    <t>TORANWAL</t>
  </si>
  <si>
    <t>TONAW WAL</t>
  </si>
  <si>
    <t>GGPS CHAK NO. 619 TDA</t>
  </si>
  <si>
    <t>CHAK NO. 619/TDA</t>
  </si>
  <si>
    <t>GGPS DHOK KASHMIRIAN (PSSP-III)</t>
  </si>
  <si>
    <t>DHOK KASHMIRIAN</t>
  </si>
  <si>
    <t>Dhok Kashmirian</t>
  </si>
  <si>
    <t>GMPS BUSLANA</t>
  </si>
  <si>
    <t>BUSLANA</t>
  </si>
  <si>
    <t>GONDAL</t>
  </si>
  <si>
    <t>ASIMA BATOOL</t>
  </si>
  <si>
    <t>GGPS KINGRA</t>
  </si>
  <si>
    <t>PAJI - FEMALE</t>
  </si>
  <si>
    <t>KINGRA</t>
  </si>
  <si>
    <t>ARIYAN</t>
  </si>
  <si>
    <t>GGPS PHEROWAL</t>
  </si>
  <si>
    <t>PHEROWAL</t>
  </si>
  <si>
    <t>mehlosalo</t>
  </si>
  <si>
    <t>effa arzo</t>
  </si>
  <si>
    <t>SHENI</t>
  </si>
  <si>
    <t>GMPS CHAK NO. 26/GA</t>
  </si>
  <si>
    <t>CHISHTIAN-II - FEMALE</t>
  </si>
  <si>
    <t>CHAK NO 26/G</t>
  </si>
  <si>
    <t>CHAK NO 26/G A</t>
  </si>
  <si>
    <t>CHAK NO 23/G</t>
  </si>
  <si>
    <t>ANAM ASHRAF</t>
  </si>
  <si>
    <t>GPS FEROZ WALI (PSSP-II)</t>
  </si>
  <si>
    <t>MEHWISH NIAZ</t>
  </si>
  <si>
    <t>GMPS MC WARD NO. 5</t>
  </si>
  <si>
    <t>WARD 5</t>
  </si>
  <si>
    <t>WARD NO. 5</t>
  </si>
  <si>
    <t>MC MBDIN</t>
  </si>
  <si>
    <t>DR. SABIR HUSSAIN</t>
  </si>
  <si>
    <t>GGPS 180/9-L</t>
  </si>
  <si>
    <t>BANGLA SHER WALA - FEMALE</t>
  </si>
  <si>
    <t>SHAHID NADEM</t>
  </si>
  <si>
    <t>GES (PSSP-I) CHAK NO.110 EB</t>
  </si>
  <si>
    <t>CHAK NO.110 EB</t>
  </si>
  <si>
    <t>GPS (PSSP-I) CHAK NO.110 EB</t>
  </si>
  <si>
    <t>110 EB</t>
  </si>
  <si>
    <t>AFSHAAN SATTAR</t>
  </si>
  <si>
    <t>GGPS KHICHI JAGEER .........PSSP.........</t>
  </si>
  <si>
    <t>KHICHI JAGEER</t>
  </si>
  <si>
    <t>MANGOWAL</t>
  </si>
  <si>
    <t>MAMOONA MALIK</t>
  </si>
  <si>
    <t>GPS RANG SHAH DAKHIL PO PAKPATTAN</t>
  </si>
  <si>
    <t>PAKPATTAN EAST - MALE</t>
  </si>
  <si>
    <t>BASTI RANG SHAH</t>
  </si>
  <si>
    <t>RANG SHAH DAKHLI</t>
  </si>
  <si>
    <t>KUMHARI WALA</t>
  </si>
  <si>
    <t>MUEEN SHEHZAD</t>
  </si>
  <si>
    <t>GPS CHAK NO. 578/B / CHAK NO. 622/TDA</t>
  </si>
  <si>
    <t>CHAK NO. 622/TDA</t>
  </si>
  <si>
    <t>KASHIF JAVED</t>
  </si>
  <si>
    <t>GPS ISLAMIA CHAKWAL</t>
  </si>
  <si>
    <t>CHAKWAL-I-MALE</t>
  </si>
  <si>
    <t>GHARBI CHAKWAL</t>
  </si>
  <si>
    <t>CHAKWAL-V</t>
  </si>
  <si>
    <t>SAMINA NAZ</t>
  </si>
  <si>
    <t>GPS DHOK WARYAM (PSSP-III)</t>
  </si>
  <si>
    <t>DHOK WARYAM</t>
  </si>
  <si>
    <t>DHOKE WARYAM</t>
  </si>
  <si>
    <t>MAIRA SHARIF</t>
  </si>
  <si>
    <t>AYYAZ AHMED</t>
  </si>
  <si>
    <t>GPS SHAHIAN WALA</t>
  </si>
  <si>
    <t>MITHA TIWANA EAST - MALE</t>
  </si>
  <si>
    <t>MITHA TWANA</t>
  </si>
  <si>
    <t>SHAHIAN WALA</t>
  </si>
  <si>
    <t>MC MITHA TIWANA</t>
  </si>
  <si>
    <t>04</t>
  </si>
  <si>
    <t>SHANZA ANAM</t>
  </si>
  <si>
    <t>GPS KHURSHID .........PSSP.........</t>
  </si>
  <si>
    <t>KHURSHID</t>
  </si>
  <si>
    <t>GHANGWAL</t>
  </si>
  <si>
    <t>SAJIDA BASHIR</t>
  </si>
  <si>
    <t>GPS CHAK NO 208/M</t>
  </si>
  <si>
    <t>CHISHTIAN-X - MALE</t>
  </si>
  <si>
    <t>CHAK NO 208/M</t>
  </si>
  <si>
    <t>RAZWAN ISLAM</t>
  </si>
  <si>
    <t>GPS DERA BAHAWAL BAKHSH</t>
  </si>
  <si>
    <t>DERA BAHWAL BAKSH</t>
  </si>
  <si>
    <t>MAKKE WL</t>
  </si>
  <si>
    <t>UZMA PERVEEN</t>
  </si>
  <si>
    <t>GGPS SHERMAN KHELAN WALA</t>
  </si>
  <si>
    <t>MUZAFFAR PUR NORTH -FEMALE</t>
  </si>
  <si>
    <t>NOOR ULLAH</t>
  </si>
  <si>
    <t>SHERMAN KHELAN WALA</t>
  </si>
  <si>
    <t>WATTA KHEL</t>
  </si>
  <si>
    <t>RABIA NIAZI</t>
  </si>
  <si>
    <t>GGPS BALO CHAK</t>
  </si>
  <si>
    <t>BHOPALWALA - FEMALE</t>
  </si>
  <si>
    <t>BALO CHAK</t>
  </si>
  <si>
    <t>SHEHBAZ AZHAR</t>
  </si>
  <si>
    <t>GGPS CHAK NO.23/BC GHAREEB SHAH</t>
  </si>
  <si>
    <t>CHAK NO.23 GHAREEB SHAH</t>
  </si>
  <si>
    <t>SYED IMAM SHAH</t>
  </si>
  <si>
    <t>IMAM BAKHSH ABBASI</t>
  </si>
  <si>
    <t>GPS GUL MUHAMMAD DASTI</t>
  </si>
  <si>
    <t>BASTI GUL MOHAMMAD DASTI</t>
  </si>
  <si>
    <t>MOHAMMAD SOHAIL</t>
  </si>
  <si>
    <t>GPS DHOTAN WALA</t>
  </si>
  <si>
    <t>SHOTAN WALA</t>
  </si>
  <si>
    <t>DHOTAN WALA</t>
  </si>
  <si>
    <t>CHAK SHAFI</t>
  </si>
  <si>
    <t>RANA AFTAB</t>
  </si>
  <si>
    <t>GPS BOTHAN GARH</t>
  </si>
  <si>
    <t>BOTHAN GARH</t>
  </si>
  <si>
    <t>MACHORA</t>
  </si>
  <si>
    <t>GGPS BONGA YARANI</t>
  </si>
  <si>
    <t>BONG YARANI</t>
  </si>
  <si>
    <t>CHAH JAMAL WALA</t>
  </si>
  <si>
    <t>INAITI</t>
  </si>
  <si>
    <t>2996</t>
  </si>
  <si>
    <t>GGES TARKHANA MURIDA</t>
  </si>
  <si>
    <t>SHAKARGARH NO.2 - FEMALE</t>
  </si>
  <si>
    <t>TARKHANA MURIDA</t>
  </si>
  <si>
    <t>Shakeela Akram</t>
  </si>
  <si>
    <t>GPS DHALLOKI</t>
  </si>
  <si>
    <t>DHALLOKE</t>
  </si>
  <si>
    <t>ALI AKBAR DHILLON</t>
  </si>
  <si>
    <t>GGPS DHOTAN WALA P.O KOT HERA SINGH</t>
  </si>
  <si>
    <t>DOHTAN WALA</t>
  </si>
  <si>
    <t>CHAK 50/SP</t>
  </si>
  <si>
    <t>GPS 83 GB EAST</t>
  </si>
  <si>
    <t>83/GB.E</t>
  </si>
  <si>
    <t>MALU MAMA</t>
  </si>
  <si>
    <t>91 GB</t>
  </si>
  <si>
    <t>SAMAIRA ASLAM</t>
  </si>
  <si>
    <t>GPS BASTI GHULAM HAIDER</t>
  </si>
  <si>
    <t>JAM PUR DHAT</t>
  </si>
  <si>
    <t>LONG WALA</t>
  </si>
  <si>
    <t>SYED ATHAR HUSSAIN</t>
  </si>
  <si>
    <t>GGPS KALAY WALI</t>
  </si>
  <si>
    <t>KALAY WALI</t>
  </si>
  <si>
    <t>HUNDAL</t>
  </si>
  <si>
    <t>IRUM SABIR</t>
  </si>
  <si>
    <t>GPS MULTAN KHURD NO 1</t>
  </si>
  <si>
    <t>MULTAN KHURAD</t>
  </si>
  <si>
    <t>MULTAN KHURD</t>
  </si>
  <si>
    <t>MUSARAT SHAHEEN</t>
  </si>
  <si>
    <t>GGPS 15 EB P/O JEVAN SHAH</t>
  </si>
  <si>
    <t>CHAK NO.15 EB</t>
  </si>
  <si>
    <t>15/EB</t>
  </si>
  <si>
    <t>CHAK 13/EB</t>
  </si>
  <si>
    <t>ZAHID ALI</t>
  </si>
  <si>
    <t>GGPS MODEL KURI HAIDER</t>
  </si>
  <si>
    <t>KURI HAIDER</t>
  </si>
  <si>
    <t>BHUDANA</t>
  </si>
  <si>
    <t>ROZINA TEHZEEM</t>
  </si>
  <si>
    <t>GGPS CHAK NO.190 NB PANDI WALA</t>
  </si>
  <si>
    <t>CHAK NO.190 NB</t>
  </si>
  <si>
    <t>PANDI WALA</t>
  </si>
  <si>
    <t>KOLOWAL</t>
  </si>
  <si>
    <t>SAMINA RUBAB</t>
  </si>
  <si>
    <t>GGPS KARIAL</t>
  </si>
  <si>
    <t>KARIAL</t>
  </si>
  <si>
    <t>Noreen Naseeb</t>
  </si>
  <si>
    <t>GPS AHATA ALLAH YAAR</t>
  </si>
  <si>
    <t>AHATA ALLAH YAAR</t>
  </si>
  <si>
    <t>NAHEED AKHTAR</t>
  </si>
  <si>
    <t>GGPS DERA SHER WALA</t>
  </si>
  <si>
    <t>LALLIANI SHUMALI</t>
  </si>
  <si>
    <t>DERA SHER WALA</t>
  </si>
  <si>
    <t>GGPS MALKA HANS 2</t>
  </si>
  <si>
    <t>NOOR JHANG</t>
  </si>
  <si>
    <t>MALKA HANS</t>
  </si>
  <si>
    <t>KHALID SAEED KHALID</t>
  </si>
  <si>
    <t>GGPS CHAK 254 RB BANGLA</t>
  </si>
  <si>
    <t>CHAK 254 RB BANGLOW</t>
  </si>
  <si>
    <t>BANGLA</t>
  </si>
  <si>
    <t>UZMA KHALID</t>
  </si>
  <si>
    <t>GGCMS DHALOKY</t>
  </si>
  <si>
    <t>LINK BADIAN ROAD</t>
  </si>
  <si>
    <t>DHALOKY</t>
  </si>
  <si>
    <t>ALI AKBAR DHALLOAN</t>
  </si>
  <si>
    <t>GMPS DHOK MUHAMMAD KHAN CHAKRALA MIANWALI</t>
  </si>
  <si>
    <t>CHAKRALLA - FEMALE</t>
  </si>
  <si>
    <t>CHAKRALA</t>
  </si>
  <si>
    <t>DHOKE MUHAMMAD KHAN</t>
  </si>
  <si>
    <t>SAMNA NAZ</t>
  </si>
  <si>
    <t>GGPS SIRAJ WALI</t>
  </si>
  <si>
    <t>SIRAJ WALI</t>
  </si>
  <si>
    <t>siraj wali</t>
  </si>
  <si>
    <t>GPS DHOK JHAT</t>
  </si>
  <si>
    <t>DHOK JHAT</t>
  </si>
  <si>
    <t>KOT GULLA</t>
  </si>
  <si>
    <t>RUBINA KAUSAR</t>
  </si>
  <si>
    <t>GMPS HAVELI AFGHAN</t>
  </si>
  <si>
    <t>CHAK NO 19 SB</t>
  </si>
  <si>
    <t>KAUSER PARVEEN</t>
  </si>
  <si>
    <t>GPS CHAK NO. 3/FW ABDUL RAHMAN WALA</t>
  </si>
  <si>
    <t>CHISHTIAN-III - MALE</t>
  </si>
  <si>
    <t>Chak No 3 FW</t>
  </si>
  <si>
    <t>Chak no 3 FW</t>
  </si>
  <si>
    <t>Sumreen Gul</t>
  </si>
  <si>
    <t>GPS DERAB SAHIB DAD WALA</t>
  </si>
  <si>
    <t>SAWANS - MALE</t>
  </si>
  <si>
    <t>SAHIB DAD WALA</t>
  </si>
  <si>
    <t>GPS MALIK PUR GHARKI</t>
  </si>
  <si>
    <t>MALIK PUR GHARKI</t>
  </si>
  <si>
    <t>MALIKPUR</t>
  </si>
  <si>
    <t>ASMA SHAHZADI</t>
  </si>
  <si>
    <t>GGPS HEAD PALLA COLONY</t>
  </si>
  <si>
    <t>HEAD PALLA COLONY</t>
  </si>
  <si>
    <t>PALLA</t>
  </si>
  <si>
    <t>MUHAMMAD SALEEM ABBAS</t>
  </si>
  <si>
    <t>GGPS CHAK NO.87 NB SMALL SARGODHA</t>
  </si>
  <si>
    <t>CHAK NO 87 NORTH CHOTI</t>
  </si>
  <si>
    <t>CHAK NO.87 NB SMALL SARGODHA</t>
  </si>
  <si>
    <t>SARGODHA CANTT</t>
  </si>
  <si>
    <t>SADIA RASHEED</t>
  </si>
  <si>
    <t>GPS GOHER KUKIAN</t>
  </si>
  <si>
    <t>GOHAR KUKIAN</t>
  </si>
  <si>
    <t>GOHER KUKIAN</t>
  </si>
  <si>
    <t>GANAISHPUR</t>
  </si>
  <si>
    <t>SUMAILA SALEEM</t>
  </si>
  <si>
    <t>GGPS THATTA VAINS SALAM</t>
  </si>
  <si>
    <t>THATTA VAINS SALAM</t>
  </si>
  <si>
    <t>1808</t>
  </si>
  <si>
    <t>GPS JEEWAN WALA</t>
  </si>
  <si>
    <t>JAMPUR (N) MALE</t>
  </si>
  <si>
    <t>BASTI MAHESAR WALA</t>
  </si>
  <si>
    <t>HAIDAR FAROOQ</t>
  </si>
  <si>
    <t>GPS CHAK 50 JB II FSD</t>
  </si>
  <si>
    <t>50/JB II</t>
  </si>
  <si>
    <t>BORRIWAL</t>
  </si>
  <si>
    <t>TANVEER ASLAM</t>
  </si>
  <si>
    <t>GGPS MOVLI AZEEM</t>
  </si>
  <si>
    <t>Basti  Molvi Azeem</t>
  </si>
  <si>
    <t>Tahir Maqbool</t>
  </si>
  <si>
    <t>GMPS CHRIND</t>
  </si>
  <si>
    <t>CHRIND</t>
  </si>
  <si>
    <t>FARHANA RASHID</t>
  </si>
  <si>
    <t>GGPS BASTI BADAR DIN</t>
  </si>
  <si>
    <t>KHERO DEH - FEMALE</t>
  </si>
  <si>
    <t>BADAR DIN</t>
  </si>
  <si>
    <t>BASTI BADDAR DIN</t>
  </si>
  <si>
    <t>MUHAMMAD ZAMIR</t>
  </si>
  <si>
    <t>GPS CHAK BAZEED</t>
  </si>
  <si>
    <t>CHAK BAZEED</t>
  </si>
  <si>
    <t>PARVEEN FAROOQI</t>
  </si>
  <si>
    <t>GPS BOKHARI WALA</t>
  </si>
  <si>
    <t>HAVELI NASEER KHAN-MALE</t>
  </si>
  <si>
    <t>RAJA PUR</t>
  </si>
  <si>
    <t>BUKHARI WALA</t>
  </si>
  <si>
    <t>GPS 61 A EB IQBAL NAGAR WALA</t>
  </si>
  <si>
    <t>MUHAMMAD NAGAR A - MALE</t>
  </si>
  <si>
    <t>URBAN-I</t>
  </si>
  <si>
    <t>GPS CHAK NO.51/DB (S)</t>
  </si>
  <si>
    <t>CHAK NO.51/DB(S)</t>
  </si>
  <si>
    <t>HAFIZ USMAN ZIA</t>
  </si>
  <si>
    <t>GGPS 44 EB P/O DILO WALA BANGLA</t>
  </si>
  <si>
    <t>MUHAMMAD NAGAR 2 - FEMALE</t>
  </si>
  <si>
    <t>44 EB</t>
  </si>
  <si>
    <t>44/EB</t>
  </si>
  <si>
    <t>CHAK 48/EB</t>
  </si>
  <si>
    <t>SHAHAB SARWAR</t>
  </si>
  <si>
    <t>GPS DHOK REHMAT (PSSP-II)</t>
  </si>
  <si>
    <t>DHOK REHMAT</t>
  </si>
  <si>
    <t>FOUZIA BIBI</t>
  </si>
  <si>
    <t>GES KOT GOINDKAY</t>
  </si>
  <si>
    <t>BAMBANWALA - MALE</t>
  </si>
  <si>
    <t>KOT GOINDKAY</t>
  </si>
  <si>
    <t>GPS KOT GOINDKAY</t>
  </si>
  <si>
    <t>GOINDKAY</t>
  </si>
  <si>
    <t>GPS KOT LAL</t>
  </si>
  <si>
    <t>KOTLAL</t>
  </si>
  <si>
    <t>CHAK NO. 4/GB</t>
  </si>
  <si>
    <t>SHUMALA ALI AHMAD</t>
  </si>
  <si>
    <t>GGPS AKKI WALI</t>
  </si>
  <si>
    <t>AKKI WALI</t>
  </si>
  <si>
    <t>SHAMSA TUFAIL</t>
  </si>
  <si>
    <t>GPS CHAK 11 UCC</t>
  </si>
  <si>
    <t>CHAK NO 11</t>
  </si>
  <si>
    <t>CHAK 11 UCC</t>
  </si>
  <si>
    <t>SHAZIA MUKHTIAR</t>
  </si>
  <si>
    <t>GGPS BOTTAY WALI</t>
  </si>
  <si>
    <t>KALI SUBA - FEMAL</t>
  </si>
  <si>
    <t>BOTTAY WALI</t>
  </si>
  <si>
    <t>KALI SUBA KHAN</t>
  </si>
  <si>
    <t>TANZILA ABBAS</t>
  </si>
  <si>
    <t>GPS MANSOOR SIAL   ***   PEF</t>
  </si>
  <si>
    <t>MANSOOR SIAL</t>
  </si>
  <si>
    <t>SAFDAR ALI</t>
  </si>
  <si>
    <t>GPS CHAK 286 GB IV</t>
  </si>
  <si>
    <t>CHAK NO 286 GB IV</t>
  </si>
  <si>
    <t>286 GB</t>
  </si>
  <si>
    <t>RAJANA</t>
  </si>
  <si>
    <t>ROBINA SHAHID</t>
  </si>
  <si>
    <t>GPS MALLIAN KALAN</t>
  </si>
  <si>
    <t>BAIDIAN ROAD</t>
  </si>
  <si>
    <t>DHALOKI</t>
  </si>
  <si>
    <t>GGPS KARLOOP</t>
  </si>
  <si>
    <t>KARLOOP</t>
  </si>
  <si>
    <t>SALMA FAISAL</t>
  </si>
  <si>
    <t>GGPS KOT SHAH MUHAMMAD</t>
  </si>
  <si>
    <t>WAZIRABAD - FEMAL</t>
  </si>
  <si>
    <t>KOT SHAH MUHAMMAD</t>
  </si>
  <si>
    <t>GAGGA MITTAR</t>
  </si>
  <si>
    <t>SIDRA SULTAN</t>
  </si>
  <si>
    <t>GPS PHATHI PATHANA WALI</t>
  </si>
  <si>
    <t>MIANWALI SADDAR - MALE</t>
  </si>
  <si>
    <t>PHATHI PATHANA WALI</t>
  </si>
  <si>
    <t>PHATHI PATHANA WALI TEHSIL AND DISTRICT MIANWALI</t>
  </si>
  <si>
    <t>PHATHI PATHANAN WALI</t>
  </si>
  <si>
    <t>MUHAMMAD IJAZ MALIK</t>
  </si>
  <si>
    <t>3545</t>
  </si>
  <si>
    <t>GPS DERA KALARAN 71/D.B</t>
  </si>
  <si>
    <t>KUD WALA (A) - MALE</t>
  </si>
  <si>
    <t>CHAK NO 70/DB</t>
  </si>
  <si>
    <t>CHAK NO 71/DB</t>
  </si>
  <si>
    <t>CHAK NO.68/DB</t>
  </si>
  <si>
    <t>GMPS FAROOQ ABAD *** PEF</t>
  </si>
  <si>
    <t>AHMAD PUR SIAL - FEMALE</t>
  </si>
  <si>
    <t>FAROOQ ABAD</t>
  </si>
  <si>
    <t>MC AP SIAL</t>
  </si>
  <si>
    <t>GGPS CHAK 10 THAL DOLUANA *** PEF</t>
  </si>
  <si>
    <t>10/2 THAL</t>
  </si>
  <si>
    <t>GMPS DOLO WALI</t>
  </si>
  <si>
    <t>GUJRANWALA SADAR-1 - FEMAL</t>
  </si>
  <si>
    <t>DULOWALI</t>
  </si>
  <si>
    <t>DOLO WALI</t>
  </si>
  <si>
    <t>NADALA SINDHWAN</t>
  </si>
  <si>
    <t>SANA ABDUL RAZZAQ</t>
  </si>
  <si>
    <t>GGPS GULBERG AHMAD PUR SIAL *** PEF</t>
  </si>
  <si>
    <t>A P SIAL</t>
  </si>
  <si>
    <t>CHAH LAL SINGH</t>
  </si>
  <si>
    <t>MUIHAMMAD RAMZAN</t>
  </si>
  <si>
    <t>GPS LALOKAY</t>
  </si>
  <si>
    <t>BHAGOWAL - MALE</t>
  </si>
  <si>
    <t>LALOKAY</t>
  </si>
  <si>
    <t>AQSA BATOOL</t>
  </si>
  <si>
    <t>GPS THEH PURA</t>
  </si>
  <si>
    <t>THEH PURA</t>
  </si>
  <si>
    <t>NASEEM RAMZAN</t>
  </si>
  <si>
    <t>GPS CHAK NO.93/DB</t>
  </si>
  <si>
    <t>CHAK NO. 93/DB</t>
  </si>
  <si>
    <t>93/DB</t>
  </si>
  <si>
    <t>CHAK 88/DB</t>
  </si>
  <si>
    <t>IZHAR AMIR</t>
  </si>
  <si>
    <t>GGES JALALA</t>
  </si>
  <si>
    <t>JALALA</t>
  </si>
  <si>
    <t>Nazia Hussain</t>
  </si>
  <si>
    <t>GGPS NARALI KASWAL</t>
  </si>
  <si>
    <t>NARALI KASWAL</t>
  </si>
  <si>
    <t>ROZI TALAT</t>
  </si>
  <si>
    <t>GGPS CHAK NO.166/167 NB</t>
  </si>
  <si>
    <t>CHAK NO 166 NB</t>
  </si>
  <si>
    <t>CHAK NO.166/167 NB</t>
  </si>
  <si>
    <t>CHAK 137-138/NB</t>
  </si>
  <si>
    <t>ANAM SHAHZADI</t>
  </si>
  <si>
    <t>GGPS CHAK NO. 8/3-L GRID *** PEF</t>
  </si>
  <si>
    <t>CHAK NO.8/3L</t>
  </si>
  <si>
    <t>RANJEET KOT</t>
  </si>
  <si>
    <t>YASMIN AKHTER</t>
  </si>
  <si>
    <t>GPS SORA (PSSP-II)</t>
  </si>
  <si>
    <t>SORA</t>
  </si>
  <si>
    <t>SAIRA BIBI</t>
  </si>
  <si>
    <t>GPS WAHI SIKANDAR</t>
  </si>
  <si>
    <t>KOTHA AOTAYRA</t>
  </si>
  <si>
    <t>BASRI BAIR WALA</t>
  </si>
  <si>
    <t>HAVELI NASEER KHAN</t>
  </si>
  <si>
    <t>SYED ABDUL QADIR ATHAR</t>
  </si>
  <si>
    <t>GMPS ALAM WALA</t>
  </si>
  <si>
    <t>ALAM WALA</t>
  </si>
  <si>
    <t>GARHI KALA</t>
  </si>
  <si>
    <t>ANIKA BASHIR</t>
  </si>
  <si>
    <t>GGPS (PSSP-II) FAZAL AHMED KASHMIRI</t>
  </si>
  <si>
    <t>FAZAL AHMAD KASHMIRI</t>
  </si>
  <si>
    <t>MUHAMMAD ASIM</t>
  </si>
  <si>
    <t>GGPS KARNALI</t>
  </si>
  <si>
    <t>KARNALI</t>
  </si>
  <si>
    <t>SHUMAILA IRUM</t>
  </si>
  <si>
    <t>GGPS CHAK NO. 5/3-R *** PEF</t>
  </si>
  <si>
    <t>ESSA WALI</t>
  </si>
  <si>
    <t>5/3 R</t>
  </si>
  <si>
    <t>TASLEEM BB</t>
  </si>
  <si>
    <t>GGES BAHLOL PUR</t>
  </si>
  <si>
    <t>BAHLOLPUR</t>
  </si>
  <si>
    <t>IKHLAS PUR</t>
  </si>
  <si>
    <t>Sameena Naheed</t>
  </si>
  <si>
    <t>GGPS BANGRI</t>
  </si>
  <si>
    <t>AHMAD SHAH WALI</t>
  </si>
  <si>
    <t>AHMAD SHAH WALI BANGRI</t>
  </si>
  <si>
    <t>BANGRI</t>
  </si>
  <si>
    <t>KACHA GUJRAT</t>
  </si>
  <si>
    <t>GGPS MARAY</t>
  </si>
  <si>
    <t>MARAY</t>
  </si>
  <si>
    <t>MEELA</t>
  </si>
  <si>
    <t>GPS CHAK NO.95/DB</t>
  </si>
  <si>
    <t>CHAK NO. 95/DB</t>
  </si>
  <si>
    <t>95/DB</t>
  </si>
  <si>
    <t>SAJID HUSSAIN</t>
  </si>
  <si>
    <t>GPS (PSSP-I) 531/EB</t>
  </si>
  <si>
    <t>CHAK NO. 531 EB</t>
  </si>
  <si>
    <t>531 EB</t>
  </si>
  <si>
    <t>537 EB</t>
  </si>
  <si>
    <t>NOOR BIBI</t>
  </si>
  <si>
    <t>GGPS MAHEL</t>
  </si>
  <si>
    <t>MAHEL</t>
  </si>
  <si>
    <t>RASOOL PUR BHALLAIN</t>
  </si>
  <si>
    <t>SYEDA SEHRISH NAQVI</t>
  </si>
  <si>
    <t>GPS JABBI SHARIF</t>
  </si>
  <si>
    <t>JABBI</t>
  </si>
  <si>
    <t>ZAITOON AKHTAR</t>
  </si>
  <si>
    <t>GPS JABBI SHUMALI</t>
  </si>
  <si>
    <t>JABBI SHUMALI</t>
  </si>
  <si>
    <t>IMRANA MALIK</t>
  </si>
  <si>
    <t>GGPS DERA KHIDRAL</t>
  </si>
  <si>
    <t>DERA KHIDRAL</t>
  </si>
  <si>
    <t>SHALIA NAZ</t>
  </si>
  <si>
    <t>GPS HAILAKALRAH</t>
  </si>
  <si>
    <t>HAILAKALRAH</t>
  </si>
  <si>
    <t>HAILA KALRAH</t>
  </si>
  <si>
    <t>HELA WATWAN</t>
  </si>
  <si>
    <t>GPS DHOK GULBAZ</t>
  </si>
  <si>
    <t>DHOK GULBAZ</t>
  </si>
  <si>
    <t>LATTI</t>
  </si>
  <si>
    <t>SAJJAD FATIMA</t>
  </si>
  <si>
    <t>GGPS CHAK NO.82 NB DERA SOBEDAR</t>
  </si>
  <si>
    <t>DERA SOBEDAR</t>
  </si>
  <si>
    <t>CHAK NO.82 NB DERA SOBEDAR</t>
  </si>
  <si>
    <t>GMPS KOCHAPPER SHARIF POST OFFICE 21 EB</t>
  </si>
  <si>
    <t>CHAK NO.21 EB</t>
  </si>
  <si>
    <t>KHOCHAPPAR SHARIF</t>
  </si>
  <si>
    <t>GPS BUDHWAR</t>
  </si>
  <si>
    <t>BUDHWAR</t>
  </si>
  <si>
    <t>JAHMAN</t>
  </si>
  <si>
    <t>MAQADAS MUNAWER</t>
  </si>
  <si>
    <t>GPS SHARAF</t>
  </si>
  <si>
    <t>SHARAF</t>
  </si>
  <si>
    <t>SHARAF VEERAN</t>
  </si>
  <si>
    <t>KAMAMPUR</t>
  </si>
  <si>
    <t>MUHAMMAD SAJJAD</t>
  </si>
  <si>
    <t>GPS SAITH ABDUR RAZZAQ</t>
  </si>
  <si>
    <t>THERI ZABTI</t>
  </si>
  <si>
    <t>KOILA NAICHAN</t>
  </si>
  <si>
    <t>GPS 86 GB</t>
  </si>
  <si>
    <t>CHAK 86 GB</t>
  </si>
  <si>
    <t>GHARALA</t>
  </si>
  <si>
    <t>91/GB</t>
  </si>
  <si>
    <t>RASHED HAMEED</t>
  </si>
  <si>
    <t>GGPS JARA</t>
  </si>
  <si>
    <t>NOORPUR SOUTH - FEMALE</t>
  </si>
  <si>
    <t>JARA</t>
  </si>
  <si>
    <t>ASFA BIBI</t>
  </si>
  <si>
    <t>GPS UTRAN (PSSP-II)</t>
  </si>
  <si>
    <t>UTRAN</t>
  </si>
  <si>
    <t>GHAZARA NOUREEN</t>
  </si>
  <si>
    <t>GGPS NO.3 REMOUNT DEPOT .........PSSP.........</t>
  </si>
  <si>
    <t>CHAK NO 2 RD</t>
  </si>
  <si>
    <t>REMOUNT DEPOT</t>
  </si>
  <si>
    <t>FARIHA ASMAT</t>
  </si>
  <si>
    <t>GES JHOMIAN KHURD</t>
  </si>
  <si>
    <t>JHOMIAN KHURD</t>
  </si>
  <si>
    <t>MIsbha Noreen</t>
  </si>
  <si>
    <t>GPS CHAK NO 10/63 MUNSHI WALA</t>
  </si>
  <si>
    <t>CHAK NO. 10/63</t>
  </si>
  <si>
    <t>CHAK NO 10/63 MUNSHI WALA</t>
  </si>
  <si>
    <t>NAVEED ANWAR</t>
  </si>
  <si>
    <t>GGPS RAM PURA KALAN</t>
  </si>
  <si>
    <t>RAM PURA</t>
  </si>
  <si>
    <t>HADYARA</t>
  </si>
  <si>
    <t>SHAKEELA JAMIL</t>
  </si>
  <si>
    <t>GGPS PIND SAHAT (PSSP-III)</t>
  </si>
  <si>
    <t>PIND SAHAT</t>
  </si>
  <si>
    <t>Pind Sahat</t>
  </si>
  <si>
    <t>SHAHRA-E-SADULLAH</t>
  </si>
  <si>
    <t>Shahista Begum</t>
  </si>
  <si>
    <t>GGPS MAHLALA</t>
  </si>
  <si>
    <t>MAHILALA</t>
  </si>
  <si>
    <t>MALALA</t>
  </si>
  <si>
    <t>NOSHEEN AMDAD</t>
  </si>
  <si>
    <t>GGES DARSANA CHAH</t>
  </si>
  <si>
    <t>SHAHBAL SHAH FEMALE</t>
  </si>
  <si>
    <t>DARSANA  CHAH</t>
  </si>
  <si>
    <t>GGPS DARSANA CHAH</t>
  </si>
  <si>
    <t>DERSANA CHAH</t>
  </si>
  <si>
    <t>QURATULAIN</t>
  </si>
  <si>
    <t>GGPS WANDHI NOOR MUHAMMAD WALI</t>
  </si>
  <si>
    <t>WANDHI NOOR MUHAMMAD WALI</t>
  </si>
  <si>
    <t>UZMA KALSOOM</t>
  </si>
  <si>
    <t>GMPS CHAK NIZAM DIN</t>
  </si>
  <si>
    <t>CHAK NIZAM DIN</t>
  </si>
  <si>
    <t>CHAK 20/SP</t>
  </si>
  <si>
    <t>GHULAM HAIDER SAQIB</t>
  </si>
  <si>
    <t>GGPS NO.2 REMOUNT DEPOT</t>
  </si>
  <si>
    <t>CHAK 6/7 BARI MANDI</t>
  </si>
  <si>
    <t>ROMANA SABIR</t>
  </si>
  <si>
    <t>GGPS PASWAL (PSSP-III)</t>
  </si>
  <si>
    <t>PASWAL</t>
  </si>
  <si>
    <t>JANGLE</t>
  </si>
  <si>
    <t>Nabeela Shaheen</t>
  </si>
  <si>
    <t>GGPS DERA YASEEN KHAN</t>
  </si>
  <si>
    <t>CHISHTIAN-X - FEMALE</t>
  </si>
  <si>
    <t>CHAK CHOPA</t>
  </si>
  <si>
    <t>mari shoq shah</t>
  </si>
  <si>
    <t>toseefa saleem</t>
  </si>
  <si>
    <t>GGPS CHAKWAL LELOTTRA</t>
  </si>
  <si>
    <t>CHAKWAL LALOTARA</t>
  </si>
  <si>
    <t>Freha Yousaf</t>
  </si>
  <si>
    <t>GPS GARWAN</t>
  </si>
  <si>
    <t>GARWAN</t>
  </si>
  <si>
    <t>JANOO WALA</t>
  </si>
  <si>
    <t>GPS KOT MUMRANA</t>
  </si>
  <si>
    <t>KOT HAMRANA</t>
  </si>
  <si>
    <t>KOT MUMRANA</t>
  </si>
  <si>
    <t>NASEER PUR KALAN</t>
  </si>
  <si>
    <t>ASIA RAMZAN</t>
  </si>
  <si>
    <t>GPS AHATA SOHAN SINGH</t>
  </si>
  <si>
    <t>AHATA SOHAN SINGH</t>
  </si>
  <si>
    <t>STTARAH LIAQUET</t>
  </si>
  <si>
    <t>GGPS NATLA KALAN</t>
  </si>
  <si>
    <t>NATLA KALAN</t>
  </si>
  <si>
    <t>GPS CHAK 254 RB IV</t>
  </si>
  <si>
    <t>254MAZHABI WALA</t>
  </si>
  <si>
    <t>MIZBI WALA</t>
  </si>
  <si>
    <t>GULNAZ SHAHZADI</t>
  </si>
  <si>
    <t>GPS MALALA</t>
  </si>
  <si>
    <t>ADIBA BADAR</t>
  </si>
  <si>
    <t>GPS LOKRI MAHRAN</t>
  </si>
  <si>
    <t>KOT MOMIN EAST-I - MALE</t>
  </si>
  <si>
    <t>KOREKOOT</t>
  </si>
  <si>
    <t>LOKRI MAHRAN</t>
  </si>
  <si>
    <t>TANZILA IRAM</t>
  </si>
  <si>
    <t>GPS BORING JAHAN KHAN WALA</t>
  </si>
  <si>
    <t>WAN BHACHRAN - MALE</t>
  </si>
  <si>
    <t>MUZAFFAR PUR SHUMALI</t>
  </si>
  <si>
    <t>CHIRAGH WAL PUL</t>
  </si>
  <si>
    <t>MUZAFFARPUR SHUMALI</t>
  </si>
  <si>
    <t>GGPS 93 D</t>
  </si>
  <si>
    <t>CHAK 93/D</t>
  </si>
  <si>
    <t>UMER DARAZ</t>
  </si>
  <si>
    <t>GPS MOHAMMAD SHAH</t>
  </si>
  <si>
    <t>CHISHTIAN-VII - MALE</t>
  </si>
  <si>
    <t>MOHAMMAD SHAH</t>
  </si>
  <si>
    <t>QABOOL FATANI</t>
  </si>
  <si>
    <t>HAFIZ MUHAMMAD YAHYA</t>
  </si>
  <si>
    <t>GGPS 20/14-L</t>
  </si>
  <si>
    <t>IQBAL NAGAR - FEMALE</t>
  </si>
  <si>
    <t>20/14-L</t>
  </si>
  <si>
    <t>GPS DERA HAJI MAHMOOR</t>
  </si>
  <si>
    <t>UPPI</t>
  </si>
  <si>
    <t>DERA HAJI MAHMOOR</t>
  </si>
  <si>
    <t>CHAK 19/SB</t>
  </si>
  <si>
    <t>GMPS JHUGIAN SYEDAN</t>
  </si>
  <si>
    <t>SHAHPUR - FEMALE</t>
  </si>
  <si>
    <t>JALAL PUR JAGEER</t>
  </si>
  <si>
    <t>JHUGIAN SYEDAN</t>
  </si>
  <si>
    <t>AQIL SHAH</t>
  </si>
  <si>
    <t>SOBIA ISMAIL</t>
  </si>
  <si>
    <t>GGPS BAKARWAL</t>
  </si>
  <si>
    <t>BAKARWAL</t>
  </si>
  <si>
    <t>Jlala</t>
  </si>
  <si>
    <t>Mahmood Hussain</t>
  </si>
  <si>
    <t>GGPS SARJA MARJA</t>
  </si>
  <si>
    <t>SARJA MARJA</t>
  </si>
  <si>
    <t>SARJA MAERJA</t>
  </si>
  <si>
    <t>RIZWANA RAHIM</t>
  </si>
  <si>
    <t>GPS CHAPORAN WALA</t>
  </si>
  <si>
    <t>MUSA KHEL - MALE</t>
  </si>
  <si>
    <t>ABBA KHEL</t>
  </si>
  <si>
    <t>CHABORAN WALA</t>
  </si>
  <si>
    <t>ZAITOON BIBI</t>
  </si>
  <si>
    <t>GGPS CHAK 254 RB III CHEECHA DJ KOT</t>
  </si>
  <si>
    <t>CHAK 254 RB 111 CHEEC</t>
  </si>
  <si>
    <t>CHEECHA</t>
  </si>
  <si>
    <t>FAIZA ASHFAQ</t>
  </si>
  <si>
    <t>GGPS BASTI DARKHANAN</t>
  </si>
  <si>
    <t>NUSRAT RASHEED</t>
  </si>
  <si>
    <t>GPS MC WAHDAT ROAD LAHORE</t>
  </si>
  <si>
    <t>WAHDAT ROAD</t>
  </si>
  <si>
    <t>NEW MUSLIM TOWN</t>
  </si>
  <si>
    <t>MUSLIM TOWN</t>
  </si>
  <si>
    <t>SALMA BILAL</t>
  </si>
  <si>
    <t>GPS CHAK NO. 104 JB</t>
  </si>
  <si>
    <t>104-JB</t>
  </si>
  <si>
    <t>CHAK NO. 104 JB</t>
  </si>
  <si>
    <t>MEHREEN FATIMA</t>
  </si>
  <si>
    <t>GPS MAQSOOD ABAD</t>
  </si>
  <si>
    <t>GPS RORA NIPAL</t>
  </si>
  <si>
    <t>RORA NIPAL</t>
  </si>
  <si>
    <t>RORA NEPAL</t>
  </si>
  <si>
    <t>SONYA RAFIQUE</t>
  </si>
  <si>
    <t>GMPS ABADI JALAL .........PSSP.........</t>
  </si>
  <si>
    <t>ABADI JALAL</t>
  </si>
  <si>
    <t>PURANA BHALWAL</t>
  </si>
  <si>
    <t>KANWAL IQBAL</t>
  </si>
  <si>
    <t>GPS DARGI KHEL</t>
  </si>
  <si>
    <t>MOCHH - MALE</t>
  </si>
  <si>
    <t>GUL BAREEN</t>
  </si>
  <si>
    <t>GPS NASEER PUR GANGA</t>
  </si>
  <si>
    <t>QAIMPUR - MALE</t>
  </si>
  <si>
    <t>NASEER PUR GANGA</t>
  </si>
  <si>
    <t>NASEER PUR</t>
  </si>
  <si>
    <t>KHAROO GHAZIKH</t>
  </si>
  <si>
    <t>GPS TALWARA</t>
  </si>
  <si>
    <t>TALWARA</t>
  </si>
  <si>
    <t>KIRAN MANZOOR</t>
  </si>
  <si>
    <t>GPS CHAK 4 JB 1 FSD</t>
  </si>
  <si>
    <t>4 B</t>
  </si>
  <si>
    <t>CHAK NO. 4 GB</t>
  </si>
  <si>
    <t>2CHAK RAMDEWALI</t>
  </si>
  <si>
    <t>RASHIDA FATIMA</t>
  </si>
  <si>
    <t>GGPS CHAK NO 88.SB COLONY .........PSSP.........</t>
  </si>
  <si>
    <t>SARGODHA SADAR - FEMALE</t>
  </si>
  <si>
    <t>COLAONY SB</t>
  </si>
  <si>
    <t>88.SB</t>
  </si>
  <si>
    <t>CHAK 88/SB</t>
  </si>
  <si>
    <t>AFZA YASMIN</t>
  </si>
  <si>
    <t>GGPS CHAK NO.91 SB EAST</t>
  </si>
  <si>
    <t>NEW SATELLITE TOWN - FEMALE</t>
  </si>
  <si>
    <t>91 SB EAST</t>
  </si>
  <si>
    <t>ZAITOON MANZOOR</t>
  </si>
  <si>
    <t>GPS DHOK BUDHOO</t>
  </si>
  <si>
    <t>CHAKRALLA - MALE</t>
  </si>
  <si>
    <t>DHOK BUDHOO</t>
  </si>
  <si>
    <t>GGPS PUL MAHANGAY WALA</t>
  </si>
  <si>
    <t>BUTAY MALA</t>
  </si>
  <si>
    <t>PUL MAHANGAY WALA</t>
  </si>
  <si>
    <t>JHOKE LASHKAR PUR</t>
  </si>
  <si>
    <t>CH NOOR MOHAMMAD</t>
  </si>
  <si>
    <t>GGPS CHAK NO.6 ML COLONY .........PSSP.........</t>
  </si>
  <si>
    <t>PHULARWAN - FEMALE</t>
  </si>
  <si>
    <t>COLONY NO. 2</t>
  </si>
  <si>
    <t>CHAK NO.6 ML</t>
  </si>
  <si>
    <t>THATHI NOOR</t>
  </si>
  <si>
    <t>NABILA YASMIN</t>
  </si>
  <si>
    <t>GPS DERA SODHI</t>
  </si>
  <si>
    <t>SILLANWALI-I - MALE</t>
  </si>
  <si>
    <t>DERA SODHI</t>
  </si>
  <si>
    <t>SHAHEEN ABAD</t>
  </si>
  <si>
    <t>SAIRA JABEEN</t>
  </si>
  <si>
    <t>GPS BALO CHAK</t>
  </si>
  <si>
    <t>GGPS MEHNDI PUR</t>
  </si>
  <si>
    <t>MEHNDI PUR</t>
  </si>
  <si>
    <t>MEHDIPUR</t>
  </si>
  <si>
    <t>MUDASSAR PERVEEN</t>
  </si>
  <si>
    <t>GPS SOHRAB KALAN MORE KHUNDA</t>
  </si>
  <si>
    <t>MORE KHUNDA - MALE</t>
  </si>
  <si>
    <t>SOHRAB KALAN</t>
  </si>
  <si>
    <t>MORE KHUNDA</t>
  </si>
  <si>
    <t>MEHNAZ NOOR</t>
  </si>
  <si>
    <t>GPS CHAK NO.43/DB (W)</t>
  </si>
  <si>
    <t>GONDAL TOWN - MALE</t>
  </si>
  <si>
    <t>MUHAMMAD WAH</t>
  </si>
  <si>
    <t>BUSHRA KHAWAR</t>
  </si>
  <si>
    <t>GMPS 13 EB P/O PIR SADAR DIN</t>
  </si>
  <si>
    <t>CHAK NO.13 EB</t>
  </si>
  <si>
    <t>CHAK NO.13/EB</t>
  </si>
  <si>
    <t>GGPS CHAK NO.128 NB</t>
  </si>
  <si>
    <t>SILLANWALI-II - FEMALE</t>
  </si>
  <si>
    <t>CHAK NO 128 NB NEW ABADI</t>
  </si>
  <si>
    <t>CHAK NO.128 NB</t>
  </si>
  <si>
    <t>CHAK 129/NB</t>
  </si>
  <si>
    <t>ZARQA GULZAR</t>
  </si>
  <si>
    <t>GPS DHOK SHER BAZ</t>
  </si>
  <si>
    <t>DHOK SHERBAZ</t>
  </si>
  <si>
    <t>BAN HAFIZ JEE</t>
  </si>
  <si>
    <t>UZMA NOUREEN</t>
  </si>
  <si>
    <t>GPS 26/11-L</t>
  </si>
  <si>
    <t>GHAZI ABAD - MALE</t>
  </si>
  <si>
    <t>CHAK NO. 26/11-L</t>
  </si>
  <si>
    <t>26/11-L</t>
  </si>
  <si>
    <t>MAQBOOL AHMED</t>
  </si>
  <si>
    <t>GGPS CHAK NO.141 SB</t>
  </si>
  <si>
    <t>CHAK NO 141 SB</t>
  </si>
  <si>
    <t>CHAK 131/NB</t>
  </si>
  <si>
    <t>SHAZIA NOUREEN</t>
  </si>
  <si>
    <t>GPS CHAK SEMAN WALI</t>
  </si>
  <si>
    <t>CHAK SEMAN WALI</t>
  </si>
  <si>
    <t>CHAK SAMIA WALI</t>
  </si>
  <si>
    <t>BHARTANWALA</t>
  </si>
  <si>
    <t>RAHAT ANWER</t>
  </si>
  <si>
    <t>GPS PIR SADAR DIN</t>
  </si>
  <si>
    <t>ARIFWALA B - MALE</t>
  </si>
  <si>
    <t>PIR SARDAR DIN</t>
  </si>
  <si>
    <t>PIR SADAR DIN</t>
  </si>
  <si>
    <t>GPS BAGHOTI BASHOTI</t>
  </si>
  <si>
    <t>BAGHOTI</t>
  </si>
  <si>
    <t>BAGHOTI BASHOTI</t>
  </si>
  <si>
    <t>TEHMINA KHALID</t>
  </si>
  <si>
    <t>DERA JARA</t>
  </si>
  <si>
    <t>SHAH WALA</t>
  </si>
  <si>
    <t>JABEEN ANWAR</t>
  </si>
  <si>
    <t>GPS CHAK 53 JB</t>
  </si>
  <si>
    <t>CHAK 53J.B</t>
  </si>
  <si>
    <t>SINDUHAN</t>
  </si>
  <si>
    <t>CHAK 50 JB</t>
  </si>
  <si>
    <t>IQRA TAHIR</t>
  </si>
  <si>
    <t>GGPS GARDEZ PUR</t>
  </si>
  <si>
    <t>SHAH GARDEZ</t>
  </si>
  <si>
    <t>BILLI WALA</t>
  </si>
  <si>
    <t>SHOUKAT HUSSAIN</t>
  </si>
  <si>
    <t>GGPS TANKI WALA HASILPUR MANDI</t>
  </si>
  <si>
    <t>DAHRAN WALA RD - FEMALE</t>
  </si>
  <si>
    <t>HASILPUR MANDI</t>
  </si>
  <si>
    <t>HASILPUR-II</t>
  </si>
  <si>
    <t>ABDULLAH</t>
  </si>
  <si>
    <t>GPS 58 EB</t>
  </si>
  <si>
    <t>CHAK NO 58 EB</t>
  </si>
  <si>
    <t>58/EB</t>
  </si>
  <si>
    <t>CHAK 66/EB</t>
  </si>
  <si>
    <t>BUSHRA BEGUM</t>
  </si>
  <si>
    <t>GMPS SHAHPUR KANJOO</t>
  </si>
  <si>
    <t>TIRKHAN WALA - FEMALE</t>
  </si>
  <si>
    <t>SHAHPUR KANJOO</t>
  </si>
  <si>
    <t>HAVELI MAJOKA</t>
  </si>
  <si>
    <t>MUHAMMAD SARFARAZ</t>
  </si>
  <si>
    <t>GPS MAHMOON GUJJAR</t>
  </si>
  <si>
    <t>MAHMOON GUJJAR</t>
  </si>
  <si>
    <t>SADAF MUKHTAR</t>
  </si>
  <si>
    <t>GPS LIFT SCHEME SAMAND WALA</t>
  </si>
  <si>
    <t>MIANWALI RURAL-MAL</t>
  </si>
  <si>
    <t>DERA BEGU KHEL</t>
  </si>
  <si>
    <t>GPS CHAK NO.50/DB (W) MARVARI</t>
  </si>
  <si>
    <t>CHAK 50/DB (E)</t>
  </si>
  <si>
    <t>50/DB (E)</t>
  </si>
  <si>
    <t>MAQSOOD TARIQ</t>
  </si>
  <si>
    <t>3523</t>
  </si>
  <si>
    <t>GGPS CHAK NO.142/M-B</t>
  </si>
  <si>
    <t>89/F - FEMALE</t>
  </si>
  <si>
    <t>CHAK NO.142/M-B</t>
  </si>
  <si>
    <t>142/M</t>
  </si>
  <si>
    <t>GPS GHARYALA  P/O MUKHDOOM RASHID</t>
  </si>
  <si>
    <t>GHARYALA</t>
  </si>
  <si>
    <t>GGPS KOTLI DIL PATIAN</t>
  </si>
  <si>
    <t>PHUKLIAN - FEMALE</t>
  </si>
  <si>
    <t>KOTLI DIL PATIAN</t>
  </si>
  <si>
    <t>MARIA BIBI</t>
  </si>
  <si>
    <t>GMPS 92 EB PO CHAK NO 92/EB ARIFWALA</t>
  </si>
  <si>
    <t>CHAK NO 92/EB</t>
  </si>
  <si>
    <t>92/EB</t>
  </si>
  <si>
    <t>CHAK 86/EB</t>
  </si>
  <si>
    <t>GMPS WALLHA .........PSSP.........</t>
  </si>
  <si>
    <t>WALLHA</t>
  </si>
  <si>
    <t>NOOREY WALA</t>
  </si>
  <si>
    <t>NOORAY WALA</t>
  </si>
  <si>
    <t>GPS 80 EB P.O 78 EB ARIF WALA</t>
  </si>
  <si>
    <t>CHAK NO 80 EB</t>
  </si>
  <si>
    <t>80/EB</t>
  </si>
  <si>
    <t>3356</t>
  </si>
  <si>
    <t>GGPS DANG DAV SYEDAN</t>
  </si>
  <si>
    <t>GUJAR KHAN-F -FEMALE</t>
  </si>
  <si>
    <t>DANG DAV SYEDAN</t>
  </si>
  <si>
    <t>SADIA MINIR</t>
  </si>
  <si>
    <t>KOT JANO</t>
  </si>
  <si>
    <t>BASTI TALAI WALA</t>
  </si>
  <si>
    <t>MINHAS KHAN</t>
  </si>
  <si>
    <t>GGPS JHANDANI</t>
  </si>
  <si>
    <t>JHANDAINI</t>
  </si>
  <si>
    <t>JHANDANI</t>
  </si>
  <si>
    <t>GPS 347 EB P.O 351 EB</t>
  </si>
  <si>
    <t>CHAK NO 347 EB</t>
  </si>
  <si>
    <t>347/EB</t>
  </si>
  <si>
    <t>CHAK 351/EB</t>
  </si>
  <si>
    <t>ALI IMRAN JAFFERI</t>
  </si>
  <si>
    <t>GPS PIARA</t>
  </si>
  <si>
    <t>PIARA</t>
  </si>
  <si>
    <t>GMPS (PSSP-II) 114 EB</t>
  </si>
  <si>
    <t>114 EB</t>
  </si>
  <si>
    <t>124 EB</t>
  </si>
  <si>
    <t>GGPS CHAK BAZEED</t>
  </si>
  <si>
    <t>HINA SEHER</t>
  </si>
  <si>
    <t>GPS BENGLA MOHLAN</t>
  </si>
  <si>
    <t>BENGLA MOHLAN</t>
  </si>
  <si>
    <t>GULL NAZ</t>
  </si>
  <si>
    <t>GPS CHAK NO.51/DB (N)</t>
  </si>
  <si>
    <t>CHAK NO.51/DB(N)</t>
  </si>
  <si>
    <t>51/DB(N</t>
  </si>
  <si>
    <t>SUMERA SHAKEEL</t>
  </si>
  <si>
    <t>GGPS 163 EB MUHAMMAD NAGAR</t>
  </si>
  <si>
    <t>MUHAMMAD NAGAR 1 - FEMALE</t>
  </si>
  <si>
    <t>163 EB CHAK</t>
  </si>
  <si>
    <t>CHAK 163/EB</t>
  </si>
  <si>
    <t>11904</t>
  </si>
  <si>
    <t>GGPS MALYAN</t>
  </si>
  <si>
    <t>MALYAN</t>
  </si>
  <si>
    <t>MALYIAN KALAN</t>
  </si>
  <si>
    <t>ROBINA SHARIF</t>
  </si>
  <si>
    <t>GPS MOCHH NO 1</t>
  </si>
  <si>
    <t>ZARWA USMAN</t>
  </si>
  <si>
    <t>GGPS (PSSP-II) 132 EB</t>
  </si>
  <si>
    <t>CHAK NO 132/E.B</t>
  </si>
  <si>
    <t>132 EB</t>
  </si>
  <si>
    <t>128 EB</t>
  </si>
  <si>
    <t>AMNA MUSTAFA</t>
  </si>
  <si>
    <t>GGPS 51 EB</t>
  </si>
  <si>
    <t>ARIFWALA 2</t>
  </si>
  <si>
    <t>CHAK NO.51\EB</t>
  </si>
  <si>
    <t>51/EB</t>
  </si>
  <si>
    <t>CHAK 59/EB</t>
  </si>
  <si>
    <t>RANA AHMAD MUBEEN</t>
  </si>
  <si>
    <t>GGPS JAGGA PAIKA</t>
  </si>
  <si>
    <t>JAGGA PAIKA</t>
  </si>
  <si>
    <t>RAHILA RIAZ</t>
  </si>
  <si>
    <t>GGPS THATHI RAHMOON</t>
  </si>
  <si>
    <t>THATTI REHMU</t>
  </si>
  <si>
    <t>THATHA KHOKHRAN</t>
  </si>
  <si>
    <t>KOT BENIDAS</t>
  </si>
  <si>
    <t>kashaf raza</t>
  </si>
  <si>
    <t>GPS CHAK NO.53/DB</t>
  </si>
  <si>
    <t>CHAK NO. 530DB</t>
  </si>
  <si>
    <t>530DB</t>
  </si>
  <si>
    <t>CHAK 50/DB</t>
  </si>
  <si>
    <t>SABA AKBAR</t>
  </si>
  <si>
    <t>GPS KHURMANLIAN</t>
  </si>
  <si>
    <t>KHURMANLIAN</t>
  </si>
  <si>
    <t>AYESHA RIAZ</t>
  </si>
  <si>
    <t>GGPS BAGH BALA</t>
  </si>
  <si>
    <t>BAGH BALA</t>
  </si>
  <si>
    <t>UZMA NISAR</t>
  </si>
  <si>
    <t>GPS (PSSP-I) 134 EB HUMAT PURA</t>
  </si>
  <si>
    <t>HUMAT PURA</t>
  </si>
  <si>
    <t>HIMAR PURA</t>
  </si>
  <si>
    <t>MUHAMMAD FIAZ</t>
  </si>
  <si>
    <t>GPS JAND MALI</t>
  </si>
  <si>
    <t>JAND MALI</t>
  </si>
  <si>
    <t>MEHWISH RASHEED</t>
  </si>
  <si>
    <t>GPS CHAK NO.14 UCC SOUTH</t>
  </si>
  <si>
    <t>CHAK NO.14 UCC SOUTH</t>
  </si>
  <si>
    <t>NAILA NOUREEN</t>
  </si>
  <si>
    <t>GGPS DHOK HASHOO</t>
  </si>
  <si>
    <t>DHOK HASHOO</t>
  </si>
  <si>
    <t>SYED</t>
  </si>
  <si>
    <t>SAIMA LATIF</t>
  </si>
  <si>
    <t>GGPS CHOKEN MOUZA JUND MALI</t>
  </si>
  <si>
    <t>CHOKIN</t>
  </si>
  <si>
    <t>AMINA HABIB</t>
  </si>
  <si>
    <t>GGPS JHUMIAN BAJWAN</t>
  </si>
  <si>
    <t>JHUMIAN BAJWAN</t>
  </si>
  <si>
    <t>jhumian bajwa</t>
  </si>
  <si>
    <t>SHAKILA KAUSAR</t>
  </si>
  <si>
    <t>GGPS GHOUSIA COLONY DEOWAL</t>
  </si>
  <si>
    <t>GHOUSIA COLONY DEOWAL</t>
  </si>
  <si>
    <t>SAIRA ASLAM</t>
  </si>
  <si>
    <t>GPS CHAK NO.107/DNB</t>
  </si>
  <si>
    <t>CHAK NO.107/DNB</t>
  </si>
  <si>
    <t>MUJAHID IQBAL</t>
  </si>
  <si>
    <t>GGPS CHAK NO. 641 TDA</t>
  </si>
  <si>
    <t>QAFIA REHMAN</t>
  </si>
  <si>
    <t>GPS CHAK 28 JB</t>
  </si>
  <si>
    <t>28/JB</t>
  </si>
  <si>
    <t>28 JB</t>
  </si>
  <si>
    <t>CHAK NO. 29 JB</t>
  </si>
  <si>
    <t>SAMMAN SHARIF</t>
  </si>
  <si>
    <t>GGPS MOHRA PIND</t>
  </si>
  <si>
    <t>MOHRA PIND</t>
  </si>
  <si>
    <t>DORA BADHAL</t>
  </si>
  <si>
    <t>JARMOT KALAN</t>
  </si>
  <si>
    <t>IRAM RUBAB</t>
  </si>
  <si>
    <t>GPS NOSHER BODLA</t>
  </si>
  <si>
    <t>NOSHER BODLA</t>
  </si>
  <si>
    <t>NOSHAIR BODLA</t>
  </si>
  <si>
    <t>TIWANA KALAN</t>
  </si>
  <si>
    <t>RANA MUSAWAR HUSSAIN</t>
  </si>
  <si>
    <t>GPS KARAN KEY</t>
  </si>
  <si>
    <t>KARAN KEY</t>
  </si>
  <si>
    <t>BARKI</t>
  </si>
  <si>
    <t>BUSHRA ASHRAF</t>
  </si>
  <si>
    <t>GPS 66/10-R, KHANEWAL (PEF,PSSP PHASE III)</t>
  </si>
  <si>
    <t>CHAK NO.66/10-R</t>
  </si>
  <si>
    <t>66/10-R</t>
  </si>
  <si>
    <t>CHAK NO.45/10-R</t>
  </si>
  <si>
    <t>MUHAMMAD ARSHAD ZIA</t>
  </si>
  <si>
    <t>GGPS 147 TDA FARID ABAD</t>
  </si>
  <si>
    <t>CHAK NO 147 TDA</t>
  </si>
  <si>
    <t>147-A</t>
  </si>
  <si>
    <t>khalid Mehmood Khan</t>
  </si>
  <si>
    <t>GPS DHOK MUGHLAN MALAL (PSSP-III)</t>
  </si>
  <si>
    <t>Dhok mughla malal</t>
  </si>
  <si>
    <t>Madiah Bibi</t>
  </si>
  <si>
    <t>GGPS KHOLY</t>
  </si>
  <si>
    <t>MANDRA- C - FEMALE</t>
  </si>
  <si>
    <t>KHOLY</t>
  </si>
  <si>
    <t>JHONGAL</t>
  </si>
  <si>
    <t>ANEELA SAJJAD</t>
  </si>
  <si>
    <t>GPS CHAK NO.544/TDA</t>
  </si>
  <si>
    <t>CHAK NO. 544/TDA</t>
  </si>
  <si>
    <t>SANA ASGHAR</t>
  </si>
  <si>
    <t>GPS DERA BADAR DIN JURA</t>
  </si>
  <si>
    <t>LILLAINI</t>
  </si>
  <si>
    <t>DERA BADAR DIN JURA</t>
  </si>
  <si>
    <t>LALLIANI JANUBI</t>
  </si>
  <si>
    <t>SIDRA ASHRAF</t>
  </si>
  <si>
    <t>GPS BUKSHISH PURA</t>
  </si>
  <si>
    <t>BUKSHISH PURA</t>
  </si>
  <si>
    <t>BUKHSHISH PURA</t>
  </si>
  <si>
    <t>REHMAN NASIR</t>
  </si>
  <si>
    <t>GMPS MURAD WALA   ***   PEF</t>
  </si>
  <si>
    <t>G.M RAJA - MALE</t>
  </si>
  <si>
    <t>TANGO</t>
  </si>
  <si>
    <t>DHAKA</t>
  </si>
  <si>
    <t>BAKIAL</t>
  </si>
  <si>
    <t>MC NAUSHERA</t>
  </si>
  <si>
    <t>ROBINA KAUSAR</t>
  </si>
  <si>
    <t>GGPS ALAWAL KOT</t>
  </si>
  <si>
    <t>NANKANA CITY- FEMALE</t>
  </si>
  <si>
    <t>ALAWAL KOT</t>
  </si>
  <si>
    <t>LARAIB ZAFAR</t>
  </si>
  <si>
    <t>GGPS CHAK NO 4/GB</t>
  </si>
  <si>
    <t>CHISHTIAN-V - FEMALE</t>
  </si>
  <si>
    <t>4/GB</t>
  </si>
  <si>
    <t>RIMSHA BATOOL</t>
  </si>
  <si>
    <t>GPS DHOK BAIR</t>
  </si>
  <si>
    <t>DHOK BAIR</t>
  </si>
  <si>
    <t>AFSAR SULTANA</t>
  </si>
  <si>
    <t>GPS BHOPEY WAL</t>
  </si>
  <si>
    <t>BHOPEY WAL</t>
  </si>
  <si>
    <t>JAJJAL</t>
  </si>
  <si>
    <t>SHANZAY FALIK SHER</t>
  </si>
  <si>
    <t>GGPS SHEIAN WALI</t>
  </si>
  <si>
    <t>SHIAN WALA</t>
  </si>
  <si>
    <t>GGPS DHOK PHATIAL</t>
  </si>
  <si>
    <t>DHOK PHATIAL</t>
  </si>
  <si>
    <t>KHABEKI</t>
  </si>
  <si>
    <t>GGPS CHAK NO.545/TDA( 531/TDA)</t>
  </si>
  <si>
    <t>CHAK NO. 545/TDA</t>
  </si>
  <si>
    <t>SHUMAILA ZOHAIB</t>
  </si>
  <si>
    <t>GGPS KOT ALLAH DITTA NANKANA</t>
  </si>
  <si>
    <t>KOT ALLAH DITTA</t>
  </si>
  <si>
    <t>SIDRA MUSHTAQ</t>
  </si>
  <si>
    <t>GPS HUSSAIN SHAH</t>
  </si>
  <si>
    <t>WADHI - MALE</t>
  </si>
  <si>
    <t>HUSSAIN SHAH</t>
  </si>
  <si>
    <t>JALLA PUR JADEED</t>
  </si>
  <si>
    <t>AMEER HAIDER</t>
  </si>
  <si>
    <t>GPS CHAK NO.76/DNB</t>
  </si>
  <si>
    <t>SHAHI WALA</t>
  </si>
  <si>
    <t>CHAK NO 76/DNB</t>
  </si>
  <si>
    <t>BUSHRA KHALIQ</t>
  </si>
  <si>
    <t>GPS CHAK 345 JB II PENJLI</t>
  </si>
  <si>
    <t>CHAK NO 345 JB II PENJLI</t>
  </si>
  <si>
    <t>CHAK 345 JB PENJLI II</t>
  </si>
  <si>
    <t>345/JB</t>
  </si>
  <si>
    <t>LUBNA YASMEEN</t>
  </si>
  <si>
    <t>GGPS NATHA SINGH</t>
  </si>
  <si>
    <t>NATHA SINGH</t>
  </si>
  <si>
    <t>KAMAHAN</t>
  </si>
  <si>
    <t>HINA SHOUKAT</t>
  </si>
  <si>
    <t>GGCMS THATHI BAWA</t>
  </si>
  <si>
    <t>PHALIA - FEMALE</t>
  </si>
  <si>
    <t>THATHI BAWA</t>
  </si>
  <si>
    <t>LALA PINDI</t>
  </si>
  <si>
    <t>RAZIA NAVEED</t>
  </si>
  <si>
    <t>GPS CHAK NO.542 TDA</t>
  </si>
  <si>
    <t>CHAK NO. 542/TDA</t>
  </si>
  <si>
    <t>KANIZA BIBI</t>
  </si>
  <si>
    <t>GGPS BASTI RIASAT LUDDEN</t>
  </si>
  <si>
    <t>RIASAT LUDDEN</t>
  </si>
  <si>
    <t>KHAIRO DAHA</t>
  </si>
  <si>
    <t>MUHAMMAD SHAMEER AKASH</t>
  </si>
  <si>
    <t>GPS 69/D</t>
  </si>
  <si>
    <t>69/D 1</t>
  </si>
  <si>
    <t>69/D</t>
  </si>
  <si>
    <t>DHAPAI</t>
  </si>
  <si>
    <t>GGES JUPO LOTA</t>
  </si>
  <si>
    <t>JUPO LOTA</t>
  </si>
  <si>
    <t>CHATRANA</t>
  </si>
  <si>
    <t>sabheea javed</t>
  </si>
  <si>
    <t>GPS BONGA SIGHWAL</t>
  </si>
  <si>
    <t>BONGA SIGHWAL</t>
  </si>
  <si>
    <t>ONGA SIGHWAL</t>
  </si>
  <si>
    <t>FOUZIA ANWAR</t>
  </si>
  <si>
    <t>GGPS CHAK 295 JB II</t>
  </si>
  <si>
    <t>REHMAT ABAD FEMALE</t>
  </si>
  <si>
    <t>CHAK NO 295 JB II</t>
  </si>
  <si>
    <t>290 JB</t>
  </si>
  <si>
    <t>GPS (PSSP-II) 126 EB</t>
  </si>
  <si>
    <t>CHAK NO 126/E.B</t>
  </si>
  <si>
    <t>126 EB</t>
  </si>
  <si>
    <t>RAHEELA NOOR</t>
  </si>
  <si>
    <t>GGPS CHAK NO. 553/TDA</t>
  </si>
  <si>
    <t>CHAK NO. 553/TDA</t>
  </si>
  <si>
    <t>MIR PUR BHAGAL</t>
  </si>
  <si>
    <t>GPS MADARI WALA</t>
  </si>
  <si>
    <t>MUNDERAY WALA</t>
  </si>
  <si>
    <t>GGPS MOHALLA JAMAT BHOUN</t>
  </si>
  <si>
    <t>JAMAT BHUAN</t>
  </si>
  <si>
    <t>TEHSEEN HAIDER</t>
  </si>
  <si>
    <t>GPS MANGAT NO. 3</t>
  </si>
  <si>
    <t>ABID HUSSAIN ABID</t>
  </si>
  <si>
    <t>GPS MANGAY WALI SURRAKI</t>
  </si>
  <si>
    <t>NAUSHERA SADAR - MALE</t>
  </si>
  <si>
    <t>SURRAKI</t>
  </si>
  <si>
    <t>KUFRI</t>
  </si>
  <si>
    <t>GPS CHAK NO.46/DNB</t>
  </si>
  <si>
    <t>CHAK NO.46/DNB</t>
  </si>
  <si>
    <t>FARHANA KOUSAR</t>
  </si>
  <si>
    <t>GGPS CHAK PATRI JANUBI</t>
  </si>
  <si>
    <t>CHAK PATRI</t>
  </si>
  <si>
    <t>MAQBOOL FATIMA</t>
  </si>
  <si>
    <t>GPS SAIF ABAD 1</t>
  </si>
  <si>
    <t>SAIF ABAD 1</t>
  </si>
  <si>
    <t>SAIF ABAD</t>
  </si>
  <si>
    <t>HAMID PARK</t>
  </si>
  <si>
    <t>ROOHI KOUSAR</t>
  </si>
  <si>
    <t>ZOBIA ZULIFQAR</t>
  </si>
  <si>
    <t>GPS ENGLISH JUNIOR MODEL EID GAH MUSTAFABAD</t>
  </si>
  <si>
    <t>IQRA HAMID</t>
  </si>
  <si>
    <t>GGPS CHICHI GUJJAR</t>
  </si>
  <si>
    <t>CHICHI GUJJAR</t>
  </si>
  <si>
    <t>CHICHI GUJAR</t>
  </si>
  <si>
    <t>MARIA KISHWAR</t>
  </si>
  <si>
    <t>GGPS CHAK NO. 531/TDA (DERA KHURSHID ABAD)</t>
  </si>
  <si>
    <t>CHAK NO. 531/TDA</t>
  </si>
  <si>
    <t>SAIRA MAHNAZ</t>
  </si>
  <si>
    <t>GGES CHATRANA</t>
  </si>
  <si>
    <t>PINDI MANA</t>
  </si>
  <si>
    <t>Nadia tqqa</t>
  </si>
  <si>
    <t>GPS THATHA MEHRAN MORE KHUNDA</t>
  </si>
  <si>
    <t>THATHA MEHRAN</t>
  </si>
  <si>
    <t>CHINDPUR</t>
  </si>
  <si>
    <t>ASIF</t>
  </si>
  <si>
    <t>GGPS RUPO SALAR</t>
  </si>
  <si>
    <t>RUPO SALAR</t>
  </si>
  <si>
    <t>SEHRISH KIRAN</t>
  </si>
  <si>
    <t>GPS KALA HARAWAN</t>
  </si>
  <si>
    <t>KALA HARAWAN</t>
  </si>
  <si>
    <t>GPS BASTI SIKHANI BASTI NOON</t>
  </si>
  <si>
    <t>QASIM WALA</t>
  </si>
  <si>
    <t>MEHWISH EJAZ</t>
  </si>
  <si>
    <t>GGPS DHOK FAQIR NABERDAR</t>
  </si>
  <si>
    <t>DHOKE FAQIR NUMBER DAR</t>
  </si>
  <si>
    <t>DHOKE FAQIR NUMBAR DAR</t>
  </si>
  <si>
    <t>NAILA SIDDIQUE</t>
  </si>
  <si>
    <t>GPS CHAK NO.54/DB</t>
  </si>
  <si>
    <t>CHAK NO.54/DB</t>
  </si>
  <si>
    <t>54/DB</t>
  </si>
  <si>
    <t>ADEEL USMAN</t>
  </si>
  <si>
    <t>GGPS (PSSP-II) BASTI AMIR BAKSH LUNGRIAL</t>
  </si>
  <si>
    <t>SHARF</t>
  </si>
  <si>
    <t>AKBAR SHAH</t>
  </si>
  <si>
    <t>IRSHAD SHABAN</t>
  </si>
  <si>
    <t>GMPS AHMAD WALA</t>
  </si>
  <si>
    <t>7/1 THAL SHUMALI</t>
  </si>
  <si>
    <t>GMS AHMAD WALA</t>
  </si>
  <si>
    <t>AHMAD WALA</t>
  </si>
  <si>
    <t>GPS CHAK NO.68/DB (WASTI) JAJJA</t>
  </si>
  <si>
    <t>CHAK NO.68/DB(WASTI)</t>
  </si>
  <si>
    <t>FIZA RASOOL</t>
  </si>
  <si>
    <t>GPS DHARKALIAN</t>
  </si>
  <si>
    <t>DHARKALIAN</t>
  </si>
  <si>
    <t>DARKALIAN</t>
  </si>
  <si>
    <t>ZAREEN</t>
  </si>
  <si>
    <t>GPS BAGHWAN PURA</t>
  </si>
  <si>
    <t>BAGHWAN PURA</t>
  </si>
  <si>
    <t>TERAH</t>
  </si>
  <si>
    <t>SAIMA MUNEER</t>
  </si>
  <si>
    <t>GPS NAG PALL</t>
  </si>
  <si>
    <t>PAKPATTAN WEST - MALE</t>
  </si>
  <si>
    <t>NAG PALL</t>
  </si>
  <si>
    <t>PACCA SADHAR</t>
  </si>
  <si>
    <t>FARKHANDA RANI</t>
  </si>
  <si>
    <t>GPS JUNIOR MODEL YAKKI GATE</t>
  </si>
  <si>
    <t>YAKI GATE</t>
  </si>
  <si>
    <t>AZAM MARKET</t>
  </si>
  <si>
    <t>LAIBA IKRAM</t>
  </si>
  <si>
    <t>GMPS CHAK MEMORY</t>
  </si>
  <si>
    <t>CHAK BASAWA - FEMALE</t>
  </si>
  <si>
    <t>CHAK MEMORY</t>
  </si>
  <si>
    <t>MOJIAN WALA</t>
  </si>
  <si>
    <t>GMPS KOTHERA</t>
  </si>
  <si>
    <t>KOTHERA</t>
  </si>
  <si>
    <t>HIZRA ASHRAF</t>
  </si>
  <si>
    <t>GGPS HIMAYAT ABAD, KHANEWAL (PEF,PSSP PHASE II)</t>
  </si>
  <si>
    <t>HIMAYAT ABAD</t>
  </si>
  <si>
    <t>MC  KHANEWAL</t>
  </si>
  <si>
    <t>GPS CHAK NO.25/G</t>
  </si>
  <si>
    <t>CHAK NO 25 G</t>
  </si>
  <si>
    <t>CHAK NO 23G</t>
  </si>
  <si>
    <t>SHABANA KAUSAR</t>
  </si>
  <si>
    <t>GGPS CHAK NO. 147 ML</t>
  </si>
  <si>
    <t>NOOR SHAH TALAI</t>
  </si>
  <si>
    <t>CHAK NO. 147 ML</t>
  </si>
  <si>
    <t>CHAK NO.518/TDA</t>
  </si>
  <si>
    <t>JAMAL AHMED</t>
  </si>
  <si>
    <t>GGPS CHAK 351 JB III NAI ABADI</t>
  </si>
  <si>
    <t>CHAK NO 351 III NAI ABADI</t>
  </si>
  <si>
    <t>CHAK 351 JB</t>
  </si>
  <si>
    <t>363/JB</t>
  </si>
  <si>
    <t>GPS (PSSP-II) 134 EB</t>
  </si>
  <si>
    <t>CHAK NO.134 EB</t>
  </si>
  <si>
    <t>134 EB</t>
  </si>
  <si>
    <t>ABIDA SARDAR</t>
  </si>
  <si>
    <t>GGPS CLASS MARI</t>
  </si>
  <si>
    <t>CLASS MARI</t>
  </si>
  <si>
    <t>BHANGALI</t>
  </si>
  <si>
    <t>MUHAMMAD NABEEL</t>
  </si>
  <si>
    <t>GPS MUHAMMAD PUR NO. 3</t>
  </si>
  <si>
    <t>M PUR AWAN</t>
  </si>
  <si>
    <t>MUHAMMAD PUR DEWAN</t>
  </si>
  <si>
    <t>SAIRA ZAFAR</t>
  </si>
  <si>
    <t>GMPS DHAN KOT</t>
  </si>
  <si>
    <t>DHAN KOT</t>
  </si>
  <si>
    <t>GPS THEH JAMB</t>
  </si>
  <si>
    <t>THEH JAMP</t>
  </si>
  <si>
    <t>THEH JAMB</t>
  </si>
  <si>
    <t>SARAICH</t>
  </si>
  <si>
    <t>MARIA SABIR HUSSAIN</t>
  </si>
  <si>
    <t>GPS BHUBHAR</t>
  </si>
  <si>
    <t>BHUBHAR</t>
  </si>
  <si>
    <t>M ZAFAR IQBAL</t>
  </si>
  <si>
    <t>GGPS ACHAL KAY</t>
  </si>
  <si>
    <t>TALWANDI - FEMALE</t>
  </si>
  <si>
    <t>ACHAL KAY</t>
  </si>
  <si>
    <t>PHAKOKI</t>
  </si>
  <si>
    <t>SOBIA SHAHEEN</t>
  </si>
  <si>
    <t>GPS CHAK NO.31/DNB</t>
  </si>
  <si>
    <t>CHAK NO.31/DNB</t>
  </si>
  <si>
    <t>4139</t>
  </si>
  <si>
    <t>GGPS MIAN WALA</t>
  </si>
  <si>
    <t>SODHI JAY WALI (FEMALE)</t>
  </si>
  <si>
    <t>MAIN WALA</t>
  </si>
  <si>
    <t>TEWEEN</t>
  </si>
  <si>
    <t>KHURA</t>
  </si>
  <si>
    <t>SHAHEEN AKBER</t>
  </si>
  <si>
    <t>GPS LEADHER KALAN</t>
  </si>
  <si>
    <t>MAKEN -MALE</t>
  </si>
  <si>
    <t>LEADHER KALAN</t>
  </si>
  <si>
    <t>LADHER KALAN</t>
  </si>
  <si>
    <t>DHOOL RANJHA</t>
  </si>
  <si>
    <t>NIGHAR PERVEEN</t>
  </si>
  <si>
    <t>4072</t>
  </si>
  <si>
    <t>GPS WARA MOHLY WASSIAN</t>
  </si>
  <si>
    <t>SULTAN PURA</t>
  </si>
  <si>
    <t>SABA SAEED</t>
  </si>
  <si>
    <t>GGES GIDDER PUR</t>
  </si>
  <si>
    <t>GIDDER PUR</t>
  </si>
  <si>
    <t>khera</t>
  </si>
  <si>
    <t>sana  yousaf</t>
  </si>
  <si>
    <t>GPS SHAH MUHAMMAD WALI P.O SHAH MUHAMMAD WALI</t>
  </si>
  <si>
    <t>SHAH MOHD WALI</t>
  </si>
  <si>
    <t>SOBIA NAZ</t>
  </si>
  <si>
    <t>GPS KUDLATHI KADHI</t>
  </si>
  <si>
    <t>KUDLATHI</t>
  </si>
  <si>
    <t>KUDLATHI KADHI</t>
  </si>
  <si>
    <t>LIAQUAT ALI</t>
  </si>
  <si>
    <t>GPS SOCHAN</t>
  </si>
  <si>
    <t>SOCHAN</t>
  </si>
  <si>
    <t>FEROZ PUR CHISHTIAN</t>
  </si>
  <si>
    <t>FEROZPUR CHISHTIAN</t>
  </si>
  <si>
    <t>M ZAFAR IQBAL CHISHTI</t>
  </si>
  <si>
    <t>GGPS LADI</t>
  </si>
  <si>
    <t>ELAH ABAD - FEMALE</t>
  </si>
  <si>
    <t>LADI</t>
  </si>
  <si>
    <t>SARISAR HITHAR</t>
  </si>
  <si>
    <t>SAIMA SHOUKAT</t>
  </si>
  <si>
    <t>GPS RORAN WALA</t>
  </si>
  <si>
    <t>LADHAR</t>
  </si>
  <si>
    <t>ROADAN WALA</t>
  </si>
  <si>
    <t>RASHID RAI</t>
  </si>
  <si>
    <t>GGPS NAYYAR D TYPE COLONY FAISALABAD</t>
  </si>
  <si>
    <t>D TYPE COLONY NAYYAR</t>
  </si>
  <si>
    <t>D TYPE COLONY</t>
  </si>
  <si>
    <t>SHARIF CHOWK</t>
  </si>
  <si>
    <t>MUHAMMAD SHAHZAD AKHTAR</t>
  </si>
  <si>
    <t>GPS LEADHER KHURD</t>
  </si>
  <si>
    <t>LEADHER KHURD</t>
  </si>
  <si>
    <t>RASHEEDA ZAHEER</t>
  </si>
  <si>
    <t>GGPS 87/10-R, KHANEWAL (PEF,PSSP PHASE II)</t>
  </si>
  <si>
    <t>87/10-R</t>
  </si>
  <si>
    <t>CHAK NO.86/10-R</t>
  </si>
  <si>
    <t>MRS SHUMAYLA AMBREEN</t>
  </si>
  <si>
    <t>GPS CHAK NO.122/DRB</t>
  </si>
  <si>
    <t>RASOOL SAR (A) - MALE</t>
  </si>
  <si>
    <t>CHAK NO.122/DRB</t>
  </si>
  <si>
    <t>DERAWAR</t>
  </si>
  <si>
    <t>GPS NAND PUR</t>
  </si>
  <si>
    <t>DALOWALI - MALE</t>
  </si>
  <si>
    <t>NAND PUR</t>
  </si>
  <si>
    <t>GES NAND PUR</t>
  </si>
  <si>
    <t>PLAURA KALAN</t>
  </si>
  <si>
    <t>ESHRAT FATIMA</t>
  </si>
  <si>
    <t>GMPS MULHAPER</t>
  </si>
  <si>
    <t>MULHAPER</t>
  </si>
  <si>
    <t>MALHAPER</t>
  </si>
  <si>
    <t>ZAHIRA MUNIR</t>
  </si>
  <si>
    <t>GPS FATTA THATHA</t>
  </si>
  <si>
    <t>FATTA THATHA</t>
  </si>
  <si>
    <t>FATEH THATTA</t>
  </si>
  <si>
    <t>KASHIF ALI</t>
  </si>
  <si>
    <t>GPS CHAK NO.136/DB (E)</t>
  </si>
  <si>
    <t>CHAK NO.136/DB(E)</t>
  </si>
  <si>
    <t>IBRAR HUSSAIN</t>
  </si>
  <si>
    <t>GGPS KARIAL DELO P/O SAKHO CHAK</t>
  </si>
  <si>
    <t>karial delo</t>
  </si>
  <si>
    <t>haran</t>
  </si>
  <si>
    <t>sana sadque</t>
  </si>
  <si>
    <t>GMPS DERA NOOR</t>
  </si>
  <si>
    <t>DERA NOOR</t>
  </si>
  <si>
    <t>RUMASSA FARDOUS</t>
  </si>
  <si>
    <t>GPS ALI PUR .........PSSP.........</t>
  </si>
  <si>
    <t>DEERA ALI PUR</t>
  </si>
  <si>
    <t>GPS SARAISER HITHAR</t>
  </si>
  <si>
    <t>SARAISER HITHAR</t>
  </si>
  <si>
    <t>RASHIDA PARVAIZ</t>
  </si>
  <si>
    <t>GGPS MAST PUR (KARAM WALA) (PEF,PSSP PHASE II)</t>
  </si>
  <si>
    <t>MAST PUR (KARAM WALA)</t>
  </si>
  <si>
    <t>MAST PUR</t>
  </si>
  <si>
    <t>BILAWAL PUR</t>
  </si>
  <si>
    <t>ROBINA ALTAF</t>
  </si>
  <si>
    <t>GGPS DARYALA SIGHAN NO. 1</t>
  </si>
  <si>
    <t>DOULTALA-E - FEMALE</t>
  </si>
  <si>
    <t>DARYALA SEGON</t>
  </si>
  <si>
    <t>HINA MARYAM</t>
  </si>
  <si>
    <t>GGPS NANAK PUR</t>
  </si>
  <si>
    <t>PAK PATTAN</t>
  </si>
  <si>
    <t>BUNGA HAYAT</t>
  </si>
  <si>
    <t>SIDRA IQBAL</t>
  </si>
  <si>
    <t>GGPS SHAH KHAGHA</t>
  </si>
  <si>
    <t>SHAH KHAGHA</t>
  </si>
  <si>
    <t>SHAH KHAGGA</t>
  </si>
  <si>
    <t>DHAWANA</t>
  </si>
  <si>
    <t>RUKHSANA KOSAR</t>
  </si>
  <si>
    <t>GMPS CHAK NO. 39</t>
  </si>
  <si>
    <t>CHAK NO.39</t>
  </si>
  <si>
    <t>SUMER MAHMOOD</t>
  </si>
  <si>
    <t>GGES HEER</t>
  </si>
  <si>
    <t>HEER</t>
  </si>
  <si>
    <t>GGPS HEER</t>
  </si>
  <si>
    <t>NOREEN BIBI</t>
  </si>
  <si>
    <t>GGPS MURAD WAND</t>
  </si>
  <si>
    <t>MURAD WAND</t>
  </si>
  <si>
    <t>ZAITOON BEGUM</t>
  </si>
  <si>
    <t>GPS 92 GB</t>
  </si>
  <si>
    <t>NAILA MAJEED</t>
  </si>
  <si>
    <t>GGPS MARATIAN</t>
  </si>
  <si>
    <t>MARATIAN</t>
  </si>
  <si>
    <t>MARIA SHAHBAZ</t>
  </si>
  <si>
    <t>2962</t>
  </si>
  <si>
    <t>GGPS ABIAN WALA GHARBI</t>
  </si>
  <si>
    <t>ABIAN WALA GHARBI</t>
  </si>
  <si>
    <t>ABIAN WALA</t>
  </si>
  <si>
    <t>SANIYA RASHEED</t>
  </si>
  <si>
    <t>GPS CHAK NO.126/DNB</t>
  </si>
  <si>
    <t>CHAK NO.126/DNB</t>
  </si>
  <si>
    <t>GPS 97 D</t>
  </si>
  <si>
    <t>SHAH KHAGGA - MALE</t>
  </si>
  <si>
    <t>97/D</t>
  </si>
  <si>
    <t>SHAHEENA FAZAL</t>
  </si>
  <si>
    <t>GGPS DARYIA PUR</t>
  </si>
  <si>
    <t>DARYIA PUR</t>
  </si>
  <si>
    <t>Safyia Araf</t>
  </si>
  <si>
    <t>G ZABS PS DERA KASRAN</t>
  </si>
  <si>
    <t>DERA KASRAN</t>
  </si>
  <si>
    <t>TEHMEENA NAZIR</t>
  </si>
  <si>
    <t>CHOHAR PUR- MALE</t>
  </si>
  <si>
    <t>SYED PUR</t>
  </si>
  <si>
    <t>NAJAF ALI</t>
  </si>
  <si>
    <t>GGPS SOHAIL ABAD</t>
  </si>
  <si>
    <t>BAPA</t>
  </si>
  <si>
    <t>DONA</t>
  </si>
  <si>
    <t>KARNI SHAHZADI</t>
  </si>
  <si>
    <t>GGPS MIRALI WALA</t>
  </si>
  <si>
    <t>GOHRA BAGL</t>
  </si>
  <si>
    <t>MIRALI WALA</t>
  </si>
  <si>
    <t>MUHAMMAD SULEMAN</t>
  </si>
  <si>
    <t>GGPS PATTI SULTAN MAHMOOD</t>
  </si>
  <si>
    <t>PATI DAYA CHOKHA</t>
  </si>
  <si>
    <t>SHEYRY WALA</t>
  </si>
  <si>
    <t>FAREEDA BEGUM</t>
  </si>
  <si>
    <t>LAL MIR</t>
  </si>
  <si>
    <t>CHA FATEH WALA</t>
  </si>
  <si>
    <t>HUMA RASHEED</t>
  </si>
  <si>
    <t>GGPS CHAK FATEH ALI WALA</t>
  </si>
  <si>
    <t>BADLAY WALA- FEMALE</t>
  </si>
  <si>
    <t>CHAK FATEH ALI WALA</t>
  </si>
  <si>
    <t>CHAK FATEH ALI</t>
  </si>
  <si>
    <t>FAZAL KALROO</t>
  </si>
  <si>
    <t>M FAROOQ</t>
  </si>
  <si>
    <t>GGPS BEETO WALA</t>
  </si>
  <si>
    <t>PATTI GHULAM ALI GHAR</t>
  </si>
  <si>
    <t>CHA TAPPA</t>
  </si>
  <si>
    <t>NAZIA REHMAN</t>
  </si>
  <si>
    <t>GPS SHAH PUR (PSSP)</t>
  </si>
  <si>
    <t>MISBAH TABASUM</t>
  </si>
  <si>
    <t>GGPS ABBAS ABAD</t>
  </si>
  <si>
    <t>BASTI JARH</t>
  </si>
  <si>
    <t>PEER MANJHAN SULTAN</t>
  </si>
  <si>
    <t>JARH</t>
  </si>
  <si>
    <t>ABUZAR USMANI</t>
  </si>
  <si>
    <t>GGPS NAURANG WALA</t>
  </si>
  <si>
    <t>SHADI KHAN SINAWAN</t>
  </si>
  <si>
    <t>NORANG WALA</t>
  </si>
  <si>
    <t>DARIGH</t>
  </si>
  <si>
    <t>SADIA NOREEN</t>
  </si>
  <si>
    <t>GGPS MIAN WAZIR AHMAD</t>
  </si>
  <si>
    <t>BHELI SHUMALI</t>
  </si>
  <si>
    <t>ASIA KHANAM</t>
  </si>
  <si>
    <t>GPS BASTI BULLAH</t>
  </si>
  <si>
    <t>ALURID</t>
  </si>
  <si>
    <t>BASTI BULHA</t>
  </si>
  <si>
    <t>SAMENA BIBI</t>
  </si>
  <si>
    <t>GGPS CHAHAL</t>
  </si>
  <si>
    <t>DOMALA - FEMALE</t>
  </si>
  <si>
    <t>CHAHAL</t>
  </si>
  <si>
    <t>LUBNA SHOKAT</t>
  </si>
  <si>
    <t>GPS GHAREEB ABAD</t>
  </si>
  <si>
    <t>GURMANI SHARQI</t>
  </si>
  <si>
    <t>GAREEB ABAD</t>
  </si>
  <si>
    <t>THATHA GURMANI</t>
  </si>
  <si>
    <t>MARYAM RAMZAN</t>
  </si>
  <si>
    <t>GES KANG BALYAWALA</t>
  </si>
  <si>
    <t>KANG BALYAWALA</t>
  </si>
  <si>
    <t>KANG BALAYWALA</t>
  </si>
  <si>
    <t>BHENIAN</t>
  </si>
  <si>
    <t>AIMAN IJAZ</t>
  </si>
  <si>
    <t>HANS</t>
  </si>
  <si>
    <t>BASTI HANS DITAN WALA</t>
  </si>
  <si>
    <t>MAHMOOD KOT</t>
  </si>
  <si>
    <t>SHERAZ HUSSAIN</t>
  </si>
  <si>
    <t>GGPS DHADORAY</t>
  </si>
  <si>
    <t>DHADORAY</t>
  </si>
  <si>
    <t>MARIA WAZIR</t>
  </si>
  <si>
    <t>GPS KALEEM ABAD</t>
  </si>
  <si>
    <t>CHAN WALA</t>
  </si>
  <si>
    <t>BASTI KALEEM ABAD</t>
  </si>
  <si>
    <t>GHAZI GHAT</t>
  </si>
  <si>
    <t>ABDUAL KAREEM</t>
  </si>
  <si>
    <t>GGPS BAZ WALA</t>
  </si>
  <si>
    <t>DAILY NAMDAR</t>
  </si>
  <si>
    <t>BAAZ WALA</t>
  </si>
  <si>
    <t>MEMOONA AFZAL</t>
  </si>
  <si>
    <t>GGPS SHABIR ABAD</t>
  </si>
  <si>
    <t>FATEH SOHRANI</t>
  </si>
  <si>
    <t>BASTI CHUDDHA</t>
  </si>
  <si>
    <t>UZMA ISHFAQ</t>
  </si>
  <si>
    <t>GPS KHAWAS WALA</t>
  </si>
  <si>
    <t>BAIT SOHNI</t>
  </si>
  <si>
    <t>BASTI MOCHI WALA</t>
  </si>
  <si>
    <t>MUHAMMAD SHAID</t>
  </si>
  <si>
    <t>GGPS (PSSP-II) ARA MANSOOR</t>
  </si>
  <si>
    <t>ARA MANSOOR</t>
  </si>
  <si>
    <t>ALI UD DIN</t>
  </si>
  <si>
    <t>GES SAHOWAL</t>
  </si>
  <si>
    <t>SAHOWAL</t>
  </si>
  <si>
    <t>GHAFAR AHMAD</t>
  </si>
  <si>
    <t>GPS LOHIN</t>
  </si>
  <si>
    <t>SINAWAN-I- MALE</t>
  </si>
  <si>
    <t>LALA WALA</t>
  </si>
  <si>
    <t>SEGHA FERDOS</t>
  </si>
  <si>
    <t>GGPS KOTLA LAGHARI</t>
  </si>
  <si>
    <t>KOTLA LAGHARI</t>
  </si>
  <si>
    <t>kotla  laghari</t>
  </si>
  <si>
    <t>GULL WALA</t>
  </si>
  <si>
    <t>m rashid</t>
  </si>
  <si>
    <t>GGPS HAJI WALA NO.2</t>
  </si>
  <si>
    <t>KHOKHAR</t>
  </si>
  <si>
    <t>BASTI HAJI WALA</t>
  </si>
  <si>
    <t>GGPS BARYAR</t>
  </si>
  <si>
    <t>BARYAR</t>
  </si>
  <si>
    <t>halowal</t>
  </si>
  <si>
    <t>saghera sehar</t>
  </si>
  <si>
    <t>GES KHALCHIAN</t>
  </si>
  <si>
    <t>KHALCHIAN</t>
  </si>
  <si>
    <t>AYESHA BIBI</t>
  </si>
  <si>
    <t>GGPS CHAK NO. 19 TDA</t>
  </si>
  <si>
    <t>TDA/19</t>
  </si>
  <si>
    <t>CHAK NO 19 TDA</t>
  </si>
  <si>
    <t>FARZANA MAJEED</t>
  </si>
  <si>
    <t>GGCMS AL-IMRAN</t>
  </si>
  <si>
    <t>MOHABBAST SOHRANI</t>
  </si>
  <si>
    <t>BASTI SUHRANI</t>
  </si>
  <si>
    <t>M ZUBAIR</t>
  </si>
  <si>
    <t>GGPS WARAR AMBRIEND</t>
  </si>
  <si>
    <t>WAIRAR ABRIEND</t>
  </si>
  <si>
    <t>BASTI WARAR AMBRIEND</t>
  </si>
  <si>
    <t>SUMAIYA ASLAM</t>
  </si>
  <si>
    <t>GGPS HAJI JAMAL KHAN</t>
  </si>
  <si>
    <t>GURMANI GHARBI</t>
  </si>
  <si>
    <t>DHALO WALA</t>
  </si>
  <si>
    <t>MAQSODHA BEGUM</t>
  </si>
  <si>
    <t>SAMTI</t>
  </si>
  <si>
    <t>ABBAS NAGAR</t>
  </si>
  <si>
    <t>GGPS BALIAN KALAN</t>
  </si>
  <si>
    <t>BALIAN KALAN</t>
  </si>
  <si>
    <t>MANAK</t>
  </si>
  <si>
    <t>nabila mushtaq</t>
  </si>
  <si>
    <t>GPS BAIT GURMANI</t>
  </si>
  <si>
    <t>BAIT GURMANI</t>
  </si>
  <si>
    <t>BHINDAY WALA</t>
  </si>
  <si>
    <t>AHMAD MOHANA</t>
  </si>
  <si>
    <t>M YOUSAF</t>
  </si>
  <si>
    <t>GGMES FAIZ PUR</t>
  </si>
  <si>
    <t>FAIZ PUR</t>
  </si>
  <si>
    <t>BATHANWALA</t>
  </si>
  <si>
    <t>GPS BASTI SANDILA</t>
  </si>
  <si>
    <t>BASTI SANDILA</t>
  </si>
  <si>
    <t>SHAHID AZIZ</t>
  </si>
  <si>
    <t>GGPS KOTLI MEMOLA</t>
  </si>
  <si>
    <t>KOTLI MEMOLA</t>
  </si>
  <si>
    <t>KOTLI MAMOLA</t>
  </si>
  <si>
    <t>NAZIA MANZOOR</t>
  </si>
  <si>
    <t>GGES LESSAR KURAD</t>
  </si>
  <si>
    <t>LESSSAR KHURD</t>
  </si>
  <si>
    <t>RABIA MAJEED</t>
  </si>
  <si>
    <t>GGPS RAOKE</t>
  </si>
  <si>
    <t>ELEMENTARY WING-FEMALE</t>
  </si>
  <si>
    <t>RAOKE</t>
  </si>
  <si>
    <t>HALLOWAL</t>
  </si>
  <si>
    <t>NAILA SALEEM</t>
  </si>
  <si>
    <t>GGPS JHANDEER WALA</t>
  </si>
  <si>
    <t>BASTI JHANDEER</t>
  </si>
  <si>
    <t>QAISAR SHAH</t>
  </si>
  <si>
    <t>GGPS HAJI WALA NO.1</t>
  </si>
  <si>
    <t>BHERYOG</t>
  </si>
  <si>
    <t>HAJI WALA</t>
  </si>
  <si>
    <t>SAIMA ILYAS</t>
  </si>
  <si>
    <t>GGES LOHARA</t>
  </si>
  <si>
    <t>LOHARA</t>
  </si>
  <si>
    <t>GGPS LOHARA</t>
  </si>
  <si>
    <t>ATTIA IRSHAD</t>
  </si>
  <si>
    <t>2386</t>
  </si>
  <si>
    <t>GGPS JANNAT WALI</t>
  </si>
  <si>
    <t>MUZAFFARGARH EAST - FEMALE</t>
  </si>
  <si>
    <t>SHARIF PANWAR</t>
  </si>
  <si>
    <t>JANNAT WALI</t>
  </si>
  <si>
    <t>JAMSHAID AHMAD</t>
  </si>
  <si>
    <t>GPS TIBBA NIZAM</t>
  </si>
  <si>
    <t>TIBBI NIZAM</t>
  </si>
  <si>
    <t>TIBI NIZAM</t>
  </si>
  <si>
    <t>BHARYOG</t>
  </si>
  <si>
    <t>GGPS CHANGA</t>
  </si>
  <si>
    <t>CHANGA</t>
  </si>
  <si>
    <t>MALHA</t>
  </si>
  <si>
    <t>RIFFAT ALMAS</t>
  </si>
  <si>
    <t>GGPS KULLA KHURD</t>
  </si>
  <si>
    <t>KULLA KHURD</t>
  </si>
  <si>
    <t>RIFFAT SULTANA</t>
  </si>
  <si>
    <t>GGCMS THATHI HAMZA</t>
  </si>
  <si>
    <t>THATTI HAMZA</t>
  </si>
  <si>
    <t>TIHTIHI HUMZA</t>
  </si>
  <si>
    <t>ASMA AMREEN</t>
  </si>
  <si>
    <t>GGES CHIHCIAN</t>
  </si>
  <si>
    <t>CHIHCIAM</t>
  </si>
  <si>
    <t>GGPS CHIHCIAN</t>
  </si>
  <si>
    <t>GUMTAL</t>
  </si>
  <si>
    <t>ASMA ROUF</t>
  </si>
  <si>
    <t>GGPS MIRAKPUR</t>
  </si>
  <si>
    <t>MIRKPUR</t>
  </si>
  <si>
    <t>MIRAK PUR</t>
  </si>
  <si>
    <t>FOUZIA MEHMOOD</t>
  </si>
  <si>
    <t>GPS SIPRA</t>
  </si>
  <si>
    <t>SIPRA</t>
  </si>
  <si>
    <t>SAPRA</t>
  </si>
  <si>
    <t>LALI PUR</t>
  </si>
  <si>
    <t>SYED ZESHAN ABBAS</t>
  </si>
  <si>
    <t>4353</t>
  </si>
  <si>
    <t>GGPS CHAK NO. 564 TDA</t>
  </si>
  <si>
    <t>MIR PUR BHAGAL- FEMALE</t>
  </si>
  <si>
    <t>CHAK NO. 564/TDA</t>
  </si>
  <si>
    <t>564/TDA</t>
  </si>
  <si>
    <t>GPS MAIDEMULHAN</t>
  </si>
  <si>
    <t>MADI MEHLOWAN</t>
  </si>
  <si>
    <t>MAIDE MULAHAN</t>
  </si>
  <si>
    <t>MOONA</t>
  </si>
  <si>
    <t>4345</t>
  </si>
  <si>
    <t>GGPS CHAK NO. 606 TDA</t>
  </si>
  <si>
    <t>KASHIF ABAD- FEMALE</t>
  </si>
  <si>
    <t>CHAK NO. 606/TDA</t>
  </si>
  <si>
    <t>606 TDA</t>
  </si>
  <si>
    <t>WANDHER</t>
  </si>
  <si>
    <t>GULAM MUSTAFA</t>
  </si>
  <si>
    <t>GGPS SANCHA</t>
  </si>
  <si>
    <t>VILL SANCHA</t>
  </si>
  <si>
    <t>MISBAH AMIN</t>
  </si>
  <si>
    <t>GPS CHAK NO.518 TDA</t>
  </si>
  <si>
    <t>CHAK NO. 518/TDA</t>
  </si>
  <si>
    <t>KASHIF BASHIR</t>
  </si>
  <si>
    <t>GGPS TIBBI</t>
  </si>
  <si>
    <t>MUZAFAR PUR SOUTH - FEMALE</t>
  </si>
  <si>
    <t>TIBBI</t>
  </si>
  <si>
    <t>MUZAFFARPUR</t>
  </si>
  <si>
    <t>SAIMA NOSHEEN</t>
  </si>
  <si>
    <t>GGPS NAKA GHULAM SHAH (PSSP-III)</t>
  </si>
  <si>
    <t>SURAG</t>
  </si>
  <si>
    <t>NAKKA GHULAM SHAH</t>
  </si>
  <si>
    <t>MALHOWALI</t>
  </si>
  <si>
    <t>GPS MUSTOWAL</t>
  </si>
  <si>
    <t>MUSTOWAL</t>
  </si>
  <si>
    <t>JAMSHER KHURD</t>
  </si>
  <si>
    <t>FOUZIA DAWOD</t>
  </si>
  <si>
    <t>GGPS SIAL DHOLKA</t>
  </si>
  <si>
    <t>SIAL DHOLKA</t>
  </si>
  <si>
    <t>AZMAT WALA</t>
  </si>
  <si>
    <t>GHULAM SAKINA</t>
  </si>
  <si>
    <t>GGPS CHAK 194 GB</t>
  </si>
  <si>
    <t>CHAK NO. 194 GB</t>
  </si>
  <si>
    <t>CHAK 194 GB</t>
  </si>
  <si>
    <t>184/GB</t>
  </si>
  <si>
    <t>SONIA LIAQAT</t>
  </si>
  <si>
    <t>GGPS SHAH HUSSAIN</t>
  </si>
  <si>
    <t>NOOR PUR (SOUTH (FEMALE)</t>
  </si>
  <si>
    <t>SHAH HUSSAN</t>
  </si>
  <si>
    <t>SHAH HUSSAIN</t>
  </si>
  <si>
    <t>KHATWAN</t>
  </si>
  <si>
    <t>ASMA LATIF</t>
  </si>
  <si>
    <t>GPS 84 EB ARIF WALA</t>
  </si>
  <si>
    <t>CHAK NO 84 EB</t>
  </si>
  <si>
    <t>84/EB</t>
  </si>
  <si>
    <t>MIRZA FARRUKH SHABBIR</t>
  </si>
  <si>
    <t>GPS DHOK HAJI (DAKHLI GAGGAN) (PSSP-III)</t>
  </si>
  <si>
    <t>GAGGAN</t>
  </si>
  <si>
    <t>Zobia mehnaz</t>
  </si>
  <si>
    <t>GPS KHAJAR WALA</t>
  </si>
  <si>
    <t>CHAK NO. 516/TDA</t>
  </si>
  <si>
    <t>AQSA RASOOL</t>
  </si>
  <si>
    <t>GPS CHAK NO. 80 D</t>
  </si>
  <si>
    <t>80-D</t>
  </si>
  <si>
    <t>CHAK 85/D</t>
  </si>
  <si>
    <t>M SALEEM</t>
  </si>
  <si>
    <t>GPS LAKRA</t>
  </si>
  <si>
    <t>LAKRA</t>
  </si>
  <si>
    <t>KOTLI BARAY KHAN</t>
  </si>
  <si>
    <t>BENISH SHAHZADI</t>
  </si>
  <si>
    <t>GGPS ILYAS WALA</t>
  </si>
  <si>
    <t>KHULANG SHUMALI</t>
  </si>
  <si>
    <t>BASTI ILYAS WALA</t>
  </si>
  <si>
    <t>SANA ULLAH KHAN</t>
  </si>
  <si>
    <t>GPS MANDI KHAIL</t>
  </si>
  <si>
    <t>MANDI KHAIL</t>
  </si>
  <si>
    <t>FAKHRA KHAN</t>
  </si>
  <si>
    <t>GGPS BASTI BALOCHAN</t>
  </si>
  <si>
    <t>BASTI LUNDA</t>
  </si>
  <si>
    <t>ahmad mahana</t>
  </si>
  <si>
    <t>FAIZ AHMED</t>
  </si>
  <si>
    <t>GGPS MOUZA MAITLA</t>
  </si>
  <si>
    <t>DARIEN</t>
  </si>
  <si>
    <t>MAITLA</t>
  </si>
  <si>
    <t>UTTRA SANDILA</t>
  </si>
  <si>
    <t>MUHMMAD ILYAS</t>
  </si>
  <si>
    <t>GGPS AHMAD MOHANA NO.1</t>
  </si>
  <si>
    <t>BASTI KHIZAR WALI</t>
  </si>
  <si>
    <t>MUHAMMAD AHSAN</t>
  </si>
  <si>
    <t>GGPS JANG WALA</t>
  </si>
  <si>
    <t>DEWALA</t>
  </si>
  <si>
    <t>JANG WALA</t>
  </si>
  <si>
    <t>MANKA BHUTTA</t>
  </si>
  <si>
    <t>SOHAIL KHAN</t>
  </si>
  <si>
    <t>GGPS HILAL WALA</t>
  </si>
  <si>
    <t>MANKA BHUTTA- FEMALE</t>
  </si>
  <si>
    <t>QUTAB AMBRIEND</t>
  </si>
  <si>
    <t>HILAL WALA</t>
  </si>
  <si>
    <t>HANIA SAD</t>
  </si>
  <si>
    <t>GGPS KALOO WALA</t>
  </si>
  <si>
    <t>SADAY WAHIN</t>
  </si>
  <si>
    <t>GPS PANWAN</t>
  </si>
  <si>
    <t>GORALA</t>
  </si>
  <si>
    <t>SANA</t>
  </si>
  <si>
    <t>GGPS MANGHOO WALA</t>
  </si>
  <si>
    <t>PANJGARAIN</t>
  </si>
  <si>
    <t>MANGHOO WALA</t>
  </si>
  <si>
    <t>JAGAT PUR</t>
  </si>
  <si>
    <t>MUDDASAR ABBAS</t>
  </si>
  <si>
    <t>GGPS DERA AHMED KHAN WALA</t>
  </si>
  <si>
    <t>CHAK NO. 184TDA</t>
  </si>
  <si>
    <t>DERA AHMED KHAN</t>
  </si>
  <si>
    <t>GGPS MANDOOR</t>
  </si>
  <si>
    <t>MAHAL KHAKHI</t>
  </si>
  <si>
    <t>BASTI KHARAK</t>
  </si>
  <si>
    <t>MUGHIS ABBAS</t>
  </si>
  <si>
    <t>GGES MANZOOR PURA</t>
  </si>
  <si>
    <t>MANZOOR PURA</t>
  </si>
  <si>
    <t>GGPS MANZOOR PURA</t>
  </si>
  <si>
    <t>AQIB JAVED</t>
  </si>
  <si>
    <t>GPS BASTI GANJI</t>
  </si>
  <si>
    <t>GUNJI</t>
  </si>
  <si>
    <t>BASTI GANJI</t>
  </si>
  <si>
    <t>AISHA SADIQA</t>
  </si>
  <si>
    <t>GGPS ESAR WALI</t>
  </si>
  <si>
    <t>ESAR WALI</t>
  </si>
  <si>
    <t>KANJROR</t>
  </si>
  <si>
    <t>ABIDA SIDDIQUE</t>
  </si>
  <si>
    <t>GGPS PALLAY WALA</t>
  </si>
  <si>
    <t>DALLAY WALA</t>
  </si>
  <si>
    <t>JAVED HUSSAIN</t>
  </si>
  <si>
    <t>GGPS MALU WAL</t>
  </si>
  <si>
    <t>MALU WAL</t>
  </si>
  <si>
    <t>kotli bara khan</t>
  </si>
  <si>
    <t>NEELAM SHAH</t>
  </si>
  <si>
    <t>GPS KANWAANI</t>
  </si>
  <si>
    <t>KANWNI</t>
  </si>
  <si>
    <t>BASTI JAM</t>
  </si>
  <si>
    <t>KHALID JAVED</t>
  </si>
  <si>
    <t>GGES KEKKA KOTLI</t>
  </si>
  <si>
    <t>KEKKA KOTLI</t>
  </si>
  <si>
    <t>GGPS KEKKA KOTLI</t>
  </si>
  <si>
    <t>NOREEN NOOR</t>
  </si>
  <si>
    <t>GPS CHARGH BELA</t>
  </si>
  <si>
    <t>JAWANA BANGLA- MALE</t>
  </si>
  <si>
    <t>CHAK NO 7/4 L</t>
  </si>
  <si>
    <t>7/4 L</t>
  </si>
  <si>
    <t>CHAK FARAZI</t>
  </si>
  <si>
    <t>ZAFFAR ALI</t>
  </si>
  <si>
    <t>GGPS SADWAL</t>
  </si>
  <si>
    <t>SADWAL</t>
  </si>
  <si>
    <t>GGPS HAJI PUR</t>
  </si>
  <si>
    <t>KOTLI BARA KHAN</t>
  </si>
  <si>
    <t>M.ARIF</t>
  </si>
  <si>
    <t>GGPS CHAK KHALIL</t>
  </si>
  <si>
    <t>CHAK KHALIL</t>
  </si>
  <si>
    <t>SIDRA BIBI</t>
  </si>
  <si>
    <t>GGES BABRAL</t>
  </si>
  <si>
    <t>BABRAL</t>
  </si>
  <si>
    <t>GGPS BABRAL</t>
  </si>
  <si>
    <t>FAIZA YOUNAS</t>
  </si>
  <si>
    <t>GGPS CHAK SURAJ</t>
  </si>
  <si>
    <t>CHAK SURAJ</t>
  </si>
  <si>
    <t>BARA PIND</t>
  </si>
  <si>
    <t>RABIA TABASSUM</t>
  </si>
  <si>
    <t>GGPS THAKRIAN</t>
  </si>
  <si>
    <t>MEER PUR GUJRAN - FEMALE</t>
  </si>
  <si>
    <t>THAKRIAN</t>
  </si>
  <si>
    <t>KALHA</t>
  </si>
  <si>
    <t>SHAMAILA SARWAR</t>
  </si>
  <si>
    <t>GPS BASTI KANHAL</t>
  </si>
  <si>
    <t>SANDILA</t>
  </si>
  <si>
    <t>Basti Kanhal</t>
  </si>
  <si>
    <t>BERAHIM WALI</t>
  </si>
  <si>
    <t>GGPS PACKA SANDILLA</t>
  </si>
  <si>
    <t>PAKKA SANDILA</t>
  </si>
  <si>
    <t>GULNAZ RASHEED</t>
  </si>
  <si>
    <t>CHAKRA</t>
  </si>
  <si>
    <t>MAH PARA RAFIQUE</t>
  </si>
  <si>
    <t>GPS LANGER SARAI</t>
  </si>
  <si>
    <t>LANGER SARAI</t>
  </si>
  <si>
    <t>LANGAR SARAI</t>
  </si>
  <si>
    <t>FAREEDA BAGUM</t>
  </si>
  <si>
    <t>GGPS HAMRAL</t>
  </si>
  <si>
    <t>HAMRAL</t>
  </si>
  <si>
    <t>MADEEHA ILYAS</t>
  </si>
  <si>
    <t>GGPS GASOORAY WALA</t>
  </si>
  <si>
    <t>KHANPUR BAGGA SHER</t>
  </si>
  <si>
    <t>GUSOORY WALA</t>
  </si>
  <si>
    <t>AHMED</t>
  </si>
  <si>
    <t>GPS BOOTE WALI</t>
  </si>
  <si>
    <t>DANDIAN - MAL</t>
  </si>
  <si>
    <t>BOOTE WALE</t>
  </si>
  <si>
    <t>SAIRA KIRAN</t>
  </si>
  <si>
    <t>GGPS JHIK QADAR BAKHASH</t>
  </si>
  <si>
    <t>JHIK QADAR BAKHSH</t>
  </si>
  <si>
    <t>KANWAR ISRAR</t>
  </si>
  <si>
    <t>GPS (PSSP-II) CHAK  162-EB</t>
  </si>
  <si>
    <t>CHAK  162-EB</t>
  </si>
  <si>
    <t>162 EB</t>
  </si>
  <si>
    <t>RUKHSANA SADDIQUE</t>
  </si>
  <si>
    <t>GGPS KOTLI NAU</t>
  </si>
  <si>
    <t>KOTLI NAU</t>
  </si>
  <si>
    <t>FARWA SIDDIQ</t>
  </si>
  <si>
    <t>GGPS BASTI AHMAD WALA *** PEF</t>
  </si>
  <si>
    <t>DOLOWANA</t>
  </si>
  <si>
    <t>AHMADA WALA</t>
  </si>
  <si>
    <t>MEHMOOD KOT</t>
  </si>
  <si>
    <t>SOHAIL AKHTER</t>
  </si>
  <si>
    <t>GGPS GARHI BHOORA</t>
  </si>
  <si>
    <t>GARHI BHOORA</t>
  </si>
  <si>
    <t>GAHRI BHOORA</t>
  </si>
  <si>
    <t>ZUNAIRA FATIMA</t>
  </si>
  <si>
    <t>GPS RIZVI ABAD</t>
  </si>
  <si>
    <t>GPS CHAK NO.86/DB ABADI</t>
  </si>
  <si>
    <t>CHAK NO.86/DB ABADI</t>
  </si>
  <si>
    <t>CHAK NO.88/DB</t>
  </si>
  <si>
    <t>QASIM ALI</t>
  </si>
  <si>
    <t>GGPS BAGANEY WALA</t>
  </si>
  <si>
    <t>LIAQATABAD EAST - FEMALE</t>
  </si>
  <si>
    <t>CHAK NO. 15 ML</t>
  </si>
  <si>
    <t>GGPS BAGANEY WALA PO CHAK NO. 15 ML</t>
  </si>
  <si>
    <t>BAGANEY WALA</t>
  </si>
  <si>
    <t>MALIK SYED RASOOL</t>
  </si>
  <si>
    <t>GGPS 53 KB</t>
  </si>
  <si>
    <t>53 KB</t>
  </si>
  <si>
    <t>BUDH GHULAM</t>
  </si>
  <si>
    <t>FAKHRA BIBI</t>
  </si>
  <si>
    <t>GPS AMAN PUR (PSSP-I)</t>
  </si>
  <si>
    <t>AMAN PUR</t>
  </si>
  <si>
    <t>AMANPUR</t>
  </si>
  <si>
    <t>CHAKKI</t>
  </si>
  <si>
    <t>NOUREEN AZIZ</t>
  </si>
  <si>
    <t>GGPS CHAK NO. 116 MUZAFFARGARH</t>
  </si>
  <si>
    <t>LUTKERAN</t>
  </si>
  <si>
    <t>SHAZIA RIAZ</t>
  </si>
  <si>
    <t>GGPS MC TALKOT NO. 4</t>
  </si>
  <si>
    <t>TALKOT</t>
  </si>
  <si>
    <t>SALMA JAMEEL</t>
  </si>
  <si>
    <t>MAHRA NASHAIB</t>
  </si>
  <si>
    <t>TAHIRA YASMEEN</t>
  </si>
  <si>
    <t>GGCMS PEER WALA NO. 2</t>
  </si>
  <si>
    <t>ASMA AMIR</t>
  </si>
  <si>
    <t>GGPS SADAT COLONY</t>
  </si>
  <si>
    <t>KHANPUR SHUMALI</t>
  </si>
  <si>
    <t>SADAT COLONY</t>
  </si>
  <si>
    <t>UZMA SHAHEEN</t>
  </si>
  <si>
    <t>GGPS KHANPUR UC</t>
  </si>
  <si>
    <t>MOMAL RAFIQ</t>
  </si>
  <si>
    <t>GPS INAYAT PUR</t>
  </si>
  <si>
    <t>IQRA RASHEED</t>
  </si>
  <si>
    <t>AKABAR ABAD 13/65</t>
  </si>
  <si>
    <t>AKBAR ABAD</t>
  </si>
  <si>
    <t>CHAK HYDERABAD</t>
  </si>
  <si>
    <t>TAHIRA NOSHAIR</t>
  </si>
  <si>
    <t>GPS CHAK NO.190/M</t>
  </si>
  <si>
    <t>CHAK NO.190/M</t>
  </si>
  <si>
    <t>AHMED HASSAN TAHIR</t>
  </si>
  <si>
    <t>GGPS JODH JATTAN</t>
  </si>
  <si>
    <t>USMAN WALA - FEMALE</t>
  </si>
  <si>
    <t>JODH JATA</t>
  </si>
  <si>
    <t>USMAN WALA</t>
  </si>
  <si>
    <t>GPS DHOK GHARKYAL (PSSP-II)</t>
  </si>
  <si>
    <t>DHOK GHARYAL</t>
  </si>
  <si>
    <t>Gharkyal</t>
  </si>
  <si>
    <t>Bushra Khatoon</t>
  </si>
  <si>
    <t>GPS DERA MOLU GONDAL</t>
  </si>
  <si>
    <t>KUTHIALA SHEIKHAN -III- MALE</t>
  </si>
  <si>
    <t>DERA MOLU GONDAL</t>
  </si>
  <si>
    <t>RIFFAT ARSHAD</t>
  </si>
  <si>
    <t>GGPS THATTA RAMANA *** PEF</t>
  </si>
  <si>
    <t>THATTA RAMANA</t>
  </si>
  <si>
    <t>THATA RAJANA</t>
  </si>
  <si>
    <t>TALAT MANZOOR</t>
  </si>
  <si>
    <t>GGES CHAK NO. 5 UCC</t>
  </si>
  <si>
    <t>CHAK NO.5 UCC</t>
  </si>
  <si>
    <t>GGPS CHAK NO. 5 UCC</t>
  </si>
  <si>
    <t>SABA YAQOOB</t>
  </si>
  <si>
    <t>GGPS KHAINGER MAMDAL KHURD</t>
  </si>
  <si>
    <t>KHINGAL MAMDAL KHURD</t>
  </si>
  <si>
    <t>MANDAL KHURD</t>
  </si>
  <si>
    <t>BISMILLAH</t>
  </si>
  <si>
    <t>GGPS CHAK POUNDRA</t>
  </si>
  <si>
    <t>CHAK POUNDRA</t>
  </si>
  <si>
    <t>chak poundra</t>
  </si>
  <si>
    <t>ATTIQA AKBAR</t>
  </si>
  <si>
    <t>GGPS LAL PUR</t>
  </si>
  <si>
    <t>LAL PUR</t>
  </si>
  <si>
    <t>BALLAN WALA</t>
  </si>
  <si>
    <t>HUMMA ALI SHAH</t>
  </si>
  <si>
    <t>GGPS QUERASIAN WALA</t>
  </si>
  <si>
    <t>ABBA KHEL - FEMALE</t>
  </si>
  <si>
    <t>VILLAGE QURESHIAN PO MUSA KHEL TEHSIL AND DISTRICT MIANWALI</t>
  </si>
  <si>
    <t>GPS (PSSP-II) 106 EB P/O 102 EB</t>
  </si>
  <si>
    <t>CHAK NO 106/E.B</t>
  </si>
  <si>
    <t>106 EB</t>
  </si>
  <si>
    <t>FARWA KHAN</t>
  </si>
  <si>
    <t>GMPS JAGGA BLOCH</t>
  </si>
  <si>
    <t>JAGGA BLOCH</t>
  </si>
  <si>
    <t>JAGGA BALOCH</t>
  </si>
  <si>
    <t>MUHAMMAD MAQSOOD</t>
  </si>
  <si>
    <t>GGPS GINDI WALA</t>
  </si>
  <si>
    <t>QASBA SALIS</t>
  </si>
  <si>
    <t>GINDI WALA</t>
  </si>
  <si>
    <t>CHADHAR</t>
  </si>
  <si>
    <t>GGPS KANDI GOTH (PSSP)</t>
  </si>
  <si>
    <t>WAZIR AHMAD ABAD</t>
  </si>
  <si>
    <t>BASTI KANDI GOTH</t>
  </si>
  <si>
    <t>ABBU BAKAR SADDIQUE</t>
  </si>
  <si>
    <t>GGES RAGALA</t>
  </si>
  <si>
    <t>RAGALA</t>
  </si>
  <si>
    <t>SABA NAZ</t>
  </si>
  <si>
    <t>GMPS BHEELO WALI</t>
  </si>
  <si>
    <t>BHEELO WALI</t>
  </si>
  <si>
    <t>ANDLEEB AFSHAN</t>
  </si>
  <si>
    <t>GPS CHANDIA MANDOS</t>
  </si>
  <si>
    <t>QAISAR MANZOOR</t>
  </si>
  <si>
    <t>GGPS HAJI SHER MUHAMMAD (PSSP)</t>
  </si>
  <si>
    <t>BHONG</t>
  </si>
  <si>
    <t>HAJI SHER MUHAMMAD</t>
  </si>
  <si>
    <t>GPS MALIK MURAD</t>
  </si>
  <si>
    <t>CHAK CHARG SHAH</t>
  </si>
  <si>
    <t>BASTI BAHADUR KHAN DOLANI</t>
  </si>
  <si>
    <t>GPS DALLAH GUJRAN</t>
  </si>
  <si>
    <t>DALLAH GUJRAN</t>
  </si>
  <si>
    <t>BADALA GUJRAN</t>
  </si>
  <si>
    <t>HAFIZ TAHIR ALI ANJUM</t>
  </si>
  <si>
    <t>RAO</t>
  </si>
  <si>
    <t>BASTI KHARAL</t>
  </si>
  <si>
    <t>SABAY WALA</t>
  </si>
  <si>
    <t>RIZWANA ISMAIL</t>
  </si>
  <si>
    <t>GGPS NOOR PUR AZIZ FARM (PSSP)</t>
  </si>
  <si>
    <t>HASSAN MAHMOOD</t>
  </si>
  <si>
    <t>GPS WAHI PIR BAKHSH (PSSP)</t>
  </si>
  <si>
    <t>WAHI PIR BAKHSH</t>
  </si>
  <si>
    <t>WAHI PIR BUX</t>
  </si>
  <si>
    <t>MUHAMMAD NAVEED ANJUM</t>
  </si>
  <si>
    <t>GGPS MASEET WALA</t>
  </si>
  <si>
    <t>MASEET WALA</t>
  </si>
  <si>
    <t>GES NO. 2 ZAFARWAL</t>
  </si>
  <si>
    <t>GGPS SABAY WALA</t>
  </si>
  <si>
    <t>SABAI WALA</t>
  </si>
  <si>
    <t>M. NASEEM ABBAS</t>
  </si>
  <si>
    <t>GPS DHAROR HINDU</t>
  </si>
  <si>
    <t>DHAROR HINDU</t>
  </si>
  <si>
    <t>MAHAY</t>
  </si>
  <si>
    <t>NIGHAT FIRDOUS</t>
  </si>
  <si>
    <t>GPS CHAK NO 198/P (PSSP)</t>
  </si>
  <si>
    <t>CHAK NO 198/P</t>
  </si>
  <si>
    <t>CHAK 198/P</t>
  </si>
  <si>
    <t>2784</t>
  </si>
  <si>
    <t>GPS BAJJU MALL</t>
  </si>
  <si>
    <t>BUJJO MAL</t>
  </si>
  <si>
    <t>BAJJU MALL</t>
  </si>
  <si>
    <t>IQRA EJAZ</t>
  </si>
  <si>
    <t>GPS ALMANI WALA</t>
  </si>
  <si>
    <t>Basti Almani Shumali</t>
  </si>
  <si>
    <t>Wajid Hussain</t>
  </si>
  <si>
    <t>4292</t>
  </si>
  <si>
    <t>GPS BAIT SULEMAN</t>
  </si>
  <si>
    <t>RAM PUR- MALE</t>
  </si>
  <si>
    <t>BAIT SULEMAN</t>
  </si>
  <si>
    <t>JATOI NORTH</t>
  </si>
  <si>
    <t>IMTIAZ QASIM</t>
  </si>
  <si>
    <t>CHAK NO 2</t>
  </si>
  <si>
    <t>BASTI GULAB KHAN</t>
  </si>
  <si>
    <t>UMAR DIN</t>
  </si>
  <si>
    <t>GPS KOT GHULAM RASUL</t>
  </si>
  <si>
    <t>WAZIRABAD - MAL</t>
  </si>
  <si>
    <t>KOT GHULAM RASUL</t>
  </si>
  <si>
    <t>GHAKKA MITTER</t>
  </si>
  <si>
    <t>MEER FATIMA</t>
  </si>
  <si>
    <t>GGPS CHAH SHAHID WALA</t>
  </si>
  <si>
    <t>CHAH SHAHID WALA</t>
  </si>
  <si>
    <t>AROOP</t>
  </si>
  <si>
    <t>ANAM PERVEEN</t>
  </si>
  <si>
    <t>GPS NEHRKE</t>
  </si>
  <si>
    <t>NEHRKE</t>
  </si>
  <si>
    <t>VANJO WALI</t>
  </si>
  <si>
    <t>GGPS 44/NP (PSSP)</t>
  </si>
  <si>
    <t>CHAK 44/NP</t>
  </si>
  <si>
    <t>JAVED ABAD</t>
  </si>
  <si>
    <t>QAISER NAZIR</t>
  </si>
  <si>
    <t>GGPS 10-T MULTAN</t>
  </si>
  <si>
    <t>MULTANI WALA</t>
  </si>
  <si>
    <t>CHAK NO.10-T</t>
  </si>
  <si>
    <t>KOTLA MAHARAN</t>
  </si>
  <si>
    <t>SHAHEEN RAFIQ</t>
  </si>
  <si>
    <t>GPS GHAZI KAKKA</t>
  </si>
  <si>
    <t>GHAZI KAKKA</t>
  </si>
  <si>
    <t>LUBANWALA</t>
  </si>
  <si>
    <t>MISS SHAHIDA BOOTA</t>
  </si>
  <si>
    <t>GMMS CHAK NO.564 TDA</t>
  </si>
  <si>
    <t>GGPS IFTIKHAR COLONY</t>
  </si>
  <si>
    <t>GUJRANWALA CITY-3 - FEMAL</t>
  </si>
  <si>
    <t>IFTIKHAR COLONY</t>
  </si>
  <si>
    <t>KHIALI</t>
  </si>
  <si>
    <t>SHUMAILA ASHRAF</t>
  </si>
  <si>
    <t>GGPS FAIZ MEHAR (PSSP)</t>
  </si>
  <si>
    <t>GAHEE</t>
  </si>
  <si>
    <t>BASTI KAMAL MEHAR</t>
  </si>
  <si>
    <t>GGPS RAB NAWAZ WALA</t>
  </si>
  <si>
    <t>CHENA MALANA</t>
  </si>
  <si>
    <t>BEELAY WALA</t>
  </si>
  <si>
    <t>NAILA NAWAZ</t>
  </si>
  <si>
    <t>GGPS CHAK NO. 598/ TDA</t>
  </si>
  <si>
    <t>PATHAN HOTEL- FEMALE</t>
  </si>
  <si>
    <t>CHAK NO. 598/TDA</t>
  </si>
  <si>
    <t>598/TDA</t>
  </si>
  <si>
    <t>GPS MALOOK KHAN</t>
  </si>
  <si>
    <t>WHA MACHAK</t>
  </si>
  <si>
    <t>BASTI ALI BUX MALIK</t>
  </si>
  <si>
    <t>SADAM HUSSAIN</t>
  </si>
  <si>
    <t>GPS BHOUNDRI</t>
  </si>
  <si>
    <t>BHOUNDRI</t>
  </si>
  <si>
    <t>MADIHA ASLAM</t>
  </si>
  <si>
    <t>GGPS GHAREY BHAN</t>
  </si>
  <si>
    <t>ARAIANA WALA</t>
  </si>
  <si>
    <t>GHAREY BHAN</t>
  </si>
  <si>
    <t>GGPS BASTI KHAROOS</t>
  </si>
  <si>
    <t>RAAM PUR-III</t>
  </si>
  <si>
    <t>BASTI SINDHI ARAIN</t>
  </si>
  <si>
    <t>RAMPUR</t>
  </si>
  <si>
    <t>SYED IRSHAD HUSSAIN SHAH</t>
  </si>
  <si>
    <t>GGPS BAG MEHAR (PSSP)</t>
  </si>
  <si>
    <t>BASTI BAIG MEHR</t>
  </si>
  <si>
    <t>BASTI GHOUS BAKHSH</t>
  </si>
  <si>
    <t>ABID JAVED</t>
  </si>
  <si>
    <t>GGPS MOHIB SHAH (PSSP)</t>
  </si>
  <si>
    <t>MOHIB SHAH</t>
  </si>
  <si>
    <t>MEHWISH MANZOOR</t>
  </si>
  <si>
    <t>GPS ALI MURAD</t>
  </si>
  <si>
    <t>BASTI SANJRANI</t>
  </si>
  <si>
    <t>GMPS KOT QAZI SHARQI</t>
  </si>
  <si>
    <t>KALASKAY - FEMAL</t>
  </si>
  <si>
    <t>KOT QAZI SHARQI</t>
  </si>
  <si>
    <t>LAMEES MUJEEB</t>
  </si>
  <si>
    <t>GPS NAWAN PIND KIRTO</t>
  </si>
  <si>
    <t>NAWAN PIND KIRTO</t>
  </si>
  <si>
    <t>NAWAN PIND</t>
  </si>
  <si>
    <t>AYESHA SAFDAR</t>
  </si>
  <si>
    <t>GGES KHAN PUR WEERAN</t>
  </si>
  <si>
    <t>KHAN PUR WEERAN</t>
  </si>
  <si>
    <t>shumaila kousar</t>
  </si>
  <si>
    <t>GGPS CHAK NO.180/P (PSSP)</t>
  </si>
  <si>
    <t>CHAK 180/P</t>
  </si>
  <si>
    <t>MUHAMMAD FARHAN</t>
  </si>
  <si>
    <t>GGPS BASTI GHAZLANI</t>
  </si>
  <si>
    <t>QAISER GHAZLANI</t>
  </si>
  <si>
    <t>BASTI GHALANI</t>
  </si>
  <si>
    <t>ASIA GHAFFAR</t>
  </si>
  <si>
    <t>GPS BASTI NAZAR MUHAMMAD</t>
  </si>
  <si>
    <t>GGPS 11-T</t>
  </si>
  <si>
    <t>ARAIYA WALA</t>
  </si>
  <si>
    <t>ARAYAN WALA</t>
  </si>
  <si>
    <t>GGPS CHAK NO.165/NP (PSSP)</t>
  </si>
  <si>
    <t>165/NP</t>
  </si>
  <si>
    <t>CHAK NO 165/NP</t>
  </si>
  <si>
    <t>GGPS BHOONDRI</t>
  </si>
  <si>
    <t>BHONDRI</t>
  </si>
  <si>
    <t>BHOONDRI</t>
  </si>
  <si>
    <t>SUMAN AKRAM</t>
  </si>
  <si>
    <t>GGPS ISMAIL CHACHARA (PSSP)</t>
  </si>
  <si>
    <t>CHACHARA</t>
  </si>
  <si>
    <t>ISMAIL CHACHAR</t>
  </si>
  <si>
    <t>ALI HASSAN</t>
  </si>
  <si>
    <t>GPS PHULO JUT</t>
  </si>
  <si>
    <t>CHAK NO. 2</t>
  </si>
  <si>
    <t>BASTI PHOLOO JUT</t>
  </si>
  <si>
    <t>QAMBAR ALI</t>
  </si>
  <si>
    <t>GGPS FAIZ MOHANA (PSSP)</t>
  </si>
  <si>
    <t>GHEEMI</t>
  </si>
  <si>
    <t>FAIZ MOHANA</t>
  </si>
  <si>
    <t>SAHU</t>
  </si>
  <si>
    <t>KHALTI</t>
  </si>
  <si>
    <t>M. AMJAD</t>
  </si>
  <si>
    <t>GGPS CHANAWAN</t>
  </si>
  <si>
    <t>CHANAWAN</t>
  </si>
  <si>
    <t>SABA BIBI</t>
  </si>
  <si>
    <t>GPS CHAK NO. 31 SP1</t>
  </si>
  <si>
    <t>31/S.P</t>
  </si>
  <si>
    <t>GPS CHAK NO. 31 SP</t>
  </si>
  <si>
    <t>31/SP</t>
  </si>
  <si>
    <t>CHAK 26/SP</t>
  </si>
  <si>
    <t>GPS THATI MAKEN</t>
  </si>
  <si>
    <t>THATI MAKEN</t>
  </si>
  <si>
    <t>THATHI MAKEN</t>
  </si>
  <si>
    <t>PINDI LALA</t>
  </si>
  <si>
    <t>RIFFAT NAHEED</t>
  </si>
  <si>
    <t>GPS CDG JUNIOR MODEL WASAN PURA AHATA THANEDAR</t>
  </si>
  <si>
    <t>NOLAKHA - FEMALE</t>
  </si>
  <si>
    <t>WASAN PURA</t>
  </si>
  <si>
    <t>AHATA THANEDAR</t>
  </si>
  <si>
    <t>KACHU PURA</t>
  </si>
  <si>
    <t>SAMINA KAUSAR</t>
  </si>
  <si>
    <t>GPS CHAK NO.104/DNB</t>
  </si>
  <si>
    <t>CHAK NO.104/DNB</t>
  </si>
  <si>
    <t>CHAK NO 47/DNB</t>
  </si>
  <si>
    <t>MARIA ASLAM</t>
  </si>
  <si>
    <t>GMPS DHOK KHAN MULAK NO.1 (PSSP-III)</t>
  </si>
  <si>
    <t>KHAN MULAK</t>
  </si>
  <si>
    <t>Dhok Khan Mulak</t>
  </si>
  <si>
    <t>Noshaba Akram</t>
  </si>
  <si>
    <t>GPS CHAK NO 203/M</t>
  </si>
  <si>
    <t>CHAK NO 203 M</t>
  </si>
  <si>
    <t>Sana Hamayan</t>
  </si>
  <si>
    <t>GGPS BASTI HAVELI</t>
  </si>
  <si>
    <t>GHULAM AHMED</t>
  </si>
  <si>
    <t>GGPS TRANA *** PEF</t>
  </si>
  <si>
    <t>TRANA</t>
  </si>
  <si>
    <t>AQEELA PERVEEN</t>
  </si>
  <si>
    <t>GGPS CHAK NO.115 SB RASALA</t>
  </si>
  <si>
    <t>CHAK NO.115 A SB</t>
  </si>
  <si>
    <t>CHAK 120/SB</t>
  </si>
  <si>
    <t>ANUM AFTAB</t>
  </si>
  <si>
    <t>GGPS SAADI SULTAN (PSSP)</t>
  </si>
  <si>
    <t>SAADI SULTAN</t>
  </si>
  <si>
    <t>SADI SULTAN</t>
  </si>
  <si>
    <t>SAFINA ANWAR</t>
  </si>
  <si>
    <t>GPS GHARI HIMMAT SINGH</t>
  </si>
  <si>
    <t>GARHI HIMMAT SINGH</t>
  </si>
  <si>
    <t>GHARI HIMMAT SINGH</t>
  </si>
  <si>
    <t>KOT AMER SINGH</t>
  </si>
  <si>
    <t>LUBNA SHABBIR</t>
  </si>
  <si>
    <t>GGPS BASTI NOON JADEED</t>
  </si>
  <si>
    <t>TIBBA MUSTAQIL DARMIA</t>
  </si>
  <si>
    <t>DD PANA</t>
  </si>
  <si>
    <t>GULZAR QADEER</t>
  </si>
  <si>
    <t>GGPS KACH KOTA MULTAN</t>
  </si>
  <si>
    <t>KACH KOTA</t>
  </si>
  <si>
    <t>RABIA BASRI</t>
  </si>
  <si>
    <t>GGPS MODEL MOMAN PURA</t>
  </si>
  <si>
    <t>MOMAN PURA</t>
  </si>
  <si>
    <t>RAXZIA NAWAZ</t>
  </si>
  <si>
    <t>GPS KACHI KUPRA</t>
  </si>
  <si>
    <t>CHAK KAPRA</t>
  </si>
  <si>
    <t>KACHA MIANWALI</t>
  </si>
  <si>
    <t>GMPS KOT MEHTAAB (PSSP)</t>
  </si>
  <si>
    <t>KOT MEHTAAB</t>
  </si>
  <si>
    <t>BASTI TABU</t>
  </si>
  <si>
    <t>ASIF JAMIL</t>
  </si>
  <si>
    <t>GGPS DINOO SHAH (PSSP)</t>
  </si>
  <si>
    <t>DINOO SHAH</t>
  </si>
  <si>
    <t>DEENO SHAH</t>
  </si>
  <si>
    <t>AHMAD PUR LAMA</t>
  </si>
  <si>
    <t>GPS KACHA GADDI</t>
  </si>
  <si>
    <t>GERI MASTORI</t>
  </si>
  <si>
    <t>BASTI BHAKHU KHAN</t>
  </si>
  <si>
    <t>QAIM UD DIN FAISAL</t>
  </si>
  <si>
    <t>GGPS KOT QAZI GHARBI</t>
  </si>
  <si>
    <t>KOT QAZI GHARBI</t>
  </si>
  <si>
    <t>NOOR UL SABA</t>
  </si>
  <si>
    <t>GPS MALHOO</t>
  </si>
  <si>
    <t>MALHOO</t>
  </si>
  <si>
    <t>KIRAN MUSHTAQ</t>
  </si>
  <si>
    <t>GPS MOORI</t>
  </si>
  <si>
    <t>RAHEEM BUX</t>
  </si>
  <si>
    <t>GGPS PIR BARKHURDAR</t>
  </si>
  <si>
    <t>BUDH</t>
  </si>
  <si>
    <t>GALLAY CHOWK</t>
  </si>
  <si>
    <t>SANAM BATOOL</t>
  </si>
  <si>
    <t>GPS MOULVI MACHIAN</t>
  </si>
  <si>
    <t>DERA JEEVAN</t>
  </si>
  <si>
    <t>JAM GHAFOOR JHULLAH</t>
  </si>
  <si>
    <t>EJAZ AHMAD TAHIR</t>
  </si>
  <si>
    <t>GGES KHAN PUR SALARAIN</t>
  </si>
  <si>
    <t>KHAN PUR SALARAIN</t>
  </si>
  <si>
    <t>MARARA</t>
  </si>
  <si>
    <t>ayesha perveen</t>
  </si>
  <si>
    <t>2033</t>
  </si>
  <si>
    <t>GGPS MC CHOWK BAZAR MULTAN</t>
  </si>
  <si>
    <t>M.C MULTAN - FEMALE</t>
  </si>
  <si>
    <t>HUSAIN AGAHI CHOWK BAZAR</t>
  </si>
  <si>
    <t>BAZAR UMAR FAROOQ</t>
  </si>
  <si>
    <t>HAFIZ KHALIL AHMAD RANDHAWA</t>
  </si>
  <si>
    <t>GGPS MANDHIALI</t>
  </si>
  <si>
    <t>MANDHIALI</t>
  </si>
  <si>
    <t>GULNAZ AKHTAR</t>
  </si>
  <si>
    <t>GPS BASTI YAR</t>
  </si>
  <si>
    <t>DERA DELDAR</t>
  </si>
  <si>
    <t>DERA  DILDAR</t>
  </si>
  <si>
    <t>PATTI NAICH</t>
  </si>
  <si>
    <t>GGPS WAHID BUX MEHAR (PSSP)</t>
  </si>
  <si>
    <t>DHANDI - FEMALE</t>
  </si>
  <si>
    <t>WAHID BUX MAHER</t>
  </si>
  <si>
    <t>WAHID</t>
  </si>
  <si>
    <t>WAHID BAKHSH</t>
  </si>
  <si>
    <t>AQSA ALTAF</t>
  </si>
  <si>
    <t>GGPS RAJARI (PSSP)</t>
  </si>
  <si>
    <t>RAJARI</t>
  </si>
  <si>
    <t>BASTI SHAH MUHAMMAD JUTT</t>
  </si>
  <si>
    <t>DRIGRA</t>
  </si>
  <si>
    <t>NAZIA CHEEMA</t>
  </si>
  <si>
    <t>GGPS GHULAM MUHAMMAD GHILANI</t>
  </si>
  <si>
    <t>GHULAM MUHAMMAD JILANI</t>
  </si>
  <si>
    <t>FATIMA BATOOL</t>
  </si>
  <si>
    <t>32176</t>
  </si>
  <si>
    <t>GGPS 34/NP (PSSP)</t>
  </si>
  <si>
    <t>CHAK CHADAR</t>
  </si>
  <si>
    <t>BASTI KOSH</t>
  </si>
  <si>
    <t>MUMTAZ AHMAD</t>
  </si>
  <si>
    <t>GPS LOOTHER NO. 2 MOUZA LOOTHER P/O RIAZ ABAD</t>
  </si>
  <si>
    <t>BASTI TIBBA LOTHAR</t>
  </si>
  <si>
    <t>MUNWAR BEGUM</t>
  </si>
  <si>
    <t>GMPS BALL</t>
  </si>
  <si>
    <t>ROZINA ANWAR</t>
  </si>
  <si>
    <t>GGPS ROJHAN SHARQI</t>
  </si>
  <si>
    <t>ROJHAN SHARQI</t>
  </si>
  <si>
    <t>ASMA NABI</t>
  </si>
  <si>
    <t>KASHIF ABAD-II- MALE</t>
  </si>
  <si>
    <t>PATTI GHULAM ALI GHARBI</t>
  </si>
  <si>
    <t>GPS DOGHARAN WALA</t>
  </si>
  <si>
    <t>DOGHARAN WALA</t>
  </si>
  <si>
    <t>NABEELA YOUSAF</t>
  </si>
  <si>
    <t>GGES SAPWAL</t>
  </si>
  <si>
    <t>SAPWAL</t>
  </si>
  <si>
    <t>haleema saeda</t>
  </si>
  <si>
    <t>GPS BHUDO WALA (PSSP)</t>
  </si>
  <si>
    <t>DINO SHAH</t>
  </si>
  <si>
    <t>BUDO WALA</t>
  </si>
  <si>
    <t>FARHAT BASHIR</t>
  </si>
  <si>
    <t>GPS DINGHA</t>
  </si>
  <si>
    <t>DINGHA</t>
  </si>
  <si>
    <t>SIDRA GHAFOOR</t>
  </si>
  <si>
    <t>GGPS CHAK BODLA</t>
  </si>
  <si>
    <t>CHAK BODLA</t>
  </si>
  <si>
    <t>GPS CHAK NO. 81 D</t>
  </si>
  <si>
    <t>81/D</t>
  </si>
  <si>
    <t>M AZHAR AHMAD</t>
  </si>
  <si>
    <t>GPS KOT AZAM NANKANA</t>
  </si>
  <si>
    <t>KOT AZAM</t>
  </si>
  <si>
    <t>NAZAM HUSSAIN</t>
  </si>
  <si>
    <t>GGPS SHAHBAZ PUR</t>
  </si>
  <si>
    <t>Assma Rasheed</t>
  </si>
  <si>
    <t>GPS TILKANA (PSSP-II)</t>
  </si>
  <si>
    <t>TILKANA</t>
  </si>
  <si>
    <t>NOOR JAHAN</t>
  </si>
  <si>
    <t>GGPS NOOR PUR JATTAN</t>
  </si>
  <si>
    <t>NOOR PUR JATTAN</t>
  </si>
  <si>
    <t>IQRA GHANI</t>
  </si>
  <si>
    <t>GGPS DAK WALA KABIRWALA (PEF,PSSP PHASE II)</t>
  </si>
  <si>
    <t>14/8-R BHIR</t>
  </si>
  <si>
    <t>DAK WALA</t>
  </si>
  <si>
    <t>ANUM GULL</t>
  </si>
  <si>
    <t>GGPS ABADI SAID AHMED</t>
  </si>
  <si>
    <t>CHAK NO. 8ML</t>
  </si>
  <si>
    <t>ABADI SAID AHMED</t>
  </si>
  <si>
    <t>CHABBA PURANA</t>
  </si>
  <si>
    <t>RAHAT AZIZ</t>
  </si>
  <si>
    <t>GGPS THEH DIAL SINGH</t>
  </si>
  <si>
    <t>THEH DIAL SINGH</t>
  </si>
  <si>
    <t>DIAL SINGH</t>
  </si>
  <si>
    <t>GGPS PEMAR OTTAR</t>
  </si>
  <si>
    <t>PEMAR OTTAR</t>
  </si>
  <si>
    <t>MAHJABEEN MALIK</t>
  </si>
  <si>
    <t>GPS CHAK NO 132/M</t>
  </si>
  <si>
    <t>CHISHTIAN-IX - MALE</t>
  </si>
  <si>
    <t>CHAK NO 132/M</t>
  </si>
  <si>
    <t>samina sadiq</t>
  </si>
  <si>
    <t>GGPS QILA SUNDER SINGH</t>
  </si>
  <si>
    <t>GUJRANWALA CITY-4 - FEMALE</t>
  </si>
  <si>
    <t>QILA SUNDER SINGH</t>
  </si>
  <si>
    <t>ZUNAIRA CHUHADRY</t>
  </si>
  <si>
    <t>GPS QALANDAR BUX RADHANI</t>
  </si>
  <si>
    <t>CHAK DILBAR</t>
  </si>
  <si>
    <t>DERA DILDAR</t>
  </si>
  <si>
    <t>GPS USMAN ABAD (PSSP)</t>
  </si>
  <si>
    <t>RAJRI</t>
  </si>
  <si>
    <t>BASTI PEER BAKHSH</t>
  </si>
  <si>
    <t>MAMOONA MUSTAFA</t>
  </si>
  <si>
    <t>GPS MEERAL WASA (PSSP)</t>
  </si>
  <si>
    <t>JAM WAASA</t>
  </si>
  <si>
    <t>JUMA DA KHOH</t>
  </si>
  <si>
    <t>TAHIR NASEEM</t>
  </si>
  <si>
    <t>GGPS Rahmoon Wala Riaz Abad No. 1</t>
  </si>
  <si>
    <t>BASTI RAMOO WALA</t>
  </si>
  <si>
    <t>QADIR PUR RAN SHARQI</t>
  </si>
  <si>
    <t>MUHAMMAD KHIZAR HAYAT</t>
  </si>
  <si>
    <t>GPS ALLAH BUX SANJRANI</t>
  </si>
  <si>
    <t>BASTI  ALLAH BUX</t>
  </si>
  <si>
    <t>ROSHAN BASHIR</t>
  </si>
  <si>
    <t>GGPS KOTLI LAKHA</t>
  </si>
  <si>
    <t>KOTLI LAKHA</t>
  </si>
  <si>
    <t>GPS CHOTY MORAN (PSSP)</t>
  </si>
  <si>
    <t>SADAR SDK B -MALE</t>
  </si>
  <si>
    <t>MORAN</t>
  </si>
  <si>
    <t>SADIQABAD DEH</t>
  </si>
  <si>
    <t>ZAINAB ZIA</t>
  </si>
  <si>
    <t>GGPS BARTHAL</t>
  </si>
  <si>
    <t>PARTHAL</t>
  </si>
  <si>
    <t>GGPS PARTHAL</t>
  </si>
  <si>
    <t>TASLEEM SHEHZADI</t>
  </si>
  <si>
    <t>GGPS FERKHANDA ABAD</t>
  </si>
  <si>
    <t>MURIDKE-I - FEMALE</t>
  </si>
  <si>
    <t>FERKHANDA ABAD</t>
  </si>
  <si>
    <t>AYESHA BASHIR</t>
  </si>
  <si>
    <t>GPS KAMAL WALA</t>
  </si>
  <si>
    <t>kamal wala</t>
  </si>
  <si>
    <t>fazil kalroo</t>
  </si>
  <si>
    <t>GPS BASTI KHUDA BAX MEHR (PSSP)</t>
  </si>
  <si>
    <t>BARTHALA</t>
  </si>
  <si>
    <t>BASTI KHUDA BAKHSH</t>
  </si>
  <si>
    <t>SADIA YASEEN</t>
  </si>
  <si>
    <t>GGPS 22/NP AYOUB KOSH (PSSP)</t>
  </si>
  <si>
    <t>DARGARA</t>
  </si>
  <si>
    <t>BASTI AYUB KOSH</t>
  </si>
  <si>
    <t>GHULAM ISHAQ</t>
  </si>
  <si>
    <t>GGPS KOT RAB NAWAZ KHOH ARD WALA</t>
  </si>
  <si>
    <t>KOT RAB NAWAZ</t>
  </si>
  <si>
    <t>ARI WALA NEAR 18 KASSI CANAL</t>
  </si>
  <si>
    <t>JAVAID IQBAL</t>
  </si>
  <si>
    <t>GPS HAQ FARM (PSSP)</t>
  </si>
  <si>
    <t>MEHMOOD ABAD</t>
  </si>
  <si>
    <t>BASTI MARAL SHARIF</t>
  </si>
  <si>
    <t>GMPS HARDO DURRHI</t>
  </si>
  <si>
    <t>HARDO DURRHI</t>
  </si>
  <si>
    <t>CHAK UGGO</t>
  </si>
  <si>
    <t>MARIA SHEHZADI</t>
  </si>
  <si>
    <t>GPS NALKA LAL WALA</t>
  </si>
  <si>
    <t>HAIDER ABAD</t>
  </si>
  <si>
    <t>NALKA LAL WALA</t>
  </si>
  <si>
    <t>HYDERABAD THAL</t>
  </si>
  <si>
    <t>MALIK NADAR ABBAS</t>
  </si>
  <si>
    <t>GGPS MAHIWAL WASA (PSSP)</t>
  </si>
  <si>
    <t>MAHIWAL WASA</t>
  </si>
  <si>
    <t>NOSHAIA AKRAM</t>
  </si>
  <si>
    <t>GPS KOT BHANO SHAH</t>
  </si>
  <si>
    <t>GUJRANWALA SADAR-2 - MAL</t>
  </si>
  <si>
    <t>KOT BHANO SHAH</t>
  </si>
  <si>
    <t>DHERIWAL</t>
  </si>
  <si>
    <t>GGPS KOTLI VIRK</t>
  </si>
  <si>
    <t>KOTLI VIRK</t>
  </si>
  <si>
    <t>IQRA LATIF</t>
  </si>
  <si>
    <t>GPS KAPAHI KHAR WALA</t>
  </si>
  <si>
    <t>KAPAHI KHAR WALA</t>
  </si>
  <si>
    <t>SHAFQAT ABBAS</t>
  </si>
  <si>
    <t>GGPS WALLIA PALLIA</t>
  </si>
  <si>
    <t>QALANDER WALA</t>
  </si>
  <si>
    <t>SHOAIB MAJEED</t>
  </si>
  <si>
    <t>GPS BASTI HAJI</t>
  </si>
  <si>
    <t>KHAIRPUR BARA</t>
  </si>
  <si>
    <t>LANGAR WAH</t>
  </si>
  <si>
    <t>RANI ABIDA</t>
  </si>
  <si>
    <t>GGPS KHAN GARH DOMA</t>
  </si>
  <si>
    <t>SEET PUR- FEMALE</t>
  </si>
  <si>
    <t>SHAH WASAYA</t>
  </si>
  <si>
    <t>DAYA WALA</t>
  </si>
  <si>
    <t>MISAN KOT BHOWA</t>
  </si>
  <si>
    <t>MARIA REHMAN</t>
  </si>
  <si>
    <t>GGPS VIGRY WALA</t>
  </si>
  <si>
    <t>JAMPUR NO. 3 - FEMALE</t>
  </si>
  <si>
    <t>KOT JANOO</t>
  </si>
  <si>
    <t>CHAH WIGRY WALA</t>
  </si>
  <si>
    <t>NASIRA BATOOL</t>
  </si>
  <si>
    <t>GGPS GHAGHRI</t>
  </si>
  <si>
    <t>khangarh doma</t>
  </si>
  <si>
    <t>ZONEERA GHAFFAR</t>
  </si>
  <si>
    <t>GPS DAD WALA</t>
  </si>
  <si>
    <t>GPS TIBBA BURARA</t>
  </si>
  <si>
    <t>TIBBA BURARA</t>
  </si>
  <si>
    <t>BASTI BURARA</t>
  </si>
  <si>
    <t>AHMED RAZA</t>
  </si>
  <si>
    <t>GGPS SHAHAN WALA NO. 2</t>
  </si>
  <si>
    <t>SHAHAN WALA</t>
  </si>
  <si>
    <t>SAHAN WALA</t>
  </si>
  <si>
    <t>MUHAMMAD AQDAS</t>
  </si>
  <si>
    <t>GPS DOGAR WALA(NEW)</t>
  </si>
  <si>
    <t>CHOUBARA-II - MALE</t>
  </si>
  <si>
    <t>DOGAR WALI</t>
  </si>
  <si>
    <t>GPS CHAK NO. 370-B TDA (SHAH WALA)</t>
  </si>
  <si>
    <t>PATTI BUKHARI</t>
  </si>
  <si>
    <t>CHAK NO 370 TDA</t>
  </si>
  <si>
    <t>GGPS DARKHAWAST JAMAL KHAN</t>
  </si>
  <si>
    <t>JAMPUR (N) NO. 1 - FEMALE</t>
  </si>
  <si>
    <t>BASTI HAQ NAWAZ</t>
  </si>
  <si>
    <t>BAHAR HUSSAIN</t>
  </si>
  <si>
    <t>GPS GHULAM MUHAMMAD SANKHAY WALA</t>
  </si>
  <si>
    <t>PATTI KHARIN</t>
  </si>
  <si>
    <t>MUHAMMAD LAL</t>
  </si>
  <si>
    <t>GGPS BASTI AHMAD DIN</t>
  </si>
  <si>
    <t>BASTI NABAI RAM</t>
  </si>
  <si>
    <t>BASTI AHMAD DIN</t>
  </si>
  <si>
    <t>SABEHA PASHA</t>
  </si>
  <si>
    <t>GGPS BASTI BALHORA</t>
  </si>
  <si>
    <t>CHITT WALA</t>
  </si>
  <si>
    <t>SARWAR BIBI</t>
  </si>
  <si>
    <t>GGPS AZIZ ABAD</t>
  </si>
  <si>
    <t>SILRA</t>
  </si>
  <si>
    <t>AZIZ ABAD</t>
  </si>
  <si>
    <t>SHAGUFTA HAMEED</t>
  </si>
  <si>
    <t>GGPS MUCHHI WALA</t>
  </si>
  <si>
    <t>JAMPUR (N) NO. 2 - FEMALE</t>
  </si>
  <si>
    <t>MOCHI</t>
  </si>
  <si>
    <t>SAMEERA ASLAM</t>
  </si>
  <si>
    <t>GGPS JATAN THAIR</t>
  </si>
  <si>
    <t>UMME AMMARA</t>
  </si>
  <si>
    <t>GGCMS ISLAM PUR</t>
  </si>
  <si>
    <t>MUHAMMAD TARIQ ALI</t>
  </si>
  <si>
    <t>GGPS MADARI WALA</t>
  </si>
  <si>
    <t>BHUKHARA SHARIF</t>
  </si>
  <si>
    <t>BASTI MANJHI WALA</t>
  </si>
  <si>
    <t>GGPS KOREY WALA NO. 1</t>
  </si>
  <si>
    <t>KAURY WALA</t>
  </si>
  <si>
    <t>CHAH KOREY WALA</t>
  </si>
  <si>
    <t>GGPS ANGOORA FARM NO 2</t>
  </si>
  <si>
    <t>ANGOORA FARM</t>
  </si>
  <si>
    <t>Hina Shahzadi</t>
  </si>
  <si>
    <t>GGPS JAM MANZOOR WALA</t>
  </si>
  <si>
    <t>JAM MANZOOR WALA</t>
  </si>
  <si>
    <t>Rabia Sagheer</t>
  </si>
  <si>
    <t>GPS NASAR KHAN MAGASI WALA (NEW)</t>
  </si>
  <si>
    <t>KHARAY WALA</t>
  </si>
  <si>
    <t>NASAR KHAN MAGASI WALA</t>
  </si>
  <si>
    <t>NAWAN KOT</t>
  </si>
  <si>
    <t>GPS PATTI DARGAHI</t>
  </si>
  <si>
    <t>PATTI DARGAHI</t>
  </si>
  <si>
    <t>GPS CHAK NO. 481 TDA</t>
  </si>
  <si>
    <t>CHAK NO. 481 TDA</t>
  </si>
  <si>
    <t>GPS CHAK NO 375 TDA</t>
  </si>
  <si>
    <t>375 TDA</t>
  </si>
  <si>
    <t>CHAK NO 375 TDA</t>
  </si>
  <si>
    <t>GPS BUDH WALA</t>
  </si>
  <si>
    <t>BUDH WALA</t>
  </si>
  <si>
    <t>Mulazim Hussain</t>
  </si>
  <si>
    <t>GGPS CHAK NO 321 TDA</t>
  </si>
  <si>
    <t>321/TDA</t>
  </si>
  <si>
    <t>CHAK NO 321 TDA</t>
  </si>
  <si>
    <t>Muhammad Rafiq Tabassam</t>
  </si>
  <si>
    <t>GPS CHAK NO. 322 TDA</t>
  </si>
  <si>
    <t>CHAK NO.322 TDA</t>
  </si>
  <si>
    <t>CHAK NO. 322 TDA</t>
  </si>
  <si>
    <t>GGPS CHAH DITTAY WALA</t>
  </si>
  <si>
    <t>DITTAY WALA.</t>
  </si>
  <si>
    <t>CHAH DITTAY WALA</t>
  </si>
  <si>
    <t>Nazia Sagheer</t>
  </si>
  <si>
    <t>GPS SAMUNDAR WALA</t>
  </si>
  <si>
    <t>KHARL AZEEM THAL KALAN</t>
  </si>
  <si>
    <t>kharal azeem thal kalan</t>
  </si>
  <si>
    <t>Ayyaz Ahmad</t>
  </si>
  <si>
    <t>GGPS CHAK NO 127 TDA OLD</t>
  </si>
  <si>
    <t>THAL KALAN</t>
  </si>
  <si>
    <t>127 tda</t>
  </si>
  <si>
    <t>Zara Shamim</t>
  </si>
  <si>
    <t>GPS CHAK NO. 149 TDA</t>
  </si>
  <si>
    <t>CHAK NO.149 TDA</t>
  </si>
  <si>
    <t>149  tda</t>
  </si>
  <si>
    <t>JUMAN SHAH</t>
  </si>
  <si>
    <t>Tayyeb-Ul-Hassan</t>
  </si>
  <si>
    <t>GPS  CHAK NO. 158 TDA</t>
  </si>
  <si>
    <t>CHAK NO 158-TDA</t>
  </si>
  <si>
    <t>158 tda</t>
  </si>
  <si>
    <t>Farrah Naz</t>
  </si>
  <si>
    <t>GGPS CHAK NO. 148/T MOHIBA MOCHIAN LAYYAH</t>
  </si>
  <si>
    <t>148 tda</t>
  </si>
  <si>
    <t>Nadia  Aziz</t>
  </si>
  <si>
    <t>GGPS CHAK NO. 151-A/TDA BOHAR WALA</t>
  </si>
  <si>
    <t>CHAK 151-A/TDA</t>
  </si>
  <si>
    <t>151 tda</t>
  </si>
  <si>
    <t>Farzana Kanwal</t>
  </si>
  <si>
    <t>GGPS CHAK NO.426/TDA RODY WALA</t>
  </si>
  <si>
    <t>MEHRAN</t>
  </si>
  <si>
    <t>garay wala</t>
  </si>
  <si>
    <t>Fouzia Khanam</t>
  </si>
  <si>
    <t>GGPS MIRHAN BAIROON (RIAZ WALA)</t>
  </si>
  <si>
    <t>MIRHAN BAIROON</t>
  </si>
  <si>
    <t>marhan baroon</t>
  </si>
  <si>
    <t>irshad bibi</t>
  </si>
  <si>
    <t>GGPS CHAK NO.149-B/TDA NIAZI ABAD</t>
  </si>
  <si>
    <t>CHAK NO. 149/BTDA</t>
  </si>
  <si>
    <t>149b tda</t>
  </si>
  <si>
    <t>LOHANCH NASHAIB</t>
  </si>
  <si>
    <t>summra naz</t>
  </si>
  <si>
    <t>GPS SARAI PUKHTA</t>
  </si>
  <si>
    <t>SARAI PUKHTA</t>
  </si>
  <si>
    <t>HINA ALLAH RASKHA</t>
  </si>
  <si>
    <t>GPS BIN RONGHAN</t>
  </si>
  <si>
    <t>RAJANPUR NO. 4 - MALE</t>
  </si>
  <si>
    <t>WANG SOM</t>
  </si>
  <si>
    <t>BASTI GONDAL</t>
  </si>
  <si>
    <t>REEHANA BATOOL</t>
  </si>
  <si>
    <t>GGPS BASHIR NAGAR</t>
  </si>
  <si>
    <t>BASHIR NAGAR</t>
  </si>
  <si>
    <t>MISBAH YAQOOB</t>
  </si>
  <si>
    <t>GPS TIBBA GOPANG</t>
  </si>
  <si>
    <t>KOT MATHIN</t>
  </si>
  <si>
    <t>BASTI GOPANG</t>
  </si>
  <si>
    <t>MITHAN KOT</t>
  </si>
  <si>
    <t>RAKH KOT MITHAN</t>
  </si>
  <si>
    <t>GPS MUD SAIN DAD</t>
  </si>
  <si>
    <t>MUD SAIN DAD</t>
  </si>
  <si>
    <t>MANZOOR AHMAD KHAN GOLA</t>
  </si>
  <si>
    <t>GGPS CHOKI RAZZI</t>
  </si>
  <si>
    <t>BASTI BHANGI</t>
  </si>
  <si>
    <t>NOUREEN JAVED</t>
  </si>
  <si>
    <t>GGPS HAFIZ IBRAHIM</t>
  </si>
  <si>
    <t>JAMAL KHAN</t>
  </si>
  <si>
    <t>HAFIZ IBRAHIM</t>
  </si>
  <si>
    <t>WANG CHAK AWAL</t>
  </si>
  <si>
    <t>TAJ MUKHTAR</t>
  </si>
  <si>
    <t>GGPS JARRAY WALA</t>
  </si>
  <si>
    <t>RUKH AZMAT WALA</t>
  </si>
  <si>
    <t>BASTI DEER BUX</t>
  </si>
  <si>
    <t>MEHAK ALI</t>
  </si>
  <si>
    <t>GPS BASTI AHMED KHAN</t>
  </si>
  <si>
    <t>census NO. 2</t>
  </si>
  <si>
    <t>BASTI JATTA</t>
  </si>
  <si>
    <t>GGPS LANGRIAL WALA</t>
  </si>
  <si>
    <t>MILLAN WALA</t>
  </si>
  <si>
    <t>DULLAY WALA</t>
  </si>
  <si>
    <t>ALLAH DIWAYA</t>
  </si>
  <si>
    <t>GPS TANVARI NO. 1</t>
  </si>
  <si>
    <t>WANG AWAL</t>
  </si>
  <si>
    <t>BASTI ABDULLAH KHAN DRESHAK</t>
  </si>
  <si>
    <t>MUHAMMAD USMAN</t>
  </si>
  <si>
    <t>GGES RIAZ ABAD NO.2 MULTAN</t>
  </si>
  <si>
    <t>GGPS RIAZ ABAD NO.2 MULTAN</t>
  </si>
  <si>
    <t>RIA ABAD</t>
  </si>
  <si>
    <t>SOBIA ISHFAQ</t>
  </si>
  <si>
    <t>GPS LAGHARI WALA</t>
  </si>
  <si>
    <t>RAKH MUHAMMAD BAKHSH</t>
  </si>
  <si>
    <t>Laghari wala</t>
  </si>
  <si>
    <t>ruqia bibi</t>
  </si>
  <si>
    <t>GPS CHAK UMRANI</t>
  </si>
  <si>
    <t>WAH MACKHA</t>
  </si>
  <si>
    <t>BASTI ARZ MUHAMMAD</t>
  </si>
  <si>
    <t>GMPS JOHD PUR</t>
  </si>
  <si>
    <t>GUJRANWALA SADAR-6 - FEMAL</t>
  </si>
  <si>
    <t>JOHID PUR</t>
  </si>
  <si>
    <t>JOHD PUR</t>
  </si>
  <si>
    <t>AMNA MUBEEN</t>
  </si>
  <si>
    <t>GPS MEHRAY WALA</t>
  </si>
  <si>
    <t>SADDAN MAI</t>
  </si>
  <si>
    <t>MEHRAY WALA</t>
  </si>
  <si>
    <t>NUZHAT MUREED</t>
  </si>
  <si>
    <t>GPS KOT ABDUL REHMAN NARANG WEST</t>
  </si>
  <si>
    <t>KOT ABDUL REHMAN</t>
  </si>
  <si>
    <t>ARBAB ZULFIQAR</t>
  </si>
  <si>
    <t>GGPS KHAJEE WALA SURAJ MIANI ROAD MULTAN</t>
  </si>
  <si>
    <t>BENDA SANDHELA</t>
  </si>
  <si>
    <t>KHAJEE WALA</t>
  </si>
  <si>
    <t>BINDA SANDILA</t>
  </si>
  <si>
    <t>AMBAR SHAHEEN</t>
  </si>
  <si>
    <t>GGES PANJ WALI</t>
  </si>
  <si>
    <t>PANJ WALI</t>
  </si>
  <si>
    <t>rupo chak</t>
  </si>
  <si>
    <t>yasmeen tahira</t>
  </si>
  <si>
    <t>GPS GHULAM MUHAMMAD LALANI</t>
  </si>
  <si>
    <t>WAH MACHKAH</t>
  </si>
  <si>
    <t>GGPS BUCH MUBARIK PUR</t>
  </si>
  <si>
    <t>TAJ PUR SANDILA</t>
  </si>
  <si>
    <t>SHAKILA WAJID</t>
  </si>
  <si>
    <t>GGPS RAJANPUR NO. 3</t>
  </si>
  <si>
    <t>EAST RAJAN PUR</t>
  </si>
  <si>
    <t>DARA MACHI WALA</t>
  </si>
  <si>
    <t>RUQIA BIBI</t>
  </si>
  <si>
    <t>GGPS KARIM BUX  PIRHAR</t>
  </si>
  <si>
    <t>KARIM BUX PURHAR</t>
  </si>
  <si>
    <t>KARIM BUX PIRHAR</t>
  </si>
  <si>
    <t>GGPS KOTLA NASIR NO. 2</t>
  </si>
  <si>
    <t>SOBIA DURANI</t>
  </si>
  <si>
    <t>GMPS BASTI RASOOL BUX DRESHAK</t>
  </si>
  <si>
    <t>BASTI RASUL BUX</t>
  </si>
  <si>
    <t>ZEESHAN RAZA</t>
  </si>
  <si>
    <t>GPS GHULAM SARWAR GHOUSARA</t>
  </si>
  <si>
    <t>FAZILPUR NO. 2 - MALE</t>
  </si>
  <si>
    <t>NOUSHERA SHARQI</t>
  </si>
  <si>
    <t>GPS POLY ARAIN</t>
  </si>
  <si>
    <t>KOTLA SHAIR MUHAMMAD</t>
  </si>
  <si>
    <t>BASTI KHARI</t>
  </si>
  <si>
    <t>MOAZAM ALI</t>
  </si>
  <si>
    <t>GPS CHAH MAHTAM WALA</t>
  </si>
  <si>
    <t>FAZILPUR NO. 3 - MALE</t>
  </si>
  <si>
    <t>SAIMA JABEEN</t>
  </si>
  <si>
    <t>GPS BEEDANI</t>
  </si>
  <si>
    <t>KALAN PUR</t>
  </si>
  <si>
    <t>SHAIR WALA</t>
  </si>
  <si>
    <t>WASEEMA QAYYUM</t>
  </si>
  <si>
    <t>GPS MUDD GASOORA</t>
  </si>
  <si>
    <t>MUD GASOORA</t>
  </si>
  <si>
    <t>MUD GASORA</t>
  </si>
  <si>
    <t>GPS GHULLO WALI</t>
  </si>
  <si>
    <t>GHULLO WALY</t>
  </si>
  <si>
    <t>GULLU WALA</t>
  </si>
  <si>
    <t>ELAHI BUX</t>
  </si>
  <si>
    <t>GGPS KANDHI BALOCHAN</t>
  </si>
  <si>
    <t>ALLUDAY WALI</t>
  </si>
  <si>
    <t>KANDHI BALOCHAN</t>
  </si>
  <si>
    <t>GULZAR AHMED</t>
  </si>
  <si>
    <t>GPS PONTA MALANA</t>
  </si>
  <si>
    <t>PONTA MALANA</t>
  </si>
  <si>
    <t>ALUDAY WALI</t>
  </si>
  <si>
    <t>GGPS MOZA MALANA</t>
  </si>
  <si>
    <t>HINA ANWER</t>
  </si>
  <si>
    <t>GGPS JHANGI WALA</t>
  </si>
  <si>
    <t>DIBBI SHAH</t>
  </si>
  <si>
    <t>DIBI SHAH</t>
  </si>
  <si>
    <t>HUMAIRA MUSTAFA</t>
  </si>
  <si>
    <t>GPS CHAH HUSSAIN WALA</t>
  </si>
  <si>
    <t>SHADI KHAN MUNDA-II- MALE</t>
  </si>
  <si>
    <t>CHAH KALYANA</t>
  </si>
  <si>
    <t>GGPS KARWANI WALA</t>
  </si>
  <si>
    <t>LAAL MEER- FEMALE</t>
  </si>
  <si>
    <t>SALEH WALA</t>
  </si>
  <si>
    <t>NOREEN ASHIQ</t>
  </si>
  <si>
    <t>GPS ASSAR WALA</t>
  </si>
  <si>
    <t>HABIB WALA</t>
  </si>
  <si>
    <t>ZAHIDA BIBI</t>
  </si>
  <si>
    <t>GGPS LAL KHAN BADANI</t>
  </si>
  <si>
    <t>MAIL MANJAITH</t>
  </si>
  <si>
    <t>AADO WALA</t>
  </si>
  <si>
    <t>FATEH PUR JANUBI</t>
  </si>
  <si>
    <t>FIAZ HUSSAIN</t>
  </si>
  <si>
    <t>GPS NO. 3 ALIPUR</t>
  </si>
  <si>
    <t>ALI PUR-II- MALE</t>
  </si>
  <si>
    <t>ALIPUR TC</t>
  </si>
  <si>
    <t>MUHAMMADIA COLONY</t>
  </si>
  <si>
    <t>ALI PUR CITY</t>
  </si>
  <si>
    <t>SYED MUHAMMAD UMAIR</t>
  </si>
  <si>
    <t>GPS NORANI</t>
  </si>
  <si>
    <t>KHAIRPUR SADAT</t>
  </si>
  <si>
    <t>MOHALA JAFRIA</t>
  </si>
  <si>
    <t>ZAKIYA MANZOOR</t>
  </si>
  <si>
    <t>GPS AKHTAR ABAD</t>
  </si>
  <si>
    <t>BASTI BHAYA</t>
  </si>
  <si>
    <t>AMIR HUSSAIN</t>
  </si>
  <si>
    <t>GPS GHULAM AKBAR HORA</t>
  </si>
  <si>
    <t>FAZILPUR NO. 4 -MALE</t>
  </si>
  <si>
    <t>KAN  WALA</t>
  </si>
  <si>
    <t>BASTI AKBAR HORA</t>
  </si>
  <si>
    <t>GPS BASTI KHAMISA GOPANG</t>
  </si>
  <si>
    <t>KATCHA DRIG</t>
  </si>
  <si>
    <t>BASTI MOHALLAH GOPANG</t>
  </si>
  <si>
    <t>GPS CHAK LASSA FAZILPUR</t>
  </si>
  <si>
    <t>CHAK LASSA</t>
  </si>
  <si>
    <t>SHAGUFTA ZAHID</t>
  </si>
  <si>
    <t>NOSHEEN ASLAM</t>
  </si>
  <si>
    <t>GGPS DOABA HANS</t>
  </si>
  <si>
    <t>ALIRID</t>
  </si>
  <si>
    <t>BASTI GHANI WALA</t>
  </si>
  <si>
    <t>FIDA HUSSAIN AZHAR</t>
  </si>
  <si>
    <t>GGPS UMMER WALA</t>
  </si>
  <si>
    <t>THATHA GURMANI- FEMALE</t>
  </si>
  <si>
    <t>UMER WALA</t>
  </si>
  <si>
    <t>GGPS BHINDAY WALI</t>
  </si>
  <si>
    <t>BHINDAY WALI</t>
  </si>
  <si>
    <t>RABIA MUZAFFAR</t>
  </si>
  <si>
    <t>ROHILLAN WALI</t>
  </si>
  <si>
    <t>BEHARAY WALA</t>
  </si>
  <si>
    <t>KHUDA BAKSH</t>
  </si>
  <si>
    <t>GPS ROHILLAN WALI NO. 2</t>
  </si>
  <si>
    <t>ZEESHAN TOWN</t>
  </si>
  <si>
    <t>RIHILLA WALI</t>
  </si>
  <si>
    <t>GPS CHAK NO.102/DNB</t>
  </si>
  <si>
    <t>CHAK NO.102/DNB</t>
  </si>
  <si>
    <t>ADEELA LIAQAT</t>
  </si>
  <si>
    <t>GPS 40/12-L</t>
  </si>
  <si>
    <t>OKANAWALA GHARBI - MALE</t>
  </si>
  <si>
    <t>CHAK NO. 40/12-L</t>
  </si>
  <si>
    <t>40/12-L</t>
  </si>
  <si>
    <t>GPS OWD WALA</t>
  </si>
  <si>
    <t>CHAK NO. 640/TDA</t>
  </si>
  <si>
    <t>AYESHA AKBAR</t>
  </si>
  <si>
    <t>GPS SARDOOL KHURD PO MALKA HANS PAKPATTAN</t>
  </si>
  <si>
    <t>CHAK SARDOOL KHURDCHA</t>
  </si>
  <si>
    <t>SARDOOL KHURD</t>
  </si>
  <si>
    <t>CHAK SANDHAY KHAN</t>
  </si>
  <si>
    <t>GGPS GHANG SHARIF</t>
  </si>
  <si>
    <t>CHANG SHARIF</t>
  </si>
  <si>
    <t>JIA BAGGA</t>
  </si>
  <si>
    <t>NABILA KAUSAR</t>
  </si>
  <si>
    <t>GPS 31 WB</t>
  </si>
  <si>
    <t>31 WB</t>
  </si>
  <si>
    <t>15/WB</t>
  </si>
  <si>
    <t>CH SAOOD MUKHTAR</t>
  </si>
  <si>
    <t>GPS AHMAD ABAD</t>
  </si>
  <si>
    <t>NAUSHERA EAST - MALE</t>
  </si>
  <si>
    <t>AHAMD ABAD</t>
  </si>
  <si>
    <t>WAJIHA KAINAT</t>
  </si>
  <si>
    <t>GGPS DHEERAJE KAY</t>
  </si>
  <si>
    <t>DHEERAJE KAY</t>
  </si>
  <si>
    <t>NAZIA SHARIF</t>
  </si>
  <si>
    <t>GGPS BASTI MANA</t>
  </si>
  <si>
    <t>MANA</t>
  </si>
  <si>
    <t>BASTI MANA</t>
  </si>
  <si>
    <t>JAMAL PUR</t>
  </si>
  <si>
    <t>GGPS CHAK NO 126 MURAD A</t>
  </si>
  <si>
    <t>A 126/M</t>
  </si>
  <si>
    <t>GPS LAL BUX DULLANI</t>
  </si>
  <si>
    <t>CHAK CHANDKA</t>
  </si>
  <si>
    <t>BASTI MEHER DIN KHAN SARGANI</t>
  </si>
  <si>
    <t>MUJAHID HUSSAIN</t>
  </si>
  <si>
    <t>GPS CHAK SEIKHUM</t>
  </si>
  <si>
    <t>CHAK SEIKHUM</t>
  </si>
  <si>
    <t>MARIA RIASAT</t>
  </si>
  <si>
    <t>GGPS CHAK NO.4-KM</t>
  </si>
  <si>
    <t>4 KM</t>
  </si>
  <si>
    <t>RASHID SHAHEEN</t>
  </si>
  <si>
    <t>GGPS DHULIANA (PSSP)</t>
  </si>
  <si>
    <t>DHALIANA</t>
  </si>
  <si>
    <t>DHULIANA</t>
  </si>
  <si>
    <t>KAMMAN</t>
  </si>
  <si>
    <t>FARZANA JAVED</t>
  </si>
  <si>
    <t>GGPS CHAK NO.7/1R FAUJIAN (PSSP)</t>
  </si>
  <si>
    <t>7/1 R FAUJIAN</t>
  </si>
  <si>
    <t>7/1.</t>
  </si>
  <si>
    <t>HAFZA MAZHAR</t>
  </si>
  <si>
    <t>GGPS CHAK NO. 2/1-RA (PSSP)</t>
  </si>
  <si>
    <t>CHAK NO 2/1 RA</t>
  </si>
  <si>
    <t>2/1.RA</t>
  </si>
  <si>
    <t>4/1.RA</t>
  </si>
  <si>
    <t>KISHWAR SULTANA</t>
  </si>
  <si>
    <t>GPS KHANNA RANGRAN</t>
  </si>
  <si>
    <t>KHANA RANGRAN</t>
  </si>
  <si>
    <t>KHANNA RANGRAN</t>
  </si>
  <si>
    <t>SOBIA MUBARAK</t>
  </si>
  <si>
    <t>GGPS KALLI JAMAL SINGH (PSSP)</t>
  </si>
  <si>
    <t>KALLI JAMAL SINGH</t>
  </si>
  <si>
    <t>KALI JAMAL</t>
  </si>
  <si>
    <t>ISLAM  PUR</t>
  </si>
  <si>
    <t>REHANA KOUSAR</t>
  </si>
  <si>
    <t>GPS BASTI GHULAM MUHAMMAD INDHER (PSSP)</t>
  </si>
  <si>
    <t>144/NP</t>
  </si>
  <si>
    <t>BASTI GHULAM MUHAMMAD INDHER</t>
  </si>
  <si>
    <t>MADEHA REHMAT</t>
  </si>
  <si>
    <t>GPS BASTI ILIM DIN (PSSP)</t>
  </si>
  <si>
    <t>ILAM DIN</t>
  </si>
  <si>
    <t>GPS RAHMOO (PSSP)</t>
  </si>
  <si>
    <t>RAHMOON</t>
  </si>
  <si>
    <t>BASTI KANDAY WALI</t>
  </si>
  <si>
    <t>RANJHAY KHAN</t>
  </si>
  <si>
    <t>GPS STATION ADAM SOHABA (PSSP)</t>
  </si>
  <si>
    <t>STATION ADAM SAHABA</t>
  </si>
  <si>
    <t>HINA FAIZ</t>
  </si>
  <si>
    <t>GGPS CHAK SANTA</t>
  </si>
  <si>
    <t>CHAK SANTA</t>
  </si>
  <si>
    <t>SUMAIRA ARIF</t>
  </si>
  <si>
    <t>GGPS SANDA GHULAM HUSSAIN</t>
  </si>
  <si>
    <t>tatay pur</t>
  </si>
  <si>
    <t>TATAY PUR</t>
  </si>
  <si>
    <t>GPS DERA HASSAN ABAD (PSSP)</t>
  </si>
  <si>
    <t>RAHJHAR KHAR</t>
  </si>
  <si>
    <t>DERA HASSAN ABAD</t>
  </si>
  <si>
    <t>SHAHLA ASHRAF</t>
  </si>
  <si>
    <t>GGPS MARIAN WALA</t>
  </si>
  <si>
    <t>MARIAN WALA</t>
  </si>
  <si>
    <t>BAZEEDA</t>
  </si>
  <si>
    <t>ALLAH MAFI</t>
  </si>
  <si>
    <t>GPS SANJAR MASHEIKH (PSSP)</t>
  </si>
  <si>
    <t>SANJAR MASHEAKH</t>
  </si>
  <si>
    <t>SANJAR MASHAIKH</t>
  </si>
  <si>
    <t>GPS MOZA DUGGA NOOR MUHAMMAD (PSSP)</t>
  </si>
  <si>
    <t>DUGGA</t>
  </si>
  <si>
    <t>BASTI SAHIB KHAN</t>
  </si>
  <si>
    <t>ABDUL WAHEED SHAD</t>
  </si>
  <si>
    <t>GPS WAHID BUX MAHAR (PSSP)</t>
  </si>
  <si>
    <t>WAHID BUX MAHAR</t>
  </si>
  <si>
    <t>SADIA MAQBOOL</t>
  </si>
  <si>
    <t>GPS CHAK NO. 27 NP (PSSP)</t>
  </si>
  <si>
    <t>CHAK NO 27/NP</t>
  </si>
  <si>
    <t>CHAK 27/NP</t>
  </si>
  <si>
    <t>SAJIDA TABASSUM</t>
  </si>
  <si>
    <t>NARAGHI</t>
  </si>
  <si>
    <t>ZOBILA SAFDAR</t>
  </si>
  <si>
    <t>GGPS CHOKI SABAY KHAN</t>
  </si>
  <si>
    <t>CHOWKI SOBAY KHAN</t>
  </si>
  <si>
    <t>SOBAY KHAN</t>
  </si>
  <si>
    <t>GPS LOT BOOTAY KHAN</t>
  </si>
  <si>
    <t>LITTEN - MALE</t>
  </si>
  <si>
    <t>R/M</t>
  </si>
  <si>
    <t>BOOTA KHAN</t>
  </si>
  <si>
    <t>GGPS BINDI KAMLANA *** PEF</t>
  </si>
  <si>
    <t>BINDI KAMLANA</t>
  </si>
  <si>
    <t>KHAKI LAKHI</t>
  </si>
  <si>
    <t>BUSHRA PERVEEN</t>
  </si>
  <si>
    <t>GPS MUD DOSSA (PSSP)</t>
  </si>
  <si>
    <t>KOT SAMABA - MALE</t>
  </si>
  <si>
    <t>YOUSAF NAGAR</t>
  </si>
  <si>
    <t>MUD DOSA</t>
  </si>
  <si>
    <t>TIBBI GUL MUHAMMAD</t>
  </si>
  <si>
    <t>GGPS HAVEALY SHAHRAH MATA</t>
  </si>
  <si>
    <t>HAVELI SHAHRAM MATA</t>
  </si>
  <si>
    <t>AYESHA MAJEED</t>
  </si>
  <si>
    <t>GPS KOT HAJI BAQER</t>
  </si>
  <si>
    <t>BAHAWALNAGAR-VII - MALE</t>
  </si>
  <si>
    <t>Amir KHATAN</t>
  </si>
  <si>
    <t>Kot Haji Baqer</t>
  </si>
  <si>
    <t>KHATAN</t>
  </si>
  <si>
    <t>Nosheen Tabbasum</t>
  </si>
  <si>
    <t>3072</t>
  </si>
  <si>
    <t>GPS GORSIAN</t>
  </si>
  <si>
    <t>GUJRAT WEST - MALE</t>
  </si>
  <si>
    <t>GORSIAN</t>
  </si>
  <si>
    <t>GHORSIAN</t>
  </si>
  <si>
    <t>MACHIANA</t>
  </si>
  <si>
    <t>MAIZA ASHRAF</t>
  </si>
  <si>
    <t>GGPS HAVELI JANDHEY WALI</t>
  </si>
  <si>
    <t>HAVELI JANDHEY WALI</t>
  </si>
  <si>
    <t>THEH SHEIKHUM</t>
  </si>
  <si>
    <t>NADIA SULEMAN</t>
  </si>
  <si>
    <t>GPS CHAK 96 GB</t>
  </si>
  <si>
    <t>96 GB DOFARKAY</t>
  </si>
  <si>
    <t>96 GB</t>
  </si>
  <si>
    <t>97 GB</t>
  </si>
  <si>
    <t>WARDA ANWAR</t>
  </si>
  <si>
    <t>GPS DHOK PENHAL</t>
  </si>
  <si>
    <t>DHAULAR</t>
  </si>
  <si>
    <t>DHOLAR</t>
  </si>
  <si>
    <t>MALEEKA HASSAN</t>
  </si>
  <si>
    <t>GPS LIBBAY</t>
  </si>
  <si>
    <t>GADGORE - MALE</t>
  </si>
  <si>
    <t>LIBBAY</t>
  </si>
  <si>
    <t>GPS DHAKRAN (PSSP)</t>
  </si>
  <si>
    <t>DHAKRAN</t>
  </si>
  <si>
    <t>DUKHRAN</t>
  </si>
  <si>
    <t>ZARINA ANJU</t>
  </si>
  <si>
    <t>GGPS GULLU ZOHRANI WALA</t>
  </si>
  <si>
    <t>GULU ZOHRANI WALA</t>
  </si>
  <si>
    <t>MUHAMMAD AKHTAR</t>
  </si>
  <si>
    <t>GGPS MOCHIAN WALA</t>
  </si>
  <si>
    <t>BURHAN PUR - FEMALE</t>
  </si>
  <si>
    <t>MOCHIAN WALA</t>
  </si>
  <si>
    <t>GGPS NASEER ABAD</t>
  </si>
  <si>
    <t>THEH SHEIKHUM - FEMALE</t>
  </si>
  <si>
    <t>HARDO SAHARI</t>
  </si>
  <si>
    <t>GGPS KHARAN WALA *** PEF</t>
  </si>
  <si>
    <t>KHARAN WALA</t>
  </si>
  <si>
    <t>GPS DERA MAJEED KHAN</t>
  </si>
  <si>
    <t>KHARIL AZAM EAST</t>
  </si>
  <si>
    <t>deera majeed khan</t>
  </si>
  <si>
    <t>kausara parveen</t>
  </si>
  <si>
    <t>GGPS CHAK 62 GB WEST JARANWALA</t>
  </si>
  <si>
    <t>62-GB</t>
  </si>
  <si>
    <t>62 GB</t>
  </si>
  <si>
    <t>IFFAT NAZ</t>
  </si>
  <si>
    <t>GPS LAL GARH (PSSP)</t>
  </si>
  <si>
    <t>LAL GARH</t>
  </si>
  <si>
    <t>MOLVI AHMAD BAKHSH</t>
  </si>
  <si>
    <t>JAVERIA TASLEEM</t>
  </si>
  <si>
    <t>GPS LADHA</t>
  </si>
  <si>
    <t>LADHA</t>
  </si>
  <si>
    <t>MUFTI ABDUL AZIZ</t>
  </si>
  <si>
    <t>GPS 32/M</t>
  </si>
  <si>
    <t>CAHK NO.32/M</t>
  </si>
  <si>
    <t>32/M</t>
  </si>
  <si>
    <t>SIRAJ WALA</t>
  </si>
  <si>
    <t>CH.KHALID JAVED</t>
  </si>
  <si>
    <t>GGPS GOKLIN</t>
  </si>
  <si>
    <t>GOKLIN</t>
  </si>
  <si>
    <t>GOKLEEN</t>
  </si>
  <si>
    <t>GGPS CHAK NO 144 TDA</t>
  </si>
  <si>
    <t>LADHANA - FEMALE</t>
  </si>
  <si>
    <t>THAL JUNDI</t>
  </si>
  <si>
    <t>144  tda</t>
  </si>
  <si>
    <t>Anees ahmad alvi</t>
  </si>
  <si>
    <t>GPS 24/M</t>
  </si>
  <si>
    <t>CHAK NO.24/M</t>
  </si>
  <si>
    <t>FALK SHER</t>
  </si>
  <si>
    <t>GPS HAVELI SHAHRAY PO MATTA</t>
  </si>
  <si>
    <t>HAVELI SHAHRAY MATTA</t>
  </si>
  <si>
    <t>SAFIA LIAQAT</t>
  </si>
  <si>
    <t>GGPS THATHA SANDRANA   ***   PEF</t>
  </si>
  <si>
    <t>MANDI SHAH JEWENA - FEMALE</t>
  </si>
  <si>
    <t>THATHA SANDRANA</t>
  </si>
  <si>
    <t>ALLAH RAKHI</t>
  </si>
  <si>
    <t>GPS CHAK 103 GB WEST</t>
  </si>
  <si>
    <t>RAJE WALA</t>
  </si>
  <si>
    <t>103 GB</t>
  </si>
  <si>
    <t>101/GB</t>
  </si>
  <si>
    <t>MEHWISH KIRAN</t>
  </si>
  <si>
    <t>GGPS CHAK JAMAL</t>
  </si>
  <si>
    <t>CHAK JAMAL</t>
  </si>
  <si>
    <t>TAYYEBA YASMIN</t>
  </si>
  <si>
    <t>GPS CHAK 375/W.B</t>
  </si>
  <si>
    <t>CHAK NO. 375/WB</t>
  </si>
  <si>
    <t>CHAK NO.375/WB</t>
  </si>
  <si>
    <t>CHAK 353/WB</t>
  </si>
  <si>
    <t>BUSHRA GILL</t>
  </si>
  <si>
    <t>GGPS CHAK 19 JB</t>
  </si>
  <si>
    <t>QADOKEY</t>
  </si>
  <si>
    <t>19/JB</t>
  </si>
  <si>
    <t>SHAZIA FIRDOUS</t>
  </si>
  <si>
    <t>GPS 370/WB</t>
  </si>
  <si>
    <t>CHAK NO. 370/WB</t>
  </si>
  <si>
    <t>CHAK NO.370/WB</t>
  </si>
  <si>
    <t>MAZHAR SIDDIQUE AWAN</t>
  </si>
  <si>
    <t>GPS BADLOT</t>
  </si>
  <si>
    <t>MEHWISH ZAFAR</t>
  </si>
  <si>
    <t>GPS BUDDHAY WALA</t>
  </si>
  <si>
    <t>WADDHAY WALI</t>
  </si>
  <si>
    <t>BHUDY WALA</t>
  </si>
  <si>
    <t>SHAKEELA IJAZ</t>
  </si>
  <si>
    <t>GMPS 97/15-L MIAN CHANNU (PEF,PSSP PHASE II)</t>
  </si>
  <si>
    <t>MIAN CHANNU-II - FEMALE</t>
  </si>
  <si>
    <t>97/15-L,</t>
  </si>
  <si>
    <t>97/15-L</t>
  </si>
  <si>
    <t>CHAK NO.92/15-L</t>
  </si>
  <si>
    <t>AZRA SALEEM</t>
  </si>
  <si>
    <t>GPS JIND WADA DAHIR (PSSP)</t>
  </si>
  <si>
    <t>JIND WADA DAHIR PO SHAREN</t>
  </si>
  <si>
    <t>JIND WADA DAHAR</t>
  </si>
  <si>
    <t>BANGLA SHAREEN</t>
  </si>
  <si>
    <t>GGPS BASTI KANJU</t>
  </si>
  <si>
    <t>BASTI KANJU</t>
  </si>
  <si>
    <t>MALIK ABID SHER</t>
  </si>
  <si>
    <t>GGPS REHANA JATTAN</t>
  </si>
  <si>
    <t>REHANA JATTAN</t>
  </si>
  <si>
    <t>AMINA AZAM</t>
  </si>
  <si>
    <t>GGPS CHAH FATEH WALA</t>
  </si>
  <si>
    <t>DAGAR OLAKH</t>
  </si>
  <si>
    <t>CHAH FATEH WALA</t>
  </si>
  <si>
    <t>MALIK MULAZAM HUSSAIN</t>
  </si>
  <si>
    <t>GCMPS 22/8-R, P/O 20/8-R, TULAMBA (PEF,PSSP PHASE II)</t>
  </si>
  <si>
    <t>TULAMBA-III - FEMALE</t>
  </si>
  <si>
    <t>22/8-R</t>
  </si>
  <si>
    <t>CHOGHATA PANJOANA</t>
  </si>
  <si>
    <t>GPS DHOK LUNDAH</t>
  </si>
  <si>
    <t>DHOKE LUNDAAH</t>
  </si>
  <si>
    <t>NEW KHAIR ABAD</t>
  </si>
  <si>
    <t>PIND MATAY KHAN</t>
  </si>
  <si>
    <t>TAYYABA LIAQAT</t>
  </si>
  <si>
    <t>GGPS BASTI JANN MUHAMMAD</t>
  </si>
  <si>
    <t>BANGLABASANT - FEMALE</t>
  </si>
  <si>
    <t>35/M</t>
  </si>
  <si>
    <t>BASTI JAN MUHAMMAD</t>
  </si>
  <si>
    <t>GPS CHAK NO 24 TDA</t>
  </si>
  <si>
    <t>KOTAL JAM DAGGAR</t>
  </si>
  <si>
    <t>CHAK NO 24 TDA</t>
  </si>
  <si>
    <t>ROBINA SOBIA</t>
  </si>
  <si>
    <t>GPS 126-A/15-L, P/O 126-B/15-L, MIAN CHANNU (PEF,PSSP PHASE II)</t>
  </si>
  <si>
    <t>126-A/15-L</t>
  </si>
  <si>
    <t>CHAK NO.126/15-L</t>
  </si>
  <si>
    <t>KALSOOM KOUSER</t>
  </si>
  <si>
    <t>GGPS CHAK TREDA</t>
  </si>
  <si>
    <t>PHULRAY SYEDAN-FEMALE</t>
  </si>
  <si>
    <t>CHAK TREDA</t>
  </si>
  <si>
    <t>NAZIMA IQBAL</t>
  </si>
  <si>
    <t>GMPS CHAK 15/M</t>
  </si>
  <si>
    <t>151M</t>
  </si>
  <si>
    <t>CHAK NO.15/M</t>
  </si>
  <si>
    <t>GPS MURADEY WALA</t>
  </si>
  <si>
    <t>MURADEY WALA</t>
  </si>
  <si>
    <t>MRADAY WALA</t>
  </si>
  <si>
    <t>SHAZIA HUSSAIN</t>
  </si>
  <si>
    <t>GGCMS CHAK NO. 134 RB I</t>
  </si>
  <si>
    <t>MITRANWALI</t>
  </si>
  <si>
    <t>BHAKRANWALI</t>
  </si>
  <si>
    <t>BHAKARANWALI</t>
  </si>
  <si>
    <t>IBRAR HUSNAIN HAIDAR</t>
  </si>
  <si>
    <t>GGPS KUMBA</t>
  </si>
  <si>
    <t>KUMBA</t>
  </si>
  <si>
    <t>ALIA JAVED</t>
  </si>
  <si>
    <t>GMPS 2/8-AR, P/O 6/8-AR, TULAMBA (PEF,PSSP PHASE III)</t>
  </si>
  <si>
    <t>2/8-AR</t>
  </si>
  <si>
    <t>CHAK NO.3/8-AR</t>
  </si>
  <si>
    <t>SHEHNAZ NOOR</t>
  </si>
  <si>
    <t>GGPS KAMAL PUR</t>
  </si>
  <si>
    <t>KAMAL PUR</t>
  </si>
  <si>
    <t>GPS CHAK NO. 64/ML</t>
  </si>
  <si>
    <t>DAGAR KOTLI SHUMALI</t>
  </si>
  <si>
    <t>CHAK NO 64 ML</t>
  </si>
  <si>
    <t>TASNEEM AKHTAR</t>
  </si>
  <si>
    <t>GGPS CHAK NO 43 JB</t>
  </si>
  <si>
    <t>PEROANA</t>
  </si>
  <si>
    <t>PEERWANA</t>
  </si>
  <si>
    <t>PAKKA DALA</t>
  </si>
  <si>
    <t>GPS GHARI BELLA (PSSP)</t>
  </si>
  <si>
    <t>GARHI BELLA</t>
  </si>
  <si>
    <t>BASTTI KHAMBRA</t>
  </si>
  <si>
    <t>MADIHA NAZIR</t>
  </si>
  <si>
    <t>GPS RAKH CHHAONI</t>
  </si>
  <si>
    <t>RAKH CHHAONI</t>
  </si>
  <si>
    <t>GPS RAKH CHHAONI P/O DHARAR MUSLIM</t>
  </si>
  <si>
    <t>DHAROOR MUSLIM</t>
  </si>
  <si>
    <t>UMER FAROOQ</t>
  </si>
  <si>
    <t>GPS BASTI MATA MOHANA (PSSP)</t>
  </si>
  <si>
    <t>BHUTTA WAHN</t>
  </si>
  <si>
    <t>GGPS ARJAN SINGH</t>
  </si>
  <si>
    <t>KHAGAY</t>
  </si>
  <si>
    <t>GMPS ARJAN SINGH</t>
  </si>
  <si>
    <t>ISLAM PUR GUJRAN</t>
  </si>
  <si>
    <t>GPS CHAK NO 13/NP (PSSP)</t>
  </si>
  <si>
    <t>CHAK NO 13</t>
  </si>
  <si>
    <t>CHAK 13/NP</t>
  </si>
  <si>
    <t>AAMIR HUSSAIN</t>
  </si>
  <si>
    <t>GGPS KOTLI KOROTANA</t>
  </si>
  <si>
    <t>KOTLI KOROTANA</t>
  </si>
  <si>
    <t>UMBREEN TAHIR</t>
  </si>
  <si>
    <t>GPS DRIGRA (PSSP)</t>
  </si>
  <si>
    <t>DRIGRAH</t>
  </si>
  <si>
    <t>BASTI DRIGHRA</t>
  </si>
  <si>
    <t>ZESHAN IQBAL</t>
  </si>
  <si>
    <t>GGPS 153/P (PSSP)</t>
  </si>
  <si>
    <t>153/P</t>
  </si>
  <si>
    <t>CHAK 153/P</t>
  </si>
  <si>
    <t>AFSHAN NOSHEEN</t>
  </si>
  <si>
    <t>GGPS CHAK NO. 9/NP (PSSP)</t>
  </si>
  <si>
    <t>CHAK NO. 9/P</t>
  </si>
  <si>
    <t>CHAK 9/NP</t>
  </si>
  <si>
    <t>ROSHAN BAITH</t>
  </si>
  <si>
    <t>SHAHIDA HAMEED</t>
  </si>
  <si>
    <t>GGPS GUBA FAZAL (PSSP)</t>
  </si>
  <si>
    <t>GUBA FAZAL</t>
  </si>
  <si>
    <t>GUBBA FAZIL</t>
  </si>
  <si>
    <t>NAHEED NAEEM</t>
  </si>
  <si>
    <t>GPS MAD UMAR (PSSP)</t>
  </si>
  <si>
    <t>RAJAN PUR - MALE</t>
  </si>
  <si>
    <t>MAD MANTAR</t>
  </si>
  <si>
    <t>MUD MANTHAR</t>
  </si>
  <si>
    <t>GPS CHAK 23 GB</t>
  </si>
  <si>
    <t>CHAK 23 GB</t>
  </si>
  <si>
    <t>22/GB</t>
  </si>
  <si>
    <t>MOHSIN JAVID</t>
  </si>
  <si>
    <t>GGPS DHOK LASS</t>
  </si>
  <si>
    <t>DHOKE LASS</t>
  </si>
  <si>
    <t>DHOK LASS</t>
  </si>
  <si>
    <t>GGPS CHAK NO.179/TDA</t>
  </si>
  <si>
    <t>DARYA KHAN - FEMALE</t>
  </si>
  <si>
    <t>TDA/179</t>
  </si>
  <si>
    <t>179 TDA</t>
  </si>
  <si>
    <t>SAFI ULLAH</t>
  </si>
  <si>
    <t>GGPS CHAK 31 GB SATIANA</t>
  </si>
  <si>
    <t>31/GB</t>
  </si>
  <si>
    <t>31 GB</t>
  </si>
  <si>
    <t>32 GB</t>
  </si>
  <si>
    <t>FAKRA HAKIM</t>
  </si>
  <si>
    <t>GPS KALICH PUR</t>
  </si>
  <si>
    <t>KALICH PUR</t>
  </si>
  <si>
    <t>s.a.gir II</t>
  </si>
  <si>
    <t>SIMBLI</t>
  </si>
  <si>
    <t>iqra kawal</t>
  </si>
  <si>
    <t>GPS SARDAR KHARAL PO PIR ABDUL MALIK (PSSP)</t>
  </si>
  <si>
    <t>PIR ABDUL MALI</t>
  </si>
  <si>
    <t>SARDAR KHARAL</t>
  </si>
  <si>
    <t>MUMTAZ MANZOOR</t>
  </si>
  <si>
    <t>GPS JHOKE PAWLIAN WALI</t>
  </si>
  <si>
    <t>SUKHA SHAH NASHAIB</t>
  </si>
  <si>
    <t>ANGRA</t>
  </si>
  <si>
    <t>ANGRA DAGAR</t>
  </si>
  <si>
    <t>MUHAMMAD ZUBAIR</t>
  </si>
  <si>
    <t>GPS TIBBA SAIGRAN WALA</t>
  </si>
  <si>
    <t>KOHAWAR KALAN DAGGAR</t>
  </si>
  <si>
    <t>TIBBA SAIGRAN WALA</t>
  </si>
  <si>
    <t>RUSTAM ALI KHAN</t>
  </si>
  <si>
    <t>GPS CHAK NO 503 JB *** PEF</t>
  </si>
  <si>
    <t>QAIM BHARWANA - MALE</t>
  </si>
  <si>
    <t>BHANGOO</t>
  </si>
  <si>
    <t>CHAK NO 503</t>
  </si>
  <si>
    <t>GGPS MOHRA FATEH</t>
  </si>
  <si>
    <t>MOHRA FATHA</t>
  </si>
  <si>
    <t>MOHRA FATEH</t>
  </si>
  <si>
    <t>SONIRA MUSHTAQ</t>
  </si>
  <si>
    <t>GPS MUSLIM ABAD (PSSP)</t>
  </si>
  <si>
    <t>MUSLIM ABAD</t>
  </si>
  <si>
    <t>GPS KOT MAPAL BHANGO *** PEF</t>
  </si>
  <si>
    <t>BHANGO</t>
  </si>
  <si>
    <t>KOT MAPAL</t>
  </si>
  <si>
    <t>M. NAEEM SADIQ</t>
  </si>
  <si>
    <t>GPS CHAK 25 GB</t>
  </si>
  <si>
    <t>JASUANA - MALE</t>
  </si>
  <si>
    <t>CHAK 25 GB</t>
  </si>
  <si>
    <t>25 gb</t>
  </si>
  <si>
    <t>24 gb</t>
  </si>
  <si>
    <t>NAWAN LOKE</t>
  </si>
  <si>
    <t>kunjah I</t>
  </si>
  <si>
    <t>GAKHRA KALAN</t>
  </si>
  <si>
    <t>mazhar iqbal</t>
  </si>
  <si>
    <t>GPS SORANI NASHAIB</t>
  </si>
  <si>
    <t>SORANI NASHAIB</t>
  </si>
  <si>
    <t>SORANI NASHEEB</t>
  </si>
  <si>
    <t>ABID FARAZ</t>
  </si>
  <si>
    <t>GGPS DHOK BABA JALAL SHAH</t>
  </si>
  <si>
    <t>DHOKE BABA JALAL SHAH</t>
  </si>
  <si>
    <t>SADIA ASHRAF</t>
  </si>
  <si>
    <t>GGPS CHAH NALI WALA   ***   PEF</t>
  </si>
  <si>
    <t>KHUMANA WALA - FEMALE</t>
  </si>
  <si>
    <t>KHUSHNOOD BANO</t>
  </si>
  <si>
    <t>GPS CHAK 71/NP (PSSP)</t>
  </si>
  <si>
    <t>71/NP</t>
  </si>
  <si>
    <t>CHAK 71/NP</t>
  </si>
  <si>
    <t>AMIN GARH</t>
  </si>
  <si>
    <t>GPS GADRAL</t>
  </si>
  <si>
    <t>GADRAL</t>
  </si>
  <si>
    <t>IRAM ZUBAIR</t>
  </si>
  <si>
    <t>GPS CHAK NO 504 JB *** PEF</t>
  </si>
  <si>
    <t>CHAK NO 504 JB</t>
  </si>
  <si>
    <t>M. ASLAM</t>
  </si>
  <si>
    <t>GPS BASTI CHAK NO 76/P (PSSP)</t>
  </si>
  <si>
    <t>BASTI CHAK NO 76/P</t>
  </si>
  <si>
    <t>CHAK 76/P</t>
  </si>
  <si>
    <t>TRANDA SAWAI KHAN</t>
  </si>
  <si>
    <t>CHANDA NOREEN</t>
  </si>
  <si>
    <t>GPS BASTI NUNARI    ***   PEF</t>
  </si>
  <si>
    <t>SHOR KOT SHUMALI</t>
  </si>
  <si>
    <t>NAZISH ALI</t>
  </si>
  <si>
    <t>GPS CHAPPAR GAGI</t>
  </si>
  <si>
    <t>GAGI CHAPPAR</t>
  </si>
  <si>
    <t>GPS HASHMAT ABAD (PSSP)</t>
  </si>
  <si>
    <t>BASTI BHATRAN</t>
  </si>
  <si>
    <t>ANEELA SAFDAR</t>
  </si>
  <si>
    <t>GPS KHAIPER</t>
  </si>
  <si>
    <t>KHAIPER</t>
  </si>
  <si>
    <t>KOHALI</t>
  </si>
  <si>
    <t>NAJMA BIBI</t>
  </si>
  <si>
    <t>GPS BINDI BAKHSH *** PEF</t>
  </si>
  <si>
    <t>SHORKOT CITY - MALE</t>
  </si>
  <si>
    <t>BINDI BAKHSH</t>
  </si>
  <si>
    <t>ASMA ZAHRA</t>
  </si>
  <si>
    <t>GGPS PIR CHAK</t>
  </si>
  <si>
    <t>PIR CHAK</t>
  </si>
  <si>
    <t>JALAL PUR SHARIF</t>
  </si>
  <si>
    <t>HINA ASIF</t>
  </si>
  <si>
    <t>GPS CHAK NO. 73/P (PSSP)</t>
  </si>
  <si>
    <t>CHAK NO. 73/P</t>
  </si>
  <si>
    <t>CHAK 73/P</t>
  </si>
  <si>
    <t>GPS AIMA JATTAN</t>
  </si>
  <si>
    <t>AIMA JATTAN</t>
  </si>
  <si>
    <t>JHELUM-I</t>
  </si>
  <si>
    <t>JABEEN AZAD</t>
  </si>
  <si>
    <t>GPS SIMBLI</t>
  </si>
  <si>
    <t>SAMBLI</t>
  </si>
  <si>
    <t>SAMINA AQEEL</t>
  </si>
  <si>
    <t>GPS SURAILY (PSSP)</t>
  </si>
  <si>
    <t>SURAILY</t>
  </si>
  <si>
    <t>CHOWK SURALY</t>
  </si>
  <si>
    <t>SADIA RAFIQ</t>
  </si>
  <si>
    <t>LITRA-FEMALE</t>
  </si>
  <si>
    <t>HOOT WALA</t>
  </si>
  <si>
    <t>BASTI HOOT</t>
  </si>
  <si>
    <t>ASIA KANWAL</t>
  </si>
  <si>
    <t>GGPS BASTI PUNJAB</t>
  </si>
  <si>
    <t>BASTI PUNJAB</t>
  </si>
  <si>
    <t>SAJIDA MUKHTIAR</t>
  </si>
  <si>
    <t>GPS SHEIKH PUR NO. 2</t>
  </si>
  <si>
    <t>SHEIKH PUR</t>
  </si>
  <si>
    <t>GAIRAY WAHIN</t>
  </si>
  <si>
    <t>KISHWAR QADIR</t>
  </si>
  <si>
    <t>GGES AURANG ABAD</t>
  </si>
  <si>
    <t>AURANG ABAD</t>
  </si>
  <si>
    <t>PEJOWALI</t>
  </si>
  <si>
    <t>SAIMA HANIF</t>
  </si>
  <si>
    <t>GPS KOT WALI</t>
  </si>
  <si>
    <t>KOTLA HASSAN SHAH</t>
  </si>
  <si>
    <t>ADNAN AYAZ</t>
  </si>
  <si>
    <t>GGPS RAFIQUE SANGHI</t>
  </si>
  <si>
    <t>BASTI RAHIM ALI SANGHI</t>
  </si>
  <si>
    <t>GPS TURKISH MODEL VILLAGE CHAK KARIA</t>
  </si>
  <si>
    <t>CHAK KARIA</t>
  </si>
  <si>
    <t>MUHAMMAD NAEEM MAZARI</t>
  </si>
  <si>
    <t>GPS PATNI NO. 1</t>
  </si>
  <si>
    <t>PANJGIRAIN</t>
  </si>
  <si>
    <t>MAHBOOBA WALA</t>
  </si>
  <si>
    <t>SHANO SHAHNAZ</t>
  </si>
  <si>
    <t>GGPS NAGAL MACHANA</t>
  </si>
  <si>
    <t>NAGAL MACHNA</t>
  </si>
  <si>
    <t>RAYA KHAS</t>
  </si>
  <si>
    <t>GPS KOT MURAD</t>
  </si>
  <si>
    <t>CHAK FARZI</t>
  </si>
  <si>
    <t>KOT MURAAD</t>
  </si>
  <si>
    <t>ALIA BASHIR</t>
  </si>
  <si>
    <t>GPS BHABHAR</t>
  </si>
  <si>
    <t>KISANA</t>
  </si>
  <si>
    <t>joura</t>
  </si>
  <si>
    <t>AFIFA MARYAM</t>
  </si>
  <si>
    <t>GGPS QAIM PUR NEAR ADDA KHANPUR ROAD (PSSP)</t>
  </si>
  <si>
    <t>SADIQ PUR</t>
  </si>
  <si>
    <t>QAIM PUR</t>
  </si>
  <si>
    <t>MC R.Y.KHAN - A</t>
  </si>
  <si>
    <t>SOBIA KANWAL</t>
  </si>
  <si>
    <t>GPS KASSI JHANDEER, P/O SARDAR PUR, NAWAN SHEHR (PEF,PSSP PHASE III)</t>
  </si>
  <si>
    <t>KASSI JHANDEER</t>
  </si>
  <si>
    <t>MUMDAL</t>
  </si>
  <si>
    <t>JAVED ASLAM</t>
  </si>
  <si>
    <t>GGPS CHAK 135/P MITLA (PSSP)</t>
  </si>
  <si>
    <t>WAH FAQIRAN</t>
  </si>
  <si>
    <t>METLA</t>
  </si>
  <si>
    <t>GPS CHACHIAN</t>
  </si>
  <si>
    <t>CHACHIAN</t>
  </si>
  <si>
    <t>KARNANA</t>
  </si>
  <si>
    <t>ISHRAT TAHIRA</t>
  </si>
  <si>
    <t>GPS MUHAMMAD PUR UTAAR, ABDUL HAKIM (PEF,PSSP PHASE III)</t>
  </si>
  <si>
    <t>MUHAMMAD PUR UTAAR</t>
  </si>
  <si>
    <t>UMEED GARH</t>
  </si>
  <si>
    <t>GGPS NOTHAY</t>
  </si>
  <si>
    <t>NOTHAY</t>
  </si>
  <si>
    <t>kharian II</t>
  </si>
  <si>
    <t>doga</t>
  </si>
  <si>
    <t>maria asghar</t>
  </si>
  <si>
    <t>GPS UCHI SHARIF, ABDUL HAKIM (PEF,PSSP PHASE III)</t>
  </si>
  <si>
    <t>SHAHADAT KUNDLA</t>
  </si>
  <si>
    <t>UCHI SHARIF</t>
  </si>
  <si>
    <t>SHAHADAT KANDLA</t>
  </si>
  <si>
    <t>AKHLAQ AHMAD</t>
  </si>
  <si>
    <t>GGPS NOWSHERA KHWAJGAN</t>
  </si>
  <si>
    <t>J.P.JATTAN III - FEMALE</t>
  </si>
  <si>
    <t>NOWSHERA KHWAJGAN</t>
  </si>
  <si>
    <t>NOSHEHRA KHWAJGAN</t>
  </si>
  <si>
    <t>CHOPALA</t>
  </si>
  <si>
    <t>SADIA HAMEED</t>
  </si>
  <si>
    <t>GPS 131-A/10-R, P/O 130/10-R, JAHANIAN (PEF,PSSP PHASE III)</t>
  </si>
  <si>
    <t>131/10R</t>
  </si>
  <si>
    <t>131/10-R</t>
  </si>
  <si>
    <t>CHAK NO. ALI SHER WAHIN</t>
  </si>
  <si>
    <t>TAHIR MUNIR</t>
  </si>
  <si>
    <t>GGPS BASTI MANJOTHA</t>
  </si>
  <si>
    <t>SANJH ISRA</t>
  </si>
  <si>
    <t>BASTI MANJOTHA</t>
  </si>
  <si>
    <t>GGPS 66-B/15-L KACHA KHUH (PEF,PSSP PHASE II)</t>
  </si>
  <si>
    <t>66 B/15 L</t>
  </si>
  <si>
    <t>66-B/15-L</t>
  </si>
  <si>
    <t>CHAK NO.81/15-L</t>
  </si>
  <si>
    <t>GPS MARZI PURA NO.1 KHANEWAL (PEF,PSSP PHASE III)</t>
  </si>
  <si>
    <t>MARZI PURA NO.1 KHANEWAL</t>
  </si>
  <si>
    <t>WARISHA</t>
  </si>
  <si>
    <t>GPS BUDHO CHAK</t>
  </si>
  <si>
    <t>BUDHO CHAK</t>
  </si>
  <si>
    <t>BUDHU CHAK</t>
  </si>
  <si>
    <t>MALKA</t>
  </si>
  <si>
    <t>SAJIDA FATIMA</t>
  </si>
  <si>
    <t>GPS DHORIA</t>
  </si>
  <si>
    <t>NOONA WALI I - MALE</t>
  </si>
  <si>
    <t>DHORIA</t>
  </si>
  <si>
    <t>NOONA WALI I</t>
  </si>
  <si>
    <t>GGPS CHAK NO.100-B  TDA (BASTI JOIYA)</t>
  </si>
  <si>
    <t>BASTI JOIA</t>
  </si>
  <si>
    <t>BASTI JOIYA</t>
  </si>
  <si>
    <t>Zhara Haider</t>
  </si>
  <si>
    <t>GPS PAARI WALA NO.2 KHANEWAL (PEF,PSSP PHASE II)</t>
  </si>
  <si>
    <t>BASTI PAARI WALA</t>
  </si>
  <si>
    <t>NAZISH AFZAL</t>
  </si>
  <si>
    <t>GGPS PUNJAN SHANA</t>
  </si>
  <si>
    <t>PUNJAN SHANA</t>
  </si>
  <si>
    <t>TASADAF HUSSAIN</t>
  </si>
  <si>
    <t>GPS BHEROWAL, KHANEWAL (PEF,PSSP PHASE II)</t>
  </si>
  <si>
    <t>BHEROWAL,</t>
  </si>
  <si>
    <t>NAZRA TASNEEM</t>
  </si>
  <si>
    <t>GMPS BORIAN WALI</t>
  </si>
  <si>
    <t>BORIANWALI</t>
  </si>
  <si>
    <t>KHARIAN iii</t>
  </si>
  <si>
    <t>MARALA</t>
  </si>
  <si>
    <t>RAFIA IJAZ</t>
  </si>
  <si>
    <t>GPS GHAZI ANDROON</t>
  </si>
  <si>
    <t>GHAZI ANDROON</t>
  </si>
  <si>
    <t>RAHEELA BASHIR</t>
  </si>
  <si>
    <t>GPS ADDA HUSSAIN ABAD</t>
  </si>
  <si>
    <t>MUHAMMAD MUJAHID</t>
  </si>
  <si>
    <t>GGPS CHAK NO 276 HR</t>
  </si>
  <si>
    <t>FORT ABBAS-II - FEMALE</t>
  </si>
  <si>
    <t>GPS DEU KHARA</t>
  </si>
  <si>
    <t>DEU KHARA</t>
  </si>
  <si>
    <t>PHAKHOKI</t>
  </si>
  <si>
    <t>GGPS KISHNAY WALI</t>
  </si>
  <si>
    <t>KISHNAY WALI</t>
  </si>
  <si>
    <t>PINDI ARAIAN</t>
  </si>
  <si>
    <t>RIZWANA ZAFAR</t>
  </si>
  <si>
    <t>GGPS 71 GB</t>
  </si>
  <si>
    <t>CHAK NO. 71/2 GB RAJPOOTAN</t>
  </si>
  <si>
    <t>CHAK NO. 72 GB</t>
  </si>
  <si>
    <t>FAIZA AZFAR</t>
  </si>
  <si>
    <t>GPS HAFEEZ ABAD CHAK NO. 78/NP (PSSP)</t>
  </si>
  <si>
    <t>ALI MURAD KHAN</t>
  </si>
  <si>
    <t>Chak No. 78/NP</t>
  </si>
  <si>
    <t>ZAHIDA ZAFAR</t>
  </si>
  <si>
    <t>GMPS GORSIAN</t>
  </si>
  <si>
    <t>LEHRI-FEMALE</t>
  </si>
  <si>
    <t>SADIQA BATOOL</t>
  </si>
  <si>
    <t>TAUNSA BARRAGE-II- MALE</t>
  </si>
  <si>
    <t>BAIT QAIM WALA</t>
  </si>
  <si>
    <t>GPS CHAK NO. 472 TDA/470TDA</t>
  </si>
  <si>
    <t>punah kharal</t>
  </si>
  <si>
    <t>qadir wala</t>
  </si>
  <si>
    <t>2718</t>
  </si>
  <si>
    <t>GGPS CHAK SHUMALI NO 2 *** PEF</t>
  </si>
  <si>
    <t>PAKKEY WALA - FEMALE</t>
  </si>
  <si>
    <t>GGPS NOUKARIAN</t>
  </si>
  <si>
    <t>GHAZI ARORON</t>
  </si>
  <si>
    <t>NOUKARIAN</t>
  </si>
  <si>
    <t>TAYYABA ABDULLAH</t>
  </si>
  <si>
    <t>GPS CHAH TAHLI WALA</t>
  </si>
  <si>
    <t>CHAH TAHLI WALA</t>
  </si>
  <si>
    <t>MUHAMMAD ZAIN</t>
  </si>
  <si>
    <t>GPS BAIT ESSA</t>
  </si>
  <si>
    <t>BAIT ESSA</t>
  </si>
  <si>
    <t>GGPS DHONDA</t>
  </si>
  <si>
    <t>BHAROKEY - FEMALE</t>
  </si>
  <si>
    <t>DHONDA</t>
  </si>
  <si>
    <t>BHAGOWAL</t>
  </si>
  <si>
    <t>SHAMAILA AKHTAR</t>
  </si>
  <si>
    <t>GPS KOTLA HAYAT MUHAMMAD (PSSP)</t>
  </si>
  <si>
    <t>KOTLA HAYAT MMOHAMMAD</t>
  </si>
  <si>
    <t>MARI ABBASIAN</t>
  </si>
  <si>
    <t>SHABANA FAROOQ</t>
  </si>
  <si>
    <t>GGPS KOT KHAN SHARQI *** PEF</t>
  </si>
  <si>
    <t>KOT KHAN SHARQI</t>
  </si>
  <si>
    <t>BUSHRA NASEEM</t>
  </si>
  <si>
    <t>GPS MATWA</t>
  </si>
  <si>
    <t>AEO HQ GUJAR KHAN - MALE</t>
  </si>
  <si>
    <t>MATWA</t>
  </si>
  <si>
    <t>NAYYAB RASHID</t>
  </si>
  <si>
    <t>IQRA SHAHEEN</t>
  </si>
  <si>
    <t>GGPS TIBBI WALA NO 2 *** PEF</t>
  </si>
  <si>
    <t>DERA HAJI WARYAM</t>
  </si>
  <si>
    <t>RABIA KHADIM</t>
  </si>
  <si>
    <t>GPS 239/9-R SOUTH</t>
  </si>
  <si>
    <t>FORT ABBAS-IV - MALE</t>
  </si>
  <si>
    <t>GPS AHMAD WALA</t>
  </si>
  <si>
    <t>KODI WAL</t>
  </si>
  <si>
    <t>ROZINA REHMAN</t>
  </si>
  <si>
    <t>GGPS BHANGALA</t>
  </si>
  <si>
    <t>BHANGALA</t>
  </si>
  <si>
    <t>NAZIA KOUSAR</t>
  </si>
  <si>
    <t>GPS ROKHIAH</t>
  </si>
  <si>
    <t>ROKHIA SHRIAF</t>
  </si>
  <si>
    <t>ROKHIA</t>
  </si>
  <si>
    <t>JAMIL IMRAN</t>
  </si>
  <si>
    <t>GGPS LOHESIR</t>
  </si>
  <si>
    <t>LOJESIR</t>
  </si>
  <si>
    <t>PADSHAHAN</t>
  </si>
  <si>
    <t>SYEDA AQEELA ZAINAB</t>
  </si>
  <si>
    <t>GGPS BASTI AROTHI KEHROR PACCA</t>
  </si>
  <si>
    <t>BURHAN PUR-FEMALE</t>
  </si>
  <si>
    <t>ARIA</t>
  </si>
  <si>
    <t>KAEEKAR WALA</t>
  </si>
  <si>
    <t>MUHAMMAD SOHAIL QASIER</t>
  </si>
  <si>
    <t>GGPS SONTRAY WALA</t>
  </si>
  <si>
    <t>SONTRA</t>
  </si>
  <si>
    <t>NADIA KANWAL</t>
  </si>
  <si>
    <t>GMPS CHAH JAN MUHAMMAD WALA   ***   PEF</t>
  </si>
  <si>
    <t>SIMRA FALAK</t>
  </si>
  <si>
    <t>GGPS BIA SINGH WALA</t>
  </si>
  <si>
    <t>BIA SINGH WALA</t>
  </si>
  <si>
    <t>BHAGINA KHURD</t>
  </si>
  <si>
    <t>SONIA MUKHTAR</t>
  </si>
  <si>
    <t>GGPS MANDI MANJHAN</t>
  </si>
  <si>
    <t>MANDI MANJHAN</t>
  </si>
  <si>
    <t>GGPS MORAS WALA</t>
  </si>
  <si>
    <t>ameer klasara</t>
  </si>
  <si>
    <t>moras wala</t>
  </si>
  <si>
    <t>Shazina naz</t>
  </si>
  <si>
    <t>GGPS BAKOHAL JATTAN</t>
  </si>
  <si>
    <t>BAKOHAL JATTAN</t>
  </si>
  <si>
    <t>bakohal jattan</t>
  </si>
  <si>
    <t>THAL BAKOHAL</t>
  </si>
  <si>
    <t>rizwana kausar</t>
  </si>
  <si>
    <t>GPS CHAK 273 GB</t>
  </si>
  <si>
    <t>CHAK NO 273</t>
  </si>
  <si>
    <t>CHAK NO. 273 GB</t>
  </si>
  <si>
    <t>363 GB</t>
  </si>
  <si>
    <t>SHAHNAZ RAI</t>
  </si>
  <si>
    <t>GPS MEHRAN (PSSP)</t>
  </si>
  <si>
    <t>GUL MUHAMMAD</t>
  </si>
  <si>
    <t>KOUSAR RAZZAQ</t>
  </si>
  <si>
    <t>BHAKKAR WEST</t>
  </si>
  <si>
    <t>GPS CHAK SARWAR DIN</t>
  </si>
  <si>
    <t>MINCHIN ABAD-VIII - MALE</t>
  </si>
  <si>
    <t>CHACK SARWAR DIN</t>
  </si>
  <si>
    <t>Dhan Singh</t>
  </si>
  <si>
    <t>Asia Abbas Shah</t>
  </si>
  <si>
    <t>GPS ECHO GIL HITHAR</t>
  </si>
  <si>
    <t>ECHO GIL HITHAR</t>
  </si>
  <si>
    <t>ECHO GIL HITAR</t>
  </si>
  <si>
    <t>KOMAL CHANDA</t>
  </si>
  <si>
    <t>GPS KOT RANA TALEH</t>
  </si>
  <si>
    <t>KOT RANA TALEH</t>
  </si>
  <si>
    <t>SIDRA FAFIQUE</t>
  </si>
  <si>
    <t>GGPS MAHAL MATANWALA</t>
  </si>
  <si>
    <t>DHERA SANDA</t>
  </si>
  <si>
    <t>MAHAL MATAN WALA</t>
  </si>
  <si>
    <t>DHEERA SANDHA</t>
  </si>
  <si>
    <t>MISBAH JABEEN</t>
  </si>
  <si>
    <t>GGPS BINDA RASHID PUR</t>
  </si>
  <si>
    <t>BINDA RASHID PUR</t>
  </si>
  <si>
    <t>SHAFRIN ZAHRA</t>
  </si>
  <si>
    <t>QADIR P</t>
  </si>
  <si>
    <t>KALAR WALI</t>
  </si>
  <si>
    <t>AMBREEN NIAZ</t>
  </si>
  <si>
    <t>GPS KATARIAN</t>
  </si>
  <si>
    <t>SADDAR BEROONI - MALE</t>
  </si>
  <si>
    <t>KATARIAN</t>
  </si>
  <si>
    <t>BIJNIAL</t>
  </si>
  <si>
    <t>BAJNIAL</t>
  </si>
  <si>
    <t>SAIMA ASIM</t>
  </si>
  <si>
    <t>GMPS MAHAL GACHAY</t>
  </si>
  <si>
    <t>MOHAL GACHAY</t>
  </si>
  <si>
    <t>MOHAL GALCHY</t>
  </si>
  <si>
    <t>HINA MURAD</t>
  </si>
  <si>
    <t>GGPS BASTI BASIRA</t>
  </si>
  <si>
    <t>THAKRAN WALA</t>
  </si>
  <si>
    <t>BASTI BASIRA</t>
  </si>
  <si>
    <t>MANIK PUR</t>
  </si>
  <si>
    <t>GPS MANA WALA KALAR</t>
  </si>
  <si>
    <t>MANAN WALA KALAN</t>
  </si>
  <si>
    <t>MANA WALA KALAR</t>
  </si>
  <si>
    <t>GGPS AMEER PUR STATION</t>
  </si>
  <si>
    <t>AMEER PUR STATION</t>
  </si>
  <si>
    <t>GGPS BASAWA</t>
  </si>
  <si>
    <t>BASAWA</t>
  </si>
  <si>
    <t>KHUKHA</t>
  </si>
  <si>
    <t>SOBIA SARWAR</t>
  </si>
  <si>
    <t>GMMS BILLOO SANDILA (GHARO WALA)</t>
  </si>
  <si>
    <t>BILLO SANDILA</t>
  </si>
  <si>
    <t>BASTI GHARO WALA</t>
  </si>
  <si>
    <t>SHABANA BATOOL</t>
  </si>
  <si>
    <t>GPS JAMALI KALAN</t>
  </si>
  <si>
    <t>JAMALI KALAN</t>
  </si>
  <si>
    <t>RASHEED PUR</t>
  </si>
  <si>
    <t>SHAKEELA PERVEEN</t>
  </si>
  <si>
    <t>GPS 272 GB</t>
  </si>
  <si>
    <t>272/GB</t>
  </si>
  <si>
    <t>CHAK NO. 272 GB</t>
  </si>
  <si>
    <t>NISHIN KANWAL</t>
  </si>
  <si>
    <t>GPS DERA ISLAM-UD-DIN</t>
  </si>
  <si>
    <t>WAGHRIYA</t>
  </si>
  <si>
    <t>BASEEN</t>
  </si>
  <si>
    <t>SARWAT SAEED</t>
  </si>
  <si>
    <t>GGPS DHAB WAZIRKA</t>
  </si>
  <si>
    <t>GGPS DERA ABDUL REHMAN SIAL</t>
  </si>
  <si>
    <t>KANDHI KHICHI</t>
  </si>
  <si>
    <t>DERA ABDUL REHMAN</t>
  </si>
  <si>
    <t>IRAM HANIF</t>
  </si>
  <si>
    <t>GPS SHAMPUR</t>
  </si>
  <si>
    <t>SHAM PUR</t>
  </si>
  <si>
    <t>khariaII</t>
  </si>
  <si>
    <t>LANGRIAL</t>
  </si>
  <si>
    <t>abdul majid</t>
  </si>
  <si>
    <t>GGES BHIRKI, 141/10-R, JAHANIAN (PEF PSSB PHASE I)</t>
  </si>
  <si>
    <t>141/10-R</t>
  </si>
  <si>
    <t>GGPS BHIRKI, 141/10-R, JAHANIAN (PEF PSSB PHASE I)</t>
  </si>
  <si>
    <t>BIRKI</t>
  </si>
  <si>
    <t>GGPS NATT SHARQI</t>
  </si>
  <si>
    <t>NATT HOUSE</t>
  </si>
  <si>
    <t>natt sharqi</t>
  </si>
  <si>
    <t>nazia nazir</t>
  </si>
  <si>
    <t>GGPS 163/10-R, JAHANIAN (PEF,PSSP PHASE III)</t>
  </si>
  <si>
    <t>163/10-R</t>
  </si>
  <si>
    <t>CHAK NO.157/10-R</t>
  </si>
  <si>
    <t>M. RAZZAQ</t>
  </si>
  <si>
    <t>GGPS SANDOYA</t>
  </si>
  <si>
    <t>KAKRALI I - FEMALE</t>
  </si>
  <si>
    <t>SANDOYA</t>
  </si>
  <si>
    <t>kakrali I</t>
  </si>
  <si>
    <t>buzargwal</t>
  </si>
  <si>
    <t>ehsan ul haq</t>
  </si>
  <si>
    <t>GGPS KHOKHRA</t>
  </si>
  <si>
    <t>KHOKHRA</t>
  </si>
  <si>
    <t>khokhra</t>
  </si>
  <si>
    <t>sidra abdul hafeez</t>
  </si>
  <si>
    <t>GGPS BASHIR MANJHOTHAY WALA</t>
  </si>
  <si>
    <t>BASHIR MANJHOTHAY</t>
  </si>
  <si>
    <t>BASHIR MANJHOTHAY WALA</t>
  </si>
  <si>
    <t>Muhammad Abu Bakar Siddique</t>
  </si>
  <si>
    <t>GPS 71/10-R JHOKE MEMORA, P/O AARIA NAGAR, KHANEWAL (PEF,PSSP PHASE II)</t>
  </si>
  <si>
    <t>CHAK SHAHANA - MALE</t>
  </si>
  <si>
    <t>71/10-R JHOKE MEMORA</t>
  </si>
  <si>
    <t>71/10-R</t>
  </si>
  <si>
    <t>CHAK NO.70/10-R</t>
  </si>
  <si>
    <t>RAFAY ARMGHAN</t>
  </si>
  <si>
    <t>GPS MAKHDOOM PUR DEHAT, P/O MAKHDOOM PUR, KHANEWAL (PEF PSSB PHASE I)</t>
  </si>
  <si>
    <t>MAKHDOOM PUR</t>
  </si>
  <si>
    <t>MAKHDUM PUR-2</t>
  </si>
  <si>
    <t>FARZANA NAWAZ</t>
  </si>
  <si>
    <t>GMPS DHOK GUJRAN</t>
  </si>
  <si>
    <t>DHOK GUJRAN</t>
  </si>
  <si>
    <t>dinga III</t>
  </si>
  <si>
    <t>mirza tahir</t>
  </si>
  <si>
    <t>maria saghir</t>
  </si>
  <si>
    <t>GGPS NOOR SHAH GILLANI NO 2</t>
  </si>
  <si>
    <t>NOOR SHAH GILLANI</t>
  </si>
  <si>
    <t>GPS MEHMOOD ABAD</t>
  </si>
  <si>
    <t>MISBAH ASLAM</t>
  </si>
  <si>
    <t>GPS KABOOTRI</t>
  </si>
  <si>
    <t>KABOOTRI</t>
  </si>
  <si>
    <t>Ramna Sattar</t>
  </si>
  <si>
    <t>GPS GURAH BURJH</t>
  </si>
  <si>
    <t>GURAH BURJ</t>
  </si>
  <si>
    <t>s.a.gir</t>
  </si>
  <si>
    <t>sajida saleem</t>
  </si>
  <si>
    <t>GPS CHAK 375 GB</t>
  </si>
  <si>
    <t>JANDWALI</t>
  </si>
  <si>
    <t>375 GB</t>
  </si>
  <si>
    <t>374 GB</t>
  </si>
  <si>
    <t>SURAYA</t>
  </si>
  <si>
    <t>GGPS (PSSP-I) CHAK NO. 3 WB</t>
  </si>
  <si>
    <t>VEHARI - FEMALE</t>
  </si>
  <si>
    <t>CHAK NO 3 WB</t>
  </si>
  <si>
    <t>3 WB</t>
  </si>
  <si>
    <t>GPS CHAK NO 499 JB *** PEF</t>
  </si>
  <si>
    <t>CHAK NO 499 JB</t>
  </si>
  <si>
    <t>CHAK 497/JB</t>
  </si>
  <si>
    <t>GPS CHAK DARYA</t>
  </si>
  <si>
    <t>SEHRISH TARIQ</t>
  </si>
  <si>
    <t>GGPS  (PSSP - II) MIAN PUR LAKHA</t>
  </si>
  <si>
    <t>MIAN PUR LAKHA</t>
  </si>
  <si>
    <t>MIA PUR LAKHA</t>
  </si>
  <si>
    <t>DAD KAMERA</t>
  </si>
  <si>
    <t>MUHAMMAD WAQAS ALEEM</t>
  </si>
  <si>
    <t>2796</t>
  </si>
  <si>
    <t>GMPS LALU WALA</t>
  </si>
  <si>
    <t>MINCHIN ABAD I - FEMALE</t>
  </si>
  <si>
    <t>Lalu Wala</t>
  </si>
  <si>
    <t>Lalu Wa;a</t>
  </si>
  <si>
    <t>Ward No 1</t>
  </si>
  <si>
    <t>GGPS MANGANI MOHANA</t>
  </si>
  <si>
    <t>KAMAL PUR JATIAL</t>
  </si>
  <si>
    <t>DHOLAI</t>
  </si>
  <si>
    <t>KHATOON BIBI</t>
  </si>
  <si>
    <t>GPS NAWAB PUR *** PEF</t>
  </si>
  <si>
    <t>HASSU WALI</t>
  </si>
  <si>
    <t>NAWAB PUR</t>
  </si>
  <si>
    <t>BADH RAJBANA</t>
  </si>
  <si>
    <t>M. RIAZ</t>
  </si>
  <si>
    <t>GGES CHAK DABANI</t>
  </si>
  <si>
    <t>CHAK DABANI</t>
  </si>
  <si>
    <t>Ghot fathe garh</t>
  </si>
  <si>
    <t>Rashid Noveed</t>
  </si>
  <si>
    <t>GPS (PSSP-I) MUSTAFA ABAD</t>
  </si>
  <si>
    <t>VEHARI - MALE</t>
  </si>
  <si>
    <t>MUHAMMAD ABAD</t>
  </si>
  <si>
    <t>KARIM WAH</t>
  </si>
  <si>
    <t>MUHAMMAD ISLAM</t>
  </si>
  <si>
    <t>GGPS BOOTIAN WALI</t>
  </si>
  <si>
    <t>BOOTIAN WALI</t>
  </si>
  <si>
    <t>MUHAMMAD PUR SANSARAN</t>
  </si>
  <si>
    <t>Ishtiaq Ahmad Sansaran</t>
  </si>
  <si>
    <t>GGPS DEORHI CHAK NO. 15/RB</t>
  </si>
  <si>
    <t>DURRI</t>
  </si>
  <si>
    <t>DEORHI CHAK NO. 15/RB</t>
  </si>
  <si>
    <t>DEORHI</t>
  </si>
  <si>
    <t>SHAKIA RASHEED</t>
  </si>
  <si>
    <t>GPS CHAK 281</t>
  </si>
  <si>
    <t>281 GB</t>
  </si>
  <si>
    <t>CHAK NO. 281</t>
  </si>
  <si>
    <t>FARZANA</t>
  </si>
  <si>
    <t>GPS NAWAB JUTTA *** PEF</t>
  </si>
  <si>
    <t>YARAY WALA</t>
  </si>
  <si>
    <t>NAWAB JUTTA</t>
  </si>
  <si>
    <t>ALLAH YAR JUTA</t>
  </si>
  <si>
    <t>UZMA ARBAB</t>
  </si>
  <si>
    <t>GGPS (PSSP-II) HAMID WAH</t>
  </si>
  <si>
    <t>HAMID WAH</t>
  </si>
  <si>
    <t>HAMAD WAH</t>
  </si>
  <si>
    <t>SHARIF ABAD</t>
  </si>
  <si>
    <t>2252</t>
  </si>
  <si>
    <t>GPS 28/14-L</t>
  </si>
  <si>
    <t>SHAH KOT GHARBI - MALE</t>
  </si>
  <si>
    <t>CHAK 28/14-L</t>
  </si>
  <si>
    <t>28/14-L</t>
  </si>
  <si>
    <t>M.RIZWAN LIAQAT</t>
  </si>
  <si>
    <t>GGPS KHOKHRAN</t>
  </si>
  <si>
    <t>KHOKHRAN</t>
  </si>
  <si>
    <t>MUHAMMAD SANAULLAH</t>
  </si>
  <si>
    <t>GGPS DHOK UJRAL</t>
  </si>
  <si>
    <t>UJRAL</t>
  </si>
  <si>
    <t>SAGHAR</t>
  </si>
  <si>
    <t>GPS KHAN JAJJA</t>
  </si>
  <si>
    <t>KHAN JAJJA</t>
  </si>
  <si>
    <t>SAUKANWIND</t>
  </si>
  <si>
    <t>SHANZA KANWAL</t>
  </si>
  <si>
    <t>GPS RATTAN PURA</t>
  </si>
  <si>
    <t>MINCHIN ABAD-II - MALE</t>
  </si>
  <si>
    <t>RATTAN PURA</t>
  </si>
  <si>
    <t>Shahida Yasmeen</t>
  </si>
  <si>
    <t>GPS NO 2 NORAWAL</t>
  </si>
  <si>
    <t>NAROWAL (SOUTH)-MALE</t>
  </si>
  <si>
    <t>NAROWAL-IV</t>
  </si>
  <si>
    <t>Ansa Asad</t>
  </si>
  <si>
    <t>GMPS KANYAT</t>
  </si>
  <si>
    <t>KANYAT</t>
  </si>
  <si>
    <t>FOZIA TABASUM</t>
  </si>
  <si>
    <t>GGPS BASTI AHEER NEW KEHROR PACCA</t>
  </si>
  <si>
    <t>HASIL WALA - FEMALE</t>
  </si>
  <si>
    <t>JHOK AHEER</t>
  </si>
  <si>
    <t>JHOL AHEER</t>
  </si>
  <si>
    <t>MASHOOQ HUSSAIN</t>
  </si>
  <si>
    <t>GGPS CHAK QAZI</t>
  </si>
  <si>
    <t>CHAK QAZI</t>
  </si>
  <si>
    <t>nosheen sarwar</t>
  </si>
  <si>
    <t>GPS CHAK 655/6 GB</t>
  </si>
  <si>
    <t>CHAK 655/6 GB</t>
  </si>
  <si>
    <t>655/6 GB</t>
  </si>
  <si>
    <t>657/8GB</t>
  </si>
  <si>
    <t>RABIA MUKHTAR</t>
  </si>
  <si>
    <t>GGPS GANDHA SINGH</t>
  </si>
  <si>
    <t>MINCHIN ABAD II - FEMALE</t>
  </si>
  <si>
    <t>GANDHA SINGH</t>
  </si>
  <si>
    <t>Azra Kosar</t>
  </si>
  <si>
    <t>GGPS MALIK PUR GHURKI</t>
  </si>
  <si>
    <t>MALIKPUR KHARKI</t>
  </si>
  <si>
    <t>AWAN DHAEWALA</t>
  </si>
  <si>
    <t>ARSHIA NAVEED</t>
  </si>
  <si>
    <t>GGPS SHEIKH WAHIN NO. 2 (PSSP)</t>
  </si>
  <si>
    <t>SHEIKH WAHIND</t>
  </si>
  <si>
    <t>BASTI SHEIKH WAHN</t>
  </si>
  <si>
    <t>MUMTAZ GUL</t>
  </si>
  <si>
    <t>GGPS MEHANGRA</t>
  </si>
  <si>
    <t>MEHANGRA</t>
  </si>
  <si>
    <t>MEHNGRA</t>
  </si>
  <si>
    <t>TANZILA ANWAR</t>
  </si>
  <si>
    <t>GPS RANA</t>
  </si>
  <si>
    <t>RANA</t>
  </si>
  <si>
    <t>ZAHIDA SIDDIQUE</t>
  </si>
  <si>
    <t>22156</t>
  </si>
  <si>
    <t>GGPS BAHWAL KOT</t>
  </si>
  <si>
    <t>BAHWAL KOT</t>
  </si>
  <si>
    <t>ASIA LIAQAT</t>
  </si>
  <si>
    <t>GGPS JAL WALA</t>
  </si>
  <si>
    <t>MANSA RAM SANDILA</t>
  </si>
  <si>
    <t>Jal wala</t>
  </si>
  <si>
    <t>Nadia Mukhtar</t>
  </si>
  <si>
    <t>GGPS GHULAM SARWAR (PSSP)</t>
  </si>
  <si>
    <t>SHABBIR AHMAD ABAD</t>
  </si>
  <si>
    <t>HAJI GHULAM SARWAR INDHER</t>
  </si>
  <si>
    <t>GPS JINDO WALA</t>
  </si>
  <si>
    <t>GGPS BADWAL</t>
  </si>
  <si>
    <t>BAFDWAL</t>
  </si>
  <si>
    <t>SAIMA GULZAR</t>
  </si>
  <si>
    <t>GPS BAIT BAGH SHAH NO. 2</t>
  </si>
  <si>
    <t>BAIT BAGH SHAH</t>
  </si>
  <si>
    <t>MUD LAL KHAN</t>
  </si>
  <si>
    <t>NAVEED ZAFAR</t>
  </si>
  <si>
    <t>GGPS TRUPARI (PSSP)</t>
  </si>
  <si>
    <t>SHABIR AHMED ABAD</t>
  </si>
  <si>
    <t>BASTI TURUPRI</t>
  </si>
  <si>
    <t>HUMERA ABRAR</t>
  </si>
  <si>
    <t>GPS KOTLY SEHOLE</t>
  </si>
  <si>
    <t>KOTLY SEHOLE</t>
  </si>
  <si>
    <t>AHDIAN</t>
  </si>
  <si>
    <t>IQRA NEMAT</t>
  </si>
  <si>
    <t>GPS KHEWAN SINGH</t>
  </si>
  <si>
    <t>Said SAR AKKAN WALI</t>
  </si>
  <si>
    <t>Kewan Singh</t>
  </si>
  <si>
    <t>GGPS GULSHAN BARWAL</t>
  </si>
  <si>
    <t>GULSHAN BARWAL</t>
  </si>
  <si>
    <t>JASIAL</t>
  </si>
  <si>
    <t>GPS SOHAN</t>
  </si>
  <si>
    <t>IRAM SHEHZADI</t>
  </si>
  <si>
    <t>GPS MALL</t>
  </si>
  <si>
    <t>MALL</t>
  </si>
  <si>
    <t>AJNALA</t>
  </si>
  <si>
    <t>HADIJA AZIZ</t>
  </si>
  <si>
    <t>GPS CHAK 243 RB II</t>
  </si>
  <si>
    <t>243/RB2</t>
  </si>
  <si>
    <t>JHOK KHARLAN</t>
  </si>
  <si>
    <t>242 RB</t>
  </si>
  <si>
    <t>MUNAZZAM JAWAD SHAHID</t>
  </si>
  <si>
    <t>GPS CHAK 83/P (PSSP)</t>
  </si>
  <si>
    <t>CHAK NO 83/P</t>
  </si>
  <si>
    <t>CHAK 83/P</t>
  </si>
  <si>
    <t>ASIF ALI</t>
  </si>
  <si>
    <t>GES MISSION BADDO MALHI</t>
  </si>
  <si>
    <t>BADDO MALHI</t>
  </si>
  <si>
    <t>Xyed Mzhar ul Hussan</t>
  </si>
  <si>
    <t>GGPS KHAN MUHMMAD WALA</t>
  </si>
  <si>
    <t>KHANSER</t>
  </si>
  <si>
    <t>CHAH KHAN WALA</t>
  </si>
  <si>
    <t>KHANSAR</t>
  </si>
  <si>
    <t>GGPS TIBBI WADAN</t>
  </si>
  <si>
    <t>TIBBI WADAN</t>
  </si>
  <si>
    <t>BASTI JHOK LAL</t>
  </si>
  <si>
    <t>GGPS AQI MACHI</t>
  </si>
  <si>
    <t>AQI MACHI</t>
  </si>
  <si>
    <t>CHICHER WALI</t>
  </si>
  <si>
    <t>MUMTAZ KOUSAR</t>
  </si>
  <si>
    <t>GPS RAMZAN SHAH</t>
  </si>
  <si>
    <t>SARDAR SHAH</t>
  </si>
  <si>
    <t>JAND WALA</t>
  </si>
  <si>
    <t>Ghulam Mustifa Khan</t>
  </si>
  <si>
    <t>GGPS CHAK NO. 55 BD</t>
  </si>
  <si>
    <t>PIPLI PAHAR</t>
  </si>
  <si>
    <t>M HASSAN</t>
  </si>
  <si>
    <t>GGPS CHAK NO.423/TDA (DERA ASGHAR)</t>
  </si>
  <si>
    <t>DERA CH ASGHAR</t>
  </si>
  <si>
    <t>MADIHA KIRN</t>
  </si>
  <si>
    <t>GPS (PSSP-II) 124/WB EAST</t>
  </si>
  <si>
    <t>124 WB</t>
  </si>
  <si>
    <t>ALIA BATOOL</t>
  </si>
  <si>
    <t>GPS CHAK 82/NP (PSSP)</t>
  </si>
  <si>
    <t>CHAK NO82/NP</t>
  </si>
  <si>
    <t>CHAK 82/NP</t>
  </si>
  <si>
    <t>FARHA DIBA</t>
  </si>
  <si>
    <t>GGPS DERA YAR MUHAMMAD</t>
  </si>
  <si>
    <t>CHAK SHADI - FEMALE</t>
  </si>
  <si>
    <t>DERA YAR MUHAMMAD</t>
  </si>
  <si>
    <t>DHARYALA JALIP</t>
  </si>
  <si>
    <t>MUBEEN TAHIRA</t>
  </si>
  <si>
    <t>GGPS BASTI RIDDAN KEHROR PACCA</t>
  </si>
  <si>
    <t>MUHAMMAD SAI</t>
  </si>
  <si>
    <t>RIDDAN</t>
  </si>
  <si>
    <t>GPS MOMAN ABAD NO. 2</t>
  </si>
  <si>
    <t>Moman Abad</t>
  </si>
  <si>
    <t>Sumaira Mubeen</t>
  </si>
  <si>
    <t>GGPS TIBBA</t>
  </si>
  <si>
    <t>JALALPUR SOBTIAN</t>
  </si>
  <si>
    <t>AIYSHA BIBI</t>
  </si>
  <si>
    <t>GPS CHAK 257 RB I</t>
  </si>
  <si>
    <t>BOTIN</t>
  </si>
  <si>
    <t>CHAK NO. 257 RB I BOGAN</t>
  </si>
  <si>
    <t>SABRA SULTANA</t>
  </si>
  <si>
    <t>GGPS MOTI MUGLAN</t>
  </si>
  <si>
    <t>Farah naz</t>
  </si>
  <si>
    <t>GGPS (PSSP-II) 519/EB OLD</t>
  </si>
  <si>
    <t>519/E.B</t>
  </si>
  <si>
    <t>515 EB</t>
  </si>
  <si>
    <t>FAIZA AHMAD</t>
  </si>
  <si>
    <t>GPS DERA MEHAR ABAD CHAK NO. 107 SB</t>
  </si>
  <si>
    <t>DERA MEHAR ABAD</t>
  </si>
  <si>
    <t>CHAK 107/SB</t>
  </si>
  <si>
    <t>TEHSEENA</t>
  </si>
  <si>
    <t>GGPS CHENNA KARAMALI</t>
  </si>
  <si>
    <t>CHENNA KARWALI</t>
  </si>
  <si>
    <t>CHENNA KARWAL</t>
  </si>
  <si>
    <t>NADIA SATTAR</t>
  </si>
  <si>
    <t>GGPS MODEL THATTAKHURD</t>
  </si>
  <si>
    <t>THATTA KHURD</t>
  </si>
  <si>
    <t>THATHA KHURD</t>
  </si>
  <si>
    <t>SALMA SAJID</t>
  </si>
  <si>
    <t>GPS WAN ADHAN</t>
  </si>
  <si>
    <t>WAN ADHEN</t>
  </si>
  <si>
    <t>GGPS HAJI GUL KHAN WALA</t>
  </si>
  <si>
    <t>ROKHRY - FEMALE</t>
  </si>
  <si>
    <t>SHAHBAZ KHEL</t>
  </si>
  <si>
    <t>NEAR BERULI STATION KALABAGH ROAD MIANWALI</t>
  </si>
  <si>
    <t>ROBINA MEHNAZ</t>
  </si>
  <si>
    <t>GGPS MANDI QAIM ABAD</t>
  </si>
  <si>
    <t>qaim din</t>
  </si>
  <si>
    <t>MANDI QAIM ABAD</t>
  </si>
  <si>
    <t>MUHAMMAD BADDAR</t>
  </si>
  <si>
    <t>GGPS MOHALLAH TARIQ ABAD RANGPUR</t>
  </si>
  <si>
    <t>RANGPUR</t>
  </si>
  <si>
    <t>MOHALLAH TARIQ ABAD RANGPUR</t>
  </si>
  <si>
    <t>SUMAIRA TAHIR</t>
  </si>
  <si>
    <t>GGPS 271 III</t>
  </si>
  <si>
    <t>CHITI KOHTI</t>
  </si>
  <si>
    <t>CHAK NO. 271 RB III</t>
  </si>
  <si>
    <t>SIDRA ASIF</t>
  </si>
  <si>
    <t>GPS KOTLI JHANDU</t>
  </si>
  <si>
    <t>JHANDU KOTLI</t>
  </si>
  <si>
    <t>KOTLI JANDY</t>
  </si>
  <si>
    <t>SEHJO KALA</t>
  </si>
  <si>
    <t>SAMRA KOUSAR</t>
  </si>
  <si>
    <t>GPS NO. 1 RUKKAN</t>
  </si>
  <si>
    <t>VPO RUKKAN</t>
  </si>
  <si>
    <t>ZOBIA AKRAM</t>
  </si>
  <si>
    <t>2958</t>
  </si>
  <si>
    <t>GGPS 156/9-L</t>
  </si>
  <si>
    <t>KHAWAJA ARIF - FEMALE</t>
  </si>
  <si>
    <t>CHAK 156/9-L</t>
  </si>
  <si>
    <t>156/9-L</t>
  </si>
  <si>
    <t>SUMRAH SHOUKAT</t>
  </si>
  <si>
    <t>GPS EMINABAD NO.4</t>
  </si>
  <si>
    <t>EMINABAD - MAL</t>
  </si>
  <si>
    <t>MANHAIS</t>
  </si>
  <si>
    <t>ATIKA RIAZ</t>
  </si>
  <si>
    <t>GPS DERA PIR FARID</t>
  </si>
  <si>
    <t>KHI KHURD (MALE)</t>
  </si>
  <si>
    <t>KHAI KHAN</t>
  </si>
  <si>
    <t>DERA PIR FARID</t>
  </si>
  <si>
    <t>KHAI KHURD</t>
  </si>
  <si>
    <t>LIALA RUBA</t>
  </si>
  <si>
    <t>GGPS KOT ARJAN SINGH</t>
  </si>
  <si>
    <t>KOT ARJAN SINGH</t>
  </si>
  <si>
    <t>PHULIANI</t>
  </si>
  <si>
    <t>NUSRAT BIBI</t>
  </si>
  <si>
    <t>GPS LOKRI DEAWAN</t>
  </si>
  <si>
    <t>HAVELI TARKHANAN</t>
  </si>
  <si>
    <t>AHLI TARKHANA, PO RUKKAN</t>
  </si>
  <si>
    <t>AHLI TARKHANA</t>
  </si>
  <si>
    <t>FARIA INAYAT</t>
  </si>
  <si>
    <t>GPS DHOK DUB (PSSP-III)</t>
  </si>
  <si>
    <t>DHOKE DUB</t>
  </si>
  <si>
    <t>Dhok Dab</t>
  </si>
  <si>
    <t>Rabia Siddique</t>
  </si>
  <si>
    <t>GGPS BASTI RIDDAN NO.1</t>
  </si>
  <si>
    <t>BASTI RIDDAN</t>
  </si>
  <si>
    <t>BAHAWALPUR CANTT</t>
  </si>
  <si>
    <t>JAVAID ASHIQ</t>
  </si>
  <si>
    <t>GPS JOOR</t>
  </si>
  <si>
    <t>JURR</t>
  </si>
  <si>
    <t>JOOR</t>
  </si>
  <si>
    <t>GMPS MUHAMMAD PURA</t>
  </si>
  <si>
    <t>MOHAMAMD PURA</t>
  </si>
  <si>
    <t>muhammad pura</t>
  </si>
  <si>
    <t>GHUINKE</t>
  </si>
  <si>
    <t>SADIA SAFDAR</t>
  </si>
  <si>
    <t>GGPS SEEKARIALI</t>
  </si>
  <si>
    <t>seekriali</t>
  </si>
  <si>
    <t>khanowal</t>
  </si>
  <si>
    <t>GGES KHANOO WAL</t>
  </si>
  <si>
    <t>KHANOWAL</t>
  </si>
  <si>
    <t>M. Aslam</t>
  </si>
  <si>
    <t>GGPS RAWAL KUKAR</t>
  </si>
  <si>
    <t>census</t>
  </si>
  <si>
    <t>RAWAL KUKAR</t>
  </si>
  <si>
    <t>MASHARALA</t>
  </si>
  <si>
    <t>AFSHAN NASEEM</t>
  </si>
  <si>
    <t>4148</t>
  </si>
  <si>
    <t>GGPS TAYYAB KHAIL</t>
  </si>
  <si>
    <t>NOOR PUR (EAST) (FEMALE)</t>
  </si>
  <si>
    <t>DERA TAYYAB KHAIL</t>
  </si>
  <si>
    <t>QURA TU AIN</t>
  </si>
  <si>
    <t>GGPS GOTH GEHNA</t>
  </si>
  <si>
    <t>GOTH GEHNA</t>
  </si>
  <si>
    <t>KHANOO WALI</t>
  </si>
  <si>
    <t>FARHANA SHAHEEN</t>
  </si>
  <si>
    <t>GGPS DHOK BHAT</t>
  </si>
  <si>
    <t>DHOK BHAT</t>
  </si>
  <si>
    <t>RIZWANA KOUSAR</t>
  </si>
  <si>
    <t>GPS CHAK NO. 14</t>
  </si>
  <si>
    <t>CHAK 14</t>
  </si>
  <si>
    <t>AAKI</t>
  </si>
  <si>
    <t>FOZIA IQBAL</t>
  </si>
  <si>
    <t>GGPS ABADI ASLAM HARAL WILSON PUR</t>
  </si>
  <si>
    <t>ABADI ASLAM HARAL</t>
  </si>
  <si>
    <t>SUMAIRA SHAHEEN</t>
  </si>
  <si>
    <t>GPS NO. 1 GHARIALA 28</t>
  </si>
  <si>
    <t>GHARIALA CHAK 28</t>
  </si>
  <si>
    <t>SHAGUFTA LIAQAT</t>
  </si>
  <si>
    <t>GGPS (PSSP-II) JATTERA</t>
  </si>
  <si>
    <t>JATTERA</t>
  </si>
  <si>
    <t>JATERA</t>
  </si>
  <si>
    <t>MUHAMMAD SALMAN</t>
  </si>
  <si>
    <t>GGPS PANDORA</t>
  </si>
  <si>
    <t>PANDORA</t>
  </si>
  <si>
    <t>MAHRUKH</t>
  </si>
  <si>
    <t>GPS JHANDE WALA NO 1</t>
  </si>
  <si>
    <t>JHANGAY WALA</t>
  </si>
  <si>
    <t>CHAK NO.14 NORTH</t>
  </si>
  <si>
    <t>SHAMA RIAZ</t>
  </si>
  <si>
    <t>GPS CHAK NO.181/7-R SHARQI</t>
  </si>
  <si>
    <t>FORT ABBAS-VI - MALE</t>
  </si>
  <si>
    <t>CHAK NO.181/7.R SHARQ</t>
  </si>
  <si>
    <t>176/7-R</t>
  </si>
  <si>
    <t>SAQLAIN ALI</t>
  </si>
  <si>
    <t>GPS SAHWAL (PSSP-II)</t>
  </si>
  <si>
    <t>GHANDAS</t>
  </si>
  <si>
    <t>Sahwal</t>
  </si>
  <si>
    <t>KAMRIAL</t>
  </si>
  <si>
    <t>GMPS NATHA VILLEGE</t>
  </si>
  <si>
    <t>NATHA VILLEGE</t>
  </si>
  <si>
    <t>TASLEEM ARIF</t>
  </si>
  <si>
    <t>GGPS DERA KASAIAN CHAK 133 SB</t>
  </si>
  <si>
    <t>DERA KASAIAN CHAK 133 SB</t>
  </si>
  <si>
    <t>CHAK 132/SB</t>
  </si>
  <si>
    <t>SANA RAMZAN</t>
  </si>
  <si>
    <t>GPS MASWAL</t>
  </si>
  <si>
    <t>MASWAL</t>
  </si>
  <si>
    <t>SAWAN</t>
  </si>
  <si>
    <t>NAVEED ZAHID</t>
  </si>
  <si>
    <t>GGPS NAKA RATRIAN (PSSP-III)</t>
  </si>
  <si>
    <t>NAKA RATRIAN</t>
  </si>
  <si>
    <t>Naka Ratrian</t>
  </si>
  <si>
    <t>IKHLAS</t>
  </si>
  <si>
    <t>GPS MUMNIALA</t>
  </si>
  <si>
    <t>MUMNAILA</t>
  </si>
  <si>
    <t>MUMNIALA</t>
  </si>
  <si>
    <t>RAHEELA SAFDAR</t>
  </si>
  <si>
    <t>GGPS NAI LOKRI BACHER</t>
  </si>
  <si>
    <t>CHIMMON - FEMALE</t>
  </si>
  <si>
    <t>DERA BHKANDA</t>
  </si>
  <si>
    <t>NAI LOKRI</t>
  </si>
  <si>
    <t>FAIZA ASHRAF</t>
  </si>
  <si>
    <t>GGPS ROHAIL PURA</t>
  </si>
  <si>
    <t>ROHAIL PURA</t>
  </si>
  <si>
    <t>ROHAILA PURA</t>
  </si>
  <si>
    <t>SYEDA AFIFA</t>
  </si>
  <si>
    <t>GGPS HAILIAN</t>
  </si>
  <si>
    <t>HAILIAN</t>
  </si>
  <si>
    <t>MARYAM JHANGIR</t>
  </si>
  <si>
    <t>GPS JHUGIAN IZAT BAIG</t>
  </si>
  <si>
    <t>JHUGIAN HIZAT BAIG</t>
  </si>
  <si>
    <t>ABDUL RAOUF TABASSUM</t>
  </si>
  <si>
    <t>GPS CHAK NO.110/DNB</t>
  </si>
  <si>
    <t>110/DNB</t>
  </si>
  <si>
    <t>GPS CHAK 262 RB</t>
  </si>
  <si>
    <t>JHANDO SINGH</t>
  </si>
  <si>
    <t>CHAK NO. 262 RB</t>
  </si>
  <si>
    <t>262 RB</t>
  </si>
  <si>
    <t>GGPS (PSSP-II) MOUZA SHARF</t>
  </si>
  <si>
    <t>RAFIA ASHRAF</t>
  </si>
  <si>
    <t>GMPS CHAK NO.104 A-NB .........PSSP.........</t>
  </si>
  <si>
    <t>CHAK 84-NB - FEMALE</t>
  </si>
  <si>
    <t>CHAK NO.104 A-NB</t>
  </si>
  <si>
    <t>BEENISH MEHMOOD</t>
  </si>
  <si>
    <t>GPS HABIB KHAILAN WALA</t>
  </si>
  <si>
    <t>HABIB KHAILAN WALA</t>
  </si>
  <si>
    <t>MUHAMMAD KAMRAN</t>
  </si>
  <si>
    <t>GPS CHOURA</t>
  </si>
  <si>
    <t>CHAURA</t>
  </si>
  <si>
    <t>choura</t>
  </si>
  <si>
    <t>Naila Liaquat</t>
  </si>
  <si>
    <t>GGPS HASSAN WALA</t>
  </si>
  <si>
    <t>HASSAN WALA</t>
  </si>
  <si>
    <t>HASSAN WALA TEHSIL AND DISTRICT MIANWALI</t>
  </si>
  <si>
    <t>GPS DERA AHMAD SAEED</t>
  </si>
  <si>
    <t>NAIN RANJA</t>
  </si>
  <si>
    <t>PO NAIN RANJHA, DERA AHMAD SAEED</t>
  </si>
  <si>
    <t>DERA ARRIAN</t>
  </si>
  <si>
    <t>GULSHAN RANJHA</t>
  </si>
  <si>
    <t>GPS KHAIRA</t>
  </si>
  <si>
    <t>KHAIRA</t>
  </si>
  <si>
    <t>JALLO STATION</t>
  </si>
  <si>
    <t>SABOOHI ANEES</t>
  </si>
  <si>
    <t>GGPS RAJJAH</t>
  </si>
  <si>
    <t>RAJJAH</t>
  </si>
  <si>
    <t>RADHAN</t>
  </si>
  <si>
    <t>SHAHEEN AKHTAR</t>
  </si>
  <si>
    <t>GGPS DHADRA SHARQI</t>
  </si>
  <si>
    <t>DHADRA SHARQI</t>
  </si>
  <si>
    <t>maryam fatima</t>
  </si>
  <si>
    <t>GPS TARANDA PUNO KHAN (PSSP)</t>
  </si>
  <si>
    <t>TURANDA PUNO KHAN</t>
  </si>
  <si>
    <t>TARANDA PUNO KHAN</t>
  </si>
  <si>
    <t>GMPS TAMMA AJAIB</t>
  </si>
  <si>
    <t>TAMMA AJAIB</t>
  </si>
  <si>
    <t>NIDA KANWAL</t>
  </si>
  <si>
    <t>GGPS AWAN PURA</t>
  </si>
  <si>
    <t>KARIANWALA II - FEMALE</t>
  </si>
  <si>
    <t>AWAN PURA</t>
  </si>
  <si>
    <t>KARIANWALA</t>
  </si>
  <si>
    <t>JAVIRIA IQBAL</t>
  </si>
  <si>
    <t>GPS CHAH BASAY WALA</t>
  </si>
  <si>
    <t>BASAY WALA</t>
  </si>
  <si>
    <t>GGPS BASTI GHARO</t>
  </si>
  <si>
    <t>DHAKNA GHARO</t>
  </si>
  <si>
    <t>ROBINA BHADUR</t>
  </si>
  <si>
    <t>GPS CHAK 252RB</t>
  </si>
  <si>
    <t>CHOHAN WALA</t>
  </si>
  <si>
    <t>SHAMSA SULTAN</t>
  </si>
  <si>
    <t>GPS (PSSP-II) RABOO SAAL</t>
  </si>
  <si>
    <t>RATH MUMMAR</t>
  </si>
  <si>
    <t>RABOO SAAL</t>
  </si>
  <si>
    <t>ZAHEERA ABAD SHAHEED</t>
  </si>
  <si>
    <t>JAFFER WALA</t>
  </si>
  <si>
    <t>JAFFAR WALA</t>
  </si>
  <si>
    <t>SUMAIRA KAZAM</t>
  </si>
  <si>
    <t>GPS BHAG SINGH</t>
  </si>
  <si>
    <t>NATHU DAKA</t>
  </si>
  <si>
    <t>Paka Qazi Wala</t>
  </si>
  <si>
    <t>GGPS KHANO HARNI</t>
  </si>
  <si>
    <t>KHANO HARNI</t>
  </si>
  <si>
    <t>GGPS MALOOK SHAH BAHAWALPUR</t>
  </si>
  <si>
    <t>DERA IZAT</t>
  </si>
  <si>
    <t>MALOOK SHAH</t>
  </si>
  <si>
    <t>ASIA NAWAZ</t>
  </si>
  <si>
    <t>GGPS HATHI KHELLAN WALA SWANS</t>
  </si>
  <si>
    <t>SAWANS - FEMALE</t>
  </si>
  <si>
    <t>SAWANS</t>
  </si>
  <si>
    <t>HATHI KHELLAN WALA</t>
  </si>
  <si>
    <t>HATHI KHELAN WALA</t>
  </si>
  <si>
    <t>SWANS</t>
  </si>
  <si>
    <t>ABDUL WAHID SHAH</t>
  </si>
  <si>
    <t>GPS ATTARI VERIK</t>
  </si>
  <si>
    <t>ATARI WARK</t>
  </si>
  <si>
    <t>SADIA SHARIF</t>
  </si>
  <si>
    <t>GPS JAY SINGH</t>
  </si>
  <si>
    <t>JAY SINGH</t>
  </si>
  <si>
    <t>GGPS (PSSP-II) CHAK NO.407/EB</t>
  </si>
  <si>
    <t>CHAK NO 407/E.B</t>
  </si>
  <si>
    <t>407 EB</t>
  </si>
  <si>
    <t>HAFSA BIBI</t>
  </si>
  <si>
    <t>GPS CHAK NO 134/M (J)</t>
  </si>
  <si>
    <t>CHISHTIAN-VIII - MALE</t>
  </si>
  <si>
    <t>CHAK NO 134/MJ</t>
  </si>
  <si>
    <t>Mozammal Mubeen</t>
  </si>
  <si>
    <t>GGPS EASAR</t>
  </si>
  <si>
    <t>EASAR</t>
  </si>
  <si>
    <t>EASER</t>
  </si>
  <si>
    <t>PUNJGRAN KALAN</t>
  </si>
  <si>
    <t>NAZIA BIBI</t>
  </si>
  <si>
    <t>GPS CHAK 330 GB II SOUTH</t>
  </si>
  <si>
    <t>CHAK NO 330 GB II SOUTH</t>
  </si>
  <si>
    <t>CHAK 330 GB</t>
  </si>
  <si>
    <t>330/GB</t>
  </si>
  <si>
    <t>SANA AKRAM</t>
  </si>
  <si>
    <t>GGPS KOT SYEDAN</t>
  </si>
  <si>
    <t>KOT SYEDAN</t>
  </si>
  <si>
    <t>AQDAS BATOOL</t>
  </si>
  <si>
    <t>GGPS CHAK NO.3 RAKH DHAREMA</t>
  </si>
  <si>
    <t>MARI - FEMALE</t>
  </si>
  <si>
    <t>CHAK 3 RAKH DHAREMA</t>
  </si>
  <si>
    <t>DHAREMA</t>
  </si>
  <si>
    <t>AKLEEM ZAHRA</t>
  </si>
  <si>
    <t>GGPS KOT MALIK IDREES</t>
  </si>
  <si>
    <t>KOT MALIK IDREES</t>
  </si>
  <si>
    <t>KOTHA</t>
  </si>
  <si>
    <t>RABIA ABDUL RASHEED</t>
  </si>
  <si>
    <t>GPS NO. 2 MALAKWAL</t>
  </si>
  <si>
    <t>WARD NO. 10 MALAKWAL</t>
  </si>
  <si>
    <t>RANA CHOWK</t>
  </si>
  <si>
    <t>MC MALAKWA</t>
  </si>
  <si>
    <t>NADIA UMAR</t>
  </si>
  <si>
    <t>GPS MC NO.18</t>
  </si>
  <si>
    <t>SETTLITE TOWN</t>
  </si>
  <si>
    <t>MISBAH AZEEM</t>
  </si>
  <si>
    <t>GGPS BHAGWAL</t>
  </si>
  <si>
    <t>Atiqa Busharat</t>
  </si>
  <si>
    <t>GGPS JIA KA TIBBA</t>
  </si>
  <si>
    <t>MANGA</t>
  </si>
  <si>
    <t>MANGA HITHAR</t>
  </si>
  <si>
    <t>TAHIRA TASLEEM</t>
  </si>
  <si>
    <t>GPS CHAK NO.60/DB</t>
  </si>
  <si>
    <t>CHAK NO. 60/DB</t>
  </si>
  <si>
    <t>60/DB</t>
  </si>
  <si>
    <t>CHAK 117/DB</t>
  </si>
  <si>
    <t>ISHRAT PERVEEN</t>
  </si>
  <si>
    <t>GPS KOHLARAN WALA</t>
  </si>
  <si>
    <t>CHAK NO 8/MB (MALE)</t>
  </si>
  <si>
    <t>UTTRA SOUTH</t>
  </si>
  <si>
    <t>DERA KOHLARAN WALA</t>
  </si>
  <si>
    <t>SHAMSHADI BEGUM</t>
  </si>
  <si>
    <t>GPS MANDINA WALA</t>
  </si>
  <si>
    <t>MANDINA WALA</t>
  </si>
  <si>
    <t>RAKHTYRAH</t>
  </si>
  <si>
    <t>MARYAM WARIS</t>
  </si>
  <si>
    <t>GPS BUDHAI KAY</t>
  </si>
  <si>
    <t>BHADAI KEY</t>
  </si>
  <si>
    <t>FOZIA ISHAQ</t>
  </si>
  <si>
    <t>GPS CHAK NO.84/F NATHAL</t>
  </si>
  <si>
    <t>HASILPUR B - FEMALE</t>
  </si>
  <si>
    <t>CHAK NO.84/F NATHAL</t>
  </si>
  <si>
    <t>GGPS CHAK NO.4 RAKH DHAREMA</t>
  </si>
  <si>
    <t>CHAK NO.4 RAKH DHAREMA</t>
  </si>
  <si>
    <t>GGPS BHANGALI KHIANGER</t>
  </si>
  <si>
    <t>BHANGALI KHIANGER</t>
  </si>
  <si>
    <t>BHANGALI KHINGER</t>
  </si>
  <si>
    <t>MANGHOT</t>
  </si>
  <si>
    <t>KHALID PERVEZ</t>
  </si>
  <si>
    <t>GGPS KANJUAN WALA NO. 1</t>
  </si>
  <si>
    <t>NOOR ALLAH</t>
  </si>
  <si>
    <t>KANJUAN WALA TEHSIL AND DISTRICT MIANWALI</t>
  </si>
  <si>
    <t>KANJUAN WALA NO.1</t>
  </si>
  <si>
    <t>AMBREEN SARWAR</t>
  </si>
  <si>
    <t>GPS LAKHNANA ABAD *** PEF</t>
  </si>
  <si>
    <t>KHEWA</t>
  </si>
  <si>
    <t>LAKHNANA ABAD</t>
  </si>
  <si>
    <t>GPS CHAK NO. 20</t>
  </si>
  <si>
    <t>CHAK NO 20</t>
  </si>
  <si>
    <t>CHAK NO. 20</t>
  </si>
  <si>
    <t>WARA ALAM SHAH</t>
  </si>
  <si>
    <t>AYESHA ASLAM</t>
  </si>
  <si>
    <t>GPS KHARPA (PSSP-III)</t>
  </si>
  <si>
    <t>KHARAPA</t>
  </si>
  <si>
    <t>Sumera Shehzadi</t>
  </si>
  <si>
    <t>GPS CHAK NO. 36/DB</t>
  </si>
  <si>
    <t>36DB</t>
  </si>
  <si>
    <t>CHAK NO. 36/DB</t>
  </si>
  <si>
    <t>BANDIAL</t>
  </si>
  <si>
    <t>RAZIA BIBI</t>
  </si>
  <si>
    <t>GPS CHAK 281 RB FSD</t>
  </si>
  <si>
    <t>281/RB</t>
  </si>
  <si>
    <t>CHAK NO. 281 RB</t>
  </si>
  <si>
    <t>SADAF RAHMAN</t>
  </si>
  <si>
    <t>GGPS HASSAN PURA</t>
  </si>
  <si>
    <t>GUJRANWALA CITY-2 - FEMAL</t>
  </si>
  <si>
    <t>KOTLI RUSTAM</t>
  </si>
  <si>
    <t>ANMOL SHAHEEN</t>
  </si>
  <si>
    <t>GGPS LANGIANA</t>
  </si>
  <si>
    <t>LANGIANA</t>
  </si>
  <si>
    <t>SAIMA SADIQ</t>
  </si>
  <si>
    <t>GPS CHAK NO 263 TDA</t>
  </si>
  <si>
    <t>263 TDA</t>
  </si>
  <si>
    <t>CHAK NO 263 TDA</t>
  </si>
  <si>
    <t>Shamila Ilyas</t>
  </si>
  <si>
    <t>GGPS CHAK NO.95/TDA</t>
  </si>
  <si>
    <t>CHAK NO.95/TDA</t>
  </si>
  <si>
    <t>Tahir Rafiq</t>
  </si>
  <si>
    <t>GPS GADHI WALA</t>
  </si>
  <si>
    <t>SHER GHAR</t>
  </si>
  <si>
    <t>RADHU WALA</t>
  </si>
  <si>
    <t>ATIF IQBLA</t>
  </si>
  <si>
    <t>GPS CHAK NO. 490 TDA</t>
  </si>
  <si>
    <t>SHER GHER</t>
  </si>
  <si>
    <t>CHAK NO 490 TDA</t>
  </si>
  <si>
    <t>ANSAR ABBAS</t>
  </si>
  <si>
    <t>GPS LUNDI WALA</t>
  </si>
  <si>
    <t>LUNDI WALA</t>
  </si>
  <si>
    <t>GPS CHAK NO. 499 TDA</t>
  </si>
  <si>
    <t>CHAK NO 499 TDA</t>
  </si>
  <si>
    <t>GPS CHAK NO. 477 TDA (NEW)</t>
  </si>
  <si>
    <t>CHAK NO 477 TDA</t>
  </si>
  <si>
    <t>ARSHIYA MAQSOOD</t>
  </si>
  <si>
    <t>GGPS GOPANG NO.1</t>
  </si>
  <si>
    <t>ROHAN WALI</t>
  </si>
  <si>
    <t>HUMAIRA SHAMIM</t>
  </si>
  <si>
    <t>GPS CHAK NO. 476 TDA</t>
  </si>
  <si>
    <t>JAMAL CHARI</t>
  </si>
  <si>
    <t>CHAK NO 476 TDA</t>
  </si>
  <si>
    <t>FAIZA MAQSOOD</t>
  </si>
  <si>
    <t>GPS BASTI ZOHAR</t>
  </si>
  <si>
    <t>KOTLA GANMOON- MALE</t>
  </si>
  <si>
    <t>GGPS BILOO SANDILLA</t>
  </si>
  <si>
    <t>BILOO SANDILA</t>
  </si>
  <si>
    <t>GGPS CHAK 322 JB AZAFI ABADI</t>
  </si>
  <si>
    <t>TOBA TEK SINGH CITY FEMALE</t>
  </si>
  <si>
    <t>CHAK NO 322 JB</t>
  </si>
  <si>
    <t>322 JB</t>
  </si>
  <si>
    <t>328/JB</t>
  </si>
  <si>
    <t>REHMAT ABAD</t>
  </si>
  <si>
    <t>GPS GALLI</t>
  </si>
  <si>
    <t>BASSALI -B - MALE</t>
  </si>
  <si>
    <t>GALLI</t>
  </si>
  <si>
    <t>GALI</t>
  </si>
  <si>
    <t>KALIAL</t>
  </si>
  <si>
    <t>RIZWANA SHAHEEN</t>
  </si>
  <si>
    <t>GGPS MOHALLAH KALLAY KHEL ROKHRI</t>
  </si>
  <si>
    <t>ROKHRI</t>
  </si>
  <si>
    <t>KALLAY KHEL ROKKHRI</t>
  </si>
  <si>
    <t>AMINA RAFI</t>
  </si>
  <si>
    <t>GGPS ABADI MUMTAZ HUSSAIN BHARWANA *** PEF</t>
  </si>
  <si>
    <t>ABADI MUKHTAR HUSSAIN BHARWANA</t>
  </si>
  <si>
    <t>GULSHAN BB</t>
  </si>
  <si>
    <t>TEHSEEN SHARIF</t>
  </si>
  <si>
    <t>GGPS RAISALA NO.8 DAKHALI CHAK NO.70 NB</t>
  </si>
  <si>
    <t>RAISAALA NO 8</t>
  </si>
  <si>
    <t>HYDER ABAD</t>
  </si>
  <si>
    <t>MARIA TUFAIL</t>
  </si>
  <si>
    <t>GPS CHAK NO 131/M</t>
  </si>
  <si>
    <t>CHAK NO 131 M</t>
  </si>
  <si>
    <t>Sajida Abdull Bari</t>
  </si>
  <si>
    <t>GPS CHAK NO.193/M BHATTIAN WALA</t>
  </si>
  <si>
    <t>CHAK NO.193/M BHATTIAN WALA</t>
  </si>
  <si>
    <t>ABDUL GHAFFAR GHORI</t>
  </si>
  <si>
    <t>CHOT DHERA</t>
  </si>
  <si>
    <t>CHOT DHERAN</t>
  </si>
  <si>
    <t>CHAK RAIB</t>
  </si>
  <si>
    <t>SAMAN AKRAM</t>
  </si>
  <si>
    <t>GPS DHOK SYEDAN (CHAKKI) (PSSP-III)</t>
  </si>
  <si>
    <t>DHOK SYEDAN</t>
  </si>
  <si>
    <t>Dhok Sydan</t>
  </si>
  <si>
    <t>GMPS CHAK NO. 57 SB .........PSSP.........</t>
  </si>
  <si>
    <t>CHAK NO. 57 SB</t>
  </si>
  <si>
    <t>CHAK NO. 55 SB</t>
  </si>
  <si>
    <t>MAQSOODA AYUB</t>
  </si>
  <si>
    <t>GGPS SHADA WAL SAHWAN</t>
  </si>
  <si>
    <t>SHADA WAL SAHWAN</t>
  </si>
  <si>
    <t>MARGZAR COLONY</t>
  </si>
  <si>
    <t>RAZIA JABEEN</t>
  </si>
  <si>
    <t>GGPS KOT SHERA</t>
  </si>
  <si>
    <t>GUJRANWALA SADAR-4 - FEMAL</t>
  </si>
  <si>
    <t>KOT SHERA</t>
  </si>
  <si>
    <t>AQSA AKRAM</t>
  </si>
  <si>
    <t>GPS NO.2 RAHWALI</t>
  </si>
  <si>
    <t>RAHWALI</t>
  </si>
  <si>
    <t>CANTONMENT BOARD</t>
  </si>
  <si>
    <t>SHAZIA KAUSAR</t>
  </si>
  <si>
    <t>GPS KUKRAN WALI</t>
  </si>
  <si>
    <t>NAUSHERA WEST - MALE</t>
  </si>
  <si>
    <t>UCHHALI</t>
  </si>
  <si>
    <t>KUKRAN WALI</t>
  </si>
  <si>
    <t>RABIYA KHALID</t>
  </si>
  <si>
    <t>GPS CHAK NO. 15 NORTH</t>
  </si>
  <si>
    <t>CHAK NO. 15 SHUMALI</t>
  </si>
  <si>
    <t>CHAK NO. 15</t>
  </si>
  <si>
    <t>ASIMA KAZMI</t>
  </si>
  <si>
    <t>GGPS CHAK NO.142 TDA</t>
  </si>
  <si>
    <t>CHAK NO.142 TDA</t>
  </si>
  <si>
    <t>CHAK NO. 142/TDAQ</t>
  </si>
  <si>
    <t>BUSHRA UMAR</t>
  </si>
  <si>
    <t>GGPS KHAND</t>
  </si>
  <si>
    <t>KHAND</t>
  </si>
  <si>
    <t>M.SHAFIQ</t>
  </si>
  <si>
    <t>GGPS THATHA QANDAR</t>
  </si>
  <si>
    <t>THATHA QANDAR</t>
  </si>
  <si>
    <t>BUDHA</t>
  </si>
  <si>
    <t>GPS CHAK NO.47 SB</t>
  </si>
  <si>
    <t>CHAK NO.47 SB</t>
  </si>
  <si>
    <t>CHAK NO.58 SB</t>
  </si>
  <si>
    <t>KOUSAR FATIMA</t>
  </si>
  <si>
    <t>GPS 37/12-L MUHAJRAN</t>
  </si>
  <si>
    <t>CHICHAWATNI SADAR B - MALE</t>
  </si>
  <si>
    <t>CHAK NO. 37/12-L</t>
  </si>
  <si>
    <t>37/12-LMUHAJRAN</t>
  </si>
  <si>
    <t>36/12-L</t>
  </si>
  <si>
    <t>momina alam</t>
  </si>
  <si>
    <t>GPS PACCA THIND WALA</t>
  </si>
  <si>
    <t>THIND KHURAD NASHAIB</t>
  </si>
  <si>
    <t>PACCA THIND WALA</t>
  </si>
  <si>
    <t>sakina bibi</t>
  </si>
  <si>
    <t>GGPS DERA BALUCHAN WALA</t>
  </si>
  <si>
    <t>MOCHH - FEMALE</t>
  </si>
  <si>
    <t>TARI KHEL</t>
  </si>
  <si>
    <t>SAMINA JAVED</t>
  </si>
  <si>
    <t>GPS CHAK NO.19/DNB</t>
  </si>
  <si>
    <t>CHAK NO. 19/DNB</t>
  </si>
  <si>
    <t>FERZANA KOUSAR</t>
  </si>
  <si>
    <t>GPS CHAK NO.11/DNB</t>
  </si>
  <si>
    <t>CHAK NO. 11/DNB</t>
  </si>
  <si>
    <t>11/DNB</t>
  </si>
  <si>
    <t>117/DNB</t>
  </si>
  <si>
    <t>GPS CHAK NO.38/DNB</t>
  </si>
  <si>
    <t>CHAK NO 38 DNB</t>
  </si>
  <si>
    <t>38 DNB</t>
  </si>
  <si>
    <t>IQRA HUSSAIN</t>
  </si>
  <si>
    <t>GGPS MANGLOTI</t>
  </si>
  <si>
    <t>MANGLOTI - FEMALE</t>
  </si>
  <si>
    <t>MANGLOTI</t>
  </si>
  <si>
    <t>GGPS MANGLOTI RAMZI CHOWK MUBARAKPUR</t>
  </si>
  <si>
    <t>MUBARAK PUR</t>
  </si>
  <si>
    <t>SAJJAD SAQIB</t>
  </si>
  <si>
    <t>GPS RANG PUR CENTER</t>
  </si>
  <si>
    <t>NAUREEN SATTAR</t>
  </si>
  <si>
    <t>GPS KALOO SHAH</t>
  </si>
  <si>
    <t>AMEER PUR KANKA</t>
  </si>
  <si>
    <t>GGPS BRAHIM PUR</t>
  </si>
  <si>
    <t>RANG PUR- FEMALE</t>
  </si>
  <si>
    <t>BRAHIM PUR</t>
  </si>
  <si>
    <t>RANI AFSHAN</t>
  </si>
  <si>
    <t>GPS MEHTAB WALA</t>
  </si>
  <si>
    <t>SULTAN COLONY- MALE</t>
  </si>
  <si>
    <t>PATTI SULTAN MAHMOOD</t>
  </si>
  <si>
    <t>SULTAN COLONY</t>
  </si>
  <si>
    <t>MAHTAB WALA</t>
  </si>
  <si>
    <t>NADIRA RAHIM</t>
  </si>
  <si>
    <t>GPS JIWANA BANGLA</t>
  </si>
  <si>
    <t>CHAK NO. 4/4R</t>
  </si>
  <si>
    <t>JIWANA BANGLA</t>
  </si>
  <si>
    <t>TAHIRA BATOOL</t>
  </si>
  <si>
    <t>GPS TARAF</t>
  </si>
  <si>
    <t>TARAF</t>
  </si>
  <si>
    <t>IQBAL PERVEEN</t>
  </si>
  <si>
    <t>GPS JALIL</t>
  </si>
  <si>
    <t>NARJIS ZAHRA</t>
  </si>
  <si>
    <t>SINMALOOT</t>
  </si>
  <si>
    <t>SINMLOOT</t>
  </si>
  <si>
    <t>AMEER PUR SARYANA</t>
  </si>
  <si>
    <t>HAMID ALI</t>
  </si>
  <si>
    <t>4412</t>
  </si>
  <si>
    <t>GGPS KALOO SHAH</t>
  </si>
  <si>
    <t>CHAK FRAZI- FEMALE</t>
  </si>
  <si>
    <t>AMEER PUR SARBANA</t>
  </si>
  <si>
    <t>KALOO SHAH</t>
  </si>
  <si>
    <t>SHAZIA SANA</t>
  </si>
  <si>
    <t>GGPS GUFTAR ABAD</t>
  </si>
  <si>
    <t>WANDER</t>
  </si>
  <si>
    <t>BASTI MAJOR ZIA</t>
  </si>
  <si>
    <t>ZULFIQAR ABAD</t>
  </si>
  <si>
    <t>M.ZEESHAN</t>
  </si>
  <si>
    <t>GGPS KUNNAL SHARIF</t>
  </si>
  <si>
    <t>KUNNAL SANDILA</t>
  </si>
  <si>
    <t>GPS DAYA CHOKHA GHARBI</t>
  </si>
  <si>
    <t>ROBINA FARID</t>
  </si>
  <si>
    <t>GGPS GADARA</t>
  </si>
  <si>
    <t>GADARA</t>
  </si>
  <si>
    <t>SALMA BIBI</t>
  </si>
  <si>
    <t>GGPS CHAK NO.4/4-R</t>
  </si>
  <si>
    <t>CHAK NO. 4/4 R</t>
  </si>
  <si>
    <t>NADIA FARID</t>
  </si>
  <si>
    <t>GPS ISLAM NAGAR NO.2</t>
  </si>
  <si>
    <t>KOT AZAM - MALE</t>
  </si>
  <si>
    <t>DAROOD GARAN</t>
  </si>
  <si>
    <t>BASTI NANGANA</t>
  </si>
  <si>
    <t>KOTLA QAIM KHAN</t>
  </si>
  <si>
    <t>SAMINA BASHIR</t>
  </si>
  <si>
    <t>GPS ARABIC IMAM ABAD</t>
  </si>
  <si>
    <t>ISRANI</t>
  </si>
  <si>
    <t>IMAM ABAD</t>
  </si>
  <si>
    <t>HAFIZ ABDUL WAKIL</t>
  </si>
  <si>
    <t>GPS JUGGAIET PEER</t>
  </si>
  <si>
    <t>ZUBAIRA HAMEED</t>
  </si>
  <si>
    <t>GGPS KOTLA BAQIR SHAH</t>
  </si>
  <si>
    <t>KOTLA BAQIR SHAH</t>
  </si>
  <si>
    <t>BASTI NAICHAN</t>
  </si>
  <si>
    <t>HETHAJI</t>
  </si>
  <si>
    <t>AYESHA HASSAN</t>
  </si>
  <si>
    <t>GGPS WAHI BAHAWAL SHAH</t>
  </si>
  <si>
    <t>WAHI BAHAWAL SHAH</t>
  </si>
  <si>
    <t>ABDUL QADEER SHAH</t>
  </si>
  <si>
    <t>GGPS HAJI JHABAIL</t>
  </si>
  <si>
    <t>HAJI JHABAIL</t>
  </si>
  <si>
    <t>ASAD MEHMOOD SHAH</t>
  </si>
  <si>
    <t>GGPS DEWAN SHARIF</t>
  </si>
  <si>
    <t>KHAIRPUR DAHA - FEMALE</t>
  </si>
  <si>
    <t>DEWAN SHARIF</t>
  </si>
  <si>
    <t>SAMIA KANWAL</t>
  </si>
  <si>
    <t>GGPS LOHARI WALI</t>
  </si>
  <si>
    <t>BAGH WALI</t>
  </si>
  <si>
    <t>M. YASIR</t>
  </si>
  <si>
    <t>GGPS MEHR ABAD SHAREEF</t>
  </si>
  <si>
    <t>MEHR ABAD</t>
  </si>
  <si>
    <t>BAN WALA</t>
  </si>
  <si>
    <t>MONIS KHAN</t>
  </si>
  <si>
    <t>GGPS QADIR ABAD NO.2</t>
  </si>
  <si>
    <t>UCH SHAREEF</t>
  </si>
  <si>
    <t>SHABANA AHMAD</t>
  </si>
  <si>
    <t>GPS TANZEEM CHAK NO.152/NP</t>
  </si>
  <si>
    <t>CHAK NO 152/NP</t>
  </si>
  <si>
    <t>GPS ARABIC GHULAM JAHANIAN</t>
  </si>
  <si>
    <t>ALI KHARAK</t>
  </si>
  <si>
    <t>BASTI MOLVIA</t>
  </si>
  <si>
    <t>GPS CHAKI MURAD</t>
  </si>
  <si>
    <t>BASTI MURAD ABAD</t>
  </si>
  <si>
    <t>IFTIKHAR ALI</t>
  </si>
  <si>
    <t>KOTLA MOUSA KHAN</t>
  </si>
  <si>
    <t>BASTI MALIK WARYAM</t>
  </si>
  <si>
    <t>KALSOOM BIBI</t>
  </si>
  <si>
    <t>GGPS MUHAMMAD YAR BHUTTA</t>
  </si>
  <si>
    <t>TIBBI DHOKWAN</t>
  </si>
  <si>
    <t>BASTI  MUHAMMAD YAR BHUTTA</t>
  </si>
  <si>
    <t>ABBAS PUR</t>
  </si>
  <si>
    <t>BASTI KOBHRA</t>
  </si>
  <si>
    <t>GPS ARABIC TIBBI DHAKWAN</t>
  </si>
  <si>
    <t>BASTI AWAN TIBBI DHAKWAN</t>
  </si>
  <si>
    <t>SAQIB IMAM</t>
  </si>
  <si>
    <t>GPS AHMAD BUKHSH CHANNAR</t>
  </si>
  <si>
    <t>GHARI KANDE</t>
  </si>
  <si>
    <t>BASTI FATEH MUHAMMAD CHANNER</t>
  </si>
  <si>
    <t>MUHAMMAD SHAKIR KHAN</t>
  </si>
  <si>
    <t>GPS HASSAM WALA</t>
  </si>
  <si>
    <t>PATTAL MUSTAQIL GHARB</t>
  </si>
  <si>
    <t>HASSAM WALA</t>
  </si>
  <si>
    <t>SONIA FARHANA</t>
  </si>
  <si>
    <t>GPS BASTI DHUDHI</t>
  </si>
  <si>
    <t>DAYA CHOKHA SHARQI</t>
  </si>
  <si>
    <t>GGPS BANGLA SHAH JAMAL</t>
  </si>
  <si>
    <t>CHAUDHRY</t>
  </si>
  <si>
    <t>BANGLA SHAH JAMAL</t>
  </si>
  <si>
    <t>M. ABUBAKAR AHMED</t>
  </si>
  <si>
    <t>GPS ASLAM WALA</t>
  </si>
  <si>
    <t>BHOBHAR</t>
  </si>
  <si>
    <t>LAGHARI CHOK</t>
  </si>
  <si>
    <t>CHAUDHARY</t>
  </si>
  <si>
    <t>KHURAM SHAHZAD</t>
  </si>
  <si>
    <t>GPS USMAN KHAN WALA</t>
  </si>
  <si>
    <t>BASTI SERAI</t>
  </si>
  <si>
    <t>GPS GASHKORI WALA</t>
  </si>
  <si>
    <t>CHAH GHAZI WALA</t>
  </si>
  <si>
    <t>AMINA WAHEED</t>
  </si>
  <si>
    <t>GGPS AHMAD KOT</t>
  </si>
  <si>
    <t>GPS PATTI DAYA CHOKHA</t>
  </si>
  <si>
    <t>PETAL MASTKAL GHARBI</t>
  </si>
  <si>
    <t>BASTI SUMANDRY</t>
  </si>
  <si>
    <t>AMJAD HUSSAIN</t>
  </si>
  <si>
    <t>GPS IZAFI BASTI</t>
  </si>
  <si>
    <t>IZAFI BASTI</t>
  </si>
  <si>
    <t>AQSA MAZHAR</t>
  </si>
  <si>
    <t>GGPS GAGRAY WALI</t>
  </si>
  <si>
    <t>GAGRAY WALI</t>
  </si>
  <si>
    <t>BASTI GHULAM MUHAMMAD</t>
  </si>
  <si>
    <t>KHALIDA NOREEN</t>
  </si>
  <si>
    <t>PIRO WALI</t>
  </si>
  <si>
    <t>BASTI LAGHARI</t>
  </si>
  <si>
    <t>BANDAY SHAH</t>
  </si>
  <si>
    <t>GPS CHAK NO.193/M-A</t>
  </si>
  <si>
    <t>CHAK NO.193/M-A</t>
  </si>
  <si>
    <t>CHAK NO 193/M</t>
  </si>
  <si>
    <t>UMAIR ABDUL KARIM</t>
  </si>
  <si>
    <t>GMPS TUBEWELL ARAIAN   ***   PEF</t>
  </si>
  <si>
    <t>NINKAN</t>
  </si>
  <si>
    <t>PAKKAY WALA</t>
  </si>
  <si>
    <t>RUQIA MEHMOOD</t>
  </si>
  <si>
    <t>GPS KOTLI AIMA</t>
  </si>
  <si>
    <t>KOTLI AIMA</t>
  </si>
  <si>
    <t>SHEEBA KHURSHID</t>
  </si>
  <si>
    <t>GGPS NISARIAN WALA</t>
  </si>
  <si>
    <t>NISARIAN WALA TEHSIL AND DISTRICT MIANWALI</t>
  </si>
  <si>
    <t>NISARIAN WALA</t>
  </si>
  <si>
    <t>YARU KHEL PAKKA</t>
  </si>
  <si>
    <t>SUNDAS FAREEHA</t>
  </si>
  <si>
    <t>GPS SHEIKHU PURIAN</t>
  </si>
  <si>
    <t>SHEIKHU PURAIAN</t>
  </si>
  <si>
    <t>GGPS BAGHWAN PURA</t>
  </si>
  <si>
    <t>TEHRA</t>
  </si>
  <si>
    <t>LUBNAH NAZEER</t>
  </si>
  <si>
    <t>GGPS CHINKOWINDI</t>
  </si>
  <si>
    <t>CHINKOWINDI</t>
  </si>
  <si>
    <t>FARAH HUSSAIN</t>
  </si>
  <si>
    <t>GPS JHOK LUQMAN</t>
  </si>
  <si>
    <t>JHOK LUQMAN</t>
  </si>
  <si>
    <t>LUQMAN</t>
  </si>
  <si>
    <t>UMBREEN SAJIDA</t>
  </si>
  <si>
    <t>GGES KAZI MOTLA</t>
  </si>
  <si>
    <t>KAZI MOTLA</t>
  </si>
  <si>
    <t>BUA</t>
  </si>
  <si>
    <t>fhmeeda ghlum</t>
  </si>
  <si>
    <t>GGPS CHAK NO.18/F.W-A</t>
  </si>
  <si>
    <t>CHAK NO.18/F.W-A</t>
  </si>
  <si>
    <t>18/FW</t>
  </si>
  <si>
    <t>HASILPUR-OLD</t>
  </si>
  <si>
    <t>MUHAMMAD ZULQARNAIN</t>
  </si>
  <si>
    <t>GPS CHAK NO.55 SB</t>
  </si>
  <si>
    <t>CHAK NO.55 SB</t>
  </si>
  <si>
    <t>MUHAMMAD ATIF</t>
  </si>
  <si>
    <t>GPS DOHRRIAN (PSSP-II)</t>
  </si>
  <si>
    <t>DOHARRIAN</t>
  </si>
  <si>
    <t>KOT FATEH KHAN</t>
  </si>
  <si>
    <t>Fukraj Bibi</t>
  </si>
  <si>
    <t>GPS DHOK SAWA (PSSP-III)</t>
  </si>
  <si>
    <t>GALI JAGEER - MALE</t>
  </si>
  <si>
    <t>DHOK SAWA</t>
  </si>
  <si>
    <t>Nosheen Akhtar</t>
  </si>
  <si>
    <t>GGPS SHER WALA NEAR BOSAN ADDA</t>
  </si>
  <si>
    <t>BOSAN - FEMALE</t>
  </si>
  <si>
    <t>MURDAN PUR</t>
  </si>
  <si>
    <t>MARDAN PUR</t>
  </si>
  <si>
    <t>AILAM PUR</t>
  </si>
  <si>
    <t>MUHAMMAD JAFAR</t>
  </si>
  <si>
    <t>GPS SANMOO RANA MUZA SANMOO RANA</t>
  </si>
  <si>
    <t>SANMOO RANA</t>
  </si>
  <si>
    <t>SAMO RANA</t>
  </si>
  <si>
    <t>KAYAN PUR</t>
  </si>
  <si>
    <t>DR. NABEEL HUSSAIN CH</t>
  </si>
  <si>
    <t>GGPS ABBIAN WALA SHARQI</t>
  </si>
  <si>
    <t>ABBIAN WALA SHARQI</t>
  </si>
  <si>
    <t>ABBIAN WALA</t>
  </si>
  <si>
    <t>ANAM SHAKEEL</t>
  </si>
  <si>
    <t>GPS MC CITY CENTRAL BOHAR GATE</t>
  </si>
  <si>
    <t>DEHLI GATE - MALE</t>
  </si>
  <si>
    <t>KHAJI MOHALLLAH</t>
  </si>
  <si>
    <t>KHAJI MUHALLAH</t>
  </si>
  <si>
    <t>HALEEMAN WALI</t>
  </si>
  <si>
    <t>MUHAMMAD SALEEM TONSVI</t>
  </si>
  <si>
    <t>GGPS DERA BEGU KHELAN WALA</t>
  </si>
  <si>
    <t>CHHIDRU - FEMALE</t>
  </si>
  <si>
    <t>DERA BEGU KHELAN WALA</t>
  </si>
  <si>
    <t>RUBEENA KHAN</t>
  </si>
  <si>
    <t>GPS SULTAN PUR ARAIN</t>
  </si>
  <si>
    <t>KABEER PUR</t>
  </si>
  <si>
    <t>GGPS DERA SAHIB DAD WALA</t>
  </si>
  <si>
    <t>DILLY WALI QURESHAIN</t>
  </si>
  <si>
    <t>DERA SAHIB DAD WALA PO DILI WALA TEHSIL AND DISTRICT MIANWALI</t>
  </si>
  <si>
    <t>DERA SAHIB DAD WALA</t>
  </si>
  <si>
    <t>DILI WALI QURESHAIAN</t>
  </si>
  <si>
    <t>FARWA MAHEEN</t>
  </si>
  <si>
    <t>GGPS BAKHTAWAR KOT</t>
  </si>
  <si>
    <t>BAKHTAWAR KOT</t>
  </si>
  <si>
    <t>SAMINA ISHAQ</t>
  </si>
  <si>
    <t>GGPS DERA SHARIF KHANWALA</t>
  </si>
  <si>
    <t>DERA SHARIF KHAN WALA TEHSIL AND DISTRICT MIANWALI</t>
  </si>
  <si>
    <t>DERA SHARIF KHAN WALA</t>
  </si>
  <si>
    <t>SADIA ANAYAT</t>
  </si>
  <si>
    <t>GGPS BUMBLA PO MULHAL MUGHLAN</t>
  </si>
  <si>
    <t>BUMLA</t>
  </si>
  <si>
    <t>BAMBLA</t>
  </si>
  <si>
    <t>MULHAL MUGHLAN</t>
  </si>
  <si>
    <t>UZMA ZAFAR</t>
  </si>
  <si>
    <t>GGPS ITTAN WALI CHAK 3/GB</t>
  </si>
  <si>
    <t>ITTAN WALI</t>
  </si>
  <si>
    <t>ITTAN WALI CHAK 3/GB</t>
  </si>
  <si>
    <t>SUMAIRA AMEEN</t>
  </si>
  <si>
    <t>GGES AMAN PUR (PSSP-I)</t>
  </si>
  <si>
    <t>GGPS AMAN PUR (PSSP-I)</t>
  </si>
  <si>
    <t>Aman pur</t>
  </si>
  <si>
    <t>GPS KOT PEHLWAN</t>
  </si>
  <si>
    <t>SHAHPUR - MALE</t>
  </si>
  <si>
    <t>KOT PEHLWAN</t>
  </si>
  <si>
    <t>NAZIA BATOOL</t>
  </si>
  <si>
    <t>GPS (PSSP-I) MALKO</t>
  </si>
  <si>
    <t>MALKO</t>
  </si>
  <si>
    <t>SANDHAL</t>
  </si>
  <si>
    <t>SUMERA NAWAZ</t>
  </si>
  <si>
    <t>GPS BHABRA GUJRAN</t>
  </si>
  <si>
    <t>BHABRA GUJRAN</t>
  </si>
  <si>
    <t>waqas</t>
  </si>
  <si>
    <t>GPS HAVELI FAIZ ALI SHAH</t>
  </si>
  <si>
    <t>KOT MOMIN EAST-II - MALE</t>
  </si>
  <si>
    <t>BUCHAN KLAN</t>
  </si>
  <si>
    <t>NUSRAT SHAHZADI</t>
  </si>
  <si>
    <t>GGPS DERA UMER HAYAT WALA</t>
  </si>
  <si>
    <t>DHAIR UMAID ALI SHAH - FEMALE</t>
  </si>
  <si>
    <t>DERA UMER HAYAT WALA</t>
  </si>
  <si>
    <t>GHULAM QASIM KHAN</t>
  </si>
  <si>
    <t>GGPS DHOK QAZI (PSSP-III)</t>
  </si>
  <si>
    <t>DHOK QAZI</t>
  </si>
  <si>
    <t>Qazi abad</t>
  </si>
  <si>
    <t>Fateh al Mubeen</t>
  </si>
  <si>
    <t>GGPS DERA SADIQ SHALOLY</t>
  </si>
  <si>
    <t>MITHA TIWNA</t>
  </si>
  <si>
    <t>DERA SADIQ SHALOLY</t>
  </si>
  <si>
    <t>MITHA TIWANA SHUMALI</t>
  </si>
  <si>
    <t>GPS JHLLAR KORIAN</t>
  </si>
  <si>
    <t>WARBURTON - MALE</t>
  </si>
  <si>
    <t>JHLLAR KORIAN</t>
  </si>
  <si>
    <t>NOURIBBNA PARVEEN</t>
  </si>
  <si>
    <t>GPS DERA NOOR</t>
  </si>
  <si>
    <t>GGPS (PSSP-II) 5 MARALA SCHEME KHAN PUR</t>
  </si>
  <si>
    <t>BHANJAR</t>
  </si>
  <si>
    <t>ALAM PUR</t>
  </si>
  <si>
    <t>GGPS BUNGWALA PO MULHAL MUGHLAN</t>
  </si>
  <si>
    <t>BUNGWALA</t>
  </si>
  <si>
    <t>UZMA RABBANI</t>
  </si>
  <si>
    <t>GGCMS DERA FATEH MUHAMMAD</t>
  </si>
  <si>
    <t>NASIR PUR KALAN</t>
  </si>
  <si>
    <t>ZARINA KALOOM</t>
  </si>
  <si>
    <t>GGPS LANGRIAL (PSSP-III)</t>
  </si>
  <si>
    <t>Nadia bibi</t>
  </si>
  <si>
    <t>GPS LOT NO.14 RANGPUR</t>
  </si>
  <si>
    <t>NOOR PUR (WEST) (MALE)</t>
  </si>
  <si>
    <t>RAHDARI</t>
  </si>
  <si>
    <t>LOT NO. 14</t>
  </si>
  <si>
    <t>SAMINA SHAFI</t>
  </si>
  <si>
    <t>GPS CHAK NO.193/WB</t>
  </si>
  <si>
    <t>CHAK NO 193 WB</t>
  </si>
  <si>
    <t>193/WB</t>
  </si>
  <si>
    <t>195 WB</t>
  </si>
  <si>
    <t>SHAMIM MAI</t>
  </si>
  <si>
    <t>GGPS MODEL DOULAT PUR KADEEM</t>
  </si>
  <si>
    <t>DOULAT PUR KADEEM</t>
  </si>
  <si>
    <t>GGPS MODEL  DOULAT PUR KADEEM</t>
  </si>
  <si>
    <t>RIZWANA BASHIR</t>
  </si>
  <si>
    <t>GGPS DHOLA</t>
  </si>
  <si>
    <t>DHOLA</t>
  </si>
  <si>
    <t>KHAN KHASA</t>
  </si>
  <si>
    <t>khan khasa</t>
  </si>
  <si>
    <t>GGPS MASOOM PUR KALAN</t>
  </si>
  <si>
    <t>MASOOM PUR KALAN</t>
  </si>
  <si>
    <t>MASOOM  PUR</t>
  </si>
  <si>
    <t>SHUMAILA KOUSAR</t>
  </si>
  <si>
    <t>GPS MIANA CHAK</t>
  </si>
  <si>
    <t>MIANA CHAK</t>
  </si>
  <si>
    <t>GHARMALA</t>
  </si>
  <si>
    <t>MEHWISH ANSAR</t>
  </si>
  <si>
    <t>GES BASTI DULL</t>
  </si>
  <si>
    <t>LAL SAGOO-MALE</t>
  </si>
  <si>
    <t>CAHK MUGHAL</t>
  </si>
  <si>
    <t>GPS BASTI DULL</t>
  </si>
  <si>
    <t>BASTI DULL</t>
  </si>
  <si>
    <t>WAHIND SARMANI</t>
  </si>
  <si>
    <t>BASTI QAZI WALA</t>
  </si>
  <si>
    <t>FAREED ABAD</t>
  </si>
  <si>
    <t>SAFIA KHALID</t>
  </si>
  <si>
    <t>GGPS 62/GB-EAST-I</t>
  </si>
  <si>
    <t>MUQADAS DAWOOD KHAN</t>
  </si>
  <si>
    <t>GPS MANZOOR ABAD (PSSP)</t>
  </si>
  <si>
    <t>MANZOOR ABAD</t>
  </si>
  <si>
    <t>NAZIA AKHTAR</t>
  </si>
  <si>
    <t>GPS 4/RMK</t>
  </si>
  <si>
    <t>4 RMK</t>
  </si>
  <si>
    <t>SAEED AHMED SADIQUI</t>
  </si>
  <si>
    <t>GPS PAKHOKI</t>
  </si>
  <si>
    <t>PAKHOKI</t>
  </si>
  <si>
    <t>JUNAID ASHRAF</t>
  </si>
  <si>
    <t>GPS GHARARAH</t>
  </si>
  <si>
    <t>GHARARAH</t>
  </si>
  <si>
    <t>karianwala 1</t>
  </si>
  <si>
    <t>bushra</t>
  </si>
  <si>
    <t>GGPS 184/9-L</t>
  </si>
  <si>
    <t>184/9-L</t>
  </si>
  <si>
    <t>6/11-L</t>
  </si>
  <si>
    <t>MAFIYA SALMAN</t>
  </si>
  <si>
    <t>GPS DERA AHMED KHAN</t>
  </si>
  <si>
    <t>DERA AHMAD KHAN</t>
  </si>
  <si>
    <t>GPS CHAK NO. 34 MALIKWAL</t>
  </si>
  <si>
    <t>CHAK 34</t>
  </si>
  <si>
    <t>CHAK NO. 34</t>
  </si>
  <si>
    <t>DUFFAR</t>
  </si>
  <si>
    <t>IFFAT ARIF</t>
  </si>
  <si>
    <t>GGPS DHOK FALIK SHER CHAKRALA</t>
  </si>
  <si>
    <t>DHOK PEER DAD</t>
  </si>
  <si>
    <t>THAMAY WALI</t>
  </si>
  <si>
    <t>GGPS BARKA KHURD</t>
  </si>
  <si>
    <t>BARKA KHURD</t>
  </si>
  <si>
    <t>BILAL AHMAD</t>
  </si>
  <si>
    <t>GES KASSANA</t>
  </si>
  <si>
    <t>KASSANA</t>
  </si>
  <si>
    <t>kasana</t>
  </si>
  <si>
    <t>Hafiz M. Hassian Raza</t>
  </si>
  <si>
    <t>GPS ADRA KHURD</t>
  </si>
  <si>
    <t>ADRA KHURD</t>
  </si>
  <si>
    <t>ANILA KOUSAR</t>
  </si>
  <si>
    <t>GGPS KACK</t>
  </si>
  <si>
    <t>KACK</t>
  </si>
  <si>
    <t>KAK</t>
  </si>
  <si>
    <t>SANA SAGHIR</t>
  </si>
  <si>
    <t>GPS (PSSP-II) SHOHAN</t>
  </si>
  <si>
    <t>CHOTTAN</t>
  </si>
  <si>
    <t>KALSOOM FATIMA</t>
  </si>
  <si>
    <t>GPS THEHRI PO DODHA</t>
  </si>
  <si>
    <t>THEHRI</t>
  </si>
  <si>
    <t>FARHAT NOUREEN</t>
  </si>
  <si>
    <t>GMPS GHUMNANA</t>
  </si>
  <si>
    <t>GHUMANA BOSAL</t>
  </si>
  <si>
    <t>PO BOSAL SUKHAR, GMPS GHUMNANA</t>
  </si>
  <si>
    <t>MEHVISH BATOOL</t>
  </si>
  <si>
    <t>GPS CHAK HAIDER ABAD</t>
  </si>
  <si>
    <t>RUBINA ASLAM</t>
  </si>
  <si>
    <t>GGPS OUT SIDE BABLIANA (Shifted from Kasur To Lahore)</t>
  </si>
  <si>
    <t>BABLIANA</t>
  </si>
  <si>
    <t>SHUMAILA ASGHAR</t>
  </si>
  <si>
    <t>GPS KOT BABA UJAGAR</t>
  </si>
  <si>
    <t>KOT BABA UJAGAR</t>
  </si>
  <si>
    <t>KANWEEN</t>
  </si>
  <si>
    <t>MUHAMMAD PARVAIZ</t>
  </si>
  <si>
    <t>GPS ARABIC GOTH BAJAN</t>
  </si>
  <si>
    <t>GOTH GHANI - MALE</t>
  </si>
  <si>
    <t>BWP CITY-IX</t>
  </si>
  <si>
    <t>BUSHRA YOUNAS</t>
  </si>
  <si>
    <t>GPS 88/6-R EAST</t>
  </si>
  <si>
    <t>CHAK NO.88 /6-REAST</t>
  </si>
  <si>
    <t>88/6-R</t>
  </si>
  <si>
    <t>FARHAT ASLAM</t>
  </si>
  <si>
    <t>GPS CHAK 325 GB I</t>
  </si>
  <si>
    <t>CHAK NO 325 GB I</t>
  </si>
  <si>
    <t>325 GB</t>
  </si>
  <si>
    <t>CHAK 326 GB</t>
  </si>
  <si>
    <t>FAIZA IQBAL</t>
  </si>
  <si>
    <t>GGPS HUJJO</t>
  </si>
  <si>
    <t>HAJJO</t>
  </si>
  <si>
    <t>HUJJO</t>
  </si>
  <si>
    <t>SANA KAINAT</t>
  </si>
  <si>
    <t>GGPS (PSSP-I) 182 WB</t>
  </si>
  <si>
    <t>182WB</t>
  </si>
  <si>
    <t>182 WB</t>
  </si>
  <si>
    <t>GMPS MUSA PUR</t>
  </si>
  <si>
    <t>GUJRANWALA SADAR-2 - FEMAL</t>
  </si>
  <si>
    <t>BOTALA SHARAM SINGH</t>
  </si>
  <si>
    <t>KALSOOM ASLAM</t>
  </si>
  <si>
    <t>GGPS CHAK NO. 659 GB II KHOTHI</t>
  </si>
  <si>
    <t>KOTHI 659</t>
  </si>
  <si>
    <t>CHUGHAL PURA</t>
  </si>
  <si>
    <t>FAIZA MARYAM</t>
  </si>
  <si>
    <t>GPS NO. 2 ADHI KOT</t>
  </si>
  <si>
    <t>NOORPUR NORTH - MALE</t>
  </si>
  <si>
    <t>ADHI KOT</t>
  </si>
  <si>
    <t>QASIAR HAFEEZ</t>
  </si>
  <si>
    <t>GGPS CHAK PIRO WALA</t>
  </si>
  <si>
    <t>RAHK PIROWALA</t>
  </si>
  <si>
    <t>BASTI UNER</t>
  </si>
  <si>
    <t>MEMONA RAHEEM</t>
  </si>
  <si>
    <t>GPS MC KOT MOLVI ABDUL QADIR</t>
  </si>
  <si>
    <t>KASUR CITY - MALE</t>
  </si>
  <si>
    <t>BAGAR KOT</t>
  </si>
  <si>
    <t>KASUR-V</t>
  </si>
  <si>
    <t>GGPS MANZOOR ABAD</t>
  </si>
  <si>
    <t>GULZAR BIBI</t>
  </si>
  <si>
    <t>GPS MAJUAH</t>
  </si>
  <si>
    <t>MAJUAH</t>
  </si>
  <si>
    <t>MUKHTIAR AHMAD</t>
  </si>
  <si>
    <t>GGPS NAI BASTI BAGHBAN PURA</t>
  </si>
  <si>
    <t>NAI BASTI BAGHBAN PURA</t>
  </si>
  <si>
    <t>KHUDIAN BEROON</t>
  </si>
  <si>
    <t>NAILA IDRESS</t>
  </si>
  <si>
    <t>GGPS ZAMAN COLONY</t>
  </si>
  <si>
    <t>ZAMAN COLONY</t>
  </si>
  <si>
    <t>KOT RANJEET</t>
  </si>
  <si>
    <t>NILAM SHAHZADI</t>
  </si>
  <si>
    <t>GGPS KHARKHRA</t>
  </si>
  <si>
    <t>KHARKHRA</t>
  </si>
  <si>
    <t>TABASSUM RASHEED</t>
  </si>
  <si>
    <t>GES FATTO CHAK</t>
  </si>
  <si>
    <t>FATU CHAK</t>
  </si>
  <si>
    <t>FATTO CHAK</t>
  </si>
  <si>
    <t>PHAGWARI</t>
  </si>
  <si>
    <t>MEHWISH NASEEM</t>
  </si>
  <si>
    <t>GGPS KHANGRAN WALA</t>
  </si>
  <si>
    <t>KHINGRAN WALI</t>
  </si>
  <si>
    <t>KHUDIAN BAROON</t>
  </si>
  <si>
    <t>SHUMAILA SHARIF</t>
  </si>
  <si>
    <t>GGPS CHAK NO. 21/1-RB (PSSP)</t>
  </si>
  <si>
    <t>21/1RB</t>
  </si>
  <si>
    <t>21/1.RB</t>
  </si>
  <si>
    <t>5/1-RA</t>
  </si>
  <si>
    <t>GPS BASTI JORA NAUL</t>
  </si>
  <si>
    <t>KHUDIAN KHAS - MALE</t>
  </si>
  <si>
    <t>BASTI JORA NAUL</t>
  </si>
  <si>
    <t>OLAKH HITHAR</t>
  </si>
  <si>
    <t>ARSALA SALEEM</t>
  </si>
  <si>
    <t>GPS SUJOWAL</t>
  </si>
  <si>
    <t>SALMA SALEEM</t>
  </si>
  <si>
    <t>GPS DHEER DA DOGRAN</t>
  </si>
  <si>
    <t>DHEER DA DOGRAN</t>
  </si>
  <si>
    <t>NAZIA NAZIR</t>
  </si>
  <si>
    <t>GPS DHINGRI WALA P/O CHEENA OTAR</t>
  </si>
  <si>
    <t>DHINGRI WALA</t>
  </si>
  <si>
    <t>YASMEEN TAHIRA</t>
  </si>
  <si>
    <t>GGPS SOMMU</t>
  </si>
  <si>
    <t>SOMMU</t>
  </si>
  <si>
    <t>SAMMU</t>
  </si>
  <si>
    <t>AMBER NASEER</t>
  </si>
  <si>
    <t>GPS ALLO MULTAN</t>
  </si>
  <si>
    <t>ALLO MULTAN</t>
  </si>
  <si>
    <t>UME HABIBA</t>
  </si>
  <si>
    <t>GMPS SUKMAL</t>
  </si>
  <si>
    <t>SUKMAL</t>
  </si>
  <si>
    <t>SARWAT QAYUM</t>
  </si>
  <si>
    <t>GGPS BASTI HALAILI WALA</t>
  </si>
  <si>
    <t>CHAK NAU ABAD</t>
  </si>
  <si>
    <t>BASTI HALILI WALA</t>
  </si>
  <si>
    <t>SERISH AGHAR</t>
  </si>
  <si>
    <t>GGPS LADHAY WALA VIRKAN</t>
  </si>
  <si>
    <t>LADHAY WALA VIRKAN</t>
  </si>
  <si>
    <t>SABA YOUSAF</t>
  </si>
  <si>
    <t>GGPS DAHER</t>
  </si>
  <si>
    <t>DAHER</t>
  </si>
  <si>
    <t>SABA JAVED</t>
  </si>
  <si>
    <t>GGPS SARWAR ABAD</t>
  </si>
  <si>
    <t>GHARI SULTAN SHAH</t>
  </si>
  <si>
    <t>FARZANA FAREED</t>
  </si>
  <si>
    <t>GPS LADHEWALA VIRKAN</t>
  </si>
  <si>
    <t>LADHEWALA VIRKAN</t>
  </si>
  <si>
    <t>SAJIDA ASLAM</t>
  </si>
  <si>
    <t>GPS BASTI PIRHAR</t>
  </si>
  <si>
    <t>BASTI PIR BAHAR</t>
  </si>
  <si>
    <t>ABIDA RASHEED</t>
  </si>
  <si>
    <t>GPS MARI CHAHLAN</t>
  </si>
  <si>
    <t>MARI CHAHLAN</t>
  </si>
  <si>
    <t>GPS LULAR</t>
  </si>
  <si>
    <t>LULAR</t>
  </si>
  <si>
    <t>MALO MEHY</t>
  </si>
  <si>
    <t>MEHWISH IQBAL</t>
  </si>
  <si>
    <t>GRW-CITY-34</t>
  </si>
  <si>
    <t>GMPS SONWAH</t>
  </si>
  <si>
    <t>SOON WAH</t>
  </si>
  <si>
    <t>SUNWAH</t>
  </si>
  <si>
    <t>MAQSOOD AHMAD</t>
  </si>
  <si>
    <t>GGPS BHOPAL PUR MANJLAH</t>
  </si>
  <si>
    <t>BHOPAL PUR MANJLAH</t>
  </si>
  <si>
    <t>CHAK AMRU</t>
  </si>
  <si>
    <t>huma itrat naz</t>
  </si>
  <si>
    <t>GPS FAZILPUR NO. 2</t>
  </si>
  <si>
    <t>RASHIDA ASHGAR</t>
  </si>
  <si>
    <t>GGPS THATH LAKHI</t>
  </si>
  <si>
    <t>THATHA LAHI</t>
  </si>
  <si>
    <t>SIDRA NASEEM</t>
  </si>
  <si>
    <t>GPS CHOURA RAJPUTAN</t>
  </si>
  <si>
    <t>CHOURA RAJPUTAN</t>
  </si>
  <si>
    <t>GPS DHENDH SAY</t>
  </si>
  <si>
    <t>DHENDHSAY</t>
  </si>
  <si>
    <t>DHENDH SAY</t>
  </si>
  <si>
    <t>SEERAT</t>
  </si>
  <si>
    <t>GPS FAIZ MUHAMMAD LASHARI</t>
  </si>
  <si>
    <t>CHAK AHMDANI</t>
  </si>
  <si>
    <t>FAIZ MUHAMMAD</t>
  </si>
  <si>
    <t>AYAT ULLAH</t>
  </si>
  <si>
    <t>GMPS HABIB ABAD</t>
  </si>
  <si>
    <t>HABIB ABAD</t>
  </si>
  <si>
    <t>KANDAN SIAN</t>
  </si>
  <si>
    <t>GGPS KOTLI MUGHLANI</t>
  </si>
  <si>
    <t>KLASWALA - FEMALE</t>
  </si>
  <si>
    <t>KOTLI MUGHLANI</t>
  </si>
  <si>
    <t>SADIA SHAMSHAD</t>
  </si>
  <si>
    <t>CHAK AHAMDANI</t>
  </si>
  <si>
    <t>BASTI HASIL MACHI</t>
  </si>
  <si>
    <t>MUHAMMAD SADIQ</t>
  </si>
  <si>
    <t>GMMS CHOURA RAJPUTTAN ADDA</t>
  </si>
  <si>
    <t>CHOURA  RAJPUTTAN  ADDA</t>
  </si>
  <si>
    <t>CHOURA RAJPUTTAN ADDA</t>
  </si>
  <si>
    <t>SADIA ALI</t>
  </si>
  <si>
    <t>GGPS RAQBA LUNDAN NO 2</t>
  </si>
  <si>
    <t>HARRAND  FEMALE</t>
  </si>
  <si>
    <t>KOTLI JAMALI</t>
  </si>
  <si>
    <t>KOTLI JAMAL</t>
  </si>
  <si>
    <t>TIBBI LUNDAN</t>
  </si>
  <si>
    <t>GGPS JATWAL KHURD</t>
  </si>
  <si>
    <t>JATWAL KHURD</t>
  </si>
  <si>
    <t>jamila ishtaq</t>
  </si>
  <si>
    <t>GGPS GHURKAY</t>
  </si>
  <si>
    <t>GHURKAY</t>
  </si>
  <si>
    <t>GHATALIAN</t>
  </si>
  <si>
    <t>FAREEHA NOOR</t>
  </si>
  <si>
    <t>GPS LASHKRI WALA</t>
  </si>
  <si>
    <t>LASHKRI WALA</t>
  </si>
  <si>
    <t>ASIMA HASHMAT</t>
  </si>
  <si>
    <t>GPS BAWAY WALA</t>
  </si>
  <si>
    <t>BAWAY WALA</t>
  </si>
  <si>
    <t>IQRA</t>
  </si>
  <si>
    <t>GGPS MOHALLA ALKANI</t>
  </si>
  <si>
    <t>MNEGHAT FATIMA</t>
  </si>
  <si>
    <t>GGPS LALA SYEDA</t>
  </si>
  <si>
    <t>LALA SYEDA</t>
  </si>
  <si>
    <t>AQSA</t>
  </si>
  <si>
    <t>GGPS TAJPURA</t>
  </si>
  <si>
    <t>SANA SUBA</t>
  </si>
  <si>
    <t>CHAK SHAH PUR</t>
  </si>
  <si>
    <t>NIZAM ABAD</t>
  </si>
  <si>
    <t>SHAHEEN ANJUM</t>
  </si>
  <si>
    <t>GGMPS NAKI GUJRAN</t>
  </si>
  <si>
    <t>NAKE GUJRAN</t>
  </si>
  <si>
    <t>fozia anwar</t>
  </si>
  <si>
    <t>GPS BASTI SHAMIR</t>
  </si>
  <si>
    <t>BASTI SHAMIR</t>
  </si>
  <si>
    <t>MUJHAID IQBAL</t>
  </si>
  <si>
    <t>GGPS BAKHI DI MAIRH</t>
  </si>
  <si>
    <t>GARKANA WAZIRI</t>
  </si>
  <si>
    <t>BUKHI DI MAIRH</t>
  </si>
  <si>
    <t>MEHREEN SHAHID</t>
  </si>
  <si>
    <t>GMPS JEOWALI</t>
  </si>
  <si>
    <t>JEOWALI</t>
  </si>
  <si>
    <t>FARZANA MUHAMMAD ALI</t>
  </si>
  <si>
    <t>GPS JALAL PURA</t>
  </si>
  <si>
    <t>JALAL PURA</t>
  </si>
  <si>
    <t>ANSA</t>
  </si>
  <si>
    <t>GPS GHULAM QADIR KISHANI</t>
  </si>
  <si>
    <t>HANMOO WALA</t>
  </si>
  <si>
    <t>HANMOON WALA</t>
  </si>
  <si>
    <t>KAUSAR PARVEEN</t>
  </si>
  <si>
    <t>GGPS LANDRA</t>
  </si>
  <si>
    <t>LANDRA</t>
  </si>
  <si>
    <t>GMPS VINI KHOSA</t>
  </si>
  <si>
    <t>VENI KHOSA</t>
  </si>
  <si>
    <t>MUHAMMAD JHANGIR</t>
  </si>
  <si>
    <t>GPS CHAK NO.100 NB .........PSSP.........</t>
  </si>
  <si>
    <t>CHAK NO.100 NB</t>
  </si>
  <si>
    <t>AZMAT NAZIR</t>
  </si>
  <si>
    <t>GGPS DHOK MOSTAL NO. 2</t>
  </si>
  <si>
    <t>CHAKRALAA</t>
  </si>
  <si>
    <t>DHOK MOSTAL</t>
  </si>
  <si>
    <t>DHOK MUSTAL</t>
  </si>
  <si>
    <t>KAFAYAT  ULLAH</t>
  </si>
  <si>
    <t>GGPS BAKHWALA (PSSP-III)</t>
  </si>
  <si>
    <t>BAKHWALA</t>
  </si>
  <si>
    <t>Bakhwala</t>
  </si>
  <si>
    <t>Shams un Nisa</t>
  </si>
  <si>
    <t>GPS WALLAY WALA</t>
  </si>
  <si>
    <t>WALLAY WALA</t>
  </si>
  <si>
    <t>GULNAZ SHARIF</t>
  </si>
  <si>
    <t>GPS (PSSP-II) KHAN PUR NO 2</t>
  </si>
  <si>
    <t>SAMINA BATOOL</t>
  </si>
  <si>
    <t>GGPS SHAH PUR JATTAN</t>
  </si>
  <si>
    <t>SHAH PUR JATTAN</t>
  </si>
  <si>
    <t>shamila Araf</t>
  </si>
  <si>
    <t>GPS AWAN ABAD</t>
  </si>
  <si>
    <t>CHAK NO 104-SB</t>
  </si>
  <si>
    <t>AWAN ABAD</t>
  </si>
  <si>
    <t>CHAK 109/SB</t>
  </si>
  <si>
    <t>FOZIA SHAHEEN</t>
  </si>
  <si>
    <t>GPS NAGORE</t>
  </si>
  <si>
    <t>NAGOR</t>
  </si>
  <si>
    <t>NAGORE</t>
  </si>
  <si>
    <t>SAIMA MUMTAZ</t>
  </si>
  <si>
    <t>GGPS DHOK SHAHOO</t>
  </si>
  <si>
    <t>DHOK SHAHOO</t>
  </si>
  <si>
    <t>SHUMAILA JABEEN</t>
  </si>
  <si>
    <t>GPS MEHRAN WALI</t>
  </si>
  <si>
    <t>DERA MASTI - MALE</t>
  </si>
  <si>
    <t>RAFIA BIBI</t>
  </si>
  <si>
    <t>GPS MALOOK WARBUTTON</t>
  </si>
  <si>
    <t>MALOOK</t>
  </si>
  <si>
    <t>RABIA RIASAT</t>
  </si>
  <si>
    <t>GPS BASTI MUHAMMAD AKRAM</t>
  </si>
  <si>
    <t>MACHKA</t>
  </si>
  <si>
    <t>BASTI MUHAMMAD AKRAM</t>
  </si>
  <si>
    <t>NADIA TALIB</t>
  </si>
  <si>
    <t>GGPS BASTI HAJO</t>
  </si>
  <si>
    <t>HAJO</t>
  </si>
  <si>
    <t>RAQBA NOSHERA WEST</t>
  </si>
  <si>
    <t>HUMAIRA SAMAD</t>
  </si>
  <si>
    <t>GGPS BUN BAJWA NEW</t>
  </si>
  <si>
    <t>BUN BAJWA</t>
  </si>
  <si>
    <t>BAN BAJWA</t>
  </si>
  <si>
    <t>RIASAT</t>
  </si>
  <si>
    <t>GPS TANVARI NO. 2</t>
  </si>
  <si>
    <t>BASTI TANWRI</t>
  </si>
  <si>
    <t>BUSHRA AJMAL</t>
  </si>
  <si>
    <t>GPS CHAK 75 GB</t>
  </si>
  <si>
    <t>MUMDOT WALA</t>
  </si>
  <si>
    <t>CHAK NO. 75 GB</t>
  </si>
  <si>
    <t>SHAKEELA AKBAR</t>
  </si>
  <si>
    <t>GPS FARIDON ABAD</t>
  </si>
  <si>
    <t>FARIDON ABAD</t>
  </si>
  <si>
    <t>FARIDABAD</t>
  </si>
  <si>
    <t>292/RB JHUGIAN</t>
  </si>
  <si>
    <t>GGPS RUKH TARAGHAR</t>
  </si>
  <si>
    <t>RAKH TARAGHAR</t>
  </si>
  <si>
    <t>AREEBA ASAD</t>
  </si>
  <si>
    <t>GMPS VAINCE UNCHA</t>
  </si>
  <si>
    <t>VAINCE UNCHA</t>
  </si>
  <si>
    <t>GMPS VAINCE UNCHA P.O DALOWALI</t>
  </si>
  <si>
    <t>SHABAN ASGHAR</t>
  </si>
  <si>
    <t>GPS SHAH KAMIR</t>
  </si>
  <si>
    <t>SHAH KAMIR</t>
  </si>
  <si>
    <t>SADAF NADEEM</t>
  </si>
  <si>
    <t>GPS CHAK NO 240 RB II</t>
  </si>
  <si>
    <t>KHOJAWALA</t>
  </si>
  <si>
    <t>CHAK NO. 240 RB</t>
  </si>
  <si>
    <t>5298</t>
  </si>
  <si>
    <t>GGPS TOUNKEN</t>
  </si>
  <si>
    <t>SAHALIA - FEMALE</t>
  </si>
  <si>
    <t>TONKEN</t>
  </si>
  <si>
    <t>GGPS TOUNKEN P.O GUL BAHAR KHURD</t>
  </si>
  <si>
    <t>KAMAN WALA</t>
  </si>
  <si>
    <t>ASMA</t>
  </si>
  <si>
    <t>GPS CHAK 240 RB III FSD</t>
  </si>
  <si>
    <t>240 III</t>
  </si>
  <si>
    <t>CHAK NO. 240 RB III</t>
  </si>
  <si>
    <t>REHAN KOSAR</t>
  </si>
  <si>
    <t>GPS BASTI HUSSAIN KHAN PO SHAHANI</t>
  </si>
  <si>
    <t>DUKHARA</t>
  </si>
  <si>
    <t>HUSSAIN KHAN</t>
  </si>
  <si>
    <t>MUHAMMAD ASAD RAZA</t>
  </si>
  <si>
    <t>GGES MARI MANGO MAL</t>
  </si>
  <si>
    <t>GGPS MARI MANGO MAL</t>
  </si>
  <si>
    <t>ASMA TARIQ</t>
  </si>
  <si>
    <t>GGPS ALAWAL CHAK</t>
  </si>
  <si>
    <t>ALAWAL CHAK</t>
  </si>
  <si>
    <t>zunara kanwal</t>
  </si>
  <si>
    <t>GGPS 99 EB</t>
  </si>
  <si>
    <t>99 EB</t>
  </si>
  <si>
    <t>CHAK MEHDI KHAN</t>
  </si>
  <si>
    <t>GPS CHAK 227 RB EAST</t>
  </si>
  <si>
    <t>227RB</t>
  </si>
  <si>
    <t>GGPS CHOWK SHAH ABBAS NEAR NAU BAHAR CANAL, HEAD MULTAN</t>
  </si>
  <si>
    <t>SHAH ABBAS</t>
  </si>
  <si>
    <t>SUMBAL COLONY</t>
  </si>
  <si>
    <t>DERA BUDHU MALIK</t>
  </si>
  <si>
    <t>RUKHSANA HAMEED</t>
  </si>
  <si>
    <t>GGPS CHAK CHAUDHRIAN</t>
  </si>
  <si>
    <t>CHAK CHAUDHRIAN</t>
  </si>
  <si>
    <t>GMPS 30 KB P/O QABOOLA ARIFWALA</t>
  </si>
  <si>
    <t>30 KB</t>
  </si>
  <si>
    <t>30/KB</t>
  </si>
  <si>
    <t>YASMEEN JAVED</t>
  </si>
  <si>
    <t>GGPS GUL BAHAR KHURD</t>
  </si>
  <si>
    <t>GUL BAHAR KHURAD</t>
  </si>
  <si>
    <t>GUL BAHAR KHURD</t>
  </si>
  <si>
    <t>ANUM AHMED</t>
  </si>
  <si>
    <t>GGPS 396/GB II</t>
  </si>
  <si>
    <t>396/GB II</t>
  </si>
  <si>
    <t>CHAK NO. 396 GB II</t>
  </si>
  <si>
    <t>ANAM HABIB</t>
  </si>
  <si>
    <t>GPS DAULAT ABAD</t>
  </si>
  <si>
    <t>DAULAT ABAD</t>
  </si>
  <si>
    <t>DOLAT ABAD</t>
  </si>
  <si>
    <t>2194</t>
  </si>
  <si>
    <t>GPS NARYOUB</t>
  </si>
  <si>
    <t>TOLA BANGI KHEL - MALE</t>
  </si>
  <si>
    <t>POOS BANGHI KHEL</t>
  </si>
  <si>
    <t>TABBI SAR</t>
  </si>
  <si>
    <t>NARYOUB</t>
  </si>
  <si>
    <t>TOLA BANGI KHEL</t>
  </si>
  <si>
    <t>SHAZIA BAIGUM</t>
  </si>
  <si>
    <t>GGPS CHAH BHAGOO WALA</t>
  </si>
  <si>
    <t>CHAH BHAGOO WALA</t>
  </si>
  <si>
    <t>BHAGOO WALA</t>
  </si>
  <si>
    <t>JAMEELA SABRI</t>
  </si>
  <si>
    <t>GPS CHAK 398 GB WEST TANDLIANWALA</t>
  </si>
  <si>
    <t>398/GB W</t>
  </si>
  <si>
    <t>T WALA</t>
  </si>
  <si>
    <t>615 GB</t>
  </si>
  <si>
    <t>FARHANA SHARIF</t>
  </si>
  <si>
    <t>GMPS SHER JELANI</t>
  </si>
  <si>
    <t>SHER JELANI</t>
  </si>
  <si>
    <t>M TAHIR ABBAS</t>
  </si>
  <si>
    <t>GGPS AQIL PUR</t>
  </si>
  <si>
    <t>AQIL PUR</t>
  </si>
  <si>
    <t>AURANG ZAIB</t>
  </si>
  <si>
    <t>GGPS ALLAH YAR KHAN WALA</t>
  </si>
  <si>
    <t>DERA ALLAH YAR KHAN WALA</t>
  </si>
  <si>
    <t>QAISRA BIBI</t>
  </si>
  <si>
    <t>GPS MC NO. 4 PEER KARIAN</t>
  </si>
  <si>
    <t>PIR KARIAN</t>
  </si>
  <si>
    <t>MATLOOB ANWAR</t>
  </si>
  <si>
    <t>GGPS QADIR ABAD</t>
  </si>
  <si>
    <t>GGPS QADIR ABAD P.O. CANTT</t>
  </si>
  <si>
    <t>UROOSA BANO</t>
  </si>
  <si>
    <t>GGPS SHEER PUR</t>
  </si>
  <si>
    <t>SHEER PUR</t>
  </si>
  <si>
    <t>KOTLI LOHARAN</t>
  </si>
  <si>
    <t>GPS KOT NAHTO</t>
  </si>
  <si>
    <t>KOT NAHTO</t>
  </si>
  <si>
    <t>MUNDAYKI</t>
  </si>
  <si>
    <t>BUSHRA SIDDIQUE</t>
  </si>
  <si>
    <t>GPS QILA NIDHAN SING</t>
  </si>
  <si>
    <t>QILA NIDHAN SING</t>
  </si>
  <si>
    <t>ESSAN</t>
  </si>
  <si>
    <t>SOBIA SUKHA</t>
  </si>
  <si>
    <t>GGPS JHALAR</t>
  </si>
  <si>
    <t>NUSRAT ABBAS</t>
  </si>
  <si>
    <t>GPS GHOGHA</t>
  </si>
  <si>
    <t>GHOGHA</t>
  </si>
  <si>
    <t>TAHREEM ASHRAF</t>
  </si>
  <si>
    <t>GGPS CHAK NO 169 JB EAST *** PEF</t>
  </si>
  <si>
    <t>CHAK NO 169 JB EAST</t>
  </si>
  <si>
    <t>CHAK NO 169 AURA</t>
  </si>
  <si>
    <t>CHAK 169/JB</t>
  </si>
  <si>
    <t>ANAM NASIR</t>
  </si>
  <si>
    <t>GGPS GADOLLA</t>
  </si>
  <si>
    <t>GADOLLA</t>
  </si>
  <si>
    <t>GADOOLA</t>
  </si>
  <si>
    <t>MEHWISH IKRAM</t>
  </si>
  <si>
    <t>GPS CHAK 49/P (PSSP)</t>
  </si>
  <si>
    <t>CHAK 99 P</t>
  </si>
  <si>
    <t>Chak No. 49/P</t>
  </si>
  <si>
    <t>TEHMINA SHARIF</t>
  </si>
  <si>
    <t>GGPS PAKA KHAN PUR</t>
  </si>
  <si>
    <t>PAKA KHAN PUR</t>
  </si>
  <si>
    <t>GGPS CHAK NO 271 HR E</t>
  </si>
  <si>
    <t>CHAK NO 271 HR E</t>
  </si>
  <si>
    <t>Fida Alam</t>
  </si>
  <si>
    <t>GGPS SIKANDER ABAD</t>
  </si>
  <si>
    <t>MAKWAL HADEER</t>
  </si>
  <si>
    <t>SIKANDER ABAD</t>
  </si>
  <si>
    <t>BANDE SHAH</t>
  </si>
  <si>
    <t>RAFIQUE AHMED</t>
  </si>
  <si>
    <t>GPS DUBBAL</t>
  </si>
  <si>
    <t>DUBBAL</t>
  </si>
  <si>
    <t>MISBAH KOUSAR</t>
  </si>
  <si>
    <t>GGPS DHOK BAHAWAL BUKASH</t>
  </si>
  <si>
    <t>DHOKE BUX BAHAWAL</t>
  </si>
  <si>
    <t>TOBHA</t>
  </si>
  <si>
    <t>ADEEBA SEHRISH</t>
  </si>
  <si>
    <t>GGPS TASAWAR ABAD</t>
  </si>
  <si>
    <t>TASAWAR ABAD</t>
  </si>
  <si>
    <t>CHAK 18/NB</t>
  </si>
  <si>
    <t>SADQAT SALEEM</t>
  </si>
  <si>
    <t>GPS CHAK 123 GB</t>
  </si>
  <si>
    <t>CHAK NO. 123 GB</t>
  </si>
  <si>
    <t>NABILA SARWAR</t>
  </si>
  <si>
    <t>GPS CHAK NO. 52</t>
  </si>
  <si>
    <t>CHAK 52</t>
  </si>
  <si>
    <t>CHAK NO. 52</t>
  </si>
  <si>
    <t>ZAIB UN NISA</t>
  </si>
  <si>
    <t>GGPS HABIBA SIAL MULTAN</t>
  </si>
  <si>
    <t>CHA AWAY WALA</t>
  </si>
  <si>
    <t>CHAH AAWAY WALA</t>
  </si>
  <si>
    <t>SARISH RUBAB</t>
  </si>
  <si>
    <t>GGCMS 49/ EB</t>
  </si>
  <si>
    <t>QABOOLA  3 - FEMALE</t>
  </si>
  <si>
    <t>49/ EB</t>
  </si>
  <si>
    <t>CHAK 18/KB</t>
  </si>
  <si>
    <t>GGPS HAVELI BASHIR DAKHLI WARYIAT</t>
  </si>
  <si>
    <t>MIANA GONDAL -I- FEMALE</t>
  </si>
  <si>
    <t>HAVELI BASHIR</t>
  </si>
  <si>
    <t>WARRIAT</t>
  </si>
  <si>
    <t>WARYIAT</t>
  </si>
  <si>
    <t>SONIA EHSAN</t>
  </si>
  <si>
    <t>GMPS MOHSAN ABAD</t>
  </si>
  <si>
    <t>DAKHALI MATEELA</t>
  </si>
  <si>
    <t>DERA MALI ANA</t>
  </si>
  <si>
    <t>MATEELA</t>
  </si>
  <si>
    <t>ALIA ZAINAB</t>
  </si>
  <si>
    <t>GPS HAMU GHAKHAR</t>
  </si>
  <si>
    <t>HAMU GHAKHAR</t>
  </si>
  <si>
    <t>HAMU GHAKAR</t>
  </si>
  <si>
    <t>WAFA</t>
  </si>
  <si>
    <t>GGPS CHAK NO. 50</t>
  </si>
  <si>
    <t>CHAK NO 50</t>
  </si>
  <si>
    <t>CHAK NO. 50</t>
  </si>
  <si>
    <t>AMBREEN PERVEEN</t>
  </si>
  <si>
    <t>GPS CHAK 276 JB I</t>
  </si>
  <si>
    <t>276/JB</t>
  </si>
  <si>
    <t>276 JB</t>
  </si>
  <si>
    <t>275 JB</t>
  </si>
  <si>
    <t>MUHAMMAD SARWAR SALEEM</t>
  </si>
  <si>
    <t>GPS SANDHI WALA LODHRAN</t>
  </si>
  <si>
    <t>SANDHI WALA</t>
  </si>
  <si>
    <t>GGPS CHADHAR RANA WAHIN</t>
  </si>
  <si>
    <t>JADHAR GHREB ABAD</t>
  </si>
  <si>
    <t>RANA WAHIN</t>
  </si>
  <si>
    <t>MAJID HUSSAIN</t>
  </si>
  <si>
    <t>GGPS BALLO KHEL NO. 1 SHUMALI</t>
  </si>
  <si>
    <t>MIANWALI URBAN - FEMALE</t>
  </si>
  <si>
    <t>BALLO KHEL</t>
  </si>
  <si>
    <t>MIANWALI CITY</t>
  </si>
  <si>
    <t>GGPS CHORRIANA</t>
  </si>
  <si>
    <t>CHORRIANA</t>
  </si>
  <si>
    <t>Neda komal</t>
  </si>
  <si>
    <t>GPS MC PAKGATE NO. 2 MULTAN</t>
  </si>
  <si>
    <t>O/S PAK GATE</t>
  </si>
  <si>
    <t>PAK GATE</t>
  </si>
  <si>
    <t>QASAB PUR COLONY</t>
  </si>
  <si>
    <t>MUNAZA MURAD</t>
  </si>
  <si>
    <t>GGPS CHAK NO. 296 RB RAJAY WALA</t>
  </si>
  <si>
    <t>296 RB II</t>
  </si>
  <si>
    <t>233 RB</t>
  </si>
  <si>
    <t>RUBAB</t>
  </si>
  <si>
    <t>GPS RAKH DAFFER NO. 2 CHAK NO. 24</t>
  </si>
  <si>
    <t>SANAM AZAM</t>
  </si>
  <si>
    <t>GPS JALAL JAMMU</t>
  </si>
  <si>
    <t>JALAL JAMMU</t>
  </si>
  <si>
    <t>NOORA RATH</t>
  </si>
  <si>
    <t>M RAFIQUE QAISAR</t>
  </si>
  <si>
    <t>GPS ABDULLAH PUR</t>
  </si>
  <si>
    <t>ABDULLAH PUR</t>
  </si>
  <si>
    <t>NAVEED UR RAHMAN</t>
  </si>
  <si>
    <t>GPS CHAK NO.3 MR P/O MAKHDOOM RASHEED</t>
  </si>
  <si>
    <t>CHAK NO.13 MR</t>
  </si>
  <si>
    <t>3-MR</t>
  </si>
  <si>
    <t>YASMEEN AZIZ</t>
  </si>
  <si>
    <t>GPS CHAH POHRAN WALA</t>
  </si>
  <si>
    <t>CHAH POHRAN WALA</t>
  </si>
  <si>
    <t>AUSIA USMAN</t>
  </si>
  <si>
    <t>GPS BASTI OWNER</t>
  </si>
  <si>
    <t>OUNAR</t>
  </si>
  <si>
    <t>BASTI DANWAR</t>
  </si>
  <si>
    <t>GGPS GHALI NO. 1</t>
  </si>
  <si>
    <t>GHANI</t>
  </si>
  <si>
    <t>AQRA TEHREEM</t>
  </si>
  <si>
    <t>GPS SAHOO</t>
  </si>
  <si>
    <t>SAHOO</t>
  </si>
  <si>
    <t>JAND AWAN</t>
  </si>
  <si>
    <t>SAMEEZA MAZHAR</t>
  </si>
  <si>
    <t>HUNJRAI KALAN</t>
  </si>
  <si>
    <t>GGPS KOTLI KHUSHI MUHAMMAD</t>
  </si>
  <si>
    <t>GHAKHAR-1 - FEMAL</t>
  </si>
  <si>
    <t>KOTLI KHUSHI MUHAMMAD</t>
  </si>
  <si>
    <t>NATT KALAN</t>
  </si>
  <si>
    <t>MARYAM BIBI</t>
  </si>
  <si>
    <t>GPS BASTI HANBHI</t>
  </si>
  <si>
    <t>DAJAL NO. 1 - MALE</t>
  </si>
  <si>
    <t>BASTI HANBHI</t>
  </si>
  <si>
    <t>3373</t>
  </si>
  <si>
    <t>GPS AAQU PUR</t>
  </si>
  <si>
    <t>RETRA NO.2-M</t>
  </si>
  <si>
    <t>AAQUF PUR</t>
  </si>
  <si>
    <t>BASTI NASEER</t>
  </si>
  <si>
    <t>MUMTAZ RASOOL</t>
  </si>
  <si>
    <t>GGPS MODEL KOT MOLCHAND</t>
  </si>
  <si>
    <t>KOT MONCHAND</t>
  </si>
  <si>
    <t>KOT MOLCHAND</t>
  </si>
  <si>
    <t>BAIRA MOHEEB</t>
  </si>
  <si>
    <t>GGES TRANGRA</t>
  </si>
  <si>
    <t>TRANGRA</t>
  </si>
  <si>
    <t>GGPS TRANGRA</t>
  </si>
  <si>
    <t>ABIDA AKRAM</t>
  </si>
  <si>
    <t>GGPS CHANDAR</t>
  </si>
  <si>
    <t>JALHAN - FEMAL</t>
  </si>
  <si>
    <t>CHANDAR</t>
  </si>
  <si>
    <t>CHANDHAR</t>
  </si>
  <si>
    <t>JHALLAN</t>
  </si>
  <si>
    <t>GPS BHONI KE OTTAR</t>
  </si>
  <si>
    <t>BHONI KE OTHER</t>
  </si>
  <si>
    <t>GPS BASTI DALL</t>
  </si>
  <si>
    <t>PATI MACHI</t>
  </si>
  <si>
    <t>BASTI DALL</t>
  </si>
  <si>
    <t>GPS BAIT SAWAI NO 1</t>
  </si>
  <si>
    <t>BATI SAWAI</t>
  </si>
  <si>
    <t>IMRAN AHMAD</t>
  </si>
  <si>
    <t>GPS NUMBAL CHAK</t>
  </si>
  <si>
    <t>NUMBEL</t>
  </si>
  <si>
    <t>SAIGALABAD</t>
  </si>
  <si>
    <t>GGPS RAHIM PUR</t>
  </si>
  <si>
    <t>RAHIM PUR</t>
  </si>
  <si>
    <t>RAHEEM PUR</t>
  </si>
  <si>
    <t>TAFSHEELA FIAZ</t>
  </si>
  <si>
    <t>GPS KOT JALAL DIN</t>
  </si>
  <si>
    <t>KOT JALAL DIN</t>
  </si>
  <si>
    <t>SOFIA TAHIRA</t>
  </si>
  <si>
    <t>GPS BASTI MEO</t>
  </si>
  <si>
    <t>BASTI MEO</t>
  </si>
  <si>
    <t>QAZI JAMEEL AHAMD</t>
  </si>
  <si>
    <t>VANI</t>
  </si>
  <si>
    <t>GGPS BULKHEY</t>
  </si>
  <si>
    <t>BULKHEY</t>
  </si>
  <si>
    <t>CHAK NO. 39 UCC</t>
  </si>
  <si>
    <t>GGES DUDHUM KHURD</t>
  </si>
  <si>
    <t>DUDHUM KHURD</t>
  </si>
  <si>
    <t>GGPS DUDHUM KHURD</t>
  </si>
  <si>
    <t>DUDHAM KHURD</t>
  </si>
  <si>
    <t>MUSARAT BIBI</t>
  </si>
  <si>
    <t>GGPS KOT MINHAS</t>
  </si>
  <si>
    <t>KOT MINHAS</t>
  </si>
  <si>
    <t>KOT INAYAT KHAN</t>
  </si>
  <si>
    <t>SHABEENA BEGUM</t>
  </si>
  <si>
    <t>GPS LONG WALA</t>
  </si>
  <si>
    <t>FAIZA ABBAS</t>
  </si>
  <si>
    <t>GPS MUSLIM CHAK</t>
  </si>
  <si>
    <t>GUJRANWALA SADAR-1 - MAL</t>
  </si>
  <si>
    <t>MUSLIM CHAK</t>
  </si>
  <si>
    <t>SENSRA GORAYA</t>
  </si>
  <si>
    <t>TAHIRA SALEEM</t>
  </si>
  <si>
    <t>ASRAN</t>
  </si>
  <si>
    <t>GGPS MANDI PANDORY</t>
  </si>
  <si>
    <t>MANDI PANDORY</t>
  </si>
  <si>
    <t>MANDI PANDORI</t>
  </si>
  <si>
    <t>HASSAN HUSSAIN</t>
  </si>
  <si>
    <t>IMRANA SHAHZADI</t>
  </si>
  <si>
    <t>GGPS BASTI SARDAR KHAN</t>
  </si>
  <si>
    <t>BASTI SARDAR KHAN</t>
  </si>
  <si>
    <t>SHAGUFTA MEHBOOB</t>
  </si>
  <si>
    <t>KOTLI GUJRAN</t>
  </si>
  <si>
    <t>IQRA YASIN</t>
  </si>
  <si>
    <t>GMPS DERA NOOR ALAM</t>
  </si>
  <si>
    <t>DERA NOOR ALAM</t>
  </si>
  <si>
    <t>DHENSER PAIN</t>
  </si>
  <si>
    <t>SEHRISH SHABBIR</t>
  </si>
  <si>
    <t>GGPS KUTLOOHI KHURD</t>
  </si>
  <si>
    <t>KUTLOOHI KHURD</t>
  </si>
  <si>
    <t>AYESHA NASEER</t>
  </si>
  <si>
    <t>GMPS PILO</t>
  </si>
  <si>
    <t>PILO</t>
  </si>
  <si>
    <t>ALINA ASHRAF</t>
  </si>
  <si>
    <t>GPS BASTI NAHAR KHAN</t>
  </si>
  <si>
    <t>HARRAND (E) - MALE</t>
  </si>
  <si>
    <t>NEHAR KHAN</t>
  </si>
  <si>
    <t>GGES TAJPURA P/O JASSAR</t>
  </si>
  <si>
    <t>GGPS TAJPURA P/O JASSAR</t>
  </si>
  <si>
    <t>TAJ PURA</t>
  </si>
  <si>
    <t>QAYAM PUR</t>
  </si>
  <si>
    <t>ALIA FARDOUS</t>
  </si>
  <si>
    <t>GGPS CHAK NO.6/A (PSSP)</t>
  </si>
  <si>
    <t>CHAK NO.6/A</t>
  </si>
  <si>
    <t>CHAK 6/A</t>
  </si>
  <si>
    <t>GPS HURDOBURIAR NAU</t>
  </si>
  <si>
    <t>HURDOBURIAR</t>
  </si>
  <si>
    <t>HURDOBURIAR NAU</t>
  </si>
  <si>
    <t>SUMAIRA ANWAR</t>
  </si>
  <si>
    <t>GGCMS QAISER CHOHAN (PSSP)</t>
  </si>
  <si>
    <t>QAISER CHOHAN</t>
  </si>
  <si>
    <t>QAMAR CHOHAN</t>
  </si>
  <si>
    <t>SAFEENA SADDIQUE</t>
  </si>
  <si>
    <t>GPS MANHES</t>
  </si>
  <si>
    <t>MANHES</t>
  </si>
  <si>
    <t>SADHOKE</t>
  </si>
  <si>
    <t>IQRA SHAHBAZ</t>
  </si>
  <si>
    <t>GGPS AKBAR ABAD (PSSP)</t>
  </si>
  <si>
    <t>GGPS GUJAR PUNNU (PSSP)</t>
  </si>
  <si>
    <t>GUJJAR PUNN</t>
  </si>
  <si>
    <t>KOT MEHDI SHAH</t>
  </si>
  <si>
    <t>GPS MUD NAWAL</t>
  </si>
  <si>
    <t>DARGARI</t>
  </si>
  <si>
    <t>MUD NAWAL</t>
  </si>
  <si>
    <t>SHUMAILA BASHIR</t>
  </si>
  <si>
    <t>GGES PURANA WAHLA</t>
  </si>
  <si>
    <t>PURANA WAHLA</t>
  </si>
  <si>
    <t>NASEEM ASLAM</t>
  </si>
  <si>
    <t>GGPS DARGA PUR</t>
  </si>
  <si>
    <t>KAMOKE CITY-1 - FEMAL</t>
  </si>
  <si>
    <t>DARGA PUR</t>
  </si>
  <si>
    <t>FARWA</t>
  </si>
  <si>
    <t>GPS MAIN ADHAM (PSSP)</t>
  </si>
  <si>
    <t>CHATHA BHUTTA</t>
  </si>
  <si>
    <t>BASTI MIAN ADHAM</t>
  </si>
  <si>
    <t>JETHA BHUTTA</t>
  </si>
  <si>
    <t>FARZANA RAMZAN</t>
  </si>
  <si>
    <t>GPS KHUNDA</t>
  </si>
  <si>
    <t>ANILA RANI</t>
  </si>
  <si>
    <t>GPS GADDO KI PO KATLOHI KALAN</t>
  </si>
  <si>
    <t>GADDO KI</t>
  </si>
  <si>
    <t>IRUM RAFIQUE</t>
  </si>
  <si>
    <t>GGPS MUHAJAR COLONY ALLAH ABAD (PSSP)</t>
  </si>
  <si>
    <t>ALLAHA ABAD</t>
  </si>
  <si>
    <t>BASTI SONARAN</t>
  </si>
  <si>
    <t>GPS SOLUKHAN ABAD</t>
  </si>
  <si>
    <t>SOLU KHAN</t>
  </si>
  <si>
    <t>SOLUKHAN ABAD</t>
  </si>
  <si>
    <t>TALWANDI MUSA KHAN</t>
  </si>
  <si>
    <t>NAVEEDA BASHIR</t>
  </si>
  <si>
    <t>BHAMBHA</t>
  </si>
  <si>
    <t>BASTI DODA KHAN</t>
  </si>
  <si>
    <t>HASHMAT RASOOL QURESHI</t>
  </si>
  <si>
    <t>GGPS BASTI MALIK WAHID BUKASH (PSSP)</t>
  </si>
  <si>
    <t>BASTI WAHID BUX</t>
  </si>
  <si>
    <t>KHADIJA BIBI</t>
  </si>
  <si>
    <t>GGPS BEROON GADDOKI</t>
  </si>
  <si>
    <t>BEROOM GADDOKI</t>
  </si>
  <si>
    <t>AYESHA MEHMOOD</t>
  </si>
  <si>
    <t>GGPS BODLA</t>
  </si>
  <si>
    <t>BODLA</t>
  </si>
  <si>
    <t>GPS TATAR CHACHER ZAHIR PIR (PSSP)</t>
  </si>
  <si>
    <t>TATAR CHACHER</t>
  </si>
  <si>
    <t>MUHAMMAD SHAH</t>
  </si>
  <si>
    <t>ZAHIR PIR</t>
  </si>
  <si>
    <t>SIKANDER JUNAID</t>
  </si>
  <si>
    <t>GPS KOT BEHLAN</t>
  </si>
  <si>
    <t>KOT BEHLAN</t>
  </si>
  <si>
    <t>MARYAM KARAMAT</t>
  </si>
  <si>
    <t>GGPS FATEH MUHAMMAD ARAIN (PSSP)</t>
  </si>
  <si>
    <t>JAN PUR</t>
  </si>
  <si>
    <t>FATEH MUHAMMAD ARAIM</t>
  </si>
  <si>
    <t>KHALIDA BUKHARI</t>
  </si>
  <si>
    <t>GPS CHAK NO.92 SB</t>
  </si>
  <si>
    <t>CHAK NO.92 SB</t>
  </si>
  <si>
    <t>CHAK NO.96 SB</t>
  </si>
  <si>
    <t>GPS SHAH MURAD *** PEF</t>
  </si>
  <si>
    <t>MANDI SHAH JEWENA - MALE</t>
  </si>
  <si>
    <t>SHAH MURAD</t>
  </si>
  <si>
    <t>SAJID NAEEM</t>
  </si>
  <si>
    <t>GGPS KOT ESSA KHAN</t>
  </si>
  <si>
    <t>KOT ESSA KHAN</t>
  </si>
  <si>
    <t>BHOE ASAL</t>
  </si>
  <si>
    <t>NAHEED TABASSUM</t>
  </si>
  <si>
    <t>GGCMS DERA NASIR KA</t>
  </si>
  <si>
    <t>DERA NASIR KA</t>
  </si>
  <si>
    <t>GPS CHAK NO 79JB</t>
  </si>
  <si>
    <t>79/JB</t>
  </si>
  <si>
    <t>GPS CHAK NO 79GB</t>
  </si>
  <si>
    <t>CHAK NO. 79 JB</t>
  </si>
  <si>
    <t>78 JB</t>
  </si>
  <si>
    <t>GGPS JAYYA</t>
  </si>
  <si>
    <t>JAYYA</t>
  </si>
  <si>
    <t>ARJAMAND SARFARAZ</t>
  </si>
  <si>
    <t>GGPS JALAL SHAH WAL</t>
  </si>
  <si>
    <t>JALAL SHAH</t>
  </si>
  <si>
    <t>GGPS JALAL SHAH WALA</t>
  </si>
  <si>
    <t>BASTI JALAL SHAH</t>
  </si>
  <si>
    <t>MUHAMMAD ADNAN</t>
  </si>
  <si>
    <t>GPS GAAMEY KHAN PO PAKPATTAN</t>
  </si>
  <si>
    <t>GAAMEY KHAN</t>
  </si>
  <si>
    <t>GGPS MADDA KOTLI</t>
  </si>
  <si>
    <t>MADDA KOTLI</t>
  </si>
  <si>
    <t>madda kotli</t>
  </si>
  <si>
    <t>malik pur</t>
  </si>
  <si>
    <t>sumera ashraf</t>
  </si>
  <si>
    <t>GGPS DHUNI CHAND</t>
  </si>
  <si>
    <t>DHUNI CHAND</t>
  </si>
  <si>
    <t>IFRA</t>
  </si>
  <si>
    <t>GPS KOT DEENA</t>
  </si>
  <si>
    <t>KOT DEENA</t>
  </si>
  <si>
    <t>SOBIA MIRAJ</t>
  </si>
  <si>
    <t>GGPS NITHERKAY</t>
  </si>
  <si>
    <t>BABBAR - FEMAL</t>
  </si>
  <si>
    <t>NITHERKAY</t>
  </si>
  <si>
    <t>PHAMA SARAI</t>
  </si>
  <si>
    <t>GPS QILI JAMAL SINGH (PSSP)</t>
  </si>
  <si>
    <t>4/GD - MALE</t>
  </si>
  <si>
    <t>QILI JAMAL SINGH</t>
  </si>
  <si>
    <t>QILLI JAMAL SINGH</t>
  </si>
  <si>
    <t>ATTIQ UR REHMAN</t>
  </si>
  <si>
    <t>GGPS ABUL SHAH</t>
  </si>
  <si>
    <t>KABER SHAH</t>
  </si>
  <si>
    <t>BASTI ABDUL SHAH</t>
  </si>
  <si>
    <t>SHAREEN ZAHID</t>
  </si>
  <si>
    <t>GGES PASWAL</t>
  </si>
  <si>
    <t>KOT NAINAN</t>
  </si>
  <si>
    <t>SUMAIRA RIZWAN</t>
  </si>
  <si>
    <t>GGPS BASTI KOTLA NIAZI (PSSP)</t>
  </si>
  <si>
    <t>KOLA NIAZI</t>
  </si>
  <si>
    <t>KOTLA NIAZI</t>
  </si>
  <si>
    <t>NALLA MOSANI</t>
  </si>
  <si>
    <t>ANAM SAEED</t>
  </si>
  <si>
    <t>GPS QANDHARA SINGH (PSSP)</t>
  </si>
  <si>
    <t>BASTI QANDHARA</t>
  </si>
  <si>
    <t>84P</t>
  </si>
  <si>
    <t>FARHAT NASEER</t>
  </si>
  <si>
    <t>GPS HASILPUR (PSSP)</t>
  </si>
  <si>
    <t>BASTI JALAL PUR</t>
  </si>
  <si>
    <t>FARHAN FAREED</t>
  </si>
  <si>
    <t>GGPS GHAZI WALA</t>
  </si>
  <si>
    <t>MUTFARAQ CHAHAN</t>
  </si>
  <si>
    <t>GHAZI WALA</t>
  </si>
  <si>
    <t>SHAHIDA BIBI</t>
  </si>
  <si>
    <t>GGES MAHT PUR</t>
  </si>
  <si>
    <t>MAHT PUR</t>
  </si>
  <si>
    <t>GGPS MAHT PUR</t>
  </si>
  <si>
    <t>AFNAN RASOOL</t>
  </si>
  <si>
    <t>GGPS MC NO.30 GUJRANWALA</t>
  </si>
  <si>
    <t>FAZAL PURA</t>
  </si>
  <si>
    <t>BUSHRA ASIF</t>
  </si>
  <si>
    <t>GGPS CHAK NO. 127/NP (PSSP)</t>
  </si>
  <si>
    <t>CHAK 127/NP</t>
  </si>
  <si>
    <t>KHALIDA ISHAQ</t>
  </si>
  <si>
    <t>GPS QAZI ALLAH DIWAYA (PSSP)</t>
  </si>
  <si>
    <t>RAJAN PUR KALAN</t>
  </si>
  <si>
    <t>QAZI ALLAH DIWAYA</t>
  </si>
  <si>
    <t>LUBNA AKRAM</t>
  </si>
  <si>
    <t>GPS CHAK NO 1 GD (PSSP)</t>
  </si>
  <si>
    <t>1/G.D</t>
  </si>
  <si>
    <t>1/GD</t>
  </si>
  <si>
    <t>MOPALKAY</t>
  </si>
  <si>
    <t>ANUM ASHRAF</t>
  </si>
  <si>
    <t>GPS THAKLAN (PSSP)</t>
  </si>
  <si>
    <t>BASTI BAROHI BALOUCH</t>
  </si>
  <si>
    <t>EJAZ AHMED SIDDIQI</t>
  </si>
  <si>
    <t>GPS MEERAK SHARIF (PSSP)</t>
  </si>
  <si>
    <t>ABDUL REHMAN</t>
  </si>
  <si>
    <t>BASTI MERAK SHARIF</t>
  </si>
  <si>
    <t>SHAFQAT SAGHAR</t>
  </si>
  <si>
    <t>GGPS TURKKARI (PSSP)</t>
  </si>
  <si>
    <t>TURKKARI</t>
  </si>
  <si>
    <t>TURUKRI</t>
  </si>
  <si>
    <t>GGPS TARPI</t>
  </si>
  <si>
    <t>TARPI</t>
  </si>
  <si>
    <t>BHIRI KHURD</t>
  </si>
  <si>
    <t>HUMA NAZIR</t>
  </si>
  <si>
    <t>GGPS KOTLI KUPPA</t>
  </si>
  <si>
    <t>KOTLI KUPA</t>
  </si>
  <si>
    <t>GGPS KOTLI KUPPA P.O. KALLAH KALAN, DASKA , SIALKOT</t>
  </si>
  <si>
    <t>RAJA GHUMAN</t>
  </si>
  <si>
    <t>SABA MAALIK</t>
  </si>
  <si>
    <t>GPS KALAIRY</t>
  </si>
  <si>
    <t>SHAH SADAR DIN - MALE</t>
  </si>
  <si>
    <t>DHAHOO</t>
  </si>
  <si>
    <t>DAHOO</t>
  </si>
  <si>
    <t>MUHAMMAD AKMAL</t>
  </si>
  <si>
    <t>GGPS DHAR-E-OAT (PSSP)</t>
  </si>
  <si>
    <t>DHARI E OAT</t>
  </si>
  <si>
    <t>DHARY OAT</t>
  </si>
  <si>
    <t>TRANDA M. PANAH</t>
  </si>
  <si>
    <t>NADIA PERVEEN</t>
  </si>
  <si>
    <t>GPS BOHRAN (PSSP)</t>
  </si>
  <si>
    <t>BASTI BOHRAN</t>
  </si>
  <si>
    <t>WAHAB AHMED</t>
  </si>
  <si>
    <t>GPS HAJI AZEEM BAKHSH (PSSP)</t>
  </si>
  <si>
    <t>PULOO SHAH</t>
  </si>
  <si>
    <t>HAJI AZEEM BUX</t>
  </si>
  <si>
    <t>MUBASHIRA BATOOL</t>
  </si>
  <si>
    <t>GGPS 4/1AL KHURD (PSSP)</t>
  </si>
  <si>
    <t>4 1AL KHUARD</t>
  </si>
  <si>
    <t>TAHIRA SHARIF</t>
  </si>
  <si>
    <t>GGPS SAROOJ RAJPOOTAN</t>
  </si>
  <si>
    <t>SAROOJ RAJPOOTAN</t>
  </si>
  <si>
    <t>SAROOJ RAJPOTAN</t>
  </si>
  <si>
    <t>SHAKILA KOUSAR</t>
  </si>
  <si>
    <t>GPS RASOOL ABAD</t>
  </si>
  <si>
    <t>KOT MUBARAK-M</t>
  </si>
  <si>
    <t>PATTI SULTAN LASHARI</t>
  </si>
  <si>
    <t>PATI SULTAN LISHARI</t>
  </si>
  <si>
    <t>BAHADUR GARH</t>
  </si>
  <si>
    <t>GMPS ARSHAD ABAD (PSSP)</t>
  </si>
  <si>
    <t>ARSHAD ABAD</t>
  </si>
  <si>
    <t>BASTI ARSHAD ABAD</t>
  </si>
  <si>
    <t>SIRAJ AHMAD</t>
  </si>
  <si>
    <t>GMPS 24-1AL (PSSP)</t>
  </si>
  <si>
    <t>CHAK NO 24/1 A L</t>
  </si>
  <si>
    <t>24/1.AL</t>
  </si>
  <si>
    <t>22/1-AL</t>
  </si>
  <si>
    <t>GGPS DHEND SEY</t>
  </si>
  <si>
    <t>DHEND SEY</t>
  </si>
  <si>
    <t>MUBEEN KISHWAR</t>
  </si>
  <si>
    <t>GES CHAK EASAR</t>
  </si>
  <si>
    <t>CHAK EASAR</t>
  </si>
  <si>
    <t>IKRAM ULLAH</t>
  </si>
  <si>
    <t>GGPS BASTI PATHANAN (PSSP)</t>
  </si>
  <si>
    <t>SHEIKH WAHIN-FEMALE</t>
  </si>
  <si>
    <t>JUNAIDWALI</t>
  </si>
  <si>
    <t>BASTI PATHAN</t>
  </si>
  <si>
    <t>MIANWALI SHEIKHAN</t>
  </si>
  <si>
    <t>BAIZA IFTIKHAR</t>
  </si>
  <si>
    <t>GGPS DERA MAHMOOD CHAK 100 SB</t>
  </si>
  <si>
    <t>49-TAIL - FEMALE</t>
  </si>
  <si>
    <t>CHAK 100 SB</t>
  </si>
  <si>
    <t>CHAK 107 SB</t>
  </si>
  <si>
    <t>GPS RAJOHA VILL &amp; P.O RAJOHA</t>
  </si>
  <si>
    <t>RAJOHA</t>
  </si>
  <si>
    <t>GPS SHAIR GARWAN</t>
  </si>
  <si>
    <t>SHAIR GARWAN</t>
  </si>
  <si>
    <t>GPS CHAK NO.14 NORTH</t>
  </si>
  <si>
    <t>CHAK NO 14</t>
  </si>
  <si>
    <t>GGPS BEERH</t>
  </si>
  <si>
    <t>BEERH</t>
  </si>
  <si>
    <t>SAMIA RIAZ</t>
  </si>
  <si>
    <t>GGPS CHAK NO 213/9-R</t>
  </si>
  <si>
    <t>213-9R A</t>
  </si>
  <si>
    <t>CHAK NO 213/9-R</t>
  </si>
  <si>
    <t>sumera bibi</t>
  </si>
  <si>
    <t>GGPS DHOK PHULAHI (PSSP-I)</t>
  </si>
  <si>
    <t>DHOK PHULAHI</t>
  </si>
  <si>
    <t>Dhok Phulai</t>
  </si>
  <si>
    <t>GGPS (PSSP-II) CHEENA</t>
  </si>
  <si>
    <t>SHANZA YASEEN</t>
  </si>
  <si>
    <t>GPS MODEL DHOK FATEH ALI</t>
  </si>
  <si>
    <t>JAIRO RATIAL</t>
  </si>
  <si>
    <t>DHOK FATEH ALI</t>
  </si>
  <si>
    <t>NAFEESA BIBI</t>
  </si>
  <si>
    <t>GGPS CHAK 5/61</t>
  </si>
  <si>
    <t>CHAK NO 5/61</t>
  </si>
  <si>
    <t>CHAK 5/61</t>
  </si>
  <si>
    <t>MOAZAM ARSHAD</t>
  </si>
  <si>
    <t>4941</t>
  </si>
  <si>
    <t>GPS CHAK 329 GB</t>
  </si>
  <si>
    <t>CHAK NO 329 GB</t>
  </si>
  <si>
    <t>CHAK 329 GB</t>
  </si>
  <si>
    <t>CHAK 327 GB</t>
  </si>
  <si>
    <t>ANAS TARIQ</t>
  </si>
  <si>
    <t>GMPS KOTLA KHERAY KHAN (PSSP)</t>
  </si>
  <si>
    <t>BASTI ABDUL AZIZ</t>
  </si>
  <si>
    <t>TRANDA GORGAGE</t>
  </si>
  <si>
    <t>GGPS ISMAILKAY</t>
  </si>
  <si>
    <t>ISMAIL KAY</t>
  </si>
  <si>
    <t>GGPS ISMAILKAY P.O. WADALA SANDHUWAN, DASKA, SIALKOT</t>
  </si>
  <si>
    <t>WADALA SANDHUAN</t>
  </si>
  <si>
    <t>ABIDA SHAHEEN</t>
  </si>
  <si>
    <t>GGPS NOOR DIN DHANDO (PSSP)</t>
  </si>
  <si>
    <t>ABAD PUR - FEMALE</t>
  </si>
  <si>
    <t>BAIT MEER AHMAD</t>
  </si>
  <si>
    <t>NOOR DIN DANDO</t>
  </si>
  <si>
    <t>TAHIRA BIBI</t>
  </si>
  <si>
    <t>GPS MUSAPUR</t>
  </si>
  <si>
    <t>ADEELA</t>
  </si>
  <si>
    <t>GPS CHAK 85/P (PSSP)</t>
  </si>
  <si>
    <t>CHAK 85/P</t>
  </si>
  <si>
    <t>GPS CHAK NO.105/1-L (PSSP)</t>
  </si>
  <si>
    <t>CHAK NO. 105/1L</t>
  </si>
  <si>
    <t>CHAK 105/1-L</t>
  </si>
  <si>
    <t>KIRAN RASHID</t>
  </si>
  <si>
    <t>GMPS 26 1AL (PSSP)</t>
  </si>
  <si>
    <t>26/1AL</t>
  </si>
  <si>
    <t>26/1.AL</t>
  </si>
  <si>
    <t>ABIDA JAMAT ALI</t>
  </si>
  <si>
    <t>GPS MEER HAZAR DRESHAK (PSSP)</t>
  </si>
  <si>
    <t>FATAY PUR TOWANA</t>
  </si>
  <si>
    <t>FEHMIDA BARKAT</t>
  </si>
  <si>
    <t>GPS ZANBURA</t>
  </si>
  <si>
    <t>ZANBURA</t>
  </si>
  <si>
    <t>RAHILA</t>
  </si>
  <si>
    <t>GPS PANNAH ALI</t>
  </si>
  <si>
    <t>BASTI PINAH ALI</t>
  </si>
  <si>
    <t>BASTI PANHA ALI</t>
  </si>
  <si>
    <t>MUHAMMAD AWAIS BUX</t>
  </si>
  <si>
    <t>GPS CHAK NO. 99/1L (PSSP)</t>
  </si>
  <si>
    <t>99/1L</t>
  </si>
  <si>
    <t>SIKANDAR ABAD</t>
  </si>
  <si>
    <t>BAGH-O-BAHAR</t>
  </si>
  <si>
    <t>SHAHEENA TABASUM</t>
  </si>
  <si>
    <t>GPS ATHER WALI</t>
  </si>
  <si>
    <t>BASTI ARIF</t>
  </si>
  <si>
    <t>Athar wali</t>
  </si>
  <si>
    <t>Jam Muhammad Alyas Ahmad</t>
  </si>
  <si>
    <t>GGPS MANZOOR NAGAR (PSSP)</t>
  </si>
  <si>
    <t>MANZOOR NAGAR</t>
  </si>
  <si>
    <t>AMMARA BATOOL</t>
  </si>
  <si>
    <t>GPS NOOR PUR KHURD</t>
  </si>
  <si>
    <t>NOOR PUR KHURD</t>
  </si>
  <si>
    <t>SULTANA SADIA</t>
  </si>
  <si>
    <t>GGPS AHMED COLONY</t>
  </si>
  <si>
    <t>AHMAD COLONY</t>
  </si>
  <si>
    <t>IRSHAD NAWAB</t>
  </si>
  <si>
    <t>GPS GARAKNA WAZIRI</t>
  </si>
  <si>
    <t>GHAR KAHNA WAZIRE</t>
  </si>
  <si>
    <t>BASTI MEERO KHAN</t>
  </si>
  <si>
    <t>GES KAKAYKE</t>
  </si>
  <si>
    <t>KAKAYKE</t>
  </si>
  <si>
    <t>ZOBIA AYUB</t>
  </si>
  <si>
    <t>GPS MUDSHAADU BHAGO-O-BAHAR (PSSP)</t>
  </si>
  <si>
    <t>CHAK NO 25 P</t>
  </si>
  <si>
    <t>BASTI JAM FATEH MUHAMMAD</t>
  </si>
  <si>
    <t>MUD BHORA</t>
  </si>
  <si>
    <t>SHAHBAZ HUSSAIN</t>
  </si>
  <si>
    <t>GGPS SHOUKAT ABAD RENALA (PSSP)</t>
  </si>
  <si>
    <t>SHOUKAT ABAD</t>
  </si>
  <si>
    <t>ZARINA KHALID</t>
  </si>
  <si>
    <t>GGPS KHAN PUR DEH (PSSP)</t>
  </si>
  <si>
    <t>WAJID ABAD</t>
  </si>
  <si>
    <t>MC KHANPUR - D</t>
  </si>
  <si>
    <t>NAGINA RASHEED</t>
  </si>
  <si>
    <t>GPS ECHO GIL OTHAR</t>
  </si>
  <si>
    <t>EACHO GIL OTHAR</t>
  </si>
  <si>
    <t>SUMAIRA</t>
  </si>
  <si>
    <t>GPS CHAK DADDA</t>
  </si>
  <si>
    <t>MUD WALA</t>
  </si>
  <si>
    <t>CHAK DADDA</t>
  </si>
  <si>
    <t>DAMMAR WALA JANOBI</t>
  </si>
  <si>
    <t>KHALID FARID</t>
  </si>
  <si>
    <t>GGPS KOT DHARAMA NO 2 *** PEF</t>
  </si>
  <si>
    <t>SHAH JEWNA</t>
  </si>
  <si>
    <t>KOT DHARAMA NO 2</t>
  </si>
  <si>
    <t>MARIA ASGHAR</t>
  </si>
  <si>
    <t>GGPS SHAM PUR</t>
  </si>
  <si>
    <t>SHAMPUR</t>
  </si>
  <si>
    <t>sahari</t>
  </si>
  <si>
    <t>safina rafique</t>
  </si>
  <si>
    <t>GPS KOHLLAIN</t>
  </si>
  <si>
    <t>KOHLLIAN</t>
  </si>
  <si>
    <t>UZMA MUJAHID</t>
  </si>
  <si>
    <t>GPS CHAH BLADEY WALA</t>
  </si>
  <si>
    <t>CHAH BLADEY WALA</t>
  </si>
  <si>
    <t>SHAM KOT</t>
  </si>
  <si>
    <t>NADEEM IQBAL</t>
  </si>
  <si>
    <t>GPS KARCH WALA</t>
  </si>
  <si>
    <t>GHALWAN II</t>
  </si>
  <si>
    <t>KARCH WALA</t>
  </si>
  <si>
    <t>PALWASHA RIAZ</t>
  </si>
  <si>
    <t>GGPS CHAK NO 290 HR</t>
  </si>
  <si>
    <t>FORT ABBAS-X - FEMALE</t>
  </si>
  <si>
    <t>290-HR</t>
  </si>
  <si>
    <t>NAWAB COLONY</t>
  </si>
  <si>
    <t>289/HR MIR GARH</t>
  </si>
  <si>
    <t>Khalida Ramzan</t>
  </si>
  <si>
    <t>GGPS DHALAL</t>
  </si>
  <si>
    <t>DHALAL</t>
  </si>
  <si>
    <t>ODHARWAL</t>
  </si>
  <si>
    <t>SAIRA KHATOON</t>
  </si>
  <si>
    <t>CUT WALA</t>
  </si>
  <si>
    <t>ALLAH BACHAYA</t>
  </si>
  <si>
    <t>GPS KOT REHMAT KHAN</t>
  </si>
  <si>
    <t>KOT REHMAT KHAN</t>
  </si>
  <si>
    <t>MANDIALA TEGA</t>
  </si>
  <si>
    <t>NADIA GHULAM MUJTABA</t>
  </si>
  <si>
    <t>GPS TALWANDI MUSA KHAN</t>
  </si>
  <si>
    <t>T.M. KHAN</t>
  </si>
  <si>
    <t>SEHAR UMAR DIN</t>
  </si>
  <si>
    <t>GPS KOTLI BAKHA</t>
  </si>
  <si>
    <t>KOTLI BAKHA</t>
  </si>
  <si>
    <t>GPS AMIR NAWAZ WALA</t>
  </si>
  <si>
    <t>THATHA QURASHI</t>
  </si>
  <si>
    <t>RUKHSANA KOUSER</t>
  </si>
  <si>
    <t>GGPS PUBLIC KHOKHER KE</t>
  </si>
  <si>
    <t>KHOKHER KE</t>
  </si>
  <si>
    <t>SABILA TARIQ</t>
  </si>
  <si>
    <t>GGPS 22/4.L (PSSP)</t>
  </si>
  <si>
    <t>22/4/L</t>
  </si>
  <si>
    <t>22/4.L</t>
  </si>
  <si>
    <t>36-A/4-L</t>
  </si>
  <si>
    <t>GPS THAPNALA</t>
  </si>
  <si>
    <t>THAPNALA</t>
  </si>
  <si>
    <t>NAZIA ARFAN</t>
  </si>
  <si>
    <t>GGPS JAM WALA</t>
  </si>
  <si>
    <t>DOABA- FEMALE</t>
  </si>
  <si>
    <t>RAJOO WALA</t>
  </si>
  <si>
    <t>GGPS TAQI PUR</t>
  </si>
  <si>
    <t>TAQI PUR</t>
  </si>
  <si>
    <t>M JAMIL SHAHZAD</t>
  </si>
  <si>
    <t>GPS TIBBI BORHA SHARQI</t>
  </si>
  <si>
    <t>DASTI WALA- MALE</t>
  </si>
  <si>
    <t>TIBBI BORHA SHARQI</t>
  </si>
  <si>
    <t>GUL WALA</t>
  </si>
  <si>
    <t>FOZIA NASEEM</t>
  </si>
  <si>
    <t>GPS BANA ROYYA</t>
  </si>
  <si>
    <t>MURAD PUR SHUMALI</t>
  </si>
  <si>
    <t>CHAH HAYAT SHAH</t>
  </si>
  <si>
    <t>MEESAM ALI SHAH</t>
  </si>
  <si>
    <t>GGPS SAADAN WALI</t>
  </si>
  <si>
    <t>SAADAN WLAI</t>
  </si>
  <si>
    <t>SAADANWALI</t>
  </si>
  <si>
    <t>JAVID KHAN</t>
  </si>
  <si>
    <t>GES JHANGI SHAH KHAKI</t>
  </si>
  <si>
    <t>JHANGI SHAH KHAKI</t>
  </si>
  <si>
    <t>GPS JHANGI SHAH KHAKI</t>
  </si>
  <si>
    <t>PEJOKAY</t>
  </si>
  <si>
    <t>AQEELA HAIDAR</t>
  </si>
  <si>
    <t>GPS OLYIA PUR</t>
  </si>
  <si>
    <t>OLYIA PUR</t>
  </si>
  <si>
    <t>MADIHA REHMAT</t>
  </si>
  <si>
    <t>GPS MC NO. 6 MUZAFFARGARH</t>
  </si>
  <si>
    <t>M. GARH CITY-2</t>
  </si>
  <si>
    <t>MEHNAZ AKHTAR</t>
  </si>
  <si>
    <t>GPS SYED</t>
  </si>
  <si>
    <t>MEMONA BATOOL</t>
  </si>
  <si>
    <t>GGPS BAHMNI WALA (PSSP)</t>
  </si>
  <si>
    <t>BAHMNI WALA</t>
  </si>
  <si>
    <t>GGPS GUJAR GORAYA</t>
  </si>
  <si>
    <t>GUJJAR GORAYA</t>
  </si>
  <si>
    <t>GUJAR GORAYA</t>
  </si>
  <si>
    <t>GGPS RAJPURA</t>
  </si>
  <si>
    <t>RAJ PUR</t>
  </si>
  <si>
    <t>RAJPURA</t>
  </si>
  <si>
    <t>RAHEELA MUKHTAR</t>
  </si>
  <si>
    <t>GPS MONDKA</t>
  </si>
  <si>
    <t>MONDKA</t>
  </si>
  <si>
    <t>M.SHAHBAZ</t>
  </si>
  <si>
    <t>GGPS BOGARH GIL</t>
  </si>
  <si>
    <t>BOGARH GIL</t>
  </si>
  <si>
    <t>BOGARH GILL</t>
  </si>
  <si>
    <t>GGPS AMIN SHAH</t>
  </si>
  <si>
    <t>AMIN SHAH</t>
  </si>
  <si>
    <t>SAIRA SARWAR</t>
  </si>
  <si>
    <t>GGPS 47/3.R (PSSP)</t>
  </si>
  <si>
    <t>47 3R</t>
  </si>
  <si>
    <t>47/3.R</t>
  </si>
  <si>
    <t>TANZILA BIBI</t>
  </si>
  <si>
    <t>GGPS CHAK NO. 6/P (PSSP)</t>
  </si>
  <si>
    <t>CHAK NO. 6/P</t>
  </si>
  <si>
    <t>CHAK NO 6P</t>
  </si>
  <si>
    <t>CHAK NO 1P</t>
  </si>
  <si>
    <t>GGPS GEHMIL CHAK NO. 12/P (PSSP)</t>
  </si>
  <si>
    <t>TLAY WALA</t>
  </si>
  <si>
    <t>CHAK NO 12P</t>
  </si>
  <si>
    <t>SIDRA HASSAN</t>
  </si>
  <si>
    <t>GGPS 97/1-L (PSSP)</t>
  </si>
  <si>
    <t>97/1L</t>
  </si>
  <si>
    <t>CHAK 97/1L</t>
  </si>
  <si>
    <t>ALIA YOUSAF</t>
  </si>
  <si>
    <t>GGPS 42/3.R PATHAN WALA (PSSP)</t>
  </si>
  <si>
    <t>42/3R SHER PUR</t>
  </si>
  <si>
    <t>42/3.R</t>
  </si>
  <si>
    <t>42/3-R</t>
  </si>
  <si>
    <t>ABIDA MUSHTAQ</t>
  </si>
  <si>
    <t>GGPS BHIKHI</t>
  </si>
  <si>
    <t>BHAKI</t>
  </si>
  <si>
    <t>IQRA SHEED</t>
  </si>
  <si>
    <t>GGPS KEERAN WALI</t>
  </si>
  <si>
    <t>KEERAN WALI</t>
  </si>
  <si>
    <t>FOZIA KARAMAT</t>
  </si>
  <si>
    <t>GGPS CHAK 105/1-L (PSSP)</t>
  </si>
  <si>
    <t>CHAK 105 1L</t>
  </si>
  <si>
    <t>CHAK NO 105/1-L</t>
  </si>
  <si>
    <t>FEHMIDA REHMAN</t>
  </si>
  <si>
    <t>GPS MACHI WALA</t>
  </si>
  <si>
    <t>MACHI WALA</t>
  </si>
  <si>
    <t>GGPS WARD NO.3 KAMOKE</t>
  </si>
  <si>
    <t>SALAMAT PURA</t>
  </si>
  <si>
    <t>SADAF NAZIR</t>
  </si>
  <si>
    <t>GPS CHAK 9/A (PSSP)</t>
  </si>
  <si>
    <t>CHAK 9/A</t>
  </si>
  <si>
    <t>SHAKEEL UR REHMAN</t>
  </si>
  <si>
    <t>GGPS SAGARPUR</t>
  </si>
  <si>
    <t>SAGARPUR</t>
  </si>
  <si>
    <t>SAGAR PUR</t>
  </si>
  <si>
    <t>SADUWALA UNCHA</t>
  </si>
  <si>
    <t>AMARA RASHEED</t>
  </si>
  <si>
    <t>GGPS JASSO WALI</t>
  </si>
  <si>
    <t>JASSO WALI</t>
  </si>
  <si>
    <t>JASO WALI</t>
  </si>
  <si>
    <t>IQRA IQBAL</t>
  </si>
  <si>
    <t>GGPS 41/3-R (PSSP)</t>
  </si>
  <si>
    <t>41 3 R</t>
  </si>
  <si>
    <t>41/3.R</t>
  </si>
  <si>
    <t>NAZIA FAQIR</t>
  </si>
  <si>
    <t>GGPS CHAK 80/NP (PSSP)</t>
  </si>
  <si>
    <t>CHAK 80/N.P</t>
  </si>
  <si>
    <t>80 NP</t>
  </si>
  <si>
    <t>SHAFQAT NOREEN</t>
  </si>
  <si>
    <t>GPS ASLAM ABAD</t>
  </si>
  <si>
    <t>BASTI AFZAL BHANI</t>
  </si>
  <si>
    <t>GPS BASTI HAFIZAN MOZAALLAH ABAD - PSSP</t>
  </si>
  <si>
    <t>AMIN ABAD  EAST - MALE</t>
  </si>
  <si>
    <t>MOZA ALLAH ABAD</t>
  </si>
  <si>
    <t>HAFIZAN</t>
  </si>
  <si>
    <t>MUHAMMAD ATHAR</t>
  </si>
  <si>
    <t>GGPS CHAK NO.28/P (PSSP)</t>
  </si>
  <si>
    <t>CHAK NO 28/P</t>
  </si>
  <si>
    <t>CHAK 28/P</t>
  </si>
  <si>
    <t>ALIA FEHMI</t>
  </si>
  <si>
    <t>GGPS CHAK 74/NP (PSSP)</t>
  </si>
  <si>
    <t>CHAK NO 74/NP</t>
  </si>
  <si>
    <t>74 NP</t>
  </si>
  <si>
    <t>NABILA KANWAL</t>
  </si>
  <si>
    <t>GPS ATA MUHAMMAD DARIGH (PSSP)</t>
  </si>
  <si>
    <t>KOTLA DARIGH</t>
  </si>
  <si>
    <t>ATTA M. DRIGH</t>
  </si>
  <si>
    <t>AMARA NAZ</t>
  </si>
  <si>
    <t>GPS LAL BABRA</t>
  </si>
  <si>
    <t>GGPS GADOLA (PSSP)</t>
  </si>
  <si>
    <t>mori</t>
  </si>
  <si>
    <t>BASTI GADOLA</t>
  </si>
  <si>
    <t>SHAHNAZ YOUNAS</t>
  </si>
  <si>
    <t>GGPS HASSAN ABAD (PSSP)</t>
  </si>
  <si>
    <t>OOBETA</t>
  </si>
  <si>
    <t>HASSANS ABAD</t>
  </si>
  <si>
    <t>AZIM SHAH</t>
  </si>
  <si>
    <t>GGPS K PLOT (PSSP)</t>
  </si>
  <si>
    <t>K PLOT</t>
  </si>
  <si>
    <t>SADAF WAHEED</t>
  </si>
  <si>
    <t>GPS SAMBLE</t>
  </si>
  <si>
    <t>SAMBLE</t>
  </si>
  <si>
    <t>SAIMA SATTAR</t>
  </si>
  <si>
    <t>GGPS GHOTIA (PSSP)</t>
  </si>
  <si>
    <t>SADAR B KPR - FEMALE</t>
  </si>
  <si>
    <t>GHOTIA</t>
  </si>
  <si>
    <t>DIN PUR SHARIF</t>
  </si>
  <si>
    <t>SUMAIRA BIBI</t>
  </si>
  <si>
    <t>GPS CHAK NO. 27/P (PSSP)</t>
  </si>
  <si>
    <t>27-P</t>
  </si>
  <si>
    <t>CHAK NO 27P</t>
  </si>
  <si>
    <t>SHABNAM BIBI</t>
  </si>
  <si>
    <t>GGPS LALOO KHAN KHUSHK SABRI TOWN (PSSP)</t>
  </si>
  <si>
    <t>HEAD TALLA WALA</t>
  </si>
  <si>
    <t>SABRI TOWN</t>
  </si>
  <si>
    <t>SAEED AHMED</t>
  </si>
  <si>
    <t>GPS MISSION BHARTHANWALA</t>
  </si>
  <si>
    <t>BHARTHAN WALA</t>
  </si>
  <si>
    <t>BHARTHANWALA</t>
  </si>
  <si>
    <t>ARFAN JAFFAR</t>
  </si>
  <si>
    <t>GGPS ABDUL WAHID DADD PUTRA (PSSP)</t>
  </si>
  <si>
    <t>DUA WALA</t>
  </si>
  <si>
    <t>BASTI ABDUL WAHID</t>
  </si>
  <si>
    <t>SEEMA NAZEER</t>
  </si>
  <si>
    <t>GPS MEHMOOD COLONY (PSSP)</t>
  </si>
  <si>
    <t>MUJAHID COLONY</t>
  </si>
  <si>
    <t>MC SADIQABAD - C</t>
  </si>
  <si>
    <t>GGPS BASTI ASHIQ HUSSAIN (PSSP)</t>
  </si>
  <si>
    <t>BASTI ASHIQ HUSSAIN</t>
  </si>
  <si>
    <t>TEHSEEN KOUSAR</t>
  </si>
  <si>
    <t>GPS SHAHBAZ KHAN ABBASI (PSSP)</t>
  </si>
  <si>
    <t>BASTI FARASH</t>
  </si>
  <si>
    <t>SAJID MASOOD ABBASI</t>
  </si>
  <si>
    <t>GGPS 45/P JINNA ABADI (PSSP)</t>
  </si>
  <si>
    <t>45/PJINNA ABADI</t>
  </si>
  <si>
    <t>CHAK 45/P</t>
  </si>
  <si>
    <t>MAJIDA PARVEEN</t>
  </si>
  <si>
    <t>GPS AHMED ABAD</t>
  </si>
  <si>
    <t>MUHAMMAD EJAZ</t>
  </si>
  <si>
    <t>GGPS 47 2L DARUL ULOUM FARIDIA</t>
  </si>
  <si>
    <t>47 2L DARUL ULOU</t>
  </si>
  <si>
    <t>AMBER MUNIR</t>
  </si>
  <si>
    <t>GMPS GULA MOHARAN</t>
  </si>
  <si>
    <t>GULA MOHARAN</t>
  </si>
  <si>
    <t>GULA MAHARAN</t>
  </si>
  <si>
    <t>CHANDERKAY MANGOLAY</t>
  </si>
  <si>
    <t>SYEDA SAJIDA NAQVI</t>
  </si>
  <si>
    <t>GGPS KOT QUTAB (PSSP)</t>
  </si>
  <si>
    <t>KOT QUTAUB</t>
  </si>
  <si>
    <t>KOT QUTAB</t>
  </si>
  <si>
    <t>KHALIL UR REHMAN</t>
  </si>
  <si>
    <t>GPS GHOOKA (PSSP)</t>
  </si>
  <si>
    <t>GOOKA</t>
  </si>
  <si>
    <t>BASTI RAJWAR</t>
  </si>
  <si>
    <t>MUHAMMAD YASIR</t>
  </si>
  <si>
    <t>GGPS 29-30/2-L</t>
  </si>
  <si>
    <t>MOZA ISLAM PUR</t>
  </si>
  <si>
    <t>ABID ALI</t>
  </si>
  <si>
    <t>2504</t>
  </si>
  <si>
    <t>GGPS BHITTEY WAD</t>
  </si>
  <si>
    <t>BHITTEY WED</t>
  </si>
  <si>
    <t>BHITTEY WAD</t>
  </si>
  <si>
    <t>SAIMA ASHRAF</t>
  </si>
  <si>
    <t>GGPS BAASEKE KALAN</t>
  </si>
  <si>
    <t>BAASEKE KALAN</t>
  </si>
  <si>
    <t>MOHAR SHARIF</t>
  </si>
  <si>
    <t>TAYYABA MEHMOOD</t>
  </si>
  <si>
    <t>GGPS YOUSAF NAGAR (PSSP)</t>
  </si>
  <si>
    <t>REHANA RASHEED</t>
  </si>
  <si>
    <t>CHAND</t>
  </si>
  <si>
    <t>GPS RAQBA PEER MOHSIN SHAH (PSSP)</t>
  </si>
  <si>
    <t>RAQBA PEER MOHSIN SHAH</t>
  </si>
  <si>
    <t>RAQBA PIR MOHSIN SHAH</t>
  </si>
  <si>
    <t>MUHAMMAD AQEEL</t>
  </si>
  <si>
    <t>GMPS SAMUN BALA</t>
  </si>
  <si>
    <t>CHANDALA - FEMA</t>
  </si>
  <si>
    <t>SAMMUN BALA</t>
  </si>
  <si>
    <t>SAMUN BALA</t>
  </si>
  <si>
    <t>FARIDA IMAM DIN</t>
  </si>
  <si>
    <t>GPS DAJAL NO. 1</t>
  </si>
  <si>
    <t>DAJIL</t>
  </si>
  <si>
    <t>ELAHI BUX KHAN</t>
  </si>
  <si>
    <t>GGPS BASTI BAPPRAN (PSSP)</t>
  </si>
  <si>
    <t>TANWARI</t>
  </si>
  <si>
    <t>BASTI BABARAN</t>
  </si>
  <si>
    <t>AWAIS HUSSAIN</t>
  </si>
  <si>
    <t>GGPS BASTI MALKAN 101/P (PSSP)</t>
  </si>
  <si>
    <t>BASTI MALKAN</t>
  </si>
  <si>
    <t>GGPS HAO KALAN</t>
  </si>
  <si>
    <t>HAO KALAN</t>
  </si>
  <si>
    <t>CHHALA</t>
  </si>
  <si>
    <t>GPS SADIQ PUR (PSSP)</t>
  </si>
  <si>
    <t>NAWAN ARAIN</t>
  </si>
  <si>
    <t>GGPS CHAK NO. 37/P (PSSP)</t>
  </si>
  <si>
    <t>CHAK NO 37/P</t>
  </si>
  <si>
    <t>CHAK 37/P</t>
  </si>
  <si>
    <t>SAIMA SARWAR</t>
  </si>
  <si>
    <t>GPS FATEH MUHAMMAD LAR (PSSP)</t>
  </si>
  <si>
    <t>THATHA POUSI</t>
  </si>
  <si>
    <t>FATEH MUHAMMAD LAR</t>
  </si>
  <si>
    <t>PACCA LARAN</t>
  </si>
  <si>
    <t>KALSOOM QADIR</t>
  </si>
  <si>
    <t>GGPS CHAK NO. 83/NP (PSSP)</t>
  </si>
  <si>
    <t>KANDAY WALI-FEMALE</t>
  </si>
  <si>
    <t>83/NP</t>
  </si>
  <si>
    <t>CHAK NO 83 NP</t>
  </si>
  <si>
    <t>KASHIFA PERVEEN</t>
  </si>
  <si>
    <t>GPS TALIB SHER</t>
  </si>
  <si>
    <t>QASAB</t>
  </si>
  <si>
    <t>ADDA QASAB</t>
  </si>
  <si>
    <t>ABDUL GHAFOOR TAHEEM</t>
  </si>
  <si>
    <t>GPS TATHA TAHIR KA (PSSP)</t>
  </si>
  <si>
    <t>THATHA TAHIR KA</t>
  </si>
  <si>
    <t>TASLEEM ASLAM</t>
  </si>
  <si>
    <t>GGPS KOTLI CHAMRANGAN</t>
  </si>
  <si>
    <t>KOTLI CHAMRANGAN</t>
  </si>
  <si>
    <t>IQRA MUKHTAR</t>
  </si>
  <si>
    <t>GPS MUHAMMAD NOORI (PSSP)</t>
  </si>
  <si>
    <t>SANGLA</t>
  </si>
  <si>
    <t>MUHAMMAD NOORI</t>
  </si>
  <si>
    <t>GGPS CHAH GAMAN WALA CHAK NO 82 NP (PSSP)</t>
  </si>
  <si>
    <t>CHAH GAMAN WALA</t>
  </si>
  <si>
    <t>CHAK GAMAN WALO</t>
  </si>
  <si>
    <t>BUSHAR IRSHAD</t>
  </si>
  <si>
    <t>GGPS YAR KHAN MERANI (PSSP)</t>
  </si>
  <si>
    <t>PEER BUX KORAI</t>
  </si>
  <si>
    <t>BASTI YAR KHAN MERANI</t>
  </si>
  <si>
    <t>MARIA NAWAZ</t>
  </si>
  <si>
    <t>GGPS ATHWAL PURANA (PSSP)</t>
  </si>
  <si>
    <t>ATHWAL PURANA</t>
  </si>
  <si>
    <t>UTWAL PURANA</t>
  </si>
  <si>
    <t>RABIA NAZIM</t>
  </si>
  <si>
    <t>GGPS MIRZAN PUR P/O MIRZA PUR</t>
  </si>
  <si>
    <t>MAKHDOOM RASHEED - FEMALE</t>
  </si>
  <si>
    <t>MIRZAN PUR</t>
  </si>
  <si>
    <t>mirzan pur</t>
  </si>
  <si>
    <t>MAKHDOOM RASHEED TOWN</t>
  </si>
  <si>
    <t>MUHAMMAD KASHIF</t>
  </si>
  <si>
    <t>GPS KOT MUGHAL</t>
  </si>
  <si>
    <t>KOT MUGHAL</t>
  </si>
  <si>
    <t>ATASHA MUSHTAQ</t>
  </si>
  <si>
    <t>GPS (PSSP-II) SANDHAL</t>
  </si>
  <si>
    <t>ZUBAIDA NASREEN</t>
  </si>
  <si>
    <t>GGPS INAYAT PUR MARAL P/O INAYAT PUR MARAL</t>
  </si>
  <si>
    <t>INATAYT PUR MARA</t>
  </si>
  <si>
    <t>GGPS (PSSP-II) CHAK NO. 177/WB</t>
  </si>
  <si>
    <t>177/WB</t>
  </si>
  <si>
    <t>177 WB</t>
  </si>
  <si>
    <t>ASMA RAFIQUE</t>
  </si>
  <si>
    <t>GPS DHOK AHEER</t>
  </si>
  <si>
    <t>DHOK AHEER</t>
  </si>
  <si>
    <t>ANEELA FIRDOUS</t>
  </si>
  <si>
    <t>GGPS ALPA MULTAN</t>
  </si>
  <si>
    <t>ALPA</t>
  </si>
  <si>
    <t>THANA ALPA</t>
  </si>
  <si>
    <t>SYED ALI BUKHARI</t>
  </si>
  <si>
    <t>GGPS CHAKRALA SHARQI CHAKRALA</t>
  </si>
  <si>
    <t>MOHALLAH GHAZI KHEL CHAKRALA SHARQI CHAKRALA</t>
  </si>
  <si>
    <t>GGPS POORBAY WALA, GANMOO WALA BAND BOSAN MULTAN</t>
  </si>
  <si>
    <t>MUTTAY HUTTI</t>
  </si>
  <si>
    <t>GAMO WALA</t>
  </si>
  <si>
    <t>GGPS DARBAR MIAN ALLAH YAR</t>
  </si>
  <si>
    <t>GGPS DARBAR MIAN ALLAH YAR BORI KHEL</t>
  </si>
  <si>
    <t>FARHEEN NAZ</t>
  </si>
  <si>
    <t>GPS MUD MALIK AZMAT WALA</t>
  </si>
  <si>
    <t>SHUMAILA HAFIZ</t>
  </si>
  <si>
    <t>GPS AHMAD BAKHSH JHULLAN (PSSP)</t>
  </si>
  <si>
    <t>GALAN GALAKA</t>
  </si>
  <si>
    <t>BASTI AHMED BUSHSH JHULLAN</t>
  </si>
  <si>
    <t>MUHAMMAD IFTIKHAR</t>
  </si>
  <si>
    <t>GGPS 68/NP (PSSP)</t>
  </si>
  <si>
    <t>AMIN GARH - FEMALE</t>
  </si>
  <si>
    <t>MAQ MUBARAK</t>
  </si>
  <si>
    <t>68NP</t>
  </si>
  <si>
    <t>MEHWISH REHMAN</t>
  </si>
  <si>
    <t>GPS CHAK 1/1.L</t>
  </si>
  <si>
    <t>1/1L</t>
  </si>
  <si>
    <t>1/1.L</t>
  </si>
  <si>
    <t>20/2.l</t>
  </si>
  <si>
    <t>ABDUL JABBAR</t>
  </si>
  <si>
    <t>GGPS MANHAIS</t>
  </si>
  <si>
    <t>BENISH SHABBIR</t>
  </si>
  <si>
    <t>GPS CHAKRALI</t>
  </si>
  <si>
    <t>CHAKRALI</t>
  </si>
  <si>
    <t>MEHTA SOJA</t>
  </si>
  <si>
    <t>GPS AMARAL</t>
  </si>
  <si>
    <t>AMARAL</t>
  </si>
  <si>
    <t>RABIA RAUF</t>
  </si>
  <si>
    <t>GPS CHAKAR KAY PAR (PSSP)</t>
  </si>
  <si>
    <t>CHAKAR KAY PUR</t>
  </si>
  <si>
    <t>CHAKAR KAY PAR</t>
  </si>
  <si>
    <t>MUPALKAY</t>
  </si>
  <si>
    <t>AMINA ALLAH DITTA</t>
  </si>
  <si>
    <t>GGPS JAN MUHAMMAD CHANDIO (PSSP)</t>
  </si>
  <si>
    <t>BADLI SHARIF-FEMALE</t>
  </si>
  <si>
    <t>MAKAN BAILA</t>
  </si>
  <si>
    <t>JAN MUHAMMAD CHANDIA</t>
  </si>
  <si>
    <t>FARHANA MANZOOR</t>
  </si>
  <si>
    <t>GPS SHAMIR</t>
  </si>
  <si>
    <t>SHAMIR</t>
  </si>
  <si>
    <t>NANGAL DONA SINGH</t>
  </si>
  <si>
    <t>NAILA ANWAR</t>
  </si>
  <si>
    <t>GPS CHAK 3/GD (PSSP)</t>
  </si>
  <si>
    <t>3 GD</t>
  </si>
  <si>
    <t>3/G.D</t>
  </si>
  <si>
    <t>GPS GUBRA</t>
  </si>
  <si>
    <t>PAIGAH</t>
  </si>
  <si>
    <t>BASTI MEWA KHAN</t>
  </si>
  <si>
    <t>SAJID MUSHTAQ</t>
  </si>
  <si>
    <t>GMPS TOHAR KALAN</t>
  </si>
  <si>
    <t>TOHAR KALAN</t>
  </si>
  <si>
    <t>SAMRA SHEHZADI</t>
  </si>
  <si>
    <t>GGPS BASTI SHAREEN (PSSP)</t>
  </si>
  <si>
    <t>BASTI SHAREEN</t>
  </si>
  <si>
    <t>AZRA NAWAZ</t>
  </si>
  <si>
    <t>GPS JANDLALA NAU</t>
  </si>
  <si>
    <t>JANDIAL NAU</t>
  </si>
  <si>
    <t>JANDLALA NAU</t>
  </si>
  <si>
    <t>NAVEELA KOUSAR</t>
  </si>
  <si>
    <t>GPS CHAK NO. 22/1RB (PSSP)</t>
  </si>
  <si>
    <t>CHAK NO 22/1RB</t>
  </si>
  <si>
    <t>22/1RB</t>
  </si>
  <si>
    <t>RIZWANA SHABIR</t>
  </si>
  <si>
    <t>GPS KOT KIRPA RAM</t>
  </si>
  <si>
    <t>KOT KIRPA RAM</t>
  </si>
  <si>
    <t>MARIA LIAQAT</t>
  </si>
  <si>
    <t>GPS CHAK NO. 20/1-RB</t>
  </si>
  <si>
    <t>CHAK NO 20/1RB</t>
  </si>
  <si>
    <t>20/1RB</t>
  </si>
  <si>
    <t>TEHMINA AFZAL</t>
  </si>
  <si>
    <t>GPS KALYAR SABRI</t>
  </si>
  <si>
    <t>RATTA</t>
  </si>
  <si>
    <t>FARID TOWN</t>
  </si>
  <si>
    <t>FARZANA KHALID</t>
  </si>
  <si>
    <t>GPS PATI ZAI JAN MUHAMMAD</t>
  </si>
  <si>
    <t>SADAR (W) DG KHAN - MALE</t>
  </si>
  <si>
    <t>Pati Zai</t>
  </si>
  <si>
    <t>BASTI JAN MUHAMMAD ZANGLANI</t>
  </si>
  <si>
    <t>WADOOR</t>
  </si>
  <si>
    <t>AZRA BIBI</t>
  </si>
  <si>
    <t>GGPS SARAY NARANG</t>
  </si>
  <si>
    <t>SIRAY</t>
  </si>
  <si>
    <t>SARAY NARANG</t>
  </si>
  <si>
    <t>AYESHA SIDDIQA</t>
  </si>
  <si>
    <t>GPS MATWANI WALA SHARQI</t>
  </si>
  <si>
    <t>MATWANI WALA SHARQI</t>
  </si>
  <si>
    <t>GMMS MATWANI WALA SHARQI</t>
  </si>
  <si>
    <t>MATWANI WALA</t>
  </si>
  <si>
    <t>M. YOUSAF</t>
  </si>
  <si>
    <t>GGPS JINDU MISSON</t>
  </si>
  <si>
    <t>BASTI BALOUCHAN</t>
  </si>
  <si>
    <t>REHANA RAMZAN</t>
  </si>
  <si>
    <t>GGPS PARTALI KALLAN</t>
  </si>
  <si>
    <t>PARTALI KALLAN</t>
  </si>
  <si>
    <t>PARTALI KALAN</t>
  </si>
  <si>
    <t>GGPS CHAK NO.46/DB (W) COLONY</t>
  </si>
  <si>
    <t>YAZMAN EAST - FEMALE</t>
  </si>
  <si>
    <t>46/DB(W)</t>
  </si>
  <si>
    <t>SAMREEN</t>
  </si>
  <si>
    <t>GWPS MEHBOOB COLONY CHISHTIAN</t>
  </si>
  <si>
    <t>CHISHTIAN-I - MALE</t>
  </si>
  <si>
    <t>TAAJ PURA</t>
  </si>
  <si>
    <t>SAMINA NAAZ</t>
  </si>
  <si>
    <t>GPS LALERA, SARAI SIDHU (PEF,PSSP PHASE III)</t>
  </si>
  <si>
    <t>LALERA</t>
  </si>
  <si>
    <t>KUND SARGANA</t>
  </si>
  <si>
    <t>GMPS CHAK NO 172/3   ***   PEF</t>
  </si>
  <si>
    <t>CHAK NO 172/3</t>
  </si>
  <si>
    <t>CHAK  175/JB</t>
  </si>
  <si>
    <t>FOUZIA KHATOON</t>
  </si>
  <si>
    <t>GGMPS DHOK GHULAM ALI</t>
  </si>
  <si>
    <t>DERA MUSLIM</t>
  </si>
  <si>
    <t>DHOKE GHULAM ALI</t>
  </si>
  <si>
    <t>UROOSA IFTIKHAR</t>
  </si>
  <si>
    <t>GGPS ROPRI</t>
  </si>
  <si>
    <t>GUL DERA</t>
  </si>
  <si>
    <t>ROPARI</t>
  </si>
  <si>
    <t>MUHAMMASD SADDAM</t>
  </si>
  <si>
    <t>GGPS HUSSAIN ABAD SOM, ABDUL HAKIM (PEF,PSSP PHASE III)</t>
  </si>
  <si>
    <t>CHOPAR HATTA - FEMALE</t>
  </si>
  <si>
    <t>PATHANA PANNIYAN</t>
  </si>
  <si>
    <t>FAIZ ALAM</t>
  </si>
  <si>
    <t>GGPS CHAK NO.51/DB (S)</t>
  </si>
  <si>
    <t>NO.51/DB(S)</t>
  </si>
  <si>
    <t>GGPS BAILI AHMAD KHAN *** PEF</t>
  </si>
  <si>
    <t>BAILI AHMAD KHAN</t>
  </si>
  <si>
    <t>GGPS ABID WALA CHAK NO 175 *** PEF</t>
  </si>
  <si>
    <t>ABID WALA CHAK NO 175</t>
  </si>
  <si>
    <t>MOCHI WALA 175</t>
  </si>
  <si>
    <t>SIDRA FAROOQ</t>
  </si>
  <si>
    <t>GGPS CHAK NO.101/DB</t>
  </si>
  <si>
    <t>CHAK NO.101/DB</t>
  </si>
  <si>
    <t>101/DB</t>
  </si>
  <si>
    <t>ZOBIA SHAFIQUE</t>
  </si>
  <si>
    <t>GPS 139 WB</t>
  </si>
  <si>
    <t>139 WB</t>
  </si>
  <si>
    <t>BALQEES BANU</t>
  </si>
  <si>
    <t>GGPS LAHLA JOHLA (Consolidated 31-03-2016) *** PEF</t>
  </si>
  <si>
    <t>LAHLA JOHLA</t>
  </si>
  <si>
    <t>MASSAN</t>
  </si>
  <si>
    <t>FARZANA BB</t>
  </si>
  <si>
    <t>GPS CHANI GONDAL</t>
  </si>
  <si>
    <t>CHANI GONDAL</t>
  </si>
  <si>
    <t>KULLOWAL</t>
  </si>
  <si>
    <t>MEHWISH AMEEN</t>
  </si>
  <si>
    <t>GGPS (PSSP-II) BARKHURDAR</t>
  </si>
  <si>
    <t>BARKHUDAR</t>
  </si>
  <si>
    <t>SHABANA YOUSUF</t>
  </si>
  <si>
    <t>GGPS CHAK NO.54/DB</t>
  </si>
  <si>
    <t>KALSOOM SIRAJ</t>
  </si>
  <si>
    <t>GPS CHAK KURIANA   ***   PEF</t>
  </si>
  <si>
    <t>KORIANA</t>
  </si>
  <si>
    <t>LAHLA JOHLA SHUMALI</t>
  </si>
  <si>
    <t>SHEIKH CHOHAR</t>
  </si>
  <si>
    <t>RARZANA KOUSAR</t>
  </si>
  <si>
    <t>GGPS 58/10-R SUNARAY WALA, KHANEWAL (PEF,PSSP PHASE III)</t>
  </si>
  <si>
    <t>58/10-R</t>
  </si>
  <si>
    <t>CHAK NO.58/10-R</t>
  </si>
  <si>
    <t>SHUMAILA SAFDAR</t>
  </si>
  <si>
    <t>GPS OGAHOON</t>
  </si>
  <si>
    <t>OGAHOON</t>
  </si>
  <si>
    <t>BUSHRA UN NISA</t>
  </si>
  <si>
    <t>GGPS CHAK NO.137/DB</t>
  </si>
  <si>
    <t>CHAK NO.137/DB</t>
  </si>
  <si>
    <t>IQRA PARVEEN</t>
  </si>
  <si>
    <t>GPS 134/16-L SOUTH, MIAN CHANNU (PEF,PSSP PHASE II)</t>
  </si>
  <si>
    <t>134/16-L SOUTH</t>
  </si>
  <si>
    <t>134/16-L</t>
  </si>
  <si>
    <t>CHAK NO.134/16-L</t>
  </si>
  <si>
    <t>AMEEN FIROZ</t>
  </si>
  <si>
    <t>GGPS MOHRA CHINA</t>
  </si>
  <si>
    <t>DAULTALA B - FEMALE</t>
  </si>
  <si>
    <t>MOHRA CHINA</t>
  </si>
  <si>
    <t>KANIAT KHALIL</t>
  </si>
  <si>
    <t>SALEHA BIBI</t>
  </si>
  <si>
    <t>GGPS THATTA BAHADAR SHAH *** PEF</t>
  </si>
  <si>
    <t>THATTA BAHADAR SHAH</t>
  </si>
  <si>
    <t>PUBBAR WALA</t>
  </si>
  <si>
    <t>LIQA MAZHAR</t>
  </si>
  <si>
    <t>GGPS JHANGI JALAL</t>
  </si>
  <si>
    <t>JHANGL JALAL</t>
  </si>
  <si>
    <t>JHANGI JALAL</t>
  </si>
  <si>
    <t>SUMERA NAZ</t>
  </si>
  <si>
    <t>GPS ARABIA ISLAMIA, MIAN CHANNU (PEF,PSSP PHASE II)</t>
  </si>
  <si>
    <t>JAMIA MEHMODIA</t>
  </si>
  <si>
    <t>MC  MIAN CHANNU</t>
  </si>
  <si>
    <t>SAIRA HASEEB</t>
  </si>
  <si>
    <t>GPS BAINS GALYANA</t>
  </si>
  <si>
    <t>BAINS GALYANA</t>
  </si>
  <si>
    <t>BAINS GULYANA</t>
  </si>
  <si>
    <t>ZARA ALI</t>
  </si>
  <si>
    <t>GPS 90/15-L, MIAN CHANNU (PEF PSSB PHASE I)</t>
  </si>
  <si>
    <t>MIAN CHANNU-II - MALE</t>
  </si>
  <si>
    <t>CHACK NO 90/15-L</t>
  </si>
  <si>
    <t>90/15-L</t>
  </si>
  <si>
    <t>CHAK NO.102/15-L</t>
  </si>
  <si>
    <t>SUMRA IRAM</t>
  </si>
  <si>
    <t>1708</t>
  </si>
  <si>
    <t>GPS CHAK NO.98/DNB</t>
  </si>
  <si>
    <t>CHAK NO.98/DNB</t>
  </si>
  <si>
    <t>GGPS CHAK NO. 251 II *** PEF</t>
  </si>
  <si>
    <t>MOCHI WALA - FEMALE</t>
  </si>
  <si>
    <t>CHAK NO 251 II</t>
  </si>
  <si>
    <t>CHAK NO. 251</t>
  </si>
  <si>
    <t>CHAK 250/JB</t>
  </si>
  <si>
    <t>GPS 131/15-L MUSA VIRK, MIAN CHANNU (PEF,PSSP PHASE II)</t>
  </si>
  <si>
    <t>131/15-L MUSA VIRK</t>
  </si>
  <si>
    <t>CHAK NO.131/15-L</t>
  </si>
  <si>
    <t>GPS CHAK NO.135/DB</t>
  </si>
  <si>
    <t>CHAK NO.135/DB</t>
  </si>
  <si>
    <t>135/DB</t>
  </si>
  <si>
    <t>MUHAMMAD ASIF ALI</t>
  </si>
  <si>
    <t>GPS CHAK NO.133/DB</t>
  </si>
  <si>
    <t>CHAK NO.133/DB</t>
  </si>
  <si>
    <t>133/DB</t>
  </si>
  <si>
    <t>GMPS 136/16-L SOUTH, P/O 135/16-L, MIAN CHANNU (PEF,PSSP PHASE II)</t>
  </si>
  <si>
    <t>136/16-L</t>
  </si>
  <si>
    <t>CHAK NO.135/16-L</t>
  </si>
  <si>
    <t>FOUZIA AMIN</t>
  </si>
  <si>
    <t>GGPS CHAK NO. 10 THAL HARDLY *** PEF</t>
  </si>
  <si>
    <t>CHAK NO. 10 THAL</t>
  </si>
  <si>
    <t>HARDLI</t>
  </si>
  <si>
    <t>10/1 THAL</t>
  </si>
  <si>
    <t>GPS CHAK NO.115/DNB</t>
  </si>
  <si>
    <t>CHAK NO.115/DNB</t>
  </si>
  <si>
    <t>115/DNB</t>
  </si>
  <si>
    <t>GMPS 57/15-L MIAN CHANNU (PEF,PSSP PHASE II)</t>
  </si>
  <si>
    <t>57/15-L</t>
  </si>
  <si>
    <t>NADIA KHANAM</t>
  </si>
  <si>
    <t>GPS CHAK NO.124/DNB</t>
  </si>
  <si>
    <t>CHAK NO.124/DNB</t>
  </si>
  <si>
    <t>124/DNB</t>
  </si>
  <si>
    <t>SEKANDAR ABAD</t>
  </si>
  <si>
    <t>RASHID ABBAS</t>
  </si>
  <si>
    <t>GPS CHAK NO.18/DRB</t>
  </si>
  <si>
    <t>CHAK NO.18/DRB</t>
  </si>
  <si>
    <t>GHULAM ABBAS BLOCH</t>
  </si>
  <si>
    <t>GGPS 61-A/15-L, MIAN CHANNU (PEF,PSSP PHASE II)</t>
  </si>
  <si>
    <t>61 A/15L</t>
  </si>
  <si>
    <t>61-A/15-L</t>
  </si>
  <si>
    <t>CHAK NO.61-A/15-L</t>
  </si>
  <si>
    <t>NASIR IQBAL</t>
  </si>
  <si>
    <t>GPS CHAK NO.12/DRB</t>
  </si>
  <si>
    <t>CHAK NO.12/DRB</t>
  </si>
  <si>
    <t>12/DRB</t>
  </si>
  <si>
    <t>NAZAK HUSSAIN</t>
  </si>
  <si>
    <t>GPS TIBBA BHITTAN</t>
  </si>
  <si>
    <t>CHAK NO.9/RB</t>
  </si>
  <si>
    <t>GGPS 62/15-L BHENI LARKIAN, MIAN CHANNU (PEF,PSSP PHASE III)</t>
  </si>
  <si>
    <t>62-B/15-L</t>
  </si>
  <si>
    <t>62/15-L</t>
  </si>
  <si>
    <t>CHAK NO.59/15-L</t>
  </si>
  <si>
    <t>GHAZALA YASMIN</t>
  </si>
  <si>
    <t>GPS CHAK NO.130/DB</t>
  </si>
  <si>
    <t>CHAK NO.130/DB</t>
  </si>
  <si>
    <t>130/DB</t>
  </si>
  <si>
    <t>TAHIRA MOQADAS</t>
  </si>
  <si>
    <t>GPS 134/16-L, ISLAM PURA, MIAN CHANNU (PEF,PSSP PHASE II)</t>
  </si>
  <si>
    <t>ATTA UR REHMAN</t>
  </si>
  <si>
    <t>GGPS CHAK NO. 109/DNB</t>
  </si>
  <si>
    <t>CHAK NO. 109/DB</t>
  </si>
  <si>
    <t>109/DB</t>
  </si>
  <si>
    <t>GGPS 114/15-L JADEED MIAN CHANNU (PEF,PSSP PHASE III)</t>
  </si>
  <si>
    <t>114/15-l</t>
  </si>
  <si>
    <t>CHAK NO.115/15-L</t>
  </si>
  <si>
    <t>AANA RAMZAN</t>
  </si>
  <si>
    <t>GPS 2/G.D  (PSSP)</t>
  </si>
  <si>
    <t>2/G.D</t>
  </si>
  <si>
    <t>2/GD</t>
  </si>
  <si>
    <t>L PLOT FOUJIAN</t>
  </si>
  <si>
    <t>SHABILA</t>
  </si>
  <si>
    <t>GPS ZAFAR ABAD PO DAJAL TEH JAMPUR</t>
  </si>
  <si>
    <t>MOZA JO MAHAR</t>
  </si>
  <si>
    <t>HAJI MANZOOR</t>
  </si>
  <si>
    <t>ALLAH DITA</t>
  </si>
  <si>
    <t>GPS MANDHEER</t>
  </si>
  <si>
    <t>MANDHEER</t>
  </si>
  <si>
    <t>BAKHTAWAR</t>
  </si>
  <si>
    <t>GPS BAGGA</t>
  </si>
  <si>
    <t>SHAKARGARH NO.2 - MALE</t>
  </si>
  <si>
    <t>BAGGA</t>
  </si>
  <si>
    <t>GPS ABADI MUHAMMAD ALI</t>
  </si>
  <si>
    <t>ABIDI MUHAMMAD ALI</t>
  </si>
  <si>
    <t>MUHAMMAD LATIF ARSHAD</t>
  </si>
  <si>
    <t>GPS GAGGAR KEY</t>
  </si>
  <si>
    <t>GAGGAR KEY</t>
  </si>
  <si>
    <t>GGPS HAWO KHURAD</t>
  </si>
  <si>
    <t>HAWO KHURAD</t>
  </si>
  <si>
    <t>HAWO KHURD</t>
  </si>
  <si>
    <t>SIDRA GHAFFAR</t>
  </si>
  <si>
    <t>GPS THATHA LAHI SHADU</t>
  </si>
  <si>
    <t>THATHA LAHI SHADU</t>
  </si>
  <si>
    <t>GGPS KOTLI BAKHA</t>
  </si>
  <si>
    <t>GGPS CHAK BEEKA</t>
  </si>
  <si>
    <t>CHAK BEEKA</t>
  </si>
  <si>
    <t>CHAK BHEEKA</t>
  </si>
  <si>
    <t>SAIMA MEHMOOD</t>
  </si>
  <si>
    <t>GPS NOORI NUTKANI</t>
  </si>
  <si>
    <t>CHAH HAYAT WALA</t>
  </si>
  <si>
    <t>MUREED ABBAS</t>
  </si>
  <si>
    <t>GPS CHAK NO.32/BC-A</t>
  </si>
  <si>
    <t>CHAK NO.32/BC-A</t>
  </si>
  <si>
    <t>CHAK NO.4/BC</t>
  </si>
  <si>
    <t>GPS MOJA</t>
  </si>
  <si>
    <t>MOJA</t>
  </si>
  <si>
    <t>Moja</t>
  </si>
  <si>
    <t>shahid mehmood</t>
  </si>
  <si>
    <t>GPS DUBBA GUL DERA</t>
  </si>
  <si>
    <t>DUBBA GULL DERA</t>
  </si>
  <si>
    <t>ROZINA NAWAZ</t>
  </si>
  <si>
    <t>GPS GOTH KARAM</t>
  </si>
  <si>
    <t>DERA MASTI</t>
  </si>
  <si>
    <t>GOTH KARAM</t>
  </si>
  <si>
    <t>JAWERYA ASLAM</t>
  </si>
  <si>
    <t>GPS CHAK NO.4/BC</t>
  </si>
  <si>
    <t>CHACK NO 4/BC</t>
  </si>
  <si>
    <t>DERA BAKHA</t>
  </si>
  <si>
    <t>NUSRULLAH</t>
  </si>
  <si>
    <t>GGPS NOONAN JADEED</t>
  </si>
  <si>
    <t>NOONAN JADEED</t>
  </si>
  <si>
    <t>NADRA AFZAL</t>
  </si>
  <si>
    <t>GPS CHOTA HAKRA</t>
  </si>
  <si>
    <t>GHARWAN</t>
  </si>
  <si>
    <t>CHOTA HAKRA</t>
  </si>
  <si>
    <t>GGPS CHAH MUHAMMAD WALA</t>
  </si>
  <si>
    <t>CHAH MUHAMMAD WALA</t>
  </si>
  <si>
    <t>AYESHA KIRAN</t>
  </si>
  <si>
    <t>GPS MC MEDICAL COLONY BAHAWALPUR</t>
  </si>
  <si>
    <t>HANSARA</t>
  </si>
  <si>
    <t>MEDICAL COLONY</t>
  </si>
  <si>
    <t>MC-BWP CITY</t>
  </si>
  <si>
    <t>MUBEEN SAFDAR</t>
  </si>
  <si>
    <t>GGPS DERAWAR WAH BAHAWALPUR</t>
  </si>
  <si>
    <t>DARORAWAH</t>
  </si>
  <si>
    <t>BASTI GADRAN</t>
  </si>
  <si>
    <t>SAIMA YOUNAS</t>
  </si>
  <si>
    <t>GPS SATELLITE TOWN COMMERCIAL AREA BAHAWALPUR</t>
  </si>
  <si>
    <t>MALIK ZAFAR ASHIQ</t>
  </si>
  <si>
    <t>GPS BASTI DAD POTRA</t>
  </si>
  <si>
    <t>TIBBI DATA KHAN</t>
  </si>
  <si>
    <t>MUNSHI RAHEEM BUX</t>
  </si>
  <si>
    <t>TAYYAB RASHEED</t>
  </si>
  <si>
    <t>BAHAWALPUR CITY WEST - MALE</t>
  </si>
  <si>
    <t>NOSHEHARA</t>
  </si>
  <si>
    <t>MUMTAZ AZIZ ALVI</t>
  </si>
  <si>
    <t>GGPS KOTLA FAQIR</t>
  </si>
  <si>
    <t>ghermala</t>
  </si>
  <si>
    <t>bushra bibi</t>
  </si>
  <si>
    <t>GPS ARABIC PRIMARY SCHOOL MASITAN</t>
  </si>
  <si>
    <t>DERA IZZAT</t>
  </si>
  <si>
    <t>BASTI MASEETAN</t>
  </si>
  <si>
    <t>BWP CITY-3</t>
  </si>
  <si>
    <t>ABDUL WAHAB</t>
  </si>
  <si>
    <t>GPS MODEL CHAK NO.30/BC (E)</t>
  </si>
  <si>
    <t>CHAK NO 30 B C</t>
  </si>
  <si>
    <t>30 BC</t>
  </si>
  <si>
    <t>CHAK NO. 4 BC</t>
  </si>
  <si>
    <t>SYED MUMMTAZ ALI</t>
  </si>
  <si>
    <t>GPS SALEEM ABAD</t>
  </si>
  <si>
    <t>LILLA BHRAWANA</t>
  </si>
  <si>
    <t>saleemabad</t>
  </si>
  <si>
    <t>LILLA</t>
  </si>
  <si>
    <t>m sufyan</t>
  </si>
  <si>
    <t>GPS PIR PHULLAHI</t>
  </si>
  <si>
    <t>PIR PHULLAHI</t>
  </si>
  <si>
    <t>PIRPULAHI</t>
  </si>
  <si>
    <t>GPS KHOKHRAN</t>
  </si>
  <si>
    <t>WAHI SHAH MOHAMMAD</t>
  </si>
  <si>
    <t>BASTI KHOKHRAN</t>
  </si>
  <si>
    <t>ALLAH WASAYA BHATTI</t>
  </si>
  <si>
    <t>GPS DHOK MALKAN</t>
  </si>
  <si>
    <t>TOBAH</t>
  </si>
  <si>
    <t>DI;SHAD BEGUM</t>
  </si>
  <si>
    <t>GPS DHOK GONDAL</t>
  </si>
  <si>
    <t>DHOK GONDAL</t>
  </si>
  <si>
    <t>IFTIKHAR ASHRAF</t>
  </si>
  <si>
    <t>GPS BASTI BHADEERAN</t>
  </si>
  <si>
    <t>KHERO DYEH</t>
  </si>
  <si>
    <t>BHADEERAN</t>
  </si>
  <si>
    <t>HEAD PALLA</t>
  </si>
  <si>
    <t>GPS QAZI SAEED</t>
  </si>
  <si>
    <t>QAZI SAEED</t>
  </si>
  <si>
    <t>NURBAN</t>
  </si>
  <si>
    <t>M IRFAN RAO</t>
  </si>
  <si>
    <t>GGPS KADLOT</t>
  </si>
  <si>
    <t>KADLOT</t>
  </si>
  <si>
    <t>GULFAM BIBI</t>
  </si>
  <si>
    <t>GPS SALHAL</t>
  </si>
  <si>
    <t>SALHAL</t>
  </si>
  <si>
    <t>FARHAT NAZ</t>
  </si>
  <si>
    <t>GPS BHAINI PUNNAN</t>
  </si>
  <si>
    <t>KHAIROO DEYH</t>
  </si>
  <si>
    <t>BASTI PUNNA WALI</t>
  </si>
  <si>
    <t>M ASLAM SHAHID</t>
  </si>
  <si>
    <t>GMPS SAID HUSSAIN</t>
  </si>
  <si>
    <t>SAID HUSSAIN</t>
  </si>
  <si>
    <t>SAIDHUSSAIN</t>
  </si>
  <si>
    <t>SADIA IBRAHIM</t>
  </si>
  <si>
    <t>GGPS BASTI ADMANA</t>
  </si>
  <si>
    <t>GHAZI KHANANA</t>
  </si>
  <si>
    <t>BASTI ADMANA</t>
  </si>
  <si>
    <t>KHERO DEHY</t>
  </si>
  <si>
    <t>M SHAMSEER AKASH</t>
  </si>
  <si>
    <t>GPS SERI GHANIAL</t>
  </si>
  <si>
    <t>GHANIAL</t>
  </si>
  <si>
    <t>SERI GHANIAL</t>
  </si>
  <si>
    <t>JAJIAL</t>
  </si>
  <si>
    <t>ROBINA BEGUM</t>
  </si>
  <si>
    <t>GPS ALI PUR</t>
  </si>
  <si>
    <t>CHHOHAN (A) - MALE</t>
  </si>
  <si>
    <t>QUTAB PUR</t>
  </si>
  <si>
    <t>GHULAM MUHAYODIN</t>
  </si>
  <si>
    <t>GMPS SUROOLA</t>
  </si>
  <si>
    <t>SUROOLA</t>
  </si>
  <si>
    <t>SAROOLA</t>
  </si>
  <si>
    <t>SUMAIA MUMTAZ</t>
  </si>
  <si>
    <t>GPS BASTI DEEPAY WALA</t>
  </si>
  <si>
    <t>CHAK NO 20/F.W</t>
  </si>
  <si>
    <t>ALI AHMAD KANWAL</t>
  </si>
  <si>
    <t>GPS BASTI LAL SHAH</t>
  </si>
  <si>
    <t>BASTI LAL SHAH</t>
  </si>
  <si>
    <t>KASUR-XI</t>
  </si>
  <si>
    <t>SYEDA MUNAWAR FATIMA</t>
  </si>
  <si>
    <t>GPS DHOLAY WALI</t>
  </si>
  <si>
    <t>DHOLAY WALI</t>
  </si>
  <si>
    <t>SIAN</t>
  </si>
  <si>
    <t>SHOUKAT CHEEMA</t>
  </si>
  <si>
    <t>GPS ADHOOJA PO CHAK NO 181 (PSSP)</t>
  </si>
  <si>
    <t>DARGHAI</t>
  </si>
  <si>
    <t>BASTI ADUJHA</t>
  </si>
  <si>
    <t>GPS NOWSHERA VIRKAN NO.1</t>
  </si>
  <si>
    <t>NOWSHERA VIRKAN-MAL</t>
  </si>
  <si>
    <t>NOWSHERA VIRKAN-I</t>
  </si>
  <si>
    <t>HAFIZ LIAQAT ALI</t>
  </si>
  <si>
    <t>GGPS AZMAT WALA</t>
  </si>
  <si>
    <t>JAMPUR NO. 2 - FEMALE</t>
  </si>
  <si>
    <t>SANAM NAAZ</t>
  </si>
  <si>
    <t>GPS MC KHARA ROAD KASUR</t>
  </si>
  <si>
    <t>BASTI KHADAM ABAD, KHARA ROAD</t>
  </si>
  <si>
    <t>HINA SEHAR</t>
  </si>
  <si>
    <t>GPS MACHHI GOTH (PSSP)</t>
  </si>
  <si>
    <t>MURAD MACHHI</t>
  </si>
  <si>
    <t>MACHI GOTH</t>
  </si>
  <si>
    <t>MARAYAM IBRAR</t>
  </si>
  <si>
    <t>GMPS CHAK NO. 28 A/2-R (PSSP)</t>
  </si>
  <si>
    <t>28-A/2R</t>
  </si>
  <si>
    <t>SATGARHA</t>
  </si>
  <si>
    <t>SHARMEEN LIAQAT</t>
  </si>
  <si>
    <t>GGPS WAZEER AHMED ABAD (PSSP)</t>
  </si>
  <si>
    <t>WAZEER AHMAD ABAD</t>
  </si>
  <si>
    <t>BASTI WAZEER AHMAD KALHORA</t>
  </si>
  <si>
    <t>IRFAN AHMAD</t>
  </si>
  <si>
    <t>GPS CHANGO WALI</t>
  </si>
  <si>
    <t>CHANGO WALI</t>
  </si>
  <si>
    <t>GHONA</t>
  </si>
  <si>
    <t>GPS CHAK NO.401 TDA</t>
  </si>
  <si>
    <t>CHAK NO.401 TDA</t>
  </si>
  <si>
    <t>401 tda</t>
  </si>
  <si>
    <t>Sumaira Umber</t>
  </si>
  <si>
    <t>GGPS LOHANCH NASHAIB</t>
  </si>
  <si>
    <t>basti chundrar</t>
  </si>
  <si>
    <t>Rabia Noor</t>
  </si>
  <si>
    <t>GPS MADINA TUL ULOOM CHAK NO. 430 TDA</t>
  </si>
  <si>
    <t>MERHAN</t>
  </si>
  <si>
    <t>430 tda</t>
  </si>
  <si>
    <t>SAIRA ANAM</t>
  </si>
  <si>
    <t>GGPS CHAK NO 169 TDA AZIZA ABAD</t>
  </si>
  <si>
    <t>THAL JANDI</t>
  </si>
  <si>
    <t>169 TDA</t>
  </si>
  <si>
    <t>Asia Zaman</t>
  </si>
  <si>
    <t>GGPS CHAK NO. 468/TDA</t>
  </si>
  <si>
    <t>CHAK NO 464 TDA</t>
  </si>
  <si>
    <t>MUQADAS BIBI</t>
  </si>
  <si>
    <t>GPS CHAK NO.425-A/TDA</t>
  </si>
  <si>
    <t>CHAK NO 425 TDA</t>
  </si>
  <si>
    <t>GPS DUDDEY</t>
  </si>
  <si>
    <t>DUDDEY</t>
  </si>
  <si>
    <t>Duddy</t>
  </si>
  <si>
    <t>Farhat Naz</t>
  </si>
  <si>
    <t>GGPS CHAK NO.275/TDA</t>
  </si>
  <si>
    <t>CHAK  NO 275 TDA</t>
  </si>
  <si>
    <t>IRAM FATIMA</t>
  </si>
  <si>
    <t>GGPS WANJHARAY WALA</t>
  </si>
  <si>
    <t>WANJHARAY</t>
  </si>
  <si>
    <t>BASTI PARHOPI</t>
  </si>
  <si>
    <t>KOT SULTAN CITY</t>
  </si>
  <si>
    <t>MUHAMMAD SAEED ULLAH</t>
  </si>
  <si>
    <t>GPS KHARAL AZEEM</t>
  </si>
  <si>
    <t>KHRAL AZEEM</t>
  </si>
  <si>
    <t>KHERAL AZEEM</t>
  </si>
  <si>
    <t>KOT SULTAN RURAL</t>
  </si>
  <si>
    <t>GGPS KHARAL AZEEM NUMBERDAR WALA</t>
  </si>
  <si>
    <t>KHARAL AZEEM NASHAIB</t>
  </si>
  <si>
    <t>KHARAL AZEEM</t>
  </si>
  <si>
    <t>FOZIA LIAQAT</t>
  </si>
  <si>
    <t>ahmed yar rio</t>
  </si>
  <si>
    <t>KOT SULTAN</t>
  </si>
  <si>
    <t>GGPS BASTI SIRAI</t>
  </si>
  <si>
    <t>SUNHARA WASAWA</t>
  </si>
  <si>
    <t>CHAH DITTO</t>
  </si>
  <si>
    <t>GPS CHAK NO 161 TDA</t>
  </si>
  <si>
    <t>SAR NASHTA THAL JANDE</t>
  </si>
  <si>
    <t>CHAK N0 161 TDA</t>
  </si>
  <si>
    <t>SARISHTA THAL</t>
  </si>
  <si>
    <t>GGPS PUR MIRAN P/O 1 MR</t>
  </si>
  <si>
    <t>CHATHA</t>
  </si>
  <si>
    <t>MULAN WALA BASTI</t>
  </si>
  <si>
    <t>NAJMA PARVEEN</t>
  </si>
  <si>
    <t>GMPS TIBI CHAND</t>
  </si>
  <si>
    <t>TIBI CHAND</t>
  </si>
  <si>
    <t>AIYSHA ILYAS</t>
  </si>
  <si>
    <t>GGPS DIN PUR P/O DIN PUR SADAR MULTAN</t>
  </si>
  <si>
    <t>RAY WALA</t>
  </si>
  <si>
    <t>CHATTHA</t>
  </si>
  <si>
    <t>MUHAMMAD SABIR</t>
  </si>
  <si>
    <t>GGPS BASTI LANGAH WALA</t>
  </si>
  <si>
    <t>HALAL WAJA</t>
  </si>
  <si>
    <t>CHAH RASHEEDA</t>
  </si>
  <si>
    <t>QAISER PUR</t>
  </si>
  <si>
    <t>M. ARSHAD</t>
  </si>
  <si>
    <t>GGPS BASTI LABEJA SHUJABAD</t>
  </si>
  <si>
    <t>BASTI MITHO - FEMALE</t>
  </si>
  <si>
    <t>BHANA</t>
  </si>
  <si>
    <t>BASTI LABEJA</t>
  </si>
  <si>
    <t>MARGHOOB AHMAD</t>
  </si>
  <si>
    <t>GPS KOT PATTO</t>
  </si>
  <si>
    <t>KOT PATTO</t>
  </si>
  <si>
    <t>GGPS MALKOWALA</t>
  </si>
  <si>
    <t>MALKOWALA</t>
  </si>
  <si>
    <t>UME RUBAB</t>
  </si>
  <si>
    <t>GPS ISRA WALA, P/O CHOPAR HATTA, SARAI SIDHU (PEF,PSSP PHASE III)</t>
  </si>
  <si>
    <t>CHOPAR HATTA</t>
  </si>
  <si>
    <t>ISTRAN WALA</t>
  </si>
  <si>
    <t>RAO ZAHID ALI</t>
  </si>
  <si>
    <t>GGPS (PSSP-II) CHAK NO. 221 /EB</t>
  </si>
  <si>
    <t>CHAK NO. 221 /EB</t>
  </si>
  <si>
    <t>221 EB</t>
  </si>
  <si>
    <t>SHAHIDA ANWAR</t>
  </si>
  <si>
    <t>GGPS THATTA GULAB SINGH</t>
  </si>
  <si>
    <t>THATA GLUB SINGH</t>
  </si>
  <si>
    <t>THATTA GULAB SINGH</t>
  </si>
  <si>
    <t>GMPS MOHRA DHAMIAL</t>
  </si>
  <si>
    <t>BHATTA</t>
  </si>
  <si>
    <t>MOHRA DHAMIAL</t>
  </si>
  <si>
    <t>KURI DOLAL</t>
  </si>
  <si>
    <t>SOBIA</t>
  </si>
  <si>
    <t>YOUSAF PUR</t>
  </si>
  <si>
    <t>MAINGRA</t>
  </si>
  <si>
    <t>Farkhanda kokar</t>
  </si>
  <si>
    <t>GPS CHAK NO 161/7-R N</t>
  </si>
  <si>
    <t>HAROONABAD-IV - MALE</t>
  </si>
  <si>
    <t>161/7-R N</t>
  </si>
  <si>
    <t>Sobia Parveen</t>
  </si>
  <si>
    <t>GPS MUQEEM SHAH</t>
  </si>
  <si>
    <t>BAHAWALNAGAR-IX - MALE</t>
  </si>
  <si>
    <t>SADIQ NAGAR</t>
  </si>
  <si>
    <t>GPS MUMQEE SHAH</t>
  </si>
  <si>
    <t>MUMQEE SHAH</t>
  </si>
  <si>
    <t>QURA TUL AIN</t>
  </si>
  <si>
    <t>GGPS BHATTAA AMIN AKOOKA</t>
  </si>
  <si>
    <t>AKOOKA</t>
  </si>
  <si>
    <t>BHATTAA AMIN AKOOKA</t>
  </si>
  <si>
    <t>SANATEKA</t>
  </si>
  <si>
    <t>GPS KOKARI</t>
  </si>
  <si>
    <t>BAHAWALNAGAR-III - MALE</t>
  </si>
  <si>
    <t>CHAKGHULAM MUHAMMAD</t>
  </si>
  <si>
    <t>KOKARI</t>
  </si>
  <si>
    <t>KAPOORAN</t>
  </si>
  <si>
    <t>AMJAD ALI</t>
  </si>
  <si>
    <t>GGPS KABIR WAH NO.2</t>
  </si>
  <si>
    <t>KABIR WHA</t>
  </si>
  <si>
    <t>BASTI AHMAD WALI</t>
  </si>
  <si>
    <t>REHANA JAVED</t>
  </si>
  <si>
    <t>GPS CHATTAL</t>
  </si>
  <si>
    <t>CHATTAL</t>
  </si>
  <si>
    <t>RAHAT SAEED</t>
  </si>
  <si>
    <t>GPS BHATTIAN WALA, ABDUL HAKIM (PEF,PSSP PHASE III)</t>
  </si>
  <si>
    <t>HUSSAIN ABAD NO 1</t>
  </si>
  <si>
    <t>HASHMAT WALA</t>
  </si>
  <si>
    <t>ALLAH RAKHA SHAHID</t>
  </si>
  <si>
    <t>GPS (PSSP-II) 219/EB</t>
  </si>
  <si>
    <t>CHAK NO. 219/EB</t>
  </si>
  <si>
    <t>219 EB</t>
  </si>
  <si>
    <t>223 EB</t>
  </si>
  <si>
    <t>GPS CHAK 66 JB II FSD</t>
  </si>
  <si>
    <t>DHANDRAH</t>
  </si>
  <si>
    <t>TAHIR PURA</t>
  </si>
  <si>
    <t>66 JB</t>
  </si>
  <si>
    <t>GGPS GHONA</t>
  </si>
  <si>
    <t>Fida hussain</t>
  </si>
  <si>
    <t>GPS DAYA SINGH WALA</t>
  </si>
  <si>
    <t>DAYA SINGH WALA</t>
  </si>
  <si>
    <t>RUKAN PURA</t>
  </si>
  <si>
    <t>ADNAN NAEEM</t>
  </si>
  <si>
    <t>GGCMS QAZI WALA</t>
  </si>
  <si>
    <t>KANGAN PUR RURAL</t>
  </si>
  <si>
    <t>SHUMAILA AMIN</t>
  </si>
  <si>
    <t>GGPS TIBBI WASAWA KEHROR PACCA</t>
  </si>
  <si>
    <t>TIBBI WASAWA</t>
  </si>
  <si>
    <t>CHATAY WALA</t>
  </si>
  <si>
    <t>GGPS CHAK NO.128/DNB (IQRA)</t>
  </si>
  <si>
    <t>CHAK NO.128/DNB(IQRA</t>
  </si>
  <si>
    <t>128/DNB(IQRA</t>
  </si>
  <si>
    <t>MUHAMMAD RAMZAN AKHTAR</t>
  </si>
  <si>
    <t>GGPS BINDA SARGANA, P/O SALAR WAHIN NOU, NAWAN SHEHR(refunctionlizing 19-05-15) (PEF,PSSP PHASE III)</t>
  </si>
  <si>
    <t>BINDA SARGANA</t>
  </si>
  <si>
    <t>MAMDAL</t>
  </si>
  <si>
    <t>GGPS KHOBAR CHISHTI</t>
  </si>
  <si>
    <t>BAHAWALNAGAR-VIII - FEMALE</t>
  </si>
  <si>
    <t>KHOBAR CHISHTI</t>
  </si>
  <si>
    <t>BASTI ARIYAN</t>
  </si>
  <si>
    <t>NATHAY WALA</t>
  </si>
  <si>
    <t>GPS CHAK NO 123 MURAD</t>
  </si>
  <si>
    <t>CHAK NO 123 MURAD</t>
  </si>
  <si>
    <t>CHAK NO 123 MUR</t>
  </si>
  <si>
    <t>ANEEQA SAFDAR</t>
  </si>
  <si>
    <t>GPS CHAK NO.163/7-R</t>
  </si>
  <si>
    <t>HAROONABAD-VIII - MALE</t>
  </si>
  <si>
    <t>CHAK NO.163-7.R</t>
  </si>
  <si>
    <t>GPS DHOK LANDI</t>
  </si>
  <si>
    <t>DHOKE LANDI</t>
  </si>
  <si>
    <t>KOT SARANG</t>
  </si>
  <si>
    <t>GPS DERA CHIDRU KHELAN WALA</t>
  </si>
  <si>
    <t>HAFIZ WALA - MALE</t>
  </si>
  <si>
    <t>TIBBA MEHRBAN SHAH</t>
  </si>
  <si>
    <t>GGPS CHAK NO. 73 JB II</t>
  </si>
  <si>
    <t>\</t>
  </si>
  <si>
    <t>JAPPAL</t>
  </si>
  <si>
    <t>73 JB</t>
  </si>
  <si>
    <t>NAILA IRSHAD</t>
  </si>
  <si>
    <t>GGPS SASRANA  ABDUL HAKIM (PEF,PSSP PHASE III)</t>
  </si>
  <si>
    <t>SASRANA</t>
  </si>
  <si>
    <t>SHAREEN WALA</t>
  </si>
  <si>
    <t>KOT ISLAM</t>
  </si>
  <si>
    <t>MUMTAZ HUSSAIN SHAHEEN</t>
  </si>
  <si>
    <t>GGPS THULL WALA PO AMEER PUR SADAT</t>
  </si>
  <si>
    <t>ALI PUR KANJO</t>
  </si>
  <si>
    <t>NAKI WALA</t>
  </si>
  <si>
    <t>ALI PUR KANJU</t>
  </si>
  <si>
    <t>GPS BAGH WALI</t>
  </si>
  <si>
    <t>Bagh Wali</t>
  </si>
  <si>
    <t>Anns Khalid</t>
  </si>
  <si>
    <t>PIPLAN - MALE</t>
  </si>
  <si>
    <t>GGPS HUSSAIN ABAD NO.1 ABDUL HAKIM (PEF,PSSP PHASE III)</t>
  </si>
  <si>
    <t>BASTI MALANA</t>
  </si>
  <si>
    <t>GGPS KOT RAJA</t>
  </si>
  <si>
    <t>KOT RAJA</t>
  </si>
  <si>
    <t>RUBI SHAHZADI</t>
  </si>
  <si>
    <t>GGPS BELA WAHGA BASTI BELA WAHGA</t>
  </si>
  <si>
    <t>ZERAK WAIN</t>
  </si>
  <si>
    <t>BELA WAHGA</t>
  </si>
  <si>
    <t>SAFIA RAZAQ</t>
  </si>
  <si>
    <t>GPS HERNOLI KHAS</t>
  </si>
  <si>
    <t>HERNOLI - MALE</t>
  </si>
  <si>
    <t>HERNOLI</t>
  </si>
  <si>
    <t>HERNOLI URBAN</t>
  </si>
  <si>
    <t>RUQIA SHER AHMED</t>
  </si>
  <si>
    <t>GPS RAM NAGAR</t>
  </si>
  <si>
    <t>BAHAWALNAGAR-VI - MALE</t>
  </si>
  <si>
    <t>RAAM NAGAR</t>
  </si>
  <si>
    <t>SONDHA</t>
  </si>
  <si>
    <t>Farzana Sadique</t>
  </si>
  <si>
    <t>GPS CHAK 109 RB I</t>
  </si>
  <si>
    <t>CHAK NO. 109 RB I</t>
  </si>
  <si>
    <t>ISMA GHULAM RASOOL</t>
  </si>
  <si>
    <t>GPS CHAK NO 178/M</t>
  </si>
  <si>
    <t>178/F CHAK</t>
  </si>
  <si>
    <t>CHAK NO 178/M</t>
  </si>
  <si>
    <t>NAZIA ARSHAD</t>
  </si>
  <si>
    <t>GGPS SHER PUR JADEED</t>
  </si>
  <si>
    <t>DHONAT</t>
  </si>
  <si>
    <t>MAHER ZAHOOR AHMAD</t>
  </si>
  <si>
    <t>GPS 29 GHAGH, P/O 25 PUL, ABDUL HAKIM (PEF,PSSP PHASE III)</t>
  </si>
  <si>
    <t>29 GHAGH</t>
  </si>
  <si>
    <t>SAADAAT ALI</t>
  </si>
  <si>
    <t>GPS KEETAN WALA KUNDIAN</t>
  </si>
  <si>
    <t>KUNDIAN - MALE</t>
  </si>
  <si>
    <t>KUNDIAN</t>
  </si>
  <si>
    <t>KEETAN WALA</t>
  </si>
  <si>
    <t>MC KUNDIAN</t>
  </si>
  <si>
    <t>GPS ZOOR KOT</t>
  </si>
  <si>
    <t>CHISHTIAN-VI - MALE</t>
  </si>
  <si>
    <t>ZOOR KOT</t>
  </si>
  <si>
    <t>MUHAMMAD AFTAB</t>
  </si>
  <si>
    <t>GMPS TAMBRAY</t>
  </si>
  <si>
    <t>TAMBRAY</t>
  </si>
  <si>
    <t>TANBRAY</t>
  </si>
  <si>
    <t>SHABANA SHAHBAZ</t>
  </si>
  <si>
    <t>GGPS RAJU WALA BASTI BHATIAN</t>
  </si>
  <si>
    <t>BAHAWALNAGAR-IX - FEMALE</t>
  </si>
  <si>
    <t>RAJU WALA</t>
  </si>
  <si>
    <t>Basti Bhtian</t>
  </si>
  <si>
    <t>BARA SAJWAR KHAN</t>
  </si>
  <si>
    <t>GPS HAJI MANAK WALA (LANGAH WALA)</t>
  </si>
  <si>
    <t>GMPS KOT MALANA, ABDUL HAKIM (PEF,PSSP PHASE II)</t>
  </si>
  <si>
    <t>GPS MARRAR</t>
  </si>
  <si>
    <t>MARRAR</t>
  </si>
  <si>
    <t>SHAHNAZ NAVEED</t>
  </si>
  <si>
    <t>GGPS CHAK NO.140/6-R</t>
  </si>
  <si>
    <t>HAROONABAD-VII - FEMALE</t>
  </si>
  <si>
    <t>Fakhar UN Nisa</t>
  </si>
  <si>
    <t>GPS MOCHI WALA PO BALA PIPLAN</t>
  </si>
  <si>
    <t>BALA</t>
  </si>
  <si>
    <t>VICHVEEN BALA</t>
  </si>
  <si>
    <t>ADNAN SHAHZAD</t>
  </si>
  <si>
    <t>GMPS DERA MUHAMMAD ASLAM</t>
  </si>
  <si>
    <t>CHISHTIAN-XI - FEMALE</t>
  </si>
  <si>
    <t>DARA MUHMMAD ASLAM</t>
  </si>
  <si>
    <t>DERA MUHAMMAD ASLAM</t>
  </si>
  <si>
    <t>RAZZAQ HUSSAIN</t>
  </si>
  <si>
    <t>GPS TUBE WEL GHULAM JILANI</t>
  </si>
  <si>
    <t>SHAH NAWAZ WALA</t>
  </si>
  <si>
    <t>MANKAAN WAL</t>
  </si>
  <si>
    <t>FARHAD KHAN</t>
  </si>
  <si>
    <t>GGPS CHAK SAYEDAN WALA   ***   PEF</t>
  </si>
  <si>
    <t>SAYEDAN WALA</t>
  </si>
  <si>
    <t>CHAK SYEDA WALA</t>
  </si>
  <si>
    <t>GGPS CHAK NO. 505/JB   ***   PEF</t>
  </si>
  <si>
    <t>BAGH - FEMALE</t>
  </si>
  <si>
    <t>CHAK NO. 505/JB</t>
  </si>
  <si>
    <t>BAGH</t>
  </si>
  <si>
    <t>MEHMOODA SHARIF</t>
  </si>
  <si>
    <t>GGPS TALIKA</t>
  </si>
  <si>
    <t>TALIKA</t>
  </si>
  <si>
    <t>AFSHEEN AFZAL</t>
  </si>
  <si>
    <t>GGPS CHAK 506 JANUBI II *** PEF</t>
  </si>
  <si>
    <t>CHAK NABOOD</t>
  </si>
  <si>
    <t>SAFIA BB</t>
  </si>
  <si>
    <t>GMPS CHAK KACHIAN   ***   PEF</t>
  </si>
  <si>
    <t>CHAK KACHIAN</t>
  </si>
  <si>
    <t>CHAK KACHIANN</t>
  </si>
  <si>
    <t>SYEDA FIDDYA ROBAB</t>
  </si>
  <si>
    <t>GPS MODEL RAJWAN</t>
  </si>
  <si>
    <t>RAJWAN</t>
  </si>
  <si>
    <t>PARTAN WALI</t>
  </si>
  <si>
    <t>SAJILA ABDUL HAMEED</t>
  </si>
  <si>
    <t>GPS SABBOWAL</t>
  </si>
  <si>
    <t>GUJRAT EAST - MALE</t>
  </si>
  <si>
    <t>SABBOWAL</t>
  </si>
  <si>
    <t>ZAID RASHEED</t>
  </si>
  <si>
    <t>GGPS NANO WALI</t>
  </si>
  <si>
    <t>NANO WALI</t>
  </si>
  <si>
    <t>NANOWALI</t>
  </si>
  <si>
    <t>GPS CHAH SHADU WALA</t>
  </si>
  <si>
    <t>CHAH SHADU WALA</t>
  </si>
  <si>
    <t>GGPS CHAK 268 ABADI GHAGHI   ***   PEF</t>
  </si>
  <si>
    <t>CHAK NO.268 ABADI GHAGHI</t>
  </si>
  <si>
    <t>CHAK NO. 268 ABADI GHUGHI</t>
  </si>
  <si>
    <t>SUMAIRA ABBAS</t>
  </si>
  <si>
    <t>GMPS MALIK PUR JATTAN</t>
  </si>
  <si>
    <t>MALIK PUR JATAN</t>
  </si>
  <si>
    <t>THUTHA RAY BUHADAR</t>
  </si>
  <si>
    <t>THATHA RAI BAHADUR</t>
  </si>
  <si>
    <t>GGPS CHAK NO.4/DNB</t>
  </si>
  <si>
    <t>CHAK NO.4/DNB</t>
  </si>
  <si>
    <t>GMPS KOT MANA</t>
  </si>
  <si>
    <t>KOT MANA</t>
  </si>
  <si>
    <t>SAIRA MUBASHAR</t>
  </si>
  <si>
    <t>GGPS GUDARA NO.1 KABIRWALA (PEF,PSSP PHASE II)</t>
  </si>
  <si>
    <t>KHUH MODH GUDARA</t>
  </si>
  <si>
    <t>NARHAL</t>
  </si>
  <si>
    <t>SAMIA SULTAN</t>
  </si>
  <si>
    <t>GGPS 105/6-R</t>
  </si>
  <si>
    <t>CHAK NO. 105/6R</t>
  </si>
  <si>
    <t>109/6-R</t>
  </si>
  <si>
    <t>Sumaira Batool</t>
  </si>
  <si>
    <t>GPS 112 GB KALAN</t>
  </si>
  <si>
    <t>CHAK 112 GB</t>
  </si>
  <si>
    <t>112 GB KALLAN</t>
  </si>
  <si>
    <t>112 KHIRRAD</t>
  </si>
  <si>
    <t>SHAHNIR ASIF</t>
  </si>
  <si>
    <t>GGPS AMANAT PURA</t>
  </si>
  <si>
    <t>AMANAT PURA</t>
  </si>
  <si>
    <t>UGOKI</t>
  </si>
  <si>
    <t>UGGOKI</t>
  </si>
  <si>
    <t>ASIFA AFTAB</t>
  </si>
  <si>
    <t>GPS MOHARI</t>
  </si>
  <si>
    <t>QASIM KA</t>
  </si>
  <si>
    <t>MOHARI</t>
  </si>
  <si>
    <t>MUHAMMAD UZAIR</t>
  </si>
  <si>
    <t>GPS SHAKRO WALA, SARAI SIDHU (PEF,PSSP PHASE III)</t>
  </si>
  <si>
    <t>SHAKRO WALA</t>
  </si>
  <si>
    <t>BARAJH SARGANA</t>
  </si>
  <si>
    <t>GGES CHAK NO 180/7-R</t>
  </si>
  <si>
    <t>FORT ABBAS-VI - FEMALE</t>
  </si>
  <si>
    <t>180 7R</t>
  </si>
  <si>
    <t>GGPS CHAK NO 180/7-R</t>
  </si>
  <si>
    <t>213/9-R</t>
  </si>
  <si>
    <t>IRAM KANWAL</t>
  </si>
  <si>
    <t>GGPS DHOK QADU PO SHAHPUR SYUEDAN</t>
  </si>
  <si>
    <t>DHOKE QADU</t>
  </si>
  <si>
    <t>KINZA IRAM</t>
  </si>
  <si>
    <t>GPS CHAK NO. 11/FW SIKANDAR WALA</t>
  </si>
  <si>
    <t>CHISHTIAN-V - MALE</t>
  </si>
  <si>
    <t>CHAK 11/F</t>
  </si>
  <si>
    <t>SIKANDAR WALA</t>
  </si>
  <si>
    <t>MUHAMMAD TARIQ MEHMOOD</t>
  </si>
  <si>
    <t>GGPS CHAK NO.2/DNB</t>
  </si>
  <si>
    <t>ADDA PULL 13000 - FEMALE</t>
  </si>
  <si>
    <t>CHAK NO.2/DNB</t>
  </si>
  <si>
    <t>1/DNB</t>
  </si>
  <si>
    <t>GGPS TAROR</t>
  </si>
  <si>
    <t>TAROR</t>
  </si>
  <si>
    <t>GHAWAN WALA</t>
  </si>
  <si>
    <t>YAWAR HUSSAIN</t>
  </si>
  <si>
    <t>GPS CHAK NO.102/6-R</t>
  </si>
  <si>
    <t>HAROONABAD-VI - MALE</t>
  </si>
  <si>
    <t>CHAK NO.102-6-R</t>
  </si>
  <si>
    <t>Sobia Khakwani</t>
  </si>
  <si>
    <t>GGPS (PSSP-II) 467 EB</t>
  </si>
  <si>
    <t>467 EB</t>
  </si>
  <si>
    <t>AYSHA NASEEM</t>
  </si>
  <si>
    <t>GGPS CHAH CHAWAN WALA, KABIRWALA (PEF PSSB PHASE I)</t>
  </si>
  <si>
    <t>MOOLA PUR</t>
  </si>
  <si>
    <t>TEHMEENA AHMED</t>
  </si>
  <si>
    <t>GGPS AHMAD ABAD NO 2</t>
  </si>
  <si>
    <t>CHAK NO.7/1 THAL JANOOBI</t>
  </si>
  <si>
    <t>TAHIR ABBAS</t>
  </si>
  <si>
    <t>GGPS CHAK NO.12/DNB</t>
  </si>
  <si>
    <t>CHAK NO.12/DNB</t>
  </si>
  <si>
    <t>12/DNB</t>
  </si>
  <si>
    <t>17/DNB</t>
  </si>
  <si>
    <t>JAVID IQBAL</t>
  </si>
  <si>
    <t>GPS WARA SHADI</t>
  </si>
  <si>
    <t>WARA SHADI</t>
  </si>
  <si>
    <t>RAZIA RAZAQ</t>
  </si>
  <si>
    <t>GGPS RUKAN WALA LUDHA MAHNI ***PEF</t>
  </si>
  <si>
    <t>H.B SHAH - FEMALE</t>
  </si>
  <si>
    <t>LUDA MAHNI</t>
  </si>
  <si>
    <t>GMPS FAZAL WALA P/O MAHNI SIAL KABIRWALA (PEF PSSB PHASE I)</t>
  </si>
  <si>
    <t>FAZAL WALA</t>
  </si>
  <si>
    <t>CHAH FAZAL WALA</t>
  </si>
  <si>
    <t>MAHNI SIAL</t>
  </si>
  <si>
    <t>GGPS DHALI</t>
  </si>
  <si>
    <t>DHALI</t>
  </si>
  <si>
    <t>DODHU CHAK</t>
  </si>
  <si>
    <t>Syeda Kaneez Fiza</t>
  </si>
  <si>
    <t>GGPS (PSSP-II) CHAK AZEEM</t>
  </si>
  <si>
    <t>CHAK AZEEM</t>
  </si>
  <si>
    <t>TIBBA SULTANPUR</t>
  </si>
  <si>
    <t>SIDRA BATOOL</t>
  </si>
  <si>
    <t>GPS NAVEED COLONY</t>
  </si>
  <si>
    <t>Benish Jabeen</t>
  </si>
  <si>
    <t>GGPS BUDHY WALA MAUZA RATHI</t>
  </si>
  <si>
    <t>CHISHTIAN-XII - FEMALE</t>
  </si>
  <si>
    <t>BUDHY WALA MAUZA RATHI</t>
  </si>
  <si>
    <t>BUDHY WALA</t>
  </si>
  <si>
    <t>DULLAH BHUDERA</t>
  </si>
  <si>
    <t>GPS CHAK 45/FA</t>
  </si>
  <si>
    <t>CHAK 45/FA</t>
  </si>
  <si>
    <t>45/F</t>
  </si>
  <si>
    <t>NAEEM ANJUM</t>
  </si>
  <si>
    <t>GGPS (PSSP-II) BASTI WASEERAN</t>
  </si>
  <si>
    <t>BASTI WASEERAN</t>
  </si>
  <si>
    <t>75 WB</t>
  </si>
  <si>
    <t>SHAGUFTA ZAMEER</t>
  </si>
  <si>
    <t>GGPS CHAK NO.41/DNB OLD</t>
  </si>
  <si>
    <t>CHAK NO.41/DNB OLD</t>
  </si>
  <si>
    <t>KIRAN RASOOL</t>
  </si>
  <si>
    <t>GGPS CHAK 113 GB JARANWALA</t>
  </si>
  <si>
    <t>113/GB</t>
  </si>
  <si>
    <t>113 GB SHARQI</t>
  </si>
  <si>
    <t>112/GB</t>
  </si>
  <si>
    <t>GGPS NAWAN KOT P.O. SALHOKAY TEHSIL DASKA DISTT SIALKOT</t>
  </si>
  <si>
    <t>SALHOKE</t>
  </si>
  <si>
    <t>TANZEELA</t>
  </si>
  <si>
    <t>GGES BAGERIYAN</t>
  </si>
  <si>
    <t>BAGERIYAN</t>
  </si>
  <si>
    <t>INSHA HUSSAIN</t>
  </si>
  <si>
    <t>GPS CHAK NO 58</t>
  </si>
  <si>
    <t>CHAK NO 58</t>
  </si>
  <si>
    <t>CHAK NO.55</t>
  </si>
  <si>
    <t>GGPS TIWEEN</t>
  </si>
  <si>
    <t>TIWEEN</t>
  </si>
  <si>
    <t>SOBIA KALSOOM</t>
  </si>
  <si>
    <t>GGPS NITHRAN WALI</t>
  </si>
  <si>
    <t>NITHRAN WALI</t>
  </si>
  <si>
    <t>NITHRANWALI</t>
  </si>
  <si>
    <t>SIDRA ISHFAQ</t>
  </si>
  <si>
    <t>GPS BULKHAY</t>
  </si>
  <si>
    <t>BULKHAY</t>
  </si>
  <si>
    <t>CHAK NO.39 UCC</t>
  </si>
  <si>
    <t>NAGINA ABBAS</t>
  </si>
  <si>
    <t>GPS JAGO KI</t>
  </si>
  <si>
    <t>JAGOKI</t>
  </si>
  <si>
    <t>MUDKAY DHARIWAL</t>
  </si>
  <si>
    <t>NABILA TARIQ</t>
  </si>
  <si>
    <t>KALA - FEMALE</t>
  </si>
  <si>
    <t>CHAK DHADUA</t>
  </si>
  <si>
    <t>ZAHRA JABEEN</t>
  </si>
  <si>
    <t>GPS DHOK MIAN MEHR</t>
  </si>
  <si>
    <t>DHOK MIAN MEHR</t>
  </si>
  <si>
    <t>IRFANA YASMEEN</t>
  </si>
  <si>
    <t>GGES MOONAN</t>
  </si>
  <si>
    <t>MOONAN</t>
  </si>
  <si>
    <t>GGPS MOONAN</t>
  </si>
  <si>
    <t>SALWA MEHMOOD</t>
  </si>
  <si>
    <t>GPS RAHEEM PUR</t>
  </si>
  <si>
    <t>AFZALA SUNDAS</t>
  </si>
  <si>
    <t>GGPS KHUNDA HERAJ, SARAI SIDHU (PEF,PSSP PHASE III)</t>
  </si>
  <si>
    <t>BAQIR PUR</t>
  </si>
  <si>
    <t>KHUNDA HERAJ</t>
  </si>
  <si>
    <t>MUNZA RAMZAN</t>
  </si>
  <si>
    <t>GGPS JHANGGI SAIL AZAFI BASTI</t>
  </si>
  <si>
    <t>JHANGGI SAJL</t>
  </si>
  <si>
    <t>JHANGGI SAIL AZAFI BASTI</t>
  </si>
  <si>
    <t>farhat faryad</t>
  </si>
  <si>
    <t>GGPS QADIMI *** PEF</t>
  </si>
  <si>
    <t>MALHUANA - FEMALE</t>
  </si>
  <si>
    <t>QADIMI</t>
  </si>
  <si>
    <t>QADEEMI</t>
  </si>
  <si>
    <t>SHAKEELA HAQNAWAZ</t>
  </si>
  <si>
    <t>GGPS CHAK NO.162/M</t>
  </si>
  <si>
    <t>162 M</t>
  </si>
  <si>
    <t>162/m</t>
  </si>
  <si>
    <t>CHAK NO. 163/M</t>
  </si>
  <si>
    <t>GGCMS DERA HAIBAT</t>
  </si>
  <si>
    <t>GPS KAT LAL SINGH</t>
  </si>
  <si>
    <t>FALIK SHER CHESHTI</t>
  </si>
  <si>
    <t>KAT LAL SINGH</t>
  </si>
  <si>
    <t>SOBIA TABUSSAM</t>
  </si>
  <si>
    <t>GPS CHAK NO 22/3-R AB</t>
  </si>
  <si>
    <t>CHAK NO 22/3-R AB</t>
  </si>
  <si>
    <t>20/3R</t>
  </si>
  <si>
    <t>GGPS KOTHA ARAIAN</t>
  </si>
  <si>
    <t>BAHAWALNAGAR-IV - FEMALE</t>
  </si>
  <si>
    <t>KOTHA ARAIAN</t>
  </si>
  <si>
    <t>FARHEEN MEHBOOB</t>
  </si>
  <si>
    <t>GGPS 84/5 E HAROON ABAD</t>
  </si>
  <si>
    <t>HAROONABAD-II - FEMALE</t>
  </si>
  <si>
    <t>CHAK NO 85-5-R</t>
  </si>
  <si>
    <t>GGPS MANDIALA</t>
  </si>
  <si>
    <t>MANDYALA</t>
  </si>
  <si>
    <t>Salma Nawaz</t>
  </si>
  <si>
    <t>GGPS FEROZ WALA</t>
  </si>
  <si>
    <t>GOTH GHANI - FEMALE</t>
  </si>
  <si>
    <t>DERVESHAN</t>
  </si>
  <si>
    <t>FEROZ WALA</t>
  </si>
  <si>
    <t>SUMREEN TEHSEEN</t>
  </si>
  <si>
    <t>GPS MUMTAZ SAMAJAY WALA</t>
  </si>
  <si>
    <t>QUTUB ABRIEND</t>
  </si>
  <si>
    <t>DANREEN</t>
  </si>
  <si>
    <t>M.TAHIR ABBAS</t>
  </si>
  <si>
    <t>GPS KUMHAR WALA</t>
  </si>
  <si>
    <t>USMAN KORIA</t>
  </si>
  <si>
    <t>KUMHAR WALA</t>
  </si>
  <si>
    <t>M.IQBAL</t>
  </si>
  <si>
    <t>GGPS JANGLAT BLOCK 2</t>
  </si>
  <si>
    <t>DAD FATIYANA - FEMALE</t>
  </si>
  <si>
    <t>JANGLAT 2</t>
  </si>
  <si>
    <t>JANGLAT BLOCK 2</t>
  </si>
  <si>
    <t>TAYYIBA BASHIR</t>
  </si>
  <si>
    <t>GGPS CHAK DARZI *** PEF</t>
  </si>
  <si>
    <t>CHAK DARZI</t>
  </si>
  <si>
    <t>GGPS BASTI JEWA ARAIN</t>
  </si>
  <si>
    <t>BASTI JEWA ARAIN</t>
  </si>
  <si>
    <t>JEWA ARAIN</t>
  </si>
  <si>
    <t>MANZOOR AHMED</t>
  </si>
  <si>
    <t>GPS SANA-UL-ALOOM</t>
  </si>
  <si>
    <t>BASTI REHMANABAD</t>
  </si>
  <si>
    <t>shahid nadeem</t>
  </si>
  <si>
    <t>GGPS RAHIM ABAD</t>
  </si>
  <si>
    <t>Sobia Nasim</t>
  </si>
  <si>
    <t>GPS MEHRAM WALA, P/O HASHMAT MIRALI, KABIRWALA (PEF,PSSP PHASE III)</t>
  </si>
  <si>
    <t>MEHRAM WALA</t>
  </si>
  <si>
    <t>MEHRAM WALAS</t>
  </si>
  <si>
    <t>CHAK NORANG SHAH</t>
  </si>
  <si>
    <t>ROOMA LIAQAT</t>
  </si>
  <si>
    <t>SULTAN WALA</t>
  </si>
  <si>
    <t>SAIMA SAEED</t>
  </si>
  <si>
    <t>GPS CHAK NO.149 NB</t>
  </si>
  <si>
    <t>CHAK NO.149 NB</t>
  </si>
  <si>
    <t>CHAK 147-148/NB</t>
  </si>
  <si>
    <t>MUSARAT PARVEEN</t>
  </si>
  <si>
    <t>GGPS AMIN NAICH</t>
  </si>
  <si>
    <t>AMIN NAICH</t>
  </si>
  <si>
    <t>GGPS MURAD WALA</t>
  </si>
  <si>
    <t>GUL-DERA</t>
  </si>
  <si>
    <t>BWP-CITY-I</t>
  </si>
  <si>
    <t>GPS CHAK NO.134 NB</t>
  </si>
  <si>
    <t>CHAK NO 134 NB</t>
  </si>
  <si>
    <t>CHAK NO.134 NB</t>
  </si>
  <si>
    <t>CHAK NO.131 NB</t>
  </si>
  <si>
    <t>NIGHAT SHER MUHAMMAD</t>
  </si>
  <si>
    <t>GPS CHAK ALI SHAH</t>
  </si>
  <si>
    <t>CHAK ALI SHAH</t>
  </si>
  <si>
    <t>IFFAT JABEEN</t>
  </si>
  <si>
    <t>GPS TIBBI HABOO</t>
  </si>
  <si>
    <t>TIBII HABOO</t>
  </si>
  <si>
    <t>TIBBI HABOO</t>
  </si>
  <si>
    <t>LUBNA SHAHEEN</t>
  </si>
  <si>
    <t>GGPS DERA BUKHSH</t>
  </si>
  <si>
    <t>DERA BUKHSH</t>
  </si>
  <si>
    <t>NADIA LATIF</t>
  </si>
  <si>
    <t>GGPS NARIAN DAS</t>
  </si>
  <si>
    <t>ABDAL</t>
  </si>
  <si>
    <t>NARIAN DAS</t>
  </si>
  <si>
    <t>NAIMA RANI</t>
  </si>
  <si>
    <t>GGPS NAZIR TOWN BHAKKAR</t>
  </si>
  <si>
    <t>NAZIR TOWN</t>
  </si>
  <si>
    <t>NAZEER TOWN</t>
  </si>
  <si>
    <t>BHAKKAR-II</t>
  </si>
  <si>
    <t>GPS CHAKKOO</t>
  </si>
  <si>
    <t>CHAKKOO</t>
  </si>
  <si>
    <t>MEGHA</t>
  </si>
  <si>
    <t>GGPS ALI PUR KHOKHRAN (NEWLY ESTABLISHED)</t>
  </si>
  <si>
    <t>ALI PUR KHOKHRAN</t>
  </si>
  <si>
    <t>MEARAN PUR</t>
  </si>
  <si>
    <t>GGPS CHAK NO.155/NP</t>
  </si>
  <si>
    <t>RAJAR HOO - FEMALE</t>
  </si>
  <si>
    <t>CHAK NO.155/NP</t>
  </si>
  <si>
    <t>MALIK ABDUL SHAKOOR</t>
  </si>
  <si>
    <t>GGPS BASTI JAN MUHAMMAD</t>
  </si>
  <si>
    <t>SAIF PUR</t>
  </si>
  <si>
    <t>BASTIJAN MUHAMMAD</t>
  </si>
  <si>
    <t>MUHAMMAD WAQAS</t>
  </si>
  <si>
    <t>GPS CHAK NO. 104/D</t>
  </si>
  <si>
    <t>104/D</t>
  </si>
  <si>
    <t>CHAK 96/D</t>
  </si>
  <si>
    <t>AYYAZ AHMAD</t>
  </si>
  <si>
    <t>GGPS CHAK NO.139 NB</t>
  </si>
  <si>
    <t>CHAK NO 139 PURANI ABADI</t>
  </si>
  <si>
    <t>CHAK NO.139 NB</t>
  </si>
  <si>
    <t>RAHEELA NOUREEN</t>
  </si>
  <si>
    <t>GGPS TAHU</t>
  </si>
  <si>
    <t>TAHU</t>
  </si>
  <si>
    <t>GGPS TAHU P.O. CANTT</t>
  </si>
  <si>
    <t>TAJI</t>
  </si>
  <si>
    <t>SHAMA FIRDOUS</t>
  </si>
  <si>
    <t>GPS KOT NARIAN SINGH</t>
  </si>
  <si>
    <t>KOT NARIAN SINGH</t>
  </si>
  <si>
    <t>ZAHIDA SHAFI</t>
  </si>
  <si>
    <t>GPS JEENDAR (PSSP-III)</t>
  </si>
  <si>
    <t>JEENDAR</t>
  </si>
  <si>
    <t>Jeendar</t>
  </si>
  <si>
    <t>GPS KHANNAN WALI</t>
  </si>
  <si>
    <t>KHANAWALI</t>
  </si>
  <si>
    <t>KHANNAN WALI</t>
  </si>
  <si>
    <t>SHAISTA PARVEZ</t>
  </si>
  <si>
    <t>GPS GHARIBA</t>
  </si>
  <si>
    <t>GHARIBA</t>
  </si>
  <si>
    <t>NOUREEN AKHTAR</t>
  </si>
  <si>
    <t>GPS ATARY BHOOP SINGH</t>
  </si>
  <si>
    <t>ATARY BHOOP SINGH</t>
  </si>
  <si>
    <t>MUHAMMAD NAVEED IQBAL</t>
  </si>
  <si>
    <t>GGPS DERA HABIB SHAH</t>
  </si>
  <si>
    <t>SHAHKOT SADDAR - FEMALE</t>
  </si>
  <si>
    <t>PANU</t>
  </si>
  <si>
    <t>DERA HABIB SHAH</t>
  </si>
  <si>
    <t>176/RB PANWAN</t>
  </si>
  <si>
    <t>HAFIZA SONIYA MUNAWAR</t>
  </si>
  <si>
    <t>GPS PULI TOOP KHANA</t>
  </si>
  <si>
    <t>PULI TOOP KHANA</t>
  </si>
  <si>
    <t>PULI TOP KHANA</t>
  </si>
  <si>
    <t>GPS WAZIR WALA</t>
  </si>
  <si>
    <t>BWP GALWAN  - MALE</t>
  </si>
  <si>
    <t>LARAN</t>
  </si>
  <si>
    <t>WAZIR WALA</t>
  </si>
  <si>
    <t>SUMAIRA PARVEEN</t>
  </si>
  <si>
    <t>GPS CHEENA HITTAR</t>
  </si>
  <si>
    <t>CHEENA HITAR</t>
  </si>
  <si>
    <t>GID PUR</t>
  </si>
  <si>
    <t>WASEEM UL REHMAN</t>
  </si>
  <si>
    <t>GMPS BALARA ARJAN KA</t>
  </si>
  <si>
    <t>ARJAN KA</t>
  </si>
  <si>
    <t>BALARA ARJUN KA</t>
  </si>
  <si>
    <t>ALIYA PARVEEN3</t>
  </si>
  <si>
    <t>GPS BASTI SOHAGAN</t>
  </si>
  <si>
    <t>CHANDRANI EAST</t>
  </si>
  <si>
    <t>BASTI SOHAGAN</t>
  </si>
  <si>
    <t>GGPS BAWALIAL</t>
  </si>
  <si>
    <t>BAWLIAL</t>
  </si>
  <si>
    <t>BAWALIAL</t>
  </si>
  <si>
    <t>MANKIALA MUSLIM</t>
  </si>
  <si>
    <t>SHAMSA FIRDOUS</t>
  </si>
  <si>
    <t>GPS BHOORA HATTA</t>
  </si>
  <si>
    <t>BHORA HATTA</t>
  </si>
  <si>
    <t>MANSUB AFZAL</t>
  </si>
  <si>
    <t>GPS ARABIC YOUSAF WALA</t>
  </si>
  <si>
    <t>CHAK GHOBIND</t>
  </si>
  <si>
    <t>BASTI ARAIAN</t>
  </si>
  <si>
    <t>HATHEJI</t>
  </si>
  <si>
    <t>GGPS 27 KB DAKHLI</t>
  </si>
  <si>
    <t>27 KB</t>
  </si>
  <si>
    <t>27/KB</t>
  </si>
  <si>
    <t>FARDOUS FIAZ</t>
  </si>
  <si>
    <t>GGPS MC SHAJAH ABAD</t>
  </si>
  <si>
    <t>SHAJAH ABAD</t>
  </si>
  <si>
    <t>NAIKA PURA</t>
  </si>
  <si>
    <t>SABA ASIF</t>
  </si>
  <si>
    <t>GGPS MAHAL TAJER</t>
  </si>
  <si>
    <t>MAHAL TAJER</t>
  </si>
  <si>
    <t>GGPS MAHAL TAJER P.O KUNDAN PUR</t>
  </si>
  <si>
    <t>KUNDEN PUR</t>
  </si>
  <si>
    <t>SADIA TANVEER</t>
  </si>
  <si>
    <t>GGPS DHOK QAZIAN P/O DHOK RAJIAN</t>
  </si>
  <si>
    <t>DHOKE QAZIAN</t>
  </si>
  <si>
    <t>Dhok Qazian</t>
  </si>
  <si>
    <t>Saeeda Khanum</t>
  </si>
  <si>
    <t>GGPS SAJAWAL WALA</t>
  </si>
  <si>
    <t>SAJAWAL WALA</t>
  </si>
  <si>
    <t>GGPS DERA RAJGAN</t>
  </si>
  <si>
    <t>DERA RAJGAN</t>
  </si>
  <si>
    <t>JAVERIA KANWAL</t>
  </si>
  <si>
    <t>GPS UMER PURA KHURD</t>
  </si>
  <si>
    <t>UMER PURA KHURD</t>
  </si>
  <si>
    <t>TAWANA KHURD</t>
  </si>
  <si>
    <t>LUBNA NAZIR</t>
  </si>
  <si>
    <t>GPS KALIA SHAH</t>
  </si>
  <si>
    <t>MUHAMMAD NAGAR B - MALE</t>
  </si>
  <si>
    <t>KALIA SHAH</t>
  </si>
  <si>
    <t>ARAZI DILAWAR</t>
  </si>
  <si>
    <t>GGPS PARHANA LOKE</t>
  </si>
  <si>
    <t>PARHANA LOKE</t>
  </si>
  <si>
    <t>PO RERKA BAKA VILLAGE PARHANA LOKE</t>
  </si>
  <si>
    <t>FAIZA BATOOL</t>
  </si>
  <si>
    <t>GPS CHAK NO.146/M</t>
  </si>
  <si>
    <t>CHAK NO.146/M</t>
  </si>
  <si>
    <t>GPS BANGLA MASTOI</t>
  </si>
  <si>
    <t>GHAZANFAR</t>
  </si>
  <si>
    <t>GGPS HARAS PUR</t>
  </si>
  <si>
    <t>HARAS PUR</t>
  </si>
  <si>
    <t>IQRA SHEHZADI</t>
  </si>
  <si>
    <t>GPS AL MUJAHID SHAHKOT</t>
  </si>
  <si>
    <t>WARD NO.15 SHAHKOT</t>
  </si>
  <si>
    <t>SHAHKOT-II</t>
  </si>
  <si>
    <t>NAGHMANA RIAZ</t>
  </si>
  <si>
    <t>GGPS CHAK NO.5/BC</t>
  </si>
  <si>
    <t>CHAK NO 5 B C</t>
  </si>
  <si>
    <t>AQSA RAMZAN</t>
  </si>
  <si>
    <t>GGPS ASSU MEHTA</t>
  </si>
  <si>
    <t>ASSU MEHTA</t>
  </si>
  <si>
    <t>SHABANA SADIQ</t>
  </si>
  <si>
    <t>GPS 215 RB NATHERY</t>
  </si>
  <si>
    <t>NATHERY</t>
  </si>
  <si>
    <t>FAREEHA ZULFIQAR</t>
  </si>
  <si>
    <t>GGPS MARI WALA</t>
  </si>
  <si>
    <t>GULDERA</t>
  </si>
  <si>
    <t>MARI WALA</t>
  </si>
  <si>
    <t>ASIM KHURSHID</t>
  </si>
  <si>
    <t>GGPS BASTI MIAN KHAN (CHANAWAR)</t>
  </si>
  <si>
    <t>BASTI CHANAWAR</t>
  </si>
  <si>
    <t>MIAN KHAN WALA</t>
  </si>
  <si>
    <t>SAFIA PARVEEN</t>
  </si>
  <si>
    <t>GPS HAVELI LAL KHAN DAKHLI BARMUSA</t>
  </si>
  <si>
    <t>BARMUSA</t>
  </si>
  <si>
    <t>HAVELI LAL KHAN DAKHLI PO BARMUSA</t>
  </si>
  <si>
    <t>MARIA SHABBIR</t>
  </si>
  <si>
    <t>GGPS PAKA DALLA CHAK NO 26</t>
  </si>
  <si>
    <t>PAKADALA</t>
  </si>
  <si>
    <t>PAKKA SHALLAH</t>
  </si>
  <si>
    <t>168/RB KARKAN</t>
  </si>
  <si>
    <t>AROOJ FATIMA</t>
  </si>
  <si>
    <t>GPS CHAK NO. 137 EB</t>
  </si>
  <si>
    <t>CHAK 137 EB</t>
  </si>
  <si>
    <t>137/EB</t>
  </si>
  <si>
    <t>M SHAH ZAIB</t>
  </si>
  <si>
    <t>GPS PEER SABAZ</t>
  </si>
  <si>
    <t>PEER SABAZ</t>
  </si>
  <si>
    <t>SABAZ PEER</t>
  </si>
  <si>
    <t>SHAHIDA FAISAL</t>
  </si>
  <si>
    <t>GPS ARABIC NONARI</t>
  </si>
  <si>
    <t>SHAHZIA KANWAL</t>
  </si>
  <si>
    <t>GGPS BALKANA</t>
  </si>
  <si>
    <t>BALKANA</t>
  </si>
  <si>
    <t>GGPS CHAH BOHAR WALA *** PEF</t>
  </si>
  <si>
    <t>CHELA</t>
  </si>
  <si>
    <t>FOUZIA ABBAS</t>
  </si>
  <si>
    <t>GPS MIAN KERI</t>
  </si>
  <si>
    <t>KHERO DEYH</t>
  </si>
  <si>
    <t>MIAN KERI</t>
  </si>
  <si>
    <t>M IMRAN</t>
  </si>
  <si>
    <t>GGPS MOHEN PUR, SARAI SIDHU  (PEF,PSSP PHASE II)</t>
  </si>
  <si>
    <t>MOHAN PUR</t>
  </si>
  <si>
    <t>MOHIN PUR</t>
  </si>
  <si>
    <t>BABAR TABASUM</t>
  </si>
  <si>
    <t>GGPS BAIT MAITLA</t>
  </si>
  <si>
    <t>BAIT QAIM SHAH</t>
  </si>
  <si>
    <t>BAIT GAMAN</t>
  </si>
  <si>
    <t>MUSHTAQ AHMED</t>
  </si>
  <si>
    <t>GGPS NAT</t>
  </si>
  <si>
    <t>NAT</t>
  </si>
  <si>
    <t>Tahira</t>
  </si>
  <si>
    <t>GGPS ABADI KASHMIRIAN ***  PEF</t>
  </si>
  <si>
    <t>MUKHIANA - FEMALE</t>
  </si>
  <si>
    <t>RUBINA SADIR</t>
  </si>
  <si>
    <t>GPS 80/1-L (M)</t>
  </si>
  <si>
    <t>HAROONABAD-III - MALE</t>
  </si>
  <si>
    <t>80/1L</t>
  </si>
  <si>
    <t>Abdul ghafoor</t>
  </si>
  <si>
    <t>GPS AHMAD KHAN WALA, P/O CHOPAR HATTA, SARAI SIDHU (PEF,PSSP PHASE III)</t>
  </si>
  <si>
    <t>MOHABAT ALI</t>
  </si>
  <si>
    <t>GPS VEERAM</t>
  </si>
  <si>
    <t>GPS CHAK NO.86/F-A</t>
  </si>
  <si>
    <t>CHAK NO.86/F-A</t>
  </si>
  <si>
    <t>GPS MUSA KHURD</t>
  </si>
  <si>
    <t>BHEROWAL - MALE</t>
  </si>
  <si>
    <t>MUSA KHURD</t>
  </si>
  <si>
    <t>PO BHEROWAL VILLAGE MUSA KHURD</t>
  </si>
  <si>
    <t>KOT SHER MUHAMMAD</t>
  </si>
  <si>
    <t>MADEEHA NOREEN</t>
  </si>
  <si>
    <t>SULTNA ABAD 37/RB</t>
  </si>
  <si>
    <t>SULTAN ABAD</t>
  </si>
  <si>
    <t>AMNA SHAHZADI</t>
  </si>
  <si>
    <t>GGPS SAPIALI KHINGER</t>
  </si>
  <si>
    <t>SAPIALI KHINGER</t>
  </si>
  <si>
    <t>SAIMA NOUREEN</t>
  </si>
  <si>
    <t>GGPS UMER FATANI</t>
  </si>
  <si>
    <t>UMER FATANI</t>
  </si>
  <si>
    <t>ROBINA KHURSHID</t>
  </si>
  <si>
    <t>GGPS HUMEROKAY CHAK 110</t>
  </si>
  <si>
    <t>SANGLA HILL GHARBI - FEMALE</t>
  </si>
  <si>
    <t>HUMEROKAY</t>
  </si>
  <si>
    <t>HUMAIROKI</t>
  </si>
  <si>
    <t>HUMAIRA NASEEM</t>
  </si>
  <si>
    <t>GPS GHAUS PUR</t>
  </si>
  <si>
    <t>TALHAR</t>
  </si>
  <si>
    <t>GHAUS PUR</t>
  </si>
  <si>
    <t>ASIFA SHAMIM</t>
  </si>
  <si>
    <t>GGPS MUSA KHURD</t>
  </si>
  <si>
    <t>MUSA KHURD PO BHEROWAL</t>
  </si>
  <si>
    <t>IFFAT UMAR</t>
  </si>
  <si>
    <t>GPS CHUNIAN NORTH KOT UMAR WATOO HUJRA ROAD</t>
  </si>
  <si>
    <t>KOT MUHAMMAD UMER WATOO</t>
  </si>
  <si>
    <t>KOT UMAR WATOO</t>
  </si>
  <si>
    <t>ABDUL MOEED RAFIQUI</t>
  </si>
  <si>
    <t>GGPS CHAK NO.18 NB BHALWAL</t>
  </si>
  <si>
    <t>CHAK NO.18 NB</t>
  </si>
  <si>
    <t>GHULAM SAKINA NAQVI</t>
  </si>
  <si>
    <t>GGPS KOT REHMAT KHAN</t>
  </si>
  <si>
    <t>SANGLA HILL SHARQI - FEMALE</t>
  </si>
  <si>
    <t>REHMAT KHAN</t>
  </si>
  <si>
    <t>28/RB LONGOWAL</t>
  </si>
  <si>
    <t>ASMAY SAEED</t>
  </si>
  <si>
    <t>GGPS 227 RB I KARARWALA</t>
  </si>
  <si>
    <t>227 RB KARARWALA</t>
  </si>
  <si>
    <t>KARARWALA</t>
  </si>
  <si>
    <t>SHAGUFTA ABBAS</t>
  </si>
  <si>
    <t>GPS CHAK NO. 29</t>
  </si>
  <si>
    <t>CHAK NO. 29</t>
  </si>
  <si>
    <t>SAIMA RANI</t>
  </si>
  <si>
    <t>GGPS KOT MUNSHI</t>
  </si>
  <si>
    <t>BONGA LASHKARI</t>
  </si>
  <si>
    <t>KOT MUNSHI</t>
  </si>
  <si>
    <t>SHAH PUR SHARIF</t>
  </si>
  <si>
    <t>GGPS GORIAN</t>
  </si>
  <si>
    <t>GORIAN</t>
  </si>
  <si>
    <t>NABILA IKRAM</t>
  </si>
  <si>
    <t>GPS SHAH MUHAMMAD BALOCH</t>
  </si>
  <si>
    <t>THEIRI ZABTI</t>
  </si>
  <si>
    <t>GGPS BAIRA GUJRAN</t>
  </si>
  <si>
    <t>BAIRA GUJRAN</t>
  </si>
  <si>
    <t>baira gujran</t>
  </si>
  <si>
    <t>sobia konwal</t>
  </si>
  <si>
    <t>AZRA TUFAIL</t>
  </si>
  <si>
    <t>GPS MUNDIKE CHAK NO. 34</t>
  </si>
  <si>
    <t>MUNDIKE CHAK NO. 34</t>
  </si>
  <si>
    <t>NAROKI MAJHA</t>
  </si>
  <si>
    <t>ADIYA KHALIQ</t>
  </si>
  <si>
    <t>GGPS DHOKE KHOKHRAN</t>
  </si>
  <si>
    <t>DHOKE KHOKHRAN</t>
  </si>
  <si>
    <t>ZAKIA ANBREEN</t>
  </si>
  <si>
    <t>GPS HAVELI MUHAMMAD YAR (BARMUSA)</t>
  </si>
  <si>
    <t>MUNEEBA UMAR</t>
  </si>
  <si>
    <t>GGPS KOT BHAGA</t>
  </si>
  <si>
    <t>KOT BHAGA</t>
  </si>
  <si>
    <t>KOT BAGGA</t>
  </si>
  <si>
    <t>SADIA YOUSAF</t>
  </si>
  <si>
    <t>GPS KOT MAHJI KHAN</t>
  </si>
  <si>
    <t>KOT MAHAJI KHAN</t>
  </si>
  <si>
    <t>BILAL AHMED</t>
  </si>
  <si>
    <t>119/RB BHULAIR</t>
  </si>
  <si>
    <t>SHAHNAZ KOUSAR</t>
  </si>
  <si>
    <t>GPS CHAK NO 73/DB(A) BASTI SARAN</t>
  </si>
  <si>
    <t>CHAK NO 73DB/A</t>
  </si>
  <si>
    <t>BAKHTAWAR BIBI</t>
  </si>
  <si>
    <t>GPS GHAZI WALA</t>
  </si>
  <si>
    <t>RIND JADA - MALE</t>
  </si>
  <si>
    <t>BASTI GUJRANWALA</t>
  </si>
  <si>
    <t>GUJJARAN WALA</t>
  </si>
  <si>
    <t>WARIS KHALIL</t>
  </si>
  <si>
    <t>GGPS CHAK NO 110/6-R</t>
  </si>
  <si>
    <t>HAROONABAD-IX - FEMALE</t>
  </si>
  <si>
    <t>CHAK NO 110 6R</t>
  </si>
  <si>
    <t>CHAK NO 110 6R AB</t>
  </si>
  <si>
    <t>GGPS DHOK ARDAL</t>
  </si>
  <si>
    <t>DK ARDAL</t>
  </si>
  <si>
    <t>SAIMA RAZZAQ</t>
  </si>
  <si>
    <t>GGES 66 WB JANUBI</t>
  </si>
  <si>
    <t>66 WB JANOBI</t>
  </si>
  <si>
    <t>GGPS 66 WB JANUBI</t>
  </si>
  <si>
    <t>66 WB</t>
  </si>
  <si>
    <t>58/WB</t>
  </si>
  <si>
    <t>MUHAMMAD ADRESS HAIDER</t>
  </si>
  <si>
    <t>GPS HAVELI MUHAMMAD KHAN</t>
  </si>
  <si>
    <t>HAVELI MUHAMMAD KHAN</t>
  </si>
  <si>
    <t>SAMINA KHADIM</t>
  </si>
  <si>
    <t>GPS CHHAJA</t>
  </si>
  <si>
    <t>CHHAJA</t>
  </si>
  <si>
    <t>UM E RUBAB</t>
  </si>
  <si>
    <t>GGPS KALA BALI NO 2   ***   PEF</t>
  </si>
  <si>
    <t>KALA BALI NO 2</t>
  </si>
  <si>
    <t>CHAH AMEER WALA</t>
  </si>
  <si>
    <t>HABIB ALI RAJIN</t>
  </si>
  <si>
    <t>GPS SHAH WALI</t>
  </si>
  <si>
    <t>BAIT MULLAN WALI</t>
  </si>
  <si>
    <t>BASTI MANDES</t>
  </si>
  <si>
    <t>GGPS BASTI KARKAN</t>
  </si>
  <si>
    <t>KHARALA AZEEM</t>
  </si>
  <si>
    <t>basti karkin</t>
  </si>
  <si>
    <t>shakeela nawaz</t>
  </si>
  <si>
    <t>GPS BASTI RAGAR</t>
  </si>
  <si>
    <t>BASTI RAGAR</t>
  </si>
  <si>
    <t>GGPS NAWAB COLONY FORT ABBAS</t>
  </si>
  <si>
    <t>GMPS KUJO</t>
  </si>
  <si>
    <t>KUJO</t>
  </si>
  <si>
    <t>TAZEEM AKHTAR</t>
  </si>
  <si>
    <t>GPS JALAL SAR WALA</t>
  </si>
  <si>
    <t>GHALWAN I</t>
  </si>
  <si>
    <t>JALAL SAR WALA</t>
  </si>
  <si>
    <t>GPS CHAK BHOUN</t>
  </si>
  <si>
    <t>CHAK BHOUN</t>
  </si>
  <si>
    <t>MAINGAN</t>
  </si>
  <si>
    <t>TANZEELA BATOOL</t>
  </si>
  <si>
    <t>GGPS BHAGAT PURA</t>
  </si>
  <si>
    <t>BHAGAT PURA</t>
  </si>
  <si>
    <t>BALLAGGAN</t>
  </si>
  <si>
    <t>FOZIA MUNEER</t>
  </si>
  <si>
    <t>GPS 138/9-L IHSAN ABAD</t>
  </si>
  <si>
    <t>DERA RAHIM - MALE</t>
  </si>
  <si>
    <t>138-9.L</t>
  </si>
  <si>
    <t>138/9-L</t>
  </si>
  <si>
    <t>HAFIZ SHAHID MEHMOOD</t>
  </si>
  <si>
    <t>GGPS ALLAY WALI SHARQI</t>
  </si>
  <si>
    <t>ALLAY WALI SHARQI</t>
  </si>
  <si>
    <t>MALKHAN WALA</t>
  </si>
  <si>
    <t>M SANAULLAH</t>
  </si>
  <si>
    <t>GPS BASTI ABDUL AZIZ</t>
  </si>
  <si>
    <t>BASTI DADPOTRA</t>
  </si>
  <si>
    <t>MUHAMMAD ZISHAN SHAH</t>
  </si>
  <si>
    <t>GGPS PANSION KHAWARAN</t>
  </si>
  <si>
    <t>PANSION KHAWARAN</t>
  </si>
  <si>
    <t>CHEENA ARLA</t>
  </si>
  <si>
    <t>SALMA MUSHTAQ</t>
  </si>
  <si>
    <t>GPS MUNDABAJWA</t>
  </si>
  <si>
    <t>MUNDABAJWA</t>
  </si>
  <si>
    <t>FEROZPUR</t>
  </si>
  <si>
    <t>Iqra Arif</t>
  </si>
  <si>
    <t>GPS CHAK NO 119/6-R (Ghosia Colony) Old Name (GPS CHAK NO 118/6-R)</t>
  </si>
  <si>
    <t>119/6-R  AB</t>
  </si>
  <si>
    <t>119/6-R</t>
  </si>
  <si>
    <t>GPS CHAPU</t>
  </si>
  <si>
    <t>CHAPU</t>
  </si>
  <si>
    <t>MUHAMMAD RUSTAM</t>
  </si>
  <si>
    <t>GGPS AMIN KOT</t>
  </si>
  <si>
    <t>MINCHIN ABAD VI - FEMALE</t>
  </si>
  <si>
    <t>HASIL SARHO</t>
  </si>
  <si>
    <t>AMIN KOT</t>
  </si>
  <si>
    <t>SIDRA MUMTAZ</t>
  </si>
  <si>
    <t>GPS TURK WIND</t>
  </si>
  <si>
    <t>KOT MANGAL SINGH</t>
  </si>
  <si>
    <t>ZAFARKAY</t>
  </si>
  <si>
    <t>ZAHIDA NAZ</t>
  </si>
  <si>
    <t>GPS RAJEKA</t>
  </si>
  <si>
    <t>QASIMKA</t>
  </si>
  <si>
    <t>RAJEKA</t>
  </si>
  <si>
    <t>GPS GHULAY BAJWA</t>
  </si>
  <si>
    <t>GULAY BAJWA</t>
  </si>
  <si>
    <t>GPS JANGLE BARALI NO. 2</t>
  </si>
  <si>
    <t>JANGLE BARALI NO. 2</t>
  </si>
  <si>
    <t>BASTI RAIT WALI</t>
  </si>
  <si>
    <t>24 WB</t>
  </si>
  <si>
    <t>FARMAN ALI KHAN</t>
  </si>
  <si>
    <t>GGPS BASTI BAHAWALPUR (PEF,PSSP PHASE II)</t>
  </si>
  <si>
    <t>BASTI BAHAWALPUR</t>
  </si>
  <si>
    <t>GPS BASTI GHULAM HAIDER MARIL</t>
  </si>
  <si>
    <t>BASTI GHULAM HAIDER</t>
  </si>
  <si>
    <t>SYED IRFAN HAIDER</t>
  </si>
  <si>
    <t>GPS AMMAR DATTAY WALA</t>
  </si>
  <si>
    <t>JAMRANI WAH</t>
  </si>
  <si>
    <t>BASTI JAND WALA</t>
  </si>
  <si>
    <t>RANA ALLAH DITTA</t>
  </si>
  <si>
    <t>GPS 110 JB I</t>
  </si>
  <si>
    <t>106 JB</t>
  </si>
  <si>
    <t>110 JB</t>
  </si>
  <si>
    <t>106/JB</t>
  </si>
  <si>
    <t>ANEELA ALI AHMAD</t>
  </si>
  <si>
    <t>GMPS KOT BHULA</t>
  </si>
  <si>
    <t>KOT BOLLA</t>
  </si>
  <si>
    <t>KOT BHULA</t>
  </si>
  <si>
    <t>AMREENA RUBAB</t>
  </si>
  <si>
    <t>GGPS KABOOTRI NO. 2</t>
  </si>
  <si>
    <t>KABUTRI</t>
  </si>
  <si>
    <t>Nazia Kosir</t>
  </si>
  <si>
    <t>GGPS DHOK KAKO</t>
  </si>
  <si>
    <t>KHOK KAKO</t>
  </si>
  <si>
    <t>DHOKE KAKU</t>
  </si>
  <si>
    <t>SUMAIRA JAHANGIR</t>
  </si>
  <si>
    <t>GPS CHAK NO.84/DB</t>
  </si>
  <si>
    <t>CHAK NO.84/DB</t>
  </si>
  <si>
    <t>GPS ATTARI AKEEKAY</t>
  </si>
  <si>
    <t>ATARI AKEEKAY</t>
  </si>
  <si>
    <t>DHUTTEY</t>
  </si>
  <si>
    <t>ZAHRA RAFIQUE</t>
  </si>
  <si>
    <t>GPS 77/5-L</t>
  </si>
  <si>
    <t>CHAK NO.77/5L</t>
  </si>
  <si>
    <t>77/5-L</t>
  </si>
  <si>
    <t>SIDRA ZAIB</t>
  </si>
  <si>
    <t>GMPS TIBBI MALOWAL</t>
  </si>
  <si>
    <t>TIBBI MALOWAL</t>
  </si>
  <si>
    <t>VPO TIBBI MALOWAL</t>
  </si>
  <si>
    <t>IMRANA KOUSAR</t>
  </si>
  <si>
    <t>GPS BASTI GHULAM QADIR</t>
  </si>
  <si>
    <t>SARWAR ABAD</t>
  </si>
  <si>
    <t>GHULAM QADIR</t>
  </si>
  <si>
    <t>CHANAB RASOOLPUR</t>
  </si>
  <si>
    <t>SHAKEEL AHMED</t>
  </si>
  <si>
    <t>GPS CHAK 48/P (PSSP)</t>
  </si>
  <si>
    <t>CHAK NO. 82/P</t>
  </si>
  <si>
    <t>CHAK 48/P</t>
  </si>
  <si>
    <t>TAHIRA AFZAL</t>
  </si>
  <si>
    <t>GGPS MANZAR ABAD *** PEF</t>
  </si>
  <si>
    <t>MANZAR ABAD</t>
  </si>
  <si>
    <t>MALIK SIDDIQUE</t>
  </si>
  <si>
    <t>GPS TOKRIAN</t>
  </si>
  <si>
    <t>TOKRI</t>
  </si>
  <si>
    <t>TOKRIAN</t>
  </si>
  <si>
    <t>MARYAM SULTANA</t>
  </si>
  <si>
    <t>GGPS MUSA KHOKHAR</t>
  </si>
  <si>
    <t>AHMADPUR WEST - FEMALE</t>
  </si>
  <si>
    <t>KHOKHARAN</t>
  </si>
  <si>
    <t>BASTI MUSA KHOKHAR</t>
  </si>
  <si>
    <t>MUSA KHOKHAR</t>
  </si>
  <si>
    <t>UMAIR FAROOQI</t>
  </si>
  <si>
    <t>GPS MOKHAL SINDWAN</t>
  </si>
  <si>
    <t>MOKHAL SINDWAN</t>
  </si>
  <si>
    <t>MOKHAL SANDHWAN</t>
  </si>
  <si>
    <t>MOKHAL SINDHWAN</t>
  </si>
  <si>
    <t>SHUMAILA ASHIQ</t>
  </si>
  <si>
    <t>GPS MAKHNAN WALI</t>
  </si>
  <si>
    <t>DHOKE KASIB - MALE</t>
  </si>
  <si>
    <t>MAKHNANWALI</t>
  </si>
  <si>
    <t>VPO MAKHNAWALI</t>
  </si>
  <si>
    <t>MAKHNAWALI</t>
  </si>
  <si>
    <t>MURALA</t>
  </si>
  <si>
    <t>SHAISTA NOREEN</t>
  </si>
  <si>
    <t>GPS BASTI MEHARBAN SHAH *** PEF</t>
  </si>
  <si>
    <t>HAVELI BAHADUR SHAH</t>
  </si>
  <si>
    <t>H.B SHAH GHARBI</t>
  </si>
  <si>
    <t>SHAMIA KOUSAR</t>
  </si>
  <si>
    <t>GGPS SIGHWAL</t>
  </si>
  <si>
    <t>SIGHWAL</t>
  </si>
  <si>
    <t>MOHIBPUR</t>
  </si>
  <si>
    <t>GGPS (PSSP-I) 305 EB</t>
  </si>
  <si>
    <t>SHUKA</t>
  </si>
  <si>
    <t>505 EB</t>
  </si>
  <si>
    <t>GPS CHAKKI WALA VILLAGE MIRAK SIAL *** PEF</t>
  </si>
  <si>
    <t>MIRAK SIAL</t>
  </si>
  <si>
    <t>CHAKI WALA</t>
  </si>
  <si>
    <t>ALLAH YAR JUTTA</t>
  </si>
  <si>
    <t>MANZOOR HUSSAIN AJMAL</t>
  </si>
  <si>
    <t>GGPS TOKRIAN</t>
  </si>
  <si>
    <t>MANDIALA TEGA - FEMAL</t>
  </si>
  <si>
    <t>THOKRIAN</t>
  </si>
  <si>
    <t>ANSA ZAFAR</t>
  </si>
  <si>
    <t>GGPS GULAN LAR</t>
  </si>
  <si>
    <t>GULAN LAR</t>
  </si>
  <si>
    <t>GGPS 60 RAB III ABAD</t>
  </si>
  <si>
    <t>60 RB</t>
  </si>
  <si>
    <t>91 RB</t>
  </si>
  <si>
    <t>SHAMEELA KHANAM</t>
  </si>
  <si>
    <t>GGPS CHAK 287 GB II NORTH</t>
  </si>
  <si>
    <t>CHAK NO 287 GB  II</t>
  </si>
  <si>
    <t>CHAK 287 GB II NORTH</t>
  </si>
  <si>
    <t>262/GB</t>
  </si>
  <si>
    <t>MISBAH TARIQ</t>
  </si>
  <si>
    <t>GPS DERA TARARAN PHALIA</t>
  </si>
  <si>
    <t>MOHALLAH MUGHAL PURA PHALIA</t>
  </si>
  <si>
    <t>DERA TARARAN</t>
  </si>
  <si>
    <t>PHALIA URBAN</t>
  </si>
  <si>
    <t>FARZANA KOUSAR</t>
  </si>
  <si>
    <t>GPS KHANANA MIAN</t>
  </si>
  <si>
    <t>DAD FATIYANA - MALE</t>
  </si>
  <si>
    <t>KHANANA MIAN</t>
  </si>
  <si>
    <t>SHER KHANA</t>
  </si>
  <si>
    <t>MURAD KE KATHIA</t>
  </si>
  <si>
    <t>iram shahzadi</t>
  </si>
  <si>
    <t>GGPS FAIZ ABAD MAGHIANA *** PEF</t>
  </si>
  <si>
    <t>BASTI FAIZ ABAD</t>
  </si>
  <si>
    <t>MISS NAZIA</t>
  </si>
  <si>
    <t>GPS DHUNNI KHURD</t>
  </si>
  <si>
    <t>DHUNNI KHURD</t>
  </si>
  <si>
    <t>VILLAGE DHUNNI KHURD, PO DHUNNI KALAN</t>
  </si>
  <si>
    <t>DHUNNI KALAN</t>
  </si>
  <si>
    <t>MISBAH RANI</t>
  </si>
  <si>
    <t>GGPS UDHOANA *** PEF</t>
  </si>
  <si>
    <t>UDHOANA</t>
  </si>
  <si>
    <t>SHALIMA NAZ</t>
  </si>
  <si>
    <t>GPS SALAR (PSSP-III)</t>
  </si>
  <si>
    <t>SALAR</t>
  </si>
  <si>
    <t>SURAG SALAR</t>
  </si>
  <si>
    <t>GPS KOKARAY</t>
  </si>
  <si>
    <t>CHAK SHAHBAZ -MALE</t>
  </si>
  <si>
    <t>KOKARAY</t>
  </si>
  <si>
    <t>GPS KOKARAY PO NOORPUR KATVI</t>
  </si>
  <si>
    <t>KOKARY</t>
  </si>
  <si>
    <t>KHUMB KALAN</t>
  </si>
  <si>
    <t>ATIA BIBI</t>
  </si>
  <si>
    <t>GMPS (PSSP-I) 491/EB SIKANDERABAD</t>
  </si>
  <si>
    <t>SIKANDERABAD</t>
  </si>
  <si>
    <t>491 EB SIKANDAR ABAD</t>
  </si>
  <si>
    <t>RASHIDA PARVEEN</t>
  </si>
  <si>
    <t>GPS 14 EB  P/O MALKA HANS</t>
  </si>
  <si>
    <t>CHAK NO 14 EB</t>
  </si>
  <si>
    <t>CHAK NO. 14/EB</t>
  </si>
  <si>
    <t>SHAZIA KHANUM</t>
  </si>
  <si>
    <t>GGPS BASTI GHULAM HUSSAIN CHACHAR</t>
  </si>
  <si>
    <t>BASTI GHULAM HUSSAIN CHACHKULABAR</t>
  </si>
  <si>
    <t>QUAIR TUL AIN</t>
  </si>
  <si>
    <t>GGPS GHORI MINA   ***   PEF</t>
  </si>
  <si>
    <t>CHAK NOON</t>
  </si>
  <si>
    <t>GHORI MINA</t>
  </si>
  <si>
    <t>SHAKEELA BASHARAT</t>
  </si>
  <si>
    <t>GPS (PSSP-I) FAIZ MOHAJAR PO HURRI CHAND</t>
  </si>
  <si>
    <t>MALIK WAHIN</t>
  </si>
  <si>
    <t>FAIZ MOHAJAR</t>
  </si>
  <si>
    <t>BURANA KHAS</t>
  </si>
  <si>
    <t>FARHANA JABEEN</t>
  </si>
  <si>
    <t>GPS KHONI</t>
  </si>
  <si>
    <t>KHONI</t>
  </si>
  <si>
    <t>KHOONI</t>
  </si>
  <si>
    <t>KOT NAMDAR</t>
  </si>
  <si>
    <t>GPS MAILU NAU</t>
  </si>
  <si>
    <t>MAILU NAU</t>
  </si>
  <si>
    <t>GPS MAILU NAU PO BHOA HASSAN</t>
  </si>
  <si>
    <t>GGPS MOHALLA LOHARO</t>
  </si>
  <si>
    <t>MOHALLA LOHARO</t>
  </si>
  <si>
    <t>AHMADPUR CITY-I</t>
  </si>
  <si>
    <t>GPS MC KOTLA MUHAMMAD BAQA MULTAN</t>
  </si>
  <si>
    <t>KOTLA MUHAMMAD</t>
  </si>
  <si>
    <t>GULSHAN 5-FAIZ</t>
  </si>
  <si>
    <t>GPS BOORA (PSSP-II)</t>
  </si>
  <si>
    <t>BOORA</t>
  </si>
  <si>
    <t>Boora</t>
  </si>
  <si>
    <t>GOLRA</t>
  </si>
  <si>
    <t>Rabia Zeb</t>
  </si>
  <si>
    <t>GPS (PSSP-II) CHAK NO 68 KB</t>
  </si>
  <si>
    <t>CHAK NO 68 K.B</t>
  </si>
  <si>
    <t>68 KB</t>
  </si>
  <si>
    <t>KOTLI MATAM</t>
  </si>
  <si>
    <t>KHADIJA KHARAL</t>
  </si>
  <si>
    <t>GPS CHAPRI KARAM KHEL</t>
  </si>
  <si>
    <t>TABI SAR - MALE</t>
  </si>
  <si>
    <t>LONDAY BANGI KHEL</t>
  </si>
  <si>
    <t>CHAPRI KARAM KHEL TEHSIL ISA KHEL DISTRICT MIANWALI</t>
  </si>
  <si>
    <t>CHAPRI KARAM KHEL</t>
  </si>
  <si>
    <t>ANWAR SHAH</t>
  </si>
  <si>
    <t>GPS KOT ABDUL AZIZ</t>
  </si>
  <si>
    <t>KOT ABDUL AZIZ</t>
  </si>
  <si>
    <t>JAWAHAR PUR</t>
  </si>
  <si>
    <t>SAFIANA KOUSAR</t>
  </si>
  <si>
    <t>GGPS RAM KALI</t>
  </si>
  <si>
    <t>RAM KALI</t>
  </si>
  <si>
    <t>RIAZ AHMED</t>
  </si>
  <si>
    <t>GGPS JAHANGIR PUR *** PEF</t>
  </si>
  <si>
    <t>JAHANGIR PUR</t>
  </si>
  <si>
    <t>KOT ESA SHAH</t>
  </si>
  <si>
    <t>ARIFA RASOOL</t>
  </si>
  <si>
    <t>GPS DOULAT WAHI</t>
  </si>
  <si>
    <t>BASTI THAAR KHAN</t>
  </si>
  <si>
    <t>BAHAR KHATOON</t>
  </si>
  <si>
    <t>GMPS 3 FAIZ P/O 3 FAIZ</t>
  </si>
  <si>
    <t>3 FAIZ</t>
  </si>
  <si>
    <t>20-MR</t>
  </si>
  <si>
    <t>NADIA MEHDI</t>
  </si>
  <si>
    <t>GGPS ZAHOOR ABAD</t>
  </si>
  <si>
    <t>BASTI LANGAH</t>
  </si>
  <si>
    <t>KOT KHALIFA</t>
  </si>
  <si>
    <t>MUHAMMAD IHSAN</t>
  </si>
  <si>
    <t>GPS JHOKE USMAN   ***   PEF</t>
  </si>
  <si>
    <t>JHOKE USMAN</t>
  </si>
  <si>
    <t>TASAWAR IQBAL</t>
  </si>
  <si>
    <t>GGPS BASTI KARAM HUSSAIN SHAH *** PEF</t>
  </si>
  <si>
    <t>MAJHI SULTAN</t>
  </si>
  <si>
    <t>GGPS CHANKI</t>
  </si>
  <si>
    <t>MITHA TIWANA NORTH - FEMALE</t>
  </si>
  <si>
    <t>CHANKI JABD</t>
  </si>
  <si>
    <t>CHANKI</t>
  </si>
  <si>
    <t>MUHAMMAD YAHYA MASOOD</t>
  </si>
  <si>
    <t>GGPS NOORPUR JADEED</t>
  </si>
  <si>
    <t>NOOR PUR JADEED</t>
  </si>
  <si>
    <t>BUKHTARI</t>
  </si>
  <si>
    <t>GMPS NAMDAR PHULI   ***   PEF</t>
  </si>
  <si>
    <t>NAMDAR PHULI</t>
  </si>
  <si>
    <t>NAMDAR PHULLI</t>
  </si>
  <si>
    <t>SHAHBAZ GILL</t>
  </si>
  <si>
    <t>GPS KOTHEY WALA NO 3 MOZA KOTHI WALA P/O SAME</t>
  </si>
  <si>
    <t>KOTHAY WALA</t>
  </si>
  <si>
    <t>BASTI PLOT SCHEME</t>
  </si>
  <si>
    <t>KOTHAY WALA SHUMALI</t>
  </si>
  <si>
    <t>FAISAL MEHMOOD</t>
  </si>
  <si>
    <t>GGPS ASLAM MARIL</t>
  </si>
  <si>
    <t>BASTI MARIL</t>
  </si>
  <si>
    <t>NASEEM ABBAS</t>
  </si>
  <si>
    <t>GPS BATAFI   ***   PEF</t>
  </si>
  <si>
    <t>BATAFI</t>
  </si>
  <si>
    <t>GGPS RAJA BHOLA</t>
  </si>
  <si>
    <t>GURUMANGAT NAU ABAD</t>
  </si>
  <si>
    <t>RAJA OHALA</t>
  </si>
  <si>
    <t>KANWAL SUBIDAR</t>
  </si>
  <si>
    <t>GGPS DARYALA KALYAL</t>
  </si>
  <si>
    <t>DARYAL KALYAL</t>
  </si>
  <si>
    <t>DARYALA KALYAL</t>
  </si>
  <si>
    <t>SAMINA BIBI</t>
  </si>
  <si>
    <t>GPS (PSSP-I) 217/EB</t>
  </si>
  <si>
    <t>CHAK NO. 217/EB</t>
  </si>
  <si>
    <t>217 EB</t>
  </si>
  <si>
    <t>215 EB</t>
  </si>
  <si>
    <t>ATTIA NASEEM</t>
  </si>
  <si>
    <t>GPS DHOK AWAN NO. 2</t>
  </si>
  <si>
    <t>DHOK AWAN</t>
  </si>
  <si>
    <t>WAH VILLAGE</t>
  </si>
  <si>
    <t>EHSAN REHMAN</t>
  </si>
  <si>
    <t>GGPS JASSOWALI</t>
  </si>
  <si>
    <t>JASSOWALI</t>
  </si>
  <si>
    <t>Depako</t>
  </si>
  <si>
    <t>GPS ABLANI</t>
  </si>
  <si>
    <t>ZABEERA MUBEEN</t>
  </si>
  <si>
    <t>GGPS MAKHNAY WALA</t>
  </si>
  <si>
    <t>MAKHNAY WALA</t>
  </si>
  <si>
    <t>LUNDAY WALA</t>
  </si>
  <si>
    <t>IRSHAD PARVEEN</t>
  </si>
  <si>
    <t>GGPS KOT GUL MUHAMMAD WALA, SARAI SIDHU (PEF,PSSP PHASE III)</t>
  </si>
  <si>
    <t>KOT GUL MUHAMMAD WALA</t>
  </si>
  <si>
    <t>GHULAM SHABBIR SARGANA</t>
  </si>
  <si>
    <t>GPS BANGLA BEHRAM SAR</t>
  </si>
  <si>
    <t>MINCHIN ABAD-VI - MALE</t>
  </si>
  <si>
    <t>BEHRAM SAR</t>
  </si>
  <si>
    <t>GPS 20 JB</t>
  </si>
  <si>
    <t>KHANKAY</t>
  </si>
  <si>
    <t>20 JB KHAN KAY</t>
  </si>
  <si>
    <t>20/JB</t>
  </si>
  <si>
    <t>GGPS (PSSP-II) 359 EB NO 2</t>
  </si>
  <si>
    <t>359 EB ABADI NO 2</t>
  </si>
  <si>
    <t>359 EB</t>
  </si>
  <si>
    <t>SHAGUFTA KHANAM</t>
  </si>
  <si>
    <t>GPS QUMBAR SHAH</t>
  </si>
  <si>
    <t>QAMBAR SHAH</t>
  </si>
  <si>
    <t>NAVEED ALAM</t>
  </si>
  <si>
    <t>GPS ALHEN</t>
  </si>
  <si>
    <t>ALHEN</t>
  </si>
  <si>
    <t>GPS ALHEN PO QADIRABAD</t>
  </si>
  <si>
    <t>JAVARIA ASLAM</t>
  </si>
  <si>
    <t>GMPS CHAK NOON   ***   PEF</t>
  </si>
  <si>
    <t>SADIA MEHWISH</t>
  </si>
  <si>
    <t>GPS GAOW SHALA  MOZA KOTHEY WALA</t>
  </si>
  <si>
    <t>GAO SHALA</t>
  </si>
  <si>
    <t>GPS CHAH CHEENA WALA PO SHAHANI</t>
  </si>
  <si>
    <t>CHAH CHEENA</t>
  </si>
  <si>
    <t>NAJMA FARDOS</t>
  </si>
  <si>
    <t>GGPS 88/6-R (EAST)</t>
  </si>
  <si>
    <t>CHAK 88/6-R SHERQI</t>
  </si>
  <si>
    <t>GGES 88/6-R (EAST)</t>
  </si>
  <si>
    <t>IJAZ HUSSAIN SHAH</t>
  </si>
  <si>
    <t>GGPS TARBETHI (PSSP-II)</t>
  </si>
  <si>
    <t>TARBETHI</t>
  </si>
  <si>
    <t>Zarnain Bibi</t>
  </si>
  <si>
    <t>GGPS SARGANA   ***   PEF</t>
  </si>
  <si>
    <t>FAREED AHMAD</t>
  </si>
  <si>
    <t>GPS (PSSP-II) 403 EB DAKHLI</t>
  </si>
  <si>
    <t>CHAK NO 403/E.B</t>
  </si>
  <si>
    <t>TAYYABA MUKHTAR</t>
  </si>
  <si>
    <t>GGPS DHOK KALA - SURAG SALAR (PSSP-II)</t>
  </si>
  <si>
    <t>DHOK KALA</t>
  </si>
  <si>
    <t>Dhok Kala</t>
  </si>
  <si>
    <t>Uzma Bibi</t>
  </si>
  <si>
    <t>GPS KAPOOR KOT</t>
  </si>
  <si>
    <t>KAPOOR KOT</t>
  </si>
  <si>
    <t>GPS KAPOOR KOT PO QADIRABAD</t>
  </si>
  <si>
    <t>GGPS LAKHEY WALA *** PEF</t>
  </si>
  <si>
    <t>LAKHEY WALA</t>
  </si>
  <si>
    <t>CHAIAN WALA</t>
  </si>
  <si>
    <t>SARWAT YASMIN</t>
  </si>
  <si>
    <t>GPS JAGO KALAN</t>
  </si>
  <si>
    <t>JAGO KALAN</t>
  </si>
  <si>
    <t>JAGO KALAN PO QADIRABAD</t>
  </si>
  <si>
    <t>KALA SHADIAN</t>
  </si>
  <si>
    <t>RAHEEL SHABBIR</t>
  </si>
  <si>
    <t>GGPS CHAH IBRAHIM WALA CHAH IBRAHIM WALA</t>
  </si>
  <si>
    <t>BOTAY WALA</t>
  </si>
  <si>
    <t>CHAH IBRAH WALA</t>
  </si>
  <si>
    <t>SAJAD ELAHI</t>
  </si>
  <si>
    <t>GGPS DERA SALABAT REIRKA BALA</t>
  </si>
  <si>
    <t>RERKA BALA</t>
  </si>
  <si>
    <t>BASRA RANI</t>
  </si>
  <si>
    <t>GPS (PSSP-II) P/O CHAK NO.377 EB</t>
  </si>
  <si>
    <t>CHAK NO.377 EB</t>
  </si>
  <si>
    <t>MUSLIM ABADI</t>
  </si>
  <si>
    <t>NAILA TABASSAM</t>
  </si>
  <si>
    <t>GGPS CHAK NO 491 JB EAST *** PEF</t>
  </si>
  <si>
    <t>CHAK  491</t>
  </si>
  <si>
    <t>CHAYAN WALA</t>
  </si>
  <si>
    <t>M. IMTIAZ HUSSAIN</t>
  </si>
  <si>
    <t>GMPS PIPLI</t>
  </si>
  <si>
    <t>PIPLI</t>
  </si>
  <si>
    <t>VILLAGE PIPLI, PO MAMDANA</t>
  </si>
  <si>
    <t>ANAM ISHAQ</t>
  </si>
  <si>
    <t>GGPS DADOANA NAU   ***   PEF</t>
  </si>
  <si>
    <t>DADOANA NAU</t>
  </si>
  <si>
    <t>DANOANA</t>
  </si>
  <si>
    <t>AASIA BATOOL</t>
  </si>
  <si>
    <t>GPS BASTI MAKHDOOM</t>
  </si>
  <si>
    <t>BASTI MAKHDOOM</t>
  </si>
  <si>
    <t>PO BHEROWAL VILLAGE BASTI MAKHDOOM</t>
  </si>
  <si>
    <t>TAYYEBA KOUSAR</t>
  </si>
  <si>
    <t>GGPS FATTO WALA</t>
  </si>
  <si>
    <t>FATTO WALA</t>
  </si>
  <si>
    <t>VILLAGE FATOOWALA PO BHEROWAL</t>
  </si>
  <si>
    <t>FATTOWALA</t>
  </si>
  <si>
    <t>SANIYA ZAFAR</t>
  </si>
  <si>
    <t>LAKHA</t>
  </si>
  <si>
    <t>VILLAGE LAKHA PO BHEHRA</t>
  </si>
  <si>
    <t>KOT HAST KHAN</t>
  </si>
  <si>
    <t>GGPS ROSHAN ROY WALA</t>
  </si>
  <si>
    <t>BOEY WALA</t>
  </si>
  <si>
    <t>ROSHAN RAY</t>
  </si>
  <si>
    <t>GPS THAKKAR KALAN</t>
  </si>
  <si>
    <t>THAKKAR KALAN</t>
  </si>
  <si>
    <t>PO BHEROWAL VILLAGE THAKKAR KALAN</t>
  </si>
  <si>
    <t>BAKHTAWAR ATTA</t>
  </si>
  <si>
    <t>GPS (PSSP-II) CHAK NO 177 EB</t>
  </si>
  <si>
    <t>CHAK NO 177/E.B</t>
  </si>
  <si>
    <t>177 EB</t>
  </si>
  <si>
    <t>FOZIA HUSSAIN</t>
  </si>
  <si>
    <t>GPS DERA RASOOLIAN</t>
  </si>
  <si>
    <t>PO RERKA BALA, TEHSIL MALAKWAL</t>
  </si>
  <si>
    <t>GGPS AZAM HANS 2</t>
  </si>
  <si>
    <t>AZAM HANS</t>
  </si>
  <si>
    <t>RASHID ALI</t>
  </si>
  <si>
    <t>GPS 98-9L LATTAN</t>
  </si>
  <si>
    <t>CHAK NO 98/9-L</t>
  </si>
  <si>
    <t>98/9-L</t>
  </si>
  <si>
    <t>110/-9-L</t>
  </si>
  <si>
    <t>GGPS OLD FACTORY VEHARI ROAD NEAR BASTI R.B</t>
  </si>
  <si>
    <t>BASTI PURANA KARKHANA</t>
  </si>
  <si>
    <t>FAREED KHAN</t>
  </si>
  <si>
    <t>GGPS 116 MURAD AZAFI BASTI</t>
  </si>
  <si>
    <t>CHISHTIAN-VIII - FEMALE</t>
  </si>
  <si>
    <t>116/M</t>
  </si>
  <si>
    <t>UZMA ZAREIN</t>
  </si>
  <si>
    <t>GGPS MUHAMMAD SHAH, SARAI SIDHU (PEF,PSSP PHASE II)</t>
  </si>
  <si>
    <t>GPS KHANKI HEAD</t>
  </si>
  <si>
    <t>AHMAD NAGAR - MAL</t>
  </si>
  <si>
    <t>MANSOOR WALI</t>
  </si>
  <si>
    <t>ABDUL BASIT</t>
  </si>
  <si>
    <t>GGPS SAMUNDRY</t>
  </si>
  <si>
    <t>SAMUNDRY</t>
  </si>
  <si>
    <t>SADIA HINA</t>
  </si>
  <si>
    <t>GPS SUTWAL</t>
  </si>
  <si>
    <t>SUTWAL</t>
  </si>
  <si>
    <t>SEHRISH SOBIA</t>
  </si>
  <si>
    <t>GGPS CHAK NO.18/DNB</t>
  </si>
  <si>
    <t>HEAD RAJKAN - FEMALE</t>
  </si>
  <si>
    <t>CHAK NO.18/DNB</t>
  </si>
  <si>
    <t>18/DNB</t>
  </si>
  <si>
    <t>CHAK NO.17/DNB</t>
  </si>
  <si>
    <t>MUHAMMAD ASGHAR ALI</t>
  </si>
  <si>
    <t>GGPS DHOK SULIMAN</t>
  </si>
  <si>
    <t>LUDHAY</t>
  </si>
  <si>
    <t>GMPS CHAK NO 177 II *** PEF</t>
  </si>
  <si>
    <t>Chak - 177/2</t>
  </si>
  <si>
    <t>CHAK 450/JB</t>
  </si>
  <si>
    <t>PERVEEN SULTANA</t>
  </si>
  <si>
    <t>GPS 28 GHAGH, P/O 25 PUL, ABDUL HAKIM (PEF,PSSP PHASE III)</t>
  </si>
  <si>
    <t>28 GHAGH</t>
  </si>
  <si>
    <t>UZMA SOHAIB</t>
  </si>
  <si>
    <t>GPS CHAK NO 7/1-R</t>
  </si>
  <si>
    <t>HAROONABAD-II - MALE</t>
  </si>
  <si>
    <t>CHAK NO 7 1R</t>
  </si>
  <si>
    <t>30/3R</t>
  </si>
  <si>
    <t>SHAZAD ZAFAR</t>
  </si>
  <si>
    <t>GPS CHAK NO.15/DNB</t>
  </si>
  <si>
    <t>CHAK NO.15/DNB</t>
  </si>
  <si>
    <t>GPS CHAK NO.14/DNB</t>
  </si>
  <si>
    <t>Umair Akhtar Sikandar</t>
  </si>
  <si>
    <t>GPS LORIKKE</t>
  </si>
  <si>
    <t>LORIKKE</t>
  </si>
  <si>
    <t>MUNAWAR KHALID</t>
  </si>
  <si>
    <t>GPS BUNGA BALOCHAN</t>
  </si>
  <si>
    <t>BUNGA BALOCHAN</t>
  </si>
  <si>
    <t>KHAN KEY MORE</t>
  </si>
  <si>
    <t>CHAK NO. 14/DNB</t>
  </si>
  <si>
    <t>CHAK NO.14/DNB</t>
  </si>
  <si>
    <t>CHAK NO.117/DNB</t>
  </si>
  <si>
    <t>Muahmmad Irfan</t>
  </si>
  <si>
    <t>GPS 59/4-R</t>
  </si>
  <si>
    <t>CHAK NO.59/4.R</t>
  </si>
  <si>
    <t>GES 59/4-R</t>
  </si>
  <si>
    <t>CH. MUHAMMAD NASEER</t>
  </si>
  <si>
    <t>GPS THATHA KHARLAN</t>
  </si>
  <si>
    <t>THATHA KHARLAN</t>
  </si>
  <si>
    <t>AYESHA RANI</t>
  </si>
  <si>
    <t>GGPS CHAH NUMBARAN WALA</t>
  </si>
  <si>
    <t>CHAH NUMBARAN WALA</t>
  </si>
  <si>
    <t>DAGGAR WAGHWARA</t>
  </si>
  <si>
    <t>GGMPS QAMAR KOT CHAK NO.57</t>
  </si>
  <si>
    <t>CHAK NO.55 - FEMALE</t>
  </si>
  <si>
    <t>QAMAR KOT CHAK NO.57</t>
  </si>
  <si>
    <t>ZAFAR KAY</t>
  </si>
  <si>
    <t>SAMIYA</t>
  </si>
  <si>
    <t>GPS 143/9-L</t>
  </si>
  <si>
    <t>CHAK 143/9-L</t>
  </si>
  <si>
    <t>GES 143/9-L</t>
  </si>
  <si>
    <t>143/9-L</t>
  </si>
  <si>
    <t>RAHEEL AZAD</t>
  </si>
  <si>
    <t>GPS TARONIAN</t>
  </si>
  <si>
    <t>TARONIAN</t>
  </si>
  <si>
    <t>TORONIAN</t>
  </si>
  <si>
    <t>IFFAT TAHIRA</t>
  </si>
  <si>
    <t>GPS GHOAR GULAB SINGH</t>
  </si>
  <si>
    <t>GHOAR GULAB SINGH</t>
  </si>
  <si>
    <t>LAMBEY JAGEER</t>
  </si>
  <si>
    <t>ANEELA PARVEEN</t>
  </si>
  <si>
    <t>GGPS QILA KHAZANA</t>
  </si>
  <si>
    <t>QILA KHAZANA</t>
  </si>
  <si>
    <t>HAMEEDA RAMZAN</t>
  </si>
  <si>
    <t>GGPS DHOK BABA BALAND</t>
  </si>
  <si>
    <t>CHOHA KHALSA - FEMALE</t>
  </si>
  <si>
    <t>DK BABA BALAND KHAN</t>
  </si>
  <si>
    <t>DHOKE BALANDIAN</t>
  </si>
  <si>
    <t>CHOA KHALSA</t>
  </si>
  <si>
    <t>SABA NISAR</t>
  </si>
  <si>
    <t>GPS FTM COLONY</t>
  </si>
  <si>
    <t>FTM CLY</t>
  </si>
  <si>
    <t>SONIA RAFIQUE</t>
  </si>
  <si>
    <t>GGES WALIAN WALA</t>
  </si>
  <si>
    <t>WALIYAN WALA</t>
  </si>
  <si>
    <t>GGPS WALIAN WALA</t>
  </si>
  <si>
    <t>WALIAN WALA</t>
  </si>
  <si>
    <t>GPS KOT SHER SINGH CHAK NO. 54 P/O KOT RADHA KISHAN</t>
  </si>
  <si>
    <t>CHAK NO.54</t>
  </si>
  <si>
    <t>GPS CHAK NO. 54 P/O KOT RADHA KISHAN</t>
  </si>
  <si>
    <t>KOT SHER SINGH</t>
  </si>
  <si>
    <t>IQRA FAROOQ</t>
  </si>
  <si>
    <t>GGPS KARAM BALOCH</t>
  </si>
  <si>
    <t>NOOR SHAH - FEMALE</t>
  </si>
  <si>
    <t>GGES KARAM BALOCH</t>
  </si>
  <si>
    <t>KARAM BALOCH</t>
  </si>
  <si>
    <t>CH. MUHAMMAD ASLAM</t>
  </si>
  <si>
    <t>GGPS DHOK MOLVI MUHAMMAD (PSSP-II)</t>
  </si>
  <si>
    <t>SHAKARDARA</t>
  </si>
  <si>
    <t>Molvi Muhammad</t>
  </si>
  <si>
    <t>SARWALA</t>
  </si>
  <si>
    <t>Shazia Mazhar</t>
  </si>
  <si>
    <t>GPS PIPLY</t>
  </si>
  <si>
    <t>pipli</t>
  </si>
  <si>
    <t>GGPS DHOK MOCHIAN AKHORI (PSSP-II)</t>
  </si>
  <si>
    <t>DHOK MOCHIAN</t>
  </si>
  <si>
    <t>Dhok Mochian</t>
  </si>
  <si>
    <t>AKHORI</t>
  </si>
  <si>
    <t>rukhsana jabeen</t>
  </si>
  <si>
    <t>GPS MC NO. 4 MUZAFFARGARH</t>
  </si>
  <si>
    <t>PURANA ADDA</t>
  </si>
  <si>
    <t>M. GARH CITY-3</t>
  </si>
  <si>
    <t>RASHIDA SADIQ</t>
  </si>
  <si>
    <t>MC M.GARH</t>
  </si>
  <si>
    <t>RAKHSHANDA JABEEN</t>
  </si>
  <si>
    <t>GGPS CHAK MITHAN</t>
  </si>
  <si>
    <t>LANG MALANA</t>
  </si>
  <si>
    <t>CHAH BOHAR WALA</t>
  </si>
  <si>
    <t>UZMA HAFEEZ</t>
  </si>
  <si>
    <t>GGPS UMAR WALA</t>
  </si>
  <si>
    <t>BARA KAHOO</t>
  </si>
  <si>
    <t>QALANDAR HUSSAIN</t>
  </si>
  <si>
    <t>GGCMS INAYAT PUR</t>
  </si>
  <si>
    <t>MUGHAL WALA</t>
  </si>
  <si>
    <t>SAIMA FIRDOUS</t>
  </si>
  <si>
    <t>QASAI WALA</t>
  </si>
  <si>
    <t>GGPS JATTAN DI BASTI</t>
  </si>
  <si>
    <t>BHAMBA</t>
  </si>
  <si>
    <t>GGPS CHATOOL BASTI HAMZA SULTAN</t>
  </si>
  <si>
    <t>CHATOOL</t>
  </si>
  <si>
    <t>GPS BASTI MALIK NAZAR SOLAN</t>
  </si>
  <si>
    <t>BASTI MALIK NAZAR SOLAN</t>
  </si>
  <si>
    <t>ZESHAN MAJEED</t>
  </si>
  <si>
    <t>GPS CANAL COLONY RAJANPUR</t>
  </si>
  <si>
    <t>CALAN COLONY</t>
  </si>
  <si>
    <t>AMBREEN GUL</t>
  </si>
  <si>
    <t>GMPS MUBARAK PUR</t>
  </si>
  <si>
    <t>GGPS SHEIKH MAHMOOD WALA</t>
  </si>
  <si>
    <t>LATKARAN</t>
  </si>
  <si>
    <t>BASTI MOLVI WALA</t>
  </si>
  <si>
    <t>SAIMA MANZOOR</t>
  </si>
  <si>
    <t>GGPS DARMAN WALA</t>
  </si>
  <si>
    <t>DARMAN WALA</t>
  </si>
  <si>
    <t>AMINA MAJEED</t>
  </si>
  <si>
    <t>GPS HASHMI WALA</t>
  </si>
  <si>
    <t>CHAK MITHAN</t>
  </si>
  <si>
    <t>BASTI HASHMI WALA</t>
  </si>
  <si>
    <t>GGPS MUKHTIAR MASOOD WALA</t>
  </si>
  <si>
    <t>MUNNAY WALA</t>
  </si>
  <si>
    <t>BUSHRA SIKANDER</t>
  </si>
  <si>
    <t>GGPS MC MOHALLAH SHEIKHUPURA NO. 5</t>
  </si>
  <si>
    <t>MOH. SHEIKHUPURA</t>
  </si>
  <si>
    <t>SHEIKHU PURA</t>
  </si>
  <si>
    <t>GUL SAHAR</t>
  </si>
  <si>
    <t>GMMS BAGHAY WALA</t>
  </si>
  <si>
    <t>BAGHAY WALA</t>
  </si>
  <si>
    <t>SANAM MUNIR</t>
  </si>
  <si>
    <t>GGPS SHADMAN COLONY</t>
  </si>
  <si>
    <t>CHANAB TOWN</t>
  </si>
  <si>
    <t>NAJMA SATTAR</t>
  </si>
  <si>
    <t>GGPS SUNAKI</t>
  </si>
  <si>
    <t>SUNAKI</t>
  </si>
  <si>
    <t>BAKHTAWAR IQBAL</t>
  </si>
  <si>
    <t>GPS GIROTE ZEREEN (PSSP)</t>
  </si>
  <si>
    <t>GIROTE</t>
  </si>
  <si>
    <t>GPS GIROTE ZEREEN</t>
  </si>
  <si>
    <t>ALMIA BATOOL</t>
  </si>
  <si>
    <t>GPS MC NO. 1 KHUSHAB</t>
  </si>
  <si>
    <t>KHUSHAB SOUTH - MALE</t>
  </si>
  <si>
    <t>MAIN BAZAR KHUSHAB</t>
  </si>
  <si>
    <t>MC KHUSHAB</t>
  </si>
  <si>
    <t>SAYEDA ALIYA BATOOL</t>
  </si>
  <si>
    <t>00-Inactive PSSP GPS NO. 3 JALAL PUR BHATTIAN</t>
  </si>
  <si>
    <t>003</t>
  </si>
  <si>
    <t>00-Inactive PSSP GMPS BURJ MASTI</t>
  </si>
  <si>
    <t>BURJ MASTI</t>
  </si>
  <si>
    <t>KHURAM CHORAIRA</t>
  </si>
  <si>
    <t>BEGUM BIBI</t>
  </si>
  <si>
    <t>GGPS GULAB PURA</t>
  </si>
  <si>
    <t>GULAB PURA</t>
  </si>
  <si>
    <t>KALYAN PUR</t>
  </si>
  <si>
    <t>SHUMAILA ARSHAD</t>
  </si>
  <si>
    <t>GPS FEROZ WALA</t>
  </si>
  <si>
    <t>RODA (EAST) (MALE)</t>
  </si>
  <si>
    <t>FEROZE WALA</t>
  </si>
  <si>
    <t>ZAKIA AKHTAR</t>
  </si>
  <si>
    <t>00-Inactive PSSP GGPS BAGH KOHNA</t>
  </si>
  <si>
    <t>KAUSAR BIBI</t>
  </si>
  <si>
    <t>GPS MARI WALA</t>
  </si>
  <si>
    <t>RODA (SOUTH) (MALE)</t>
  </si>
  <si>
    <t>KHALIDA AHMED SHER</t>
  </si>
  <si>
    <t>GPS RAMZAN AWAN WALA</t>
  </si>
  <si>
    <t>RAMZAN AWAN WALA</t>
  </si>
  <si>
    <t>00-Inactive PSSP GPS BAGH NOU SHER MUHAMMAD</t>
  </si>
  <si>
    <t>TAHLI GORAYA - MALE</t>
  </si>
  <si>
    <t>BAGH NOU SHER MUHAMMAD</t>
  </si>
  <si>
    <t>MOHAMMAD SHAHID</t>
  </si>
  <si>
    <t>GPS RAMZAN GOJA</t>
  </si>
  <si>
    <t>DERA GOJA RODA</t>
  </si>
  <si>
    <t>SHAHEENA KAUSAR</t>
  </si>
  <si>
    <t>00-Inactive PSSP GPS KOT DILAWAR</t>
  </si>
  <si>
    <t>KOT DILAWAR</t>
  </si>
  <si>
    <t>TASKEEN KOUSAR</t>
  </si>
  <si>
    <t>GPS YAROO KHAIL</t>
  </si>
  <si>
    <t>YAROO KHAIL</t>
  </si>
  <si>
    <t>00-Inactive PSSP GPS SIDDIQUE ABAD (JOGI JAMKE)</t>
  </si>
  <si>
    <t>JOGI JAMKE</t>
  </si>
  <si>
    <t>SIDDIQUE ABAD (JOGI JAMKE)</t>
  </si>
  <si>
    <t>TMHRA WALI</t>
  </si>
  <si>
    <t>00-Inactive PSSP GPS GORALI CHEEMA</t>
  </si>
  <si>
    <t>GORALI CHEEMA</t>
  </si>
  <si>
    <t>MADIHA ZAMAN</t>
  </si>
  <si>
    <t>00-Inactive PSSP GPS BAHADUR WALA</t>
  </si>
  <si>
    <t>MUSTAFABAD Ã¢â‚¬â€œ MALE</t>
  </si>
  <si>
    <t>SHAZIA MOHAMMAD HUSSAIN</t>
  </si>
  <si>
    <t>GPS SARWARIAN WALA</t>
  </si>
  <si>
    <t>SUMAIRA TASNEEM</t>
  </si>
  <si>
    <t>00-Inactive PSSP GPS THATHA KARIM DAD</t>
  </si>
  <si>
    <t>THATHA KARIM DAD</t>
  </si>
  <si>
    <t>NAZIA AHMAD</t>
  </si>
  <si>
    <t>GPS DERA MEHER KHAN JAHANGIR WALA</t>
  </si>
  <si>
    <t>FATEH PUR MERA (MALE)</t>
  </si>
  <si>
    <t>GOLAWALI</t>
  </si>
  <si>
    <t>MEHR KHAN JAHANGIR WALA</t>
  </si>
  <si>
    <t>GOLEYWALI</t>
  </si>
  <si>
    <t>00-Inactive PSSP GPS HASSAN PURA</t>
  </si>
  <si>
    <t>MC PINDI BHATTIAN</t>
  </si>
  <si>
    <t>002</t>
  </si>
  <si>
    <t>MARYAM NAWAZ</t>
  </si>
  <si>
    <t>GGPS DERA GOJRAN CHAK NO.93 SB</t>
  </si>
  <si>
    <t>GUJRAN 93 SB</t>
  </si>
  <si>
    <t>AMIRA NASEEM</t>
  </si>
  <si>
    <t>00-Inactive PSSP GPS THATA PIRANEKA</t>
  </si>
  <si>
    <t>THATA PIRANEKA</t>
  </si>
  <si>
    <t>UZMA LIAQAT</t>
  </si>
  <si>
    <t>00-Inactive PSSP GPS THATHA MALIAN</t>
  </si>
  <si>
    <t>THATHA MALIAN</t>
  </si>
  <si>
    <t>KISHWAR JHANGIR</t>
  </si>
  <si>
    <t>00-Inactive PSSP GPS NOON BHAI KHAN</t>
  </si>
  <si>
    <t>THATHA NOON BHAI KHAN</t>
  </si>
  <si>
    <t>NOON BHAI KHAN</t>
  </si>
  <si>
    <t>ANILA NAHED</t>
  </si>
  <si>
    <t>GPS RAI PUR, P/O JODH PUR, KABIRWALA (PEF,PSSP PHASE II)</t>
  </si>
  <si>
    <t>RAI PUR</t>
  </si>
  <si>
    <t>ARIF AKHTAR HIRAJ</t>
  </si>
  <si>
    <t>00-Inactive PSSP GGPS MONA MANIKA</t>
  </si>
  <si>
    <t>MONA MAINKA</t>
  </si>
  <si>
    <t>MONA MANIKA</t>
  </si>
  <si>
    <t>TAHIRA ZAFAR</t>
  </si>
  <si>
    <t>00-Inactive PSSP GPS TUBE WELL COLONY</t>
  </si>
  <si>
    <t>SUKHEKE</t>
  </si>
  <si>
    <t>TUBE WELL COLONY</t>
  </si>
  <si>
    <t>MC SUKHEKE MANDI</t>
  </si>
  <si>
    <t>004</t>
  </si>
  <si>
    <t>NAZIA QURBAN`</t>
  </si>
  <si>
    <t>00-Inactive PSSP GMPS WID ROOR</t>
  </si>
  <si>
    <t>KOT SARWAR Ã¢â‚¬â€œ FEMALE</t>
  </si>
  <si>
    <t>WIDROR</t>
  </si>
  <si>
    <t>WID ROOR</t>
  </si>
  <si>
    <t>KASSESAY</t>
  </si>
  <si>
    <t>SAKINA MANZOOR</t>
  </si>
  <si>
    <t>2821</t>
  </si>
  <si>
    <t>00-Inactive PSSP GGPS BHOBRA</t>
  </si>
  <si>
    <t>MUQDAS PARVEEN</t>
  </si>
  <si>
    <t>GGPS BUNGA</t>
  </si>
  <si>
    <t>PHOOL NAGAR - FEMALE</t>
  </si>
  <si>
    <t>KOT RANA HAYAT KHAN</t>
  </si>
  <si>
    <t>BUNGA</t>
  </si>
  <si>
    <t>OLAKH BUNGA</t>
  </si>
  <si>
    <t>GPS SOHAL KHEWRA</t>
  </si>
  <si>
    <t>SOHAL KHEWRA</t>
  </si>
  <si>
    <t>SOHAL</t>
  </si>
  <si>
    <t>KHEWRA-1</t>
  </si>
  <si>
    <t>GGPS LOT NO. 22</t>
  </si>
  <si>
    <t>RAKA DOGRANWALI</t>
  </si>
  <si>
    <t>MUHAMMAD SHAOIB KHAN</t>
  </si>
  <si>
    <t>GPS KOT BHUTTA</t>
  </si>
  <si>
    <t>KOT BHUTTA</t>
  </si>
  <si>
    <t>GMPS CHAK PIR SHAH</t>
  </si>
  <si>
    <t>CHAK PIR SHAH</t>
  </si>
  <si>
    <t>AMARA MALIK</t>
  </si>
  <si>
    <t>GPS MOHALLA ISLAM PURA</t>
  </si>
  <si>
    <t>ISLAM PURAH</t>
  </si>
  <si>
    <t>FOZIA SAEED</t>
  </si>
  <si>
    <t>GPS KOT SARDAR MUHAMMAD SIDDIQUE</t>
  </si>
  <si>
    <t>KOT SARDAR MUHAMMAD</t>
  </si>
  <si>
    <t>KOT SARDAR MUHAMMAD SIDDIQUE</t>
  </si>
  <si>
    <t>SHABANA RAFIQUE</t>
  </si>
  <si>
    <t>GGPS BASTI GUJJAR</t>
  </si>
  <si>
    <t>BASTI GUJAR</t>
  </si>
  <si>
    <t>AANSA BIBI</t>
  </si>
  <si>
    <t>GGPS BEHRAM KAY</t>
  </si>
  <si>
    <t>BEHRAM KAY</t>
  </si>
  <si>
    <t>DINA NATH</t>
  </si>
  <si>
    <t>GPS DHOK ROZA</t>
  </si>
  <si>
    <t>DHOK ROZA PARIAL</t>
  </si>
  <si>
    <t>HARPAL</t>
  </si>
  <si>
    <t>GPS ARABIC KHANOO WALI</t>
  </si>
  <si>
    <t>AMBREEN MALIK</t>
  </si>
  <si>
    <t>00-Inactive PSSP GGPS KOT KADIR BAKHSH</t>
  </si>
  <si>
    <t>VANIKE TARAR - FEMALE</t>
  </si>
  <si>
    <t>KOT KADIR BAKHSH</t>
  </si>
  <si>
    <t>SIDRA WAZIR</t>
  </si>
  <si>
    <t>00-Inactive PSSP GPS THATTA CHEENA</t>
  </si>
  <si>
    <t>KOLO TARAR Ã¢â‚¬â€œ MALE</t>
  </si>
  <si>
    <t>THATTA CHEENA</t>
  </si>
  <si>
    <t>KOT SAID MUHAMMAD</t>
  </si>
  <si>
    <t>SAIRA AHMAD</t>
  </si>
  <si>
    <t>00-Inactive PSSP GMPS BAHAK MUKAYUDIN</t>
  </si>
  <si>
    <t>KOT ISHAQ Ã¢â‚¬â€œ FEMALE</t>
  </si>
  <si>
    <t>BHEK MUKAYUD DIN</t>
  </si>
  <si>
    <t>BAHAK MUKAYUDIN</t>
  </si>
  <si>
    <t>SIDRA AZIZ</t>
  </si>
  <si>
    <t>00-Inactive PSSP GPS CHAK SAJJADA</t>
  </si>
  <si>
    <t>MUZAFFAR NOU Ã¢â‚¬â€œ MALE</t>
  </si>
  <si>
    <t>CHAK SAJADA</t>
  </si>
  <si>
    <t>CHAK SAJJADA</t>
  </si>
  <si>
    <t>AHFAZ AHMAD</t>
  </si>
  <si>
    <t>00-Inactive PSSP GGPS AKAN WALA</t>
  </si>
  <si>
    <t>AKAN WALA</t>
  </si>
  <si>
    <t>MARYAM ANWAR</t>
  </si>
  <si>
    <t>00-Inactive PSSP GPS BALO KALAN</t>
  </si>
  <si>
    <t>BALLO KOHNA</t>
  </si>
  <si>
    <t>BALO KALAN</t>
  </si>
  <si>
    <t>SAFIA TAHSEEN</t>
  </si>
  <si>
    <t>00-Inactive PSSP GMPS BALEKE KOHNA</t>
  </si>
  <si>
    <t>KOT SAID MUHAMMAD Ã¢â‚¬â€œ FEMALE</t>
  </si>
  <si>
    <t>BALEKE KOHNA</t>
  </si>
  <si>
    <t>SANDHWAN TARAR</t>
  </si>
  <si>
    <t>TAYYABA NOOR</t>
  </si>
  <si>
    <t>00-Inactive PSSP GPS HAKEEM PURA</t>
  </si>
  <si>
    <t>HAKEEM PURA</t>
  </si>
  <si>
    <t>TAYABA SHAHBAZ</t>
  </si>
  <si>
    <t>00-Inactive PSSP GPS THATTA BAMAN</t>
  </si>
  <si>
    <t>HARDU THATTA BAMAN</t>
  </si>
  <si>
    <t>THATTA BAMAN</t>
  </si>
  <si>
    <t>FARWA JABEEN</t>
  </si>
  <si>
    <t>00-Inactive PSSP GGPS CHEENIAN WALI</t>
  </si>
  <si>
    <t>CHEEIAN WALI</t>
  </si>
  <si>
    <t>CHEENIAN WALI</t>
  </si>
  <si>
    <t>KISHWAR ZAHIDA</t>
  </si>
  <si>
    <t>00-Inactive PSSP GPS TRIGRA MAKHDOOM</t>
  </si>
  <si>
    <t>TRIGRA MAKHDOOM</t>
  </si>
  <si>
    <t>SHAFIA IQBAL</t>
  </si>
  <si>
    <t>00-Inactive PSSP GGPS WAN CHANDRAN</t>
  </si>
  <si>
    <t>JALALPUR BHATTIAN - FEMALE</t>
  </si>
  <si>
    <t>WAN CHANDRAN</t>
  </si>
  <si>
    <t>KHUTAY SHAH</t>
  </si>
  <si>
    <t>FAIZA NOREEN</t>
  </si>
  <si>
    <t>00-Inactive PSSP GMPS NISSOWAL</t>
  </si>
  <si>
    <t>NISSOWAL</t>
  </si>
  <si>
    <t>CHAK BHATTI</t>
  </si>
  <si>
    <t>FARAH  YAQOOB</t>
  </si>
  <si>
    <t>00-Inactive PSSP GMPS PINDI SUNDRANA</t>
  </si>
  <si>
    <t>PINDI SUNDRANA</t>
  </si>
  <si>
    <t>00-Inactive PSSP GPS DHAPPAR BARKET RAM</t>
  </si>
  <si>
    <t>DHAPPAR BARKET RAM</t>
  </si>
  <si>
    <t>MADHORA KALAN</t>
  </si>
  <si>
    <t>GULSHAN NOREEN</t>
  </si>
  <si>
    <t>00-Inactive PSSP GGPS KOT GAZI</t>
  </si>
  <si>
    <t>TAHLI GORAYA - FEMALE</t>
  </si>
  <si>
    <t>KOT GAZI</t>
  </si>
  <si>
    <t>SADHOKI</t>
  </si>
  <si>
    <t>HALEEMA SADIA</t>
  </si>
  <si>
    <t>00-Inactive PSSP GPS HUSSEKE SANI</t>
  </si>
  <si>
    <t>SOLANGI KHARAL Ã¢â‚¬â€œ MALE</t>
  </si>
  <si>
    <t>HUSSYKE SANI</t>
  </si>
  <si>
    <t>HUSSEKE SANI</t>
  </si>
  <si>
    <t>MATTEKI</t>
  </si>
  <si>
    <t>NOSHEEN ASHRAF</t>
  </si>
  <si>
    <t>00-Inactive PSSP GMPS NABU RARA</t>
  </si>
  <si>
    <t>NABU RARAH</t>
  </si>
  <si>
    <t>NABU RARA</t>
  </si>
  <si>
    <t>SANIA KIRAN</t>
  </si>
  <si>
    <t>00-Inactive PSSP GPS MEER MUKHTAR</t>
  </si>
  <si>
    <t>KOT GHAZI Ã¢â‚¬â€œ MALE</t>
  </si>
  <si>
    <t>MEER MUKHTAR</t>
  </si>
  <si>
    <t>ANAM SAIF ULLAH</t>
  </si>
  <si>
    <t>00-Inactive PSSP GPS PATLI KHARAL</t>
  </si>
  <si>
    <t>PATLI KHARAL</t>
  </si>
  <si>
    <t>SOLANGI KHARAL</t>
  </si>
  <si>
    <t>MUDASAR ABBAS</t>
  </si>
  <si>
    <t>00-Inactive PSSP GPS SAYED WALA</t>
  </si>
  <si>
    <t>SAYED WALA</t>
  </si>
  <si>
    <t>MEHWISH AZAM</t>
  </si>
  <si>
    <t>00-Inactive PSSP GPS KOT PEHLWAN</t>
  </si>
  <si>
    <t>SEHAR UN NISA</t>
  </si>
  <si>
    <t>GPS CHAK 247/P (PSSP)</t>
  </si>
  <si>
    <t>CHAK 247/P</t>
  </si>
  <si>
    <t>chak no 247/p</t>
  </si>
  <si>
    <t>shahida ashraf</t>
  </si>
  <si>
    <t>00-Inactive PSSP GMPS NAI WALA</t>
  </si>
  <si>
    <t>SAMREEN ASHRAF</t>
  </si>
  <si>
    <t>3952</t>
  </si>
  <si>
    <t>00-Inactive PSSP GGPS KOT MOHABBAT</t>
  </si>
  <si>
    <t>KOT MOHABBAT</t>
  </si>
  <si>
    <t>MEHWISH SHAHZADI</t>
  </si>
  <si>
    <t>00-Inactive PSSP GPS PISSWAN WALA</t>
  </si>
  <si>
    <t>PISSWAN WALA</t>
  </si>
  <si>
    <t>00-Inactive PSSP GPS BAHA-UD-DIN KEY</t>
  </si>
  <si>
    <t>BAHA-UD-DIN KEY</t>
  </si>
  <si>
    <t>SUMAIRA ASGHAR</t>
  </si>
  <si>
    <t>00-Inactive PSSP GMPS MIRAKH KHURD</t>
  </si>
  <si>
    <t>MERAKH KHURD</t>
  </si>
  <si>
    <t>MIRAKH KHURD</t>
  </si>
  <si>
    <t>MUHAMMAD YASIN</t>
  </si>
  <si>
    <t>GPS FATEH MUHAMMAD KALAN</t>
  </si>
  <si>
    <t>FATEH MUHAMMAD KALAN</t>
  </si>
  <si>
    <t>GGPS JOHRAWI JADA</t>
  </si>
  <si>
    <t>RANDJADA</t>
  </si>
  <si>
    <t>JOHRAWI JADA</t>
  </si>
  <si>
    <t>MUHAMMAD ABNAN</t>
  </si>
  <si>
    <t>GGPS CHAK NO.62/F IQRA</t>
  </si>
  <si>
    <t>CHAK NO 62/F</t>
  </si>
  <si>
    <t>62/F</t>
  </si>
  <si>
    <t>MEHMOOD ALI BAJWA</t>
  </si>
  <si>
    <t>GPS KOTLI SAMORAN</t>
  </si>
  <si>
    <t>KOTLI SAMORAN</t>
  </si>
  <si>
    <t>MUNEEBA AZAM</t>
  </si>
  <si>
    <t>GGCMS MAINGRA</t>
  </si>
  <si>
    <t>Sohari</t>
  </si>
  <si>
    <t>GMPS RANGLA</t>
  </si>
  <si>
    <t>RANGLA</t>
  </si>
  <si>
    <t>NIDA ASGHAR</t>
  </si>
  <si>
    <t>GPS 110 JB-III</t>
  </si>
  <si>
    <t>MAJHAY  WALA</t>
  </si>
  <si>
    <t>110 JB MUKHEY WALA</t>
  </si>
  <si>
    <t>NAILA YASMIN</t>
  </si>
  <si>
    <t>GPS DERA AHMED KHAN WALA NEAR CHAK NO. 17 ML</t>
  </si>
  <si>
    <t>DERA AHMAD KHAN WALA</t>
  </si>
  <si>
    <t>GPS HAYAL MIRGALA</t>
  </si>
  <si>
    <t>CHOHA KHALSA - MALE</t>
  </si>
  <si>
    <t>HAYAL PINDORA</t>
  </si>
  <si>
    <t>HAYAL MIRGALA</t>
  </si>
  <si>
    <t>SAMOTE</t>
  </si>
  <si>
    <t>SAIMA FAISAL</t>
  </si>
  <si>
    <t>GPS MITTI ROYA</t>
  </si>
  <si>
    <t>BAHAWALNAGAR-IV - MALE</t>
  </si>
  <si>
    <t>Mitti Roya</t>
  </si>
  <si>
    <t>Kabootari</t>
  </si>
  <si>
    <t>5311</t>
  </si>
  <si>
    <t>00-Inactive PSSP GGPS NANOANA SHARQI</t>
  </si>
  <si>
    <t>NANO ANA SHARQI</t>
  </si>
  <si>
    <t>NANOANA SHARQI</t>
  </si>
  <si>
    <t>NANOANA</t>
  </si>
  <si>
    <t>00-Inactive PSSP GMPS THATHA GONDAL</t>
  </si>
  <si>
    <t>THATHA GONDAL</t>
  </si>
  <si>
    <t>VINNI</t>
  </si>
  <si>
    <t>SIDRA KHADIM</t>
  </si>
  <si>
    <t>00-Inactive PSSP GGPS BHAKA BHATTIAN</t>
  </si>
  <si>
    <t>KARYALA - FEMALE</t>
  </si>
  <si>
    <t>BHAKA BHATTIAN</t>
  </si>
  <si>
    <t>MEHWISH ZULIFQAR</t>
  </si>
  <si>
    <t>00-Inactive PSSP GGPS THATHA BHOON</t>
  </si>
  <si>
    <t>THATHA BHOON</t>
  </si>
  <si>
    <t>KOT HASSAN KHAN</t>
  </si>
  <si>
    <t>NOREEN GHULAM</t>
  </si>
  <si>
    <t>00-Inactive PSSP GPS PEER KOT</t>
  </si>
  <si>
    <t>PEER KOT</t>
  </si>
  <si>
    <t>GPS CHAK NO. 131/P R.Y.KHAN (PSSP)</t>
  </si>
  <si>
    <t>CHAK NO 131-P</t>
  </si>
  <si>
    <t>CHAK 131/P</t>
  </si>
  <si>
    <t>YASMIN MUSTAFA</t>
  </si>
  <si>
    <t>GPS CHAK 93/P (PSSP)</t>
  </si>
  <si>
    <t>CHAK NO 93P</t>
  </si>
  <si>
    <t>93P</t>
  </si>
  <si>
    <t>GPS CHAK NO. 222/P (PSSP)</t>
  </si>
  <si>
    <t>CHAK 222/P</t>
  </si>
  <si>
    <t>Chak No. 222/P</t>
  </si>
  <si>
    <t>SHAHIDA BAKHSH</t>
  </si>
  <si>
    <t>GPS KOTLA MAHMOOD SHAH</t>
  </si>
  <si>
    <t>KOTLA MAHMOOD SHAH</t>
  </si>
  <si>
    <t>JOKALIAN</t>
  </si>
  <si>
    <t>ZUNERA BATOOL</t>
  </si>
  <si>
    <t>GPS JONO KEY</t>
  </si>
  <si>
    <t>MANO CHAK - MALE</t>
  </si>
  <si>
    <t>JONOKEY</t>
  </si>
  <si>
    <t>VILLAGE JONOKEY P/O PINDI KALU KALAN</t>
  </si>
  <si>
    <t>PINDI KALU</t>
  </si>
  <si>
    <t>GPS RAHIM BUX BURRAH (PSSP)</t>
  </si>
  <si>
    <t>BURRAH</t>
  </si>
  <si>
    <t>RAHIM BAKHSH</t>
  </si>
  <si>
    <t>ARIFA SAEED</t>
  </si>
  <si>
    <t>GGPS WASTI SHER WALI</t>
  </si>
  <si>
    <t>JAUHARABAD NORTH - FEMALE</t>
  </si>
  <si>
    <t>WASTI SHER WALI</t>
  </si>
  <si>
    <t>HAFIZ MUHAMMAD MUKHTAR</t>
  </si>
  <si>
    <t>GPS KOT FATEH MUHAMMAD</t>
  </si>
  <si>
    <t>KOT FATEH MUHAMMAD</t>
  </si>
  <si>
    <t>MUHAMMAD SAID BILAL</t>
  </si>
  <si>
    <t>GGPS 133 EB P.O THANA AHMAD YAR</t>
  </si>
  <si>
    <t>CHAK NO.133 EB</t>
  </si>
  <si>
    <t>M YASEEN</t>
  </si>
  <si>
    <t>GPS DHAREKAN KHURD</t>
  </si>
  <si>
    <t>DHEREKAN -MALE</t>
  </si>
  <si>
    <t>DHAREKAN KHURD</t>
  </si>
  <si>
    <t>DHEREKAN KHURD</t>
  </si>
  <si>
    <t>DHARIKAN KALAN</t>
  </si>
  <si>
    <t>MAQSOOMA FEROZ</t>
  </si>
  <si>
    <t>GPS ZIARI P/O KAMAR MUSHANI</t>
  </si>
  <si>
    <t>VANJARI-</t>
  </si>
  <si>
    <t>ZIARI</t>
  </si>
  <si>
    <t>GPS BASTI RUKANI (PSSP)</t>
  </si>
  <si>
    <t>SIR BHORI</t>
  </si>
  <si>
    <t>BASTI RUKANI</t>
  </si>
  <si>
    <t>SHAMA RAZZAQ</t>
  </si>
  <si>
    <t>GGPS DERA WADHALAN WALA</t>
  </si>
  <si>
    <t>DERA WADHALAN WALA</t>
  </si>
  <si>
    <t>DERA WADHLAN WALA</t>
  </si>
  <si>
    <t>03</t>
  </si>
  <si>
    <t>GPS CHAK KAMAL</t>
  </si>
  <si>
    <t>CHAK KAMAL</t>
  </si>
  <si>
    <t>SAMRA SAJJAD</t>
  </si>
  <si>
    <t>GGPS KOT CHATTAR SINGH</t>
  </si>
  <si>
    <t>KOT CHATTAR SINGH</t>
  </si>
  <si>
    <t>ZEENAT RASHID</t>
  </si>
  <si>
    <t>GPS KOT SABZAL</t>
  </si>
  <si>
    <t>BHAG</t>
  </si>
  <si>
    <t>BASTI MALIK HAYAT</t>
  </si>
  <si>
    <t>RABIA PERVEEN</t>
  </si>
  <si>
    <t>GPS 83/12-L</t>
  </si>
  <si>
    <t>SHAH KOT SHARQI - MALE</t>
  </si>
  <si>
    <t>CHAK NO.83/12-L</t>
  </si>
  <si>
    <t>83/12-L</t>
  </si>
  <si>
    <t>92/12-L</t>
  </si>
  <si>
    <t>MARYAM SIDDIQUE</t>
  </si>
  <si>
    <t>GGPS AINAEE</t>
  </si>
  <si>
    <t>ANAEEN</t>
  </si>
  <si>
    <t>ANYEEN</t>
  </si>
  <si>
    <t>KANDOWAL</t>
  </si>
  <si>
    <t>GPS FAZAL COLONY</t>
  </si>
  <si>
    <t>RAKH BAULI</t>
  </si>
  <si>
    <t>FAZAL COLONY</t>
  </si>
  <si>
    <t>GPS KHAIR SHAH HITTAR</t>
  </si>
  <si>
    <t>MINCHIN ABAD-III - MALE</t>
  </si>
  <si>
    <t>KHAIR SHAH HITTAR</t>
  </si>
  <si>
    <t>BASTI MORAN WALI</t>
  </si>
  <si>
    <t>BACHIAN WALI</t>
  </si>
  <si>
    <t>NADEEM SHAH</t>
  </si>
  <si>
    <t>GPS HUSSAIN ABAD BASTI JATTAN (PSSP)</t>
  </si>
  <si>
    <t>SIR BURREY</t>
  </si>
  <si>
    <t>BASTI JAHAN</t>
  </si>
  <si>
    <t>MARIA ANWAR</t>
  </si>
  <si>
    <t>GGPS NAI ABADI PARMANAND</t>
  </si>
  <si>
    <t>PARMANAND</t>
  </si>
  <si>
    <t>NAI ABADI RASOOL PUR</t>
  </si>
  <si>
    <t>MC MANDI AHMAD ABAD</t>
  </si>
  <si>
    <t>AMANAT ULLAH</t>
  </si>
  <si>
    <t>GGPS FAIZ ABAD (PSSP)</t>
  </si>
  <si>
    <t>FAIZ ABAD</t>
  </si>
  <si>
    <t>RAHEELA RASHID</t>
  </si>
  <si>
    <t>GPS WAZERKA</t>
  </si>
  <si>
    <t>MINCHIN ABAD-VII - MALE</t>
  </si>
  <si>
    <t>WAZERKA</t>
  </si>
  <si>
    <t>MUHAMMAD AKMAL SAJJAD</t>
  </si>
  <si>
    <t>GGPS GOAL FEROZWALA</t>
  </si>
  <si>
    <t>GOAL</t>
  </si>
  <si>
    <t>GOIL</t>
  </si>
  <si>
    <t>UME LILI</t>
  </si>
  <si>
    <t>GPS KOTLA BAKHTIAR</t>
  </si>
  <si>
    <t>SHAHAR NANDO KHAN</t>
  </si>
  <si>
    <t>BASTI HAFEEZ ABAD</t>
  </si>
  <si>
    <t>MUHAMMAD YAMIN</t>
  </si>
  <si>
    <t>GGPS DERA ABDUL GHAFOOR WALA CHAK NO. 50/TDA</t>
  </si>
  <si>
    <t>TDA 50</t>
  </si>
  <si>
    <t>CHAK NO 50 TDA</t>
  </si>
  <si>
    <t>NOTAK</t>
  </si>
  <si>
    <t>GPS 118/7-DR</t>
  </si>
  <si>
    <t>IQBAL NAGAR - MALE</t>
  </si>
  <si>
    <t>118/7-DR</t>
  </si>
  <si>
    <t>SAJID SOHAIL ANJUM</t>
  </si>
  <si>
    <t>GPS PATTI PANWARAN (PSSP)</t>
  </si>
  <si>
    <t>BASTI NEW ARIAN</t>
  </si>
  <si>
    <t>BASTI SADIQ</t>
  </si>
  <si>
    <t>NABILA KHIZAR</t>
  </si>
  <si>
    <t>GPS DAR WALA P/O SHUJABAD MOZA GAJJU HATTA</t>
  </si>
  <si>
    <t>GAJJUHATTA</t>
  </si>
  <si>
    <t>MAQBOOL HUSSAIN</t>
  </si>
  <si>
    <t>GPS BAGHOON</t>
  </si>
  <si>
    <t>BAGHOON</t>
  </si>
  <si>
    <t>BAGHOO</t>
  </si>
  <si>
    <t>GGPS DHUNDI NO. 2</t>
  </si>
  <si>
    <t>BASTI ALLAH BAKHSH</t>
  </si>
  <si>
    <t>RAKH</t>
  </si>
  <si>
    <t>SHAZIA RAMZAN</t>
  </si>
  <si>
    <t>GPS AZIZ ABAD (PSSP)</t>
  </si>
  <si>
    <t>HAMID PUR</t>
  </si>
  <si>
    <t>BASHIR ABAD</t>
  </si>
  <si>
    <t>ANEELA KHALIQ</t>
  </si>
  <si>
    <t>GPS QAIM SARWAR WATTO</t>
  </si>
  <si>
    <t>QAIM SARWAR</t>
  </si>
  <si>
    <t>QAIM SARWAR WATTOO</t>
  </si>
  <si>
    <t>ROHILA TAJEKA</t>
  </si>
  <si>
    <t>M ZAFAR</t>
  </si>
  <si>
    <t>GGPS BASTI SHAH ALI</t>
  </si>
  <si>
    <t>FAZILPUR NO. 1 - FEMALE</t>
  </si>
  <si>
    <t>BASTI SHAH ALI</t>
  </si>
  <si>
    <t>GPS BASHARAT WALA</t>
  </si>
  <si>
    <t>PATTI BULANDA</t>
  </si>
  <si>
    <t>BASHARAT WALA</t>
  </si>
  <si>
    <t>MUHAMMAD MUMTAZ AHMED</t>
  </si>
  <si>
    <t>GPS CHAK 778 GB</t>
  </si>
  <si>
    <t>CHAK NO 778 GB</t>
  </si>
  <si>
    <t>778 GB</t>
  </si>
  <si>
    <t>ASMA MAJEED</t>
  </si>
  <si>
    <t>GGPS FAQIR NAGAR</t>
  </si>
  <si>
    <t>HAZRAT WALA</t>
  </si>
  <si>
    <t>BASTI JURER</t>
  </si>
  <si>
    <t>SHABANA AZIZ</t>
  </si>
  <si>
    <t>GPS SIKANDAR ABAD (PSSP)</t>
  </si>
  <si>
    <t>THAL KHAIR MUHAMMD KHAN</t>
  </si>
  <si>
    <t>BASTI BADLA BAHAR</t>
  </si>
  <si>
    <t>THUL KHAIR MUHAMMAD</t>
  </si>
  <si>
    <t>FIAZ AHMED MUJTABA</t>
  </si>
  <si>
    <t>GGPS SAHIBEY WALA</t>
  </si>
  <si>
    <t>SAHIBEY WALA</t>
  </si>
  <si>
    <t>SAHIBA WALA</t>
  </si>
  <si>
    <t>SHUMAILA GHULAM RASOOL</t>
  </si>
  <si>
    <t>GGPS FIRDOUS BUNGLA</t>
  </si>
  <si>
    <t>TOA 69</t>
  </si>
  <si>
    <t>FARDOOS BANGLA</t>
  </si>
  <si>
    <t>NAHEED ASHRAF</t>
  </si>
  <si>
    <t>GGPS NOOR HASSAN KHAWAJA (PSSP)</t>
  </si>
  <si>
    <t>LAL ARRIAN</t>
  </si>
  <si>
    <t>BASTI KHUWAJA NOOW HASSAN</t>
  </si>
  <si>
    <t>MUSHARRAF FAREED</t>
  </si>
  <si>
    <t>GPS NAWAN PIND</t>
  </si>
  <si>
    <t>SADAF TASLEEM</t>
  </si>
  <si>
    <t>GPS RANG PUR (PSSP)</t>
  </si>
  <si>
    <t>BASTI HAFIZ NOOR MUHAMMAD</t>
  </si>
  <si>
    <t>GGPS LAL DA KOT</t>
  </si>
  <si>
    <t>LAL DA KOT</t>
  </si>
  <si>
    <t>AASMA RANI</t>
  </si>
  <si>
    <t>GGPS RAKH JAWAYA BALOCH</t>
  </si>
  <si>
    <t>RAKH JAWAYA</t>
  </si>
  <si>
    <t>RAKH JAWAYA BALOCH</t>
  </si>
  <si>
    <t>HAKOOMAT GARH</t>
  </si>
  <si>
    <t>ROBINA IRSHAD</t>
  </si>
  <si>
    <t>GPS BAGHRIAN KOHNA</t>
  </si>
  <si>
    <t>BAGRIN KOHINA</t>
  </si>
  <si>
    <t>BAGHRIAN KOHNA</t>
  </si>
  <si>
    <t>MUQADDAS NAZIR</t>
  </si>
  <si>
    <t>GGPS KOTLA RUBAIT</t>
  </si>
  <si>
    <t>KOTLA RABIAT</t>
  </si>
  <si>
    <t>KOTLA RABAIT</t>
  </si>
  <si>
    <t>RABIA AKBAR</t>
  </si>
  <si>
    <t>GGPS DONA AHMAD</t>
  </si>
  <si>
    <t>DONA AHMAD</t>
  </si>
  <si>
    <t>M PARVAIZ</t>
  </si>
  <si>
    <t>GPS CHAK 31</t>
  </si>
  <si>
    <t>CHAK NO 31</t>
  </si>
  <si>
    <t>CHAK 31</t>
  </si>
  <si>
    <t>GGPS HARIL (PSSP)</t>
  </si>
  <si>
    <t>BONGA AMIR SINGH</t>
  </si>
  <si>
    <t>HARIL</t>
  </si>
  <si>
    <t>MAZHAR MUSTAFA</t>
  </si>
  <si>
    <t>GGPS ARORA JAGIR (PSSP)</t>
  </si>
  <si>
    <t>ARORA</t>
  </si>
  <si>
    <t>ARORA JAGIR</t>
  </si>
  <si>
    <t>QILA DEVA SINGH</t>
  </si>
  <si>
    <t>RAZIA ISMAIL</t>
  </si>
  <si>
    <t>GPS ASLAM ABAD (PSSP)</t>
  </si>
  <si>
    <t>NAVEED AKMAL</t>
  </si>
  <si>
    <t>GPS THATHA MUHAMMAD HAYAT</t>
  </si>
  <si>
    <t>LALIAN MARKAZ NO.22 - MALE</t>
  </si>
  <si>
    <t>THAROO</t>
  </si>
  <si>
    <t>THATHA MUHAMMAD HAYAT</t>
  </si>
  <si>
    <t>WALAH</t>
  </si>
  <si>
    <t>GGPS COLONY DALA DERA GHULAM QASIM</t>
  </si>
  <si>
    <t>DALA</t>
  </si>
  <si>
    <t>DERA GHULAM QASIM</t>
  </si>
  <si>
    <t>SURYA BEGAM</t>
  </si>
  <si>
    <t>GGCMS KALAN PUR</t>
  </si>
  <si>
    <t>RATAN THAIR</t>
  </si>
  <si>
    <t>ZERRA SHAMIM</t>
  </si>
  <si>
    <t>GGPS MALIK PUR (PSSP)</t>
  </si>
  <si>
    <t>KHAI KHAIR SHAH</t>
  </si>
  <si>
    <t>SAJIDA ABBASI</t>
  </si>
  <si>
    <t>GGPS MARI NOOR PURA</t>
  </si>
  <si>
    <t>MARI NOOR PUR</t>
  </si>
  <si>
    <t>MEHER SHAH KHAGA</t>
  </si>
  <si>
    <t>NAZIA DOST</t>
  </si>
  <si>
    <t>GPS UDHO WALI</t>
  </si>
  <si>
    <t>NOKHAR - MAL</t>
  </si>
  <si>
    <t>UDHO WALI</t>
  </si>
  <si>
    <t>HINA MUNAWAR</t>
  </si>
  <si>
    <t>GGPS SIKHANI WALA NO. 2</t>
  </si>
  <si>
    <t>NOSHEEN FATIMA</t>
  </si>
  <si>
    <t>GPS BASTI PATHAN (PSSP)</t>
  </si>
  <si>
    <t>JEAAND WALI</t>
  </si>
  <si>
    <t>ANEELA ASHIQ</t>
  </si>
  <si>
    <t>GPS RIAZ ABAD (PSSP)</t>
  </si>
  <si>
    <t>RIAZ ABASD</t>
  </si>
  <si>
    <t>RAHAT ZULFIQAR</t>
  </si>
  <si>
    <t>GGPS CHAHTTA ARRIAN (PSSP)</t>
  </si>
  <si>
    <t>KHAI KHAI R SHAH</t>
  </si>
  <si>
    <t>CHUTA ARIAN</t>
  </si>
  <si>
    <t>LALIAN MARKAZ NO.20 - MALE</t>
  </si>
  <si>
    <t>KANVAIN WALA</t>
  </si>
  <si>
    <t>GMPS MUD HAJI PIRAN</t>
  </si>
  <si>
    <t>RAKH FAILPUR</t>
  </si>
  <si>
    <t>BASTI HAJI PIRAN</t>
  </si>
  <si>
    <t>SABA ASHRAF</t>
  </si>
  <si>
    <t>GPS MEHRAN BAQIR</t>
  </si>
  <si>
    <t>LALIAN MARKAZ NO.23 - MALE</t>
  </si>
  <si>
    <t>MEHRAN BAQIR</t>
  </si>
  <si>
    <t>GPS WAH FAQEERAN (PSSP)</t>
  </si>
  <si>
    <t>WAH FAQEERAN</t>
  </si>
  <si>
    <t>WAH FAQIRA</t>
  </si>
  <si>
    <t>IQRA SHAHZADI</t>
  </si>
  <si>
    <t>GGPS DERA HAJI YASEEN 63-MB</t>
  </si>
  <si>
    <t>DERA HAJI YASEEN</t>
  </si>
  <si>
    <t>CHAK NO. 63 MB</t>
  </si>
  <si>
    <t>SHAGUFTA NAZ</t>
  </si>
  <si>
    <t>GPS LASURI KHURD</t>
  </si>
  <si>
    <t>LASURI KHURD</t>
  </si>
  <si>
    <t>VILLAGE LASOORI KHURD, P/O PAHRIANWALI</t>
  </si>
  <si>
    <t>LASOORI KHURD</t>
  </si>
  <si>
    <t>PAHARIAN WALI</t>
  </si>
  <si>
    <t>NOSHABA NOREEN</t>
  </si>
  <si>
    <t>GPS CHAK NO. 98 P (PSSP)</t>
  </si>
  <si>
    <t>CHAK 98 P</t>
  </si>
  <si>
    <t>CHAK 98/P</t>
  </si>
  <si>
    <t>GPS WAN SADAD</t>
  </si>
  <si>
    <t>WAN SADAD</t>
  </si>
  <si>
    <t>4088</t>
  </si>
  <si>
    <t>GGPS SIKRIALA</t>
  </si>
  <si>
    <t>KUND (FEMALE)</t>
  </si>
  <si>
    <t>PERAH MARKHAL</t>
  </si>
  <si>
    <t>SIKRALA</t>
  </si>
  <si>
    <t>GGPS CHAK 219 RB FSD MALVIANWALA</t>
  </si>
  <si>
    <t>219-RB MALVIANWALA</t>
  </si>
  <si>
    <t>MALVIANWALA</t>
  </si>
  <si>
    <t>219/RB</t>
  </si>
  <si>
    <t>RASHIDA ANLEEB</t>
  </si>
  <si>
    <t>GPS BASI KHURD</t>
  </si>
  <si>
    <t>BASI KHURD</t>
  </si>
  <si>
    <t>VILLAGE BASI KHURD P/O PAHRIANWALI</t>
  </si>
  <si>
    <t>CHAK JANU KALAN</t>
  </si>
  <si>
    <t>SYEDA AYESHA SADDIQA</t>
  </si>
  <si>
    <t>GPS BUDHOO WALI</t>
  </si>
  <si>
    <t>BUDHOO WALI</t>
  </si>
  <si>
    <t>BASTI RAIS</t>
  </si>
  <si>
    <t>GGPS BASTI QURESHIAN *** PEF</t>
  </si>
  <si>
    <t>QAIM BHARWANA - FEMALE</t>
  </si>
  <si>
    <t>MERK SIAL</t>
  </si>
  <si>
    <t>YASMIN MEHMOOD</t>
  </si>
  <si>
    <t>GMPS BASTI WALI MUHAMMAD</t>
  </si>
  <si>
    <t>BASTI WALI MUHAMMAD</t>
  </si>
  <si>
    <t>YASMIN KOSAR</t>
  </si>
  <si>
    <t>GPS CHAK 30/4L (PSSP)</t>
  </si>
  <si>
    <t>CHAK 30 4L</t>
  </si>
  <si>
    <t>30/4.L</t>
  </si>
  <si>
    <t>SHAMIM JALAL</t>
  </si>
  <si>
    <t>GGPS JAM PUR KHANPUR (PSSP)</t>
  </si>
  <si>
    <t>KOTLA PATHAN</t>
  </si>
  <si>
    <t>GGPS HAST KHIWAH</t>
  </si>
  <si>
    <t>HAST KHIWAH</t>
  </si>
  <si>
    <t>HAST KHIWA</t>
  </si>
  <si>
    <t>HUST KHEWA</t>
  </si>
  <si>
    <t>MOHAMMAD NAWAZ</t>
  </si>
  <si>
    <t>GGPS MAHNI KA THATTA</t>
  </si>
  <si>
    <t>VIALKAY</t>
  </si>
  <si>
    <t>MAHNI KA THATTA</t>
  </si>
  <si>
    <t>BARANA</t>
  </si>
  <si>
    <t>TEHMINA NAZ</t>
  </si>
  <si>
    <t>GPS CHAK 37-A/4L</t>
  </si>
  <si>
    <t>37A/4L</t>
  </si>
  <si>
    <t>37/A-4L</t>
  </si>
  <si>
    <t>40-A/4-L</t>
  </si>
  <si>
    <t>TAHIRA BEGUM</t>
  </si>
  <si>
    <t>GPS DIWAN ARAIN (PSSP)</t>
  </si>
  <si>
    <t>MURAD PUR SANGLI</t>
  </si>
  <si>
    <t>DIWAN ARAIN</t>
  </si>
  <si>
    <t>HUMAIRA RASHEED</t>
  </si>
  <si>
    <t>GGPS BEHMAN SHAH BASTI KHAIR SHAH</t>
  </si>
  <si>
    <t>JHAN PUR</t>
  </si>
  <si>
    <t>BASTI KHAIR SHAH</t>
  </si>
  <si>
    <t>AHMED BIN SAEED</t>
  </si>
  <si>
    <t>GGPS MACHI KEY GORIYA</t>
  </si>
  <si>
    <t>MACHI KEY GORIYA</t>
  </si>
  <si>
    <t>MACHIKEY</t>
  </si>
  <si>
    <t>GGPS BAROS ABAD</t>
  </si>
  <si>
    <t>bruce abad</t>
  </si>
  <si>
    <t>BASTI BALHORA</t>
  </si>
  <si>
    <t>SAEED AHMAD</t>
  </si>
  <si>
    <t>GGPS HABIB ABAD</t>
  </si>
  <si>
    <t>MAQADAS RASHEED</t>
  </si>
  <si>
    <t>GPS KOT SULTAN</t>
  </si>
  <si>
    <t>ATTIQUL ALAM</t>
  </si>
  <si>
    <t>GPS SHAIR ABAD</t>
  </si>
  <si>
    <t>BASTI RIND</t>
  </si>
  <si>
    <t>FAREEHA ANJAM</t>
  </si>
  <si>
    <t>GPS CHAK NO 7 GABBA (PSSP)</t>
  </si>
  <si>
    <t>JOIYA - MALE</t>
  </si>
  <si>
    <t>CHAK NO7 GABBA</t>
  </si>
  <si>
    <t>7 GABBA</t>
  </si>
  <si>
    <t>UZMA AHMAD</t>
  </si>
  <si>
    <t>GPS CHAK SHAHEED</t>
  </si>
  <si>
    <t>CHAK SHAHEED</t>
  </si>
  <si>
    <t>DOST MUHAMMAD</t>
  </si>
  <si>
    <t>GPS JOIYA NAGAR (PSSP)</t>
  </si>
  <si>
    <t>joiya nagar</t>
  </si>
  <si>
    <t>zareen sarwar</t>
  </si>
  <si>
    <t>GPS JAWAYA KHICHI</t>
  </si>
  <si>
    <t>JAWAYA KIHICHI</t>
  </si>
  <si>
    <t>JAWAYA KHICHI</t>
  </si>
  <si>
    <t>RABIA KHUSHNOOD</t>
  </si>
  <si>
    <t>GMPS KOTLI DIANAT RAI</t>
  </si>
  <si>
    <t>KOTLI DIANAT ROY</t>
  </si>
  <si>
    <t>KOTLI DIANAT RAI</t>
  </si>
  <si>
    <t>GPS MUHAMMAD PUR GUM WALA</t>
  </si>
  <si>
    <t>GGPS DERA DOST MUHAMMAD (PSSP)</t>
  </si>
  <si>
    <t>JAEJA AABASEAN</t>
  </si>
  <si>
    <t>BASTI DERA DOST MUHAMMAD</t>
  </si>
  <si>
    <t>RUBINA NAZ</t>
  </si>
  <si>
    <t>GGPS KOT MUMTAZ HUSSAIN</t>
  </si>
  <si>
    <t>PIPPLE BHUTTA</t>
  </si>
  <si>
    <t>RABIA NAVEED</t>
  </si>
  <si>
    <t>GPS FIRDOUSI FARM</t>
  </si>
  <si>
    <t>KOTLA QAIM</t>
  </si>
  <si>
    <t>KOTLA RAIN</t>
  </si>
  <si>
    <t>GMPS RANGORE</t>
  </si>
  <si>
    <t>RANGORE</t>
  </si>
  <si>
    <t>GPS RASOOL PUR DHUNDI</t>
  </si>
  <si>
    <t>CHAK POLI</t>
  </si>
  <si>
    <t>PEERAN DITA</t>
  </si>
  <si>
    <t>GPS BURJ JHANDA</t>
  </si>
  <si>
    <t>LALIAN MARKAZ NO.21 - MALE</t>
  </si>
  <si>
    <t>BURJ JHANDA</t>
  </si>
  <si>
    <t>LANGER MAKHDOOM</t>
  </si>
  <si>
    <t>MOUSAWAR HAYAT</t>
  </si>
  <si>
    <t>GGPS FARID ABAD (PSSP)</t>
  </si>
  <si>
    <t>GMPS RAM GHAR</t>
  </si>
  <si>
    <t>RAM GHAR</t>
  </si>
  <si>
    <t>IQRA ASGHAR</t>
  </si>
  <si>
    <t>GPS CHAK WARRIACH</t>
  </si>
  <si>
    <t>CHAK WARRIACH</t>
  </si>
  <si>
    <t>CHAK WARAICH</t>
  </si>
  <si>
    <t>MANDIALA TEGHA</t>
  </si>
  <si>
    <t>SADIA ZAKA ULLAH</t>
  </si>
  <si>
    <t>GPS CHAK 45/2-L</t>
  </si>
  <si>
    <t>CHAK 45 2L</t>
  </si>
  <si>
    <t>45/2.l</t>
  </si>
  <si>
    <t>44/2-L</t>
  </si>
  <si>
    <t>GGPS GHAUS PUR MACHIAN (PSSP)</t>
  </si>
  <si>
    <t>GHAUS PUR MACHIAN</t>
  </si>
  <si>
    <t>IQBAL BELA</t>
  </si>
  <si>
    <t>KOT KARAM KHAN</t>
  </si>
  <si>
    <t>GGPS MARKAL</t>
  </si>
  <si>
    <t>MARKAL</t>
  </si>
  <si>
    <t>GGPS DERA ISHAQ KAMAL THAHEM</t>
  </si>
  <si>
    <t>KAMAL THEEM</t>
  </si>
  <si>
    <t>DERA KAMAL THAEEM</t>
  </si>
  <si>
    <t>GGPS BASTI SAHOO BAHAWALPUR</t>
  </si>
  <si>
    <t>MARI QASIM SHAH</t>
  </si>
  <si>
    <t>BASTI SAHOO</t>
  </si>
  <si>
    <t>GPS ADAM DRAZ</t>
  </si>
  <si>
    <t>ADAM DRAZ</t>
  </si>
  <si>
    <t>ADAM  DARAZ</t>
  </si>
  <si>
    <t>SHAMA</t>
  </si>
  <si>
    <t>GPS NO. 1 RAHWALI GUJRNAWALA</t>
  </si>
  <si>
    <t>ST. NO. 6 MOHALLAH ESA NAGARI RAHWALI</t>
  </si>
  <si>
    <t>ESA NAGAR</t>
  </si>
  <si>
    <t>GPS MAHAN DEVI</t>
  </si>
  <si>
    <t>MAHAN DEVI</t>
  </si>
  <si>
    <t>SIDRA RIASAT</t>
  </si>
  <si>
    <t>GGPS BASTI BAILDARAN</t>
  </si>
  <si>
    <t>BAILDARAN</t>
  </si>
  <si>
    <t>GPS FATEH JANG WEST (PSSP-II)</t>
  </si>
  <si>
    <t>Fateh Jang west</t>
  </si>
  <si>
    <t>MC FATEH JANG</t>
  </si>
  <si>
    <t>Naila mumraiz</t>
  </si>
  <si>
    <t>GMPS DALU GURO KAY</t>
  </si>
  <si>
    <t>DALU GURO KAY</t>
  </si>
  <si>
    <t>RUBINA SHARIF</t>
  </si>
  <si>
    <t>GGPS KOT SHAHZAD</t>
  </si>
  <si>
    <t>KOT SHAHZAD</t>
  </si>
  <si>
    <t>MUNAZA AYAZ</t>
  </si>
  <si>
    <t>GPS HASTAL (PSSP-II)</t>
  </si>
  <si>
    <t>HASTAL</t>
  </si>
  <si>
    <t>Hastal</t>
  </si>
  <si>
    <t>Ghulam Fouzia</t>
  </si>
  <si>
    <t>GGPS PANDORI</t>
  </si>
  <si>
    <t>KUBRA BABAR</t>
  </si>
  <si>
    <t>GGPS HAJI PUR HEERAN (PSSP)</t>
  </si>
  <si>
    <t>HEERAN</t>
  </si>
  <si>
    <t>MISSAN ABAD</t>
  </si>
  <si>
    <t>SIDRA TUL MUNTAHA</t>
  </si>
  <si>
    <t>GPS CHAK NEW ABAD</t>
  </si>
  <si>
    <t>CHAK NO ABAD</t>
  </si>
  <si>
    <t>HALILI WALA</t>
  </si>
  <si>
    <t>ZULQAR NAIN</t>
  </si>
  <si>
    <t>GGPS BURALI KOT RAHMOO</t>
  </si>
  <si>
    <t>BURALI KOT RAHMOO</t>
  </si>
  <si>
    <t>BURALI</t>
  </si>
  <si>
    <t>SHAHEEN MANSHA</t>
  </si>
  <si>
    <t>GGPS BASTI TURK (PSSP)</t>
  </si>
  <si>
    <t>THAKAL AARIAN</t>
  </si>
  <si>
    <t>BASTI TURK BALOACH</t>
  </si>
  <si>
    <t>JHORAN</t>
  </si>
  <si>
    <t>MUHAMMAD KASHIF SHAHZAD</t>
  </si>
  <si>
    <t>GGPS NANGAL KAMLA</t>
  </si>
  <si>
    <t>ADAM KAY NAGRA - FEMALE</t>
  </si>
  <si>
    <t>NANGAL KAMLA</t>
  </si>
  <si>
    <t>NAGAL KAMLA</t>
  </si>
  <si>
    <t>BANBAWA</t>
  </si>
  <si>
    <t>RIASAT ALI BAJWA</t>
  </si>
  <si>
    <t>GGPS PACCA NISWANA P/O KANDI WAL</t>
  </si>
  <si>
    <t>PACCA</t>
  </si>
  <si>
    <t>FARHAT BIBI</t>
  </si>
  <si>
    <t>GGPS DERA ASHRAF</t>
  </si>
  <si>
    <t>DERA ASHRAF</t>
  </si>
  <si>
    <t>HARYA ASHRAF</t>
  </si>
  <si>
    <t>GGPS KOT SHAHBAZ (PSSP)</t>
  </si>
  <si>
    <t>ROASHAN ABAD</t>
  </si>
  <si>
    <t>KOT SHAHBAZ</t>
  </si>
  <si>
    <t>GGPS CHAK PROPI</t>
  </si>
  <si>
    <t>CHAK PROPI</t>
  </si>
  <si>
    <t>ADAMKAY NAGRA</t>
  </si>
  <si>
    <t>ZABIULLAH</t>
  </si>
  <si>
    <t>GPS MC NO.5 KAMOKE</t>
  </si>
  <si>
    <t>KAMOKE CITY - MAL</t>
  </si>
  <si>
    <t>BILAL PUR</t>
  </si>
  <si>
    <t>KAMOKE-VIII</t>
  </si>
  <si>
    <t>AREEJ ZAFAR</t>
  </si>
  <si>
    <t>GGPS CHAK NO. 63/NP (PSSP)</t>
  </si>
  <si>
    <t>63NP</t>
  </si>
  <si>
    <t>BAKHTAWAR RAMZAN</t>
  </si>
  <si>
    <t>GGPS PACCA DERA</t>
  </si>
  <si>
    <t>PACCA DERA</t>
  </si>
  <si>
    <t>FARHAT AZAM</t>
  </si>
  <si>
    <t>GPS CHANDALI</t>
  </si>
  <si>
    <t>KAMOKE SADAR - MAL</t>
  </si>
  <si>
    <t>CHANDALI</t>
  </si>
  <si>
    <t>SADIA SHAUKAT</t>
  </si>
  <si>
    <t>GGPS POWER HOUSE</t>
  </si>
  <si>
    <t>FOZIA HANIF</t>
  </si>
  <si>
    <t>GPS NANGAL MIRZA</t>
  </si>
  <si>
    <t>NANGAL MIRZA RAM CHAND</t>
  </si>
  <si>
    <t>GGPS LOWER MASOOT</t>
  </si>
  <si>
    <t>LOWAR SOUT</t>
  </si>
  <si>
    <t>LOWER MASOOT</t>
  </si>
  <si>
    <t>DARYA GALI</t>
  </si>
  <si>
    <t>M. NAEEM QADRI</t>
  </si>
  <si>
    <t>GPS POWER HOUSE JOYAN WALA</t>
  </si>
  <si>
    <t>POWER HOUSE COLONY</t>
  </si>
  <si>
    <t>POWER HOUSE JOYAN WALA</t>
  </si>
  <si>
    <t>GHAZALA AMIN</t>
  </si>
  <si>
    <t>GGPS BEDAD PUR VIRKAN</t>
  </si>
  <si>
    <t>BEDAD PUR VIRKAN</t>
  </si>
  <si>
    <t>KHUTIALA VIRKAN</t>
  </si>
  <si>
    <t>NEELUM SHAHZADI</t>
  </si>
  <si>
    <t>GGPS CHAK 32</t>
  </si>
  <si>
    <t>CHAK 32</t>
  </si>
  <si>
    <t>INAM GHULAM RASOOL</t>
  </si>
  <si>
    <t>GPS TAQI PUR</t>
  </si>
  <si>
    <t>SHAHBAZ</t>
  </si>
  <si>
    <t>GGPS PIR WALA   ***   PEF</t>
  </si>
  <si>
    <t>LUK. BADHAR</t>
  </si>
  <si>
    <t>SAHRISH RASHID</t>
  </si>
  <si>
    <t>GGPS CHAK BILLY MAR</t>
  </si>
  <si>
    <t>BILLY MAR</t>
  </si>
  <si>
    <t>CHAK BILLI MAR</t>
  </si>
  <si>
    <t>MOHIB ALI OTAR</t>
  </si>
  <si>
    <t>SAJEELA ABBAS</t>
  </si>
  <si>
    <t>GGPS BUTTER PADAY</t>
  </si>
  <si>
    <t>BUTTER PADAY</t>
  </si>
  <si>
    <t>GPS MEHTA COLONY ROAD</t>
  </si>
  <si>
    <t>MEHTA</t>
  </si>
  <si>
    <t>MEHTA COLONY</t>
  </si>
  <si>
    <t>MATHROOMA</t>
  </si>
  <si>
    <t>AYESHA MANSHA</t>
  </si>
  <si>
    <t>GGPS 5 SP SIKHANWALI</t>
  </si>
  <si>
    <t>5 SP SIKHANWALI</t>
  </si>
  <si>
    <t>SHAMAILA NAZ</t>
  </si>
  <si>
    <t>GGPS BHADAL OTAR</t>
  </si>
  <si>
    <t>BHADAL OTAR</t>
  </si>
  <si>
    <t>BHIDAL OTAR</t>
  </si>
  <si>
    <t>SHAMSHAD AKHTER</t>
  </si>
  <si>
    <t>GGES RAMZAN WALA SHUJABAD MULTAN</t>
  </si>
  <si>
    <t>GGPS RAMZAN WALA SHUJABAD MULTAN</t>
  </si>
  <si>
    <t>RAMZAN WALA</t>
  </si>
  <si>
    <t>GGPS DHENGRAN WALI KHURD</t>
  </si>
  <si>
    <t>BADIANA - FEMALE</t>
  </si>
  <si>
    <t>DHENGRAN WALI KHURD</t>
  </si>
  <si>
    <t>JUDALA</t>
  </si>
  <si>
    <t>SADI ANAZEER</t>
  </si>
  <si>
    <t>GGPS BULA CHISHTY</t>
  </si>
  <si>
    <t>BULA CHISHTY</t>
  </si>
  <si>
    <t>BULLA CHISTI</t>
  </si>
  <si>
    <t>CHAK BAWA</t>
  </si>
  <si>
    <t>NAZIA ZUBAIR</t>
  </si>
  <si>
    <t>GGPS HYDER ABAD</t>
  </si>
  <si>
    <t>CHAK HYDER ABAD</t>
  </si>
  <si>
    <t>HAYDER ABAD</t>
  </si>
  <si>
    <t>NUSRAT RAMZAN</t>
  </si>
  <si>
    <t>GGPS JHAKAR</t>
  </si>
  <si>
    <t>JHAKAR</t>
  </si>
  <si>
    <t>JAKHAR</t>
  </si>
  <si>
    <t>JHUDHALA</t>
  </si>
  <si>
    <t>ALIA SHEHROZ</t>
  </si>
  <si>
    <t>GGPS DHILLO WALA MULTAN</t>
  </si>
  <si>
    <t>DHILLO WAALA</t>
  </si>
  <si>
    <t>ZOHAIB ALI</t>
  </si>
  <si>
    <t>PUNJ KOHA</t>
  </si>
  <si>
    <t>ASIYA KANWAL</t>
  </si>
  <si>
    <t>PALLAY WALA</t>
  </si>
  <si>
    <t>GPS LODHARA</t>
  </si>
  <si>
    <t>BHOWANA MARKAZ NO.28 - MALE</t>
  </si>
  <si>
    <t>LODHARA</t>
  </si>
  <si>
    <t>GGPS BASTI RASOOL PUR SHUJABAD</t>
  </si>
  <si>
    <t>BALOACHAN WALA</t>
  </si>
  <si>
    <t>GMPS  CHAK NO 189 JB</t>
  </si>
  <si>
    <t>BHOWANA MARKAZ NO.14 - FEMALE</t>
  </si>
  <si>
    <t>CHAK NO 189 JB</t>
  </si>
  <si>
    <t>CHAK NO 189 BERIAN WALA</t>
  </si>
  <si>
    <t>SAMUNDAR</t>
  </si>
  <si>
    <t>GGPS CHAH GODAR MARI NOON SHUJABAD</t>
  </si>
  <si>
    <t>RANA SULTAN KI BHANI</t>
  </si>
  <si>
    <t>GGPS GEHLAN</t>
  </si>
  <si>
    <t>GELAN</t>
  </si>
  <si>
    <t>GEHLAN</t>
  </si>
  <si>
    <t>PHULLAN TOLI</t>
  </si>
  <si>
    <t>GGPS MAKKAY WALA SHUJABAD</t>
  </si>
  <si>
    <t>WAHI BAKHER</t>
  </si>
  <si>
    <t>MAKAY WALA</t>
  </si>
  <si>
    <t>RANA KHURSHEED AKHTAR</t>
  </si>
  <si>
    <t>GGPS LALIKA</t>
  </si>
  <si>
    <t>LALI KE</t>
  </si>
  <si>
    <t>LALI KA</t>
  </si>
  <si>
    <t>MEHR SHAH KHAGGA</t>
  </si>
  <si>
    <t>GPS KOT GONDAL</t>
  </si>
  <si>
    <t>KOT GONDAL</t>
  </si>
  <si>
    <t>GHATIALAIN</t>
  </si>
  <si>
    <t>BARYA MUNAWAR</t>
  </si>
  <si>
    <t>GGPS GHUMANDI   ***    PEF</t>
  </si>
  <si>
    <t>QAMAR SHAHZAD</t>
  </si>
  <si>
    <t>GGPS CHAK 462/2   ***   PEF</t>
  </si>
  <si>
    <t>HASSAN SHAH</t>
  </si>
  <si>
    <t>KHALID  MAHMOOD</t>
  </si>
  <si>
    <t>GPS RUKH AHDIAN</t>
  </si>
  <si>
    <t>RUKH AHDIAN</t>
  </si>
  <si>
    <t>SIMAB ABBAS</t>
  </si>
  <si>
    <t>GPS CHAK NO 296 HR</t>
  </si>
  <si>
    <t>FORT ABBAS-VIII - MALE</t>
  </si>
  <si>
    <t>CHAK NO 296 A/HR</t>
  </si>
  <si>
    <t>296/HR</t>
  </si>
  <si>
    <t>GGPS CHAK 458 WASUANA   ***   PEF</t>
  </si>
  <si>
    <t>CHAK 458</t>
  </si>
  <si>
    <t>446 ADDA KHOI</t>
  </si>
  <si>
    <t>RUBAB AZHAR</t>
  </si>
  <si>
    <t>GPS MAKU ANA</t>
  </si>
  <si>
    <t>MAKU ANA</t>
  </si>
  <si>
    <t>AMIR JAVED</t>
  </si>
  <si>
    <t>GGPS WIRD WALA</t>
  </si>
  <si>
    <t>BSTI WIRD WALA</t>
  </si>
  <si>
    <t>MUHAMMAD HANEEF</t>
  </si>
  <si>
    <t>GGPS CHAK 442 SIDDIQE ABAD *** PEF</t>
  </si>
  <si>
    <t>CHAK NO 442/2</t>
  </si>
  <si>
    <t>MASSAN SHAH</t>
  </si>
  <si>
    <t>MEHWISH RAJAB</t>
  </si>
  <si>
    <t>BUTTER</t>
  </si>
  <si>
    <t>BHUTAR</t>
  </si>
  <si>
    <t>SHEHLA SHAFI</t>
  </si>
  <si>
    <t>GGPS CHAK NO 296 HR A</t>
  </si>
  <si>
    <t>FORT ABBAS-IX - FEMALE</t>
  </si>
  <si>
    <t>296/HR A</t>
  </si>
  <si>
    <t>Sajida Sattar</t>
  </si>
  <si>
    <t>GGPS KHOKHRAN WALA</t>
  </si>
  <si>
    <t>KHOKHRANWALA</t>
  </si>
  <si>
    <t>THATHA KHOKHARAN</t>
  </si>
  <si>
    <t>SAAR WALA</t>
  </si>
  <si>
    <t>SHAHIDA ALTAF</t>
  </si>
  <si>
    <t>GGPS BURJ WALA</t>
  </si>
  <si>
    <t>BURJ WALA</t>
  </si>
  <si>
    <t>AASIA TABASUM</t>
  </si>
  <si>
    <t>GPS CHAK 226/9-R</t>
  </si>
  <si>
    <t>FORT ABBAS-V - MALE</t>
  </si>
  <si>
    <t>226/9-R</t>
  </si>
  <si>
    <t>Anwar Ali</t>
  </si>
  <si>
    <t>GGPS DHILLAM</t>
  </si>
  <si>
    <t>DHILLAM</t>
  </si>
  <si>
    <t>GGPS ZAFAR ABAD BASTI LUTAFPUR</t>
  </si>
  <si>
    <t>CHAH SHAREEN WALA</t>
  </si>
  <si>
    <t>SHAHID TANVEER</t>
  </si>
  <si>
    <t>GGPS CHAK NO 240/HL</t>
  </si>
  <si>
    <t>FORT ABBAS-V - FEMALE</t>
  </si>
  <si>
    <t>240/HB</t>
  </si>
  <si>
    <t>GMPS AQIL PUR NO 1   ***   PEF</t>
  </si>
  <si>
    <t>AQAL PUR</t>
  </si>
  <si>
    <t>DONALI</t>
  </si>
  <si>
    <t>M. AJMAL KHAN</t>
  </si>
  <si>
    <t>GGPS CHAK 443/JB   ***   PEF</t>
  </si>
  <si>
    <t>GHURRIAN WALA</t>
  </si>
  <si>
    <t>CHAK NO. 443</t>
  </si>
  <si>
    <t>SHAZMA AKHTAR</t>
  </si>
  <si>
    <t>GGPS KIRPAL SING KIRPAL SINGH</t>
  </si>
  <si>
    <t>KIRPAL SING</t>
  </si>
  <si>
    <t>KIRPAL SINGH</t>
  </si>
  <si>
    <t>CHACK NO: 5-FAIZ</t>
  </si>
  <si>
    <t>IRAM TALIB</t>
  </si>
  <si>
    <t>GPS MATTAKAY</t>
  </si>
  <si>
    <t>CHAWINDA - MALE</t>
  </si>
  <si>
    <t>MATTAKAY</t>
  </si>
  <si>
    <t>MATTAYKAY</t>
  </si>
  <si>
    <t>FATIMA ZAHRA</t>
  </si>
  <si>
    <t>GGPS BAKHSHA   ***   PEF</t>
  </si>
  <si>
    <t>BAKSHA</t>
  </si>
  <si>
    <t>M. IMRAN HANIF</t>
  </si>
  <si>
    <t>GGPS CHAK 310/HR</t>
  </si>
  <si>
    <t>FORT ABBAS-VIII - FEMALE</t>
  </si>
  <si>
    <t>310-HR</t>
  </si>
  <si>
    <t>310-HR DERA</t>
  </si>
  <si>
    <t>GPS SIKANDER PUR</t>
  </si>
  <si>
    <t>KALA PAHAR - MALE</t>
  </si>
  <si>
    <t>SHEHZADA</t>
  </si>
  <si>
    <t>ALMAS SEHAR</t>
  </si>
  <si>
    <t>GGPS CHAK NO 307 HR</t>
  </si>
  <si>
    <t>307-HR</t>
  </si>
  <si>
    <t>GGPS DAD WALA P/O AGAR KHWANI SHUJABAD DISTT. MULTA</t>
  </si>
  <si>
    <t>DADWALA</t>
  </si>
  <si>
    <t>DAAD WALA</t>
  </si>
  <si>
    <t>RUKAN HATTI</t>
  </si>
  <si>
    <t>MUHAMMAD SHAHID</t>
  </si>
  <si>
    <t>GGPS 43 SP NAI ABADI ARAY WALI</t>
  </si>
  <si>
    <t>ABADI ARAY WALI</t>
  </si>
  <si>
    <t>43/SP</t>
  </si>
  <si>
    <t>BUNGA SALEH</t>
  </si>
  <si>
    <t>ASIA GULZAR</t>
  </si>
  <si>
    <t>GGPS CAHNDIA FARAZ   ***   PEF</t>
  </si>
  <si>
    <t>CAHNDIA FARAZ</t>
  </si>
  <si>
    <t>FAISAL ABBAS</t>
  </si>
  <si>
    <t>GPS QILA AMEER SINGH</t>
  </si>
  <si>
    <t>QILA AMEER SINGH</t>
  </si>
  <si>
    <t>SAMINA AKRAM</t>
  </si>
  <si>
    <t>GGPS EISA</t>
  </si>
  <si>
    <t>EISA</t>
  </si>
  <si>
    <t>MISS UJALA</t>
  </si>
  <si>
    <t>GGPS CHAK 306/HR</t>
  </si>
  <si>
    <t>CHAK 306/HR</t>
  </si>
  <si>
    <t>Shagufta Sarwar</t>
  </si>
  <si>
    <t>GPS MAZARI   ***   PEF</t>
  </si>
  <si>
    <t>BALQEES AKHTAR</t>
  </si>
  <si>
    <t>GGPS CHAK 65/P (PSSP)</t>
  </si>
  <si>
    <t>CHAK NO. 65/P</t>
  </si>
  <si>
    <t>CHAK NO 69/p</t>
  </si>
  <si>
    <t>AHMAD ABAD LATKI</t>
  </si>
  <si>
    <t>HAFIZ MATLOOB</t>
  </si>
  <si>
    <t>GMPS ZAFAR ABAD KANDIWAL</t>
  </si>
  <si>
    <t>ZAFAR ABAD KANDIWAL</t>
  </si>
  <si>
    <t>FAKHRA MALIK</t>
  </si>
  <si>
    <t>GMPS KOT LALA</t>
  </si>
  <si>
    <t>KOT LALA</t>
  </si>
  <si>
    <t>SUMAIRA NAZIR</t>
  </si>
  <si>
    <t>GGPS CHAK 67/NP</t>
  </si>
  <si>
    <t>67/NP</t>
  </si>
  <si>
    <t>CHAK  67NP</t>
  </si>
  <si>
    <t>MARIA TABASUM</t>
  </si>
  <si>
    <t>GGPS CHAK SARKAR KANDIWAL</t>
  </si>
  <si>
    <t>CHAK SARKAR KANDIWAL</t>
  </si>
  <si>
    <t>CHAK SARKAR</t>
  </si>
  <si>
    <t>REHANA TASLEEM</t>
  </si>
  <si>
    <t>GGPS BEHLOL PUR</t>
  </si>
  <si>
    <t>BEHLOL PUR</t>
  </si>
  <si>
    <t>MEHVISH MALIK</t>
  </si>
  <si>
    <t>GPS GHUCHLI VIRK</t>
  </si>
  <si>
    <t>GGPS FATEH PUR QURESHIAN (PSSP)</t>
  </si>
  <si>
    <t>FATEH PUR QURESHIAN</t>
  </si>
  <si>
    <t>GPS PINDI</t>
  </si>
  <si>
    <t>PAKKA</t>
  </si>
  <si>
    <t>PAKA</t>
  </si>
  <si>
    <t>GPS KOT BASHIR</t>
  </si>
  <si>
    <t>KOT BASHIR</t>
  </si>
  <si>
    <t>AMNA NEMAT ULLAH</t>
  </si>
  <si>
    <t>GPS DALAY WALA   ***   PEF</t>
  </si>
  <si>
    <t>KOT MAI SAINGH</t>
  </si>
  <si>
    <t>HAIDARY MOHALLAH</t>
  </si>
  <si>
    <t>SAMINA KHALID</t>
  </si>
  <si>
    <t>GGPS KALIJ PUR CHAH ANARAN WALA</t>
  </si>
  <si>
    <t>KALIJ PUR</t>
  </si>
  <si>
    <t>DARKHAN WALA</t>
  </si>
  <si>
    <t>MATOTLI</t>
  </si>
  <si>
    <t>GGPS SOBHAGA *** PEF</t>
  </si>
  <si>
    <t>SOBHAGA</t>
  </si>
  <si>
    <t>KAMRAN SHAHZAD</t>
  </si>
  <si>
    <t>GGPS CHAK NO. 115/6-R AB</t>
  </si>
  <si>
    <t>115/6R AB</t>
  </si>
  <si>
    <t>Tehmina Kosar</t>
  </si>
  <si>
    <t>GGPS KOT HAYDER SHAH</t>
  </si>
  <si>
    <t>CHINIOT MARKAZ NO.11 - FEMALE</t>
  </si>
  <si>
    <t>KOT HAYDER SHAH</t>
  </si>
  <si>
    <t>KOT HAIDER SHAH</t>
  </si>
  <si>
    <t>GPS CHAK NO 118/6-R E</t>
  </si>
  <si>
    <t>118/6-R AB</t>
  </si>
  <si>
    <t>GPS CHAK NO 118/6-R AB</t>
  </si>
  <si>
    <t>Ahmad Irfan</t>
  </si>
  <si>
    <t>GPS BARHAMAN WALA   ***   PEF</t>
  </si>
  <si>
    <t>THATHI QURESHI</t>
  </si>
  <si>
    <t>THATTI QURESHI</t>
  </si>
  <si>
    <t>HAFIZA NOOR HAFSA</t>
  </si>
  <si>
    <t>GGPS JHANJAR WALA CHAH DODAY WALA</t>
  </si>
  <si>
    <t>QAISAR PUR</t>
  </si>
  <si>
    <t>CHAH DHOODY WALA</t>
  </si>
  <si>
    <t>GPS HARYAL</t>
  </si>
  <si>
    <t>SADIA SHAMAS</t>
  </si>
  <si>
    <t>GGPS ISLAM PURA BHIKHI</t>
  </si>
  <si>
    <t>SHAMULA BHEKHEE</t>
  </si>
  <si>
    <t>MUBEEN ZAHIDA</t>
  </si>
  <si>
    <t>GMPS PUNDAT MANFOOL</t>
  </si>
  <si>
    <t>PUNDAT MANFOOL</t>
  </si>
  <si>
    <t>PANDAT MANFOOL</t>
  </si>
  <si>
    <t>GPS NANAK SAR *** PEF</t>
  </si>
  <si>
    <t>NANAK SAR</t>
  </si>
  <si>
    <t>NANAK SUR</t>
  </si>
  <si>
    <t>BASTI GHAZI SHAH</t>
  </si>
  <si>
    <t>IQRA GHAFOOR</t>
  </si>
  <si>
    <t>GGPS ANARAN WALA MOZA QAISAR PUR</t>
  </si>
  <si>
    <t>ANARAN WALA</t>
  </si>
  <si>
    <t>SYED MUNWAR HUSSAIN SHAH</t>
  </si>
  <si>
    <t>GGPS KOT MIANA</t>
  </si>
  <si>
    <t>CHINIOT MARKAZ NO.10 - FEMALE</t>
  </si>
  <si>
    <t>SALARAY</t>
  </si>
  <si>
    <t>MUHAMMAD HAMEED</t>
  </si>
  <si>
    <t>GMPS DULLOKAY</t>
  </si>
  <si>
    <t>DULLOKAY</t>
  </si>
  <si>
    <t>GADGOR</t>
  </si>
  <si>
    <t>SYEDA NWAZ</t>
  </si>
  <si>
    <t>GPS DARGAHI GILL</t>
  </si>
  <si>
    <t>DARGAI GUL QADEEM</t>
  </si>
  <si>
    <t>DARGAHI GILL</t>
  </si>
  <si>
    <t>SHAMKE</t>
  </si>
  <si>
    <t>MAJIDA CHANDA</t>
  </si>
  <si>
    <t>GPS 36/14-L</t>
  </si>
  <si>
    <t>36/14-L</t>
  </si>
  <si>
    <t>82/12-L</t>
  </si>
  <si>
    <t>GGPS SHOUKAT SHAHEED COLONY</t>
  </si>
  <si>
    <t>PHALIA KORANA</t>
  </si>
  <si>
    <t>SHOUKAT COLONY</t>
  </si>
  <si>
    <t>FARMAN ALI</t>
  </si>
  <si>
    <t>GPS HAIDEN   ***   PEF</t>
  </si>
  <si>
    <t>HAIDEN</t>
  </si>
  <si>
    <t>HAIDHAN</t>
  </si>
  <si>
    <t>KIFAYAT ULLAH</t>
  </si>
  <si>
    <t>GGPS PEF AUMB CHARAG SHAH MOUZA DHEDI</t>
  </si>
  <si>
    <t>DHADI</t>
  </si>
  <si>
    <t>DHE</t>
  </si>
  <si>
    <t>NASIR NAGAR</t>
  </si>
  <si>
    <t>M. RAMZAN</t>
  </si>
  <si>
    <t>GGPS THATHA SAWAN</t>
  </si>
  <si>
    <t>HERSA SHAIKH</t>
  </si>
  <si>
    <t>THATHA SAWAN</t>
  </si>
  <si>
    <t>IKRAN ULLAH</t>
  </si>
  <si>
    <t>GGPS SAGNI</t>
  </si>
  <si>
    <t>SAGNI</t>
  </si>
  <si>
    <t>GGPS MURAD TOWN</t>
  </si>
  <si>
    <t>MURAD TOWN</t>
  </si>
  <si>
    <t>NADIA USMAN</t>
  </si>
  <si>
    <t>GGPS ELAHI BUKHSH DASTI (PSSP)</t>
  </si>
  <si>
    <t>PORAAN</t>
  </si>
  <si>
    <t>MIAN WALI QURESHIAN</t>
  </si>
  <si>
    <t>SHAISTA ALTAF</t>
  </si>
  <si>
    <t>GGPS DHOK ASLAM CHOHAN</t>
  </si>
  <si>
    <t>GGPS CHAK NO 217 JB *** PEF</t>
  </si>
  <si>
    <t>CHAK NO 217 JB</t>
  </si>
  <si>
    <t>CHAK NO. 217</t>
  </si>
  <si>
    <t>GGPS CHAK NO. 118/1-L (PSSP)</t>
  </si>
  <si>
    <t>CHAK NO. 118 1L</t>
  </si>
  <si>
    <t>CHAK NO. 118</t>
  </si>
  <si>
    <t>muntza saif</t>
  </si>
  <si>
    <t>GPS DHOKAR   ***   PEF</t>
  </si>
  <si>
    <t>DHOKAR</t>
  </si>
  <si>
    <t>M. QASIM</t>
  </si>
  <si>
    <t>GPS CHAK AROOP CHAND</t>
  </si>
  <si>
    <t>CHAK AROOP CHAND</t>
  </si>
  <si>
    <t>GGPS PIR KOT NO 1</t>
  </si>
  <si>
    <t>DOULO WALA</t>
  </si>
  <si>
    <t>PIR KOT NO 1</t>
  </si>
  <si>
    <t>MUHAMMAD RAOUF</t>
  </si>
  <si>
    <t>GGPS GHOUNS PUR</t>
  </si>
  <si>
    <t>jhanber wala</t>
  </si>
  <si>
    <t>Amina Bibi</t>
  </si>
  <si>
    <t>GGPS KOT RAHMAT</t>
  </si>
  <si>
    <t>KOT RAHMAT</t>
  </si>
  <si>
    <t>BARKHURDAR</t>
  </si>
  <si>
    <t>IRAM AKRAM</t>
  </si>
  <si>
    <t>GGPS SHAIKHUWAL</t>
  </si>
  <si>
    <t>SHAKHUWAL</t>
  </si>
  <si>
    <t>SHEKHUWAL</t>
  </si>
  <si>
    <t>GGPS CHAK 66 RB II KHURRIANWALA</t>
  </si>
  <si>
    <t>MADOANA WAIS</t>
  </si>
  <si>
    <t>CHAK 66 RB II KHURRIANWALA</t>
  </si>
  <si>
    <t>MISBAH FATIMA</t>
  </si>
  <si>
    <t>TAHIR KHAN</t>
  </si>
  <si>
    <t>GPS 4 EB NO. 2 P/O MALKAHANS</t>
  </si>
  <si>
    <t>CHAK NO 4 EB</t>
  </si>
  <si>
    <t>CHAK NO.4/EB-II</t>
  </si>
  <si>
    <t>KALSOOM AKHTAR MALIK</t>
  </si>
  <si>
    <t>GPS KOT REHAM SHAH</t>
  </si>
  <si>
    <t>KOT REHAM SHAH</t>
  </si>
  <si>
    <t>RAIKAY</t>
  </si>
  <si>
    <t>GGPS KALOO WALA *** PEF</t>
  </si>
  <si>
    <t>BATIAN WALA - FEMALE</t>
  </si>
  <si>
    <t>KALOO WALA</t>
  </si>
  <si>
    <t>SHAH SADIQ NEHANG</t>
  </si>
  <si>
    <t>MUHAMMAD AMJAD JAVED</t>
  </si>
  <si>
    <t>GPS SIRBHORI (PSSP)</t>
  </si>
  <si>
    <t>SIRBHORI</t>
  </si>
  <si>
    <t>NOSHEEN ABIDA</t>
  </si>
  <si>
    <t>GPS CHAK NO 61 RB</t>
  </si>
  <si>
    <t>DARA PREM DHARI CHAK NO 61 RB</t>
  </si>
  <si>
    <t>CHAK NO 61 RB</t>
  </si>
  <si>
    <t>SHABNUM SHAKEELA</t>
  </si>
  <si>
    <t>GGPS BHURARI</t>
  </si>
  <si>
    <t>BHURARI</t>
  </si>
  <si>
    <t>FAREEHA ARSHAD</t>
  </si>
  <si>
    <t>GGPS MANKRAY</t>
  </si>
  <si>
    <t>MANKRAY</t>
  </si>
  <si>
    <t>SHUMAILA PERVIN</t>
  </si>
  <si>
    <t>GPS BAGHRIAN NOW</t>
  </si>
  <si>
    <t>BAGHRIAN NOW</t>
  </si>
  <si>
    <t>RANA M.AFZAL</t>
  </si>
  <si>
    <t>GPS CHAK NO 2/3-L *** PEF</t>
  </si>
  <si>
    <t>P.A.REHMAN - MALE</t>
  </si>
  <si>
    <t>KAPOORI</t>
  </si>
  <si>
    <t>CHAK NO.2/3 L</t>
  </si>
  <si>
    <t>GGPS SANDAL KHINGER</t>
  </si>
  <si>
    <t>SANDAL KHINGER</t>
  </si>
  <si>
    <t>SHAFIQUE MUBEEN</t>
  </si>
  <si>
    <t>GGPS AZMAT SHAH</t>
  </si>
  <si>
    <t>TIBBI SYEDAN FEMALE</t>
  </si>
  <si>
    <t>AZMAT SHAH</t>
  </si>
  <si>
    <t>712/GB</t>
  </si>
  <si>
    <t>SAVERA</t>
  </si>
  <si>
    <t>GMPS NAWAN KOT JAGIR OKARA</t>
  </si>
  <si>
    <t>MEHWISH NAZ</t>
  </si>
  <si>
    <t>GGPS CHAK 457 JINNAN WALA *** PEF</t>
  </si>
  <si>
    <t>CHAK NO 457</t>
  </si>
  <si>
    <t>CHAK NO. 457 JB</t>
  </si>
  <si>
    <t>GPS JHANDEER</t>
  </si>
  <si>
    <t>JHANDEER</t>
  </si>
  <si>
    <t>SABA IDREES</t>
  </si>
  <si>
    <t>GPS TOGERA HITHAR</t>
  </si>
  <si>
    <t>TOGERA HITHAR</t>
  </si>
  <si>
    <t>MARI MIAN SAHIB</t>
  </si>
  <si>
    <t>MUHAMMAD YASEEN</t>
  </si>
  <si>
    <t>GGPS NOOR WALA SHUMALI P/O BASTI MALUK</t>
  </si>
  <si>
    <t>GHUR KIAN WALA</t>
  </si>
  <si>
    <t>NOOR WALA</t>
  </si>
  <si>
    <t>RAO MUHAMMAD TOFEEQ</t>
  </si>
  <si>
    <t>GPS CHANJAN (PSSP)</t>
  </si>
  <si>
    <t>basti lanjaran</t>
  </si>
  <si>
    <t>sir mazahr</t>
  </si>
  <si>
    <t>GPS (PSSP-II) CHAK NO.16/WB</t>
  </si>
  <si>
    <t>PIPLI - MALE</t>
  </si>
  <si>
    <t>16 WB</t>
  </si>
  <si>
    <t>EJAZ BIBI</t>
  </si>
  <si>
    <t>GPS BAHAR SHAH</t>
  </si>
  <si>
    <t>BAHAR SHAH</t>
  </si>
  <si>
    <t>GPS KHAPRALA</t>
  </si>
  <si>
    <t>KHAPRALA</t>
  </si>
  <si>
    <t>SUMAIRA TOSEEF</t>
  </si>
  <si>
    <t>GPS MAROOF ABAD</t>
  </si>
  <si>
    <t>MAROOF ABAD</t>
  </si>
  <si>
    <t>NABILA AKHTAR</t>
  </si>
  <si>
    <t>GGPS PIRKOT NO. 2</t>
  </si>
  <si>
    <t>PIR KOT</t>
  </si>
  <si>
    <t>PIR KOT NO 2</t>
  </si>
  <si>
    <t>MUMSHAD ALI</t>
  </si>
  <si>
    <t>GGES QILA DEVA SINGH</t>
  </si>
  <si>
    <t>QILLA DEVA SINGH</t>
  </si>
  <si>
    <t>SONIA NOREEN</t>
  </si>
  <si>
    <t>GPS MOMAYKA HITHAR</t>
  </si>
  <si>
    <t>MOMEKA HITHAR</t>
  </si>
  <si>
    <t>JHULAN ARIANYAN</t>
  </si>
  <si>
    <t>MUHAMMAD AMANAT ALI</t>
  </si>
  <si>
    <t>GPS KHANA LABANA</t>
  </si>
  <si>
    <t>KHANA LABANA</t>
  </si>
  <si>
    <t>NISAR AHMED</t>
  </si>
  <si>
    <t>GPS NOOR PUR THEEM</t>
  </si>
  <si>
    <t>RASOOL NAGAR</t>
  </si>
  <si>
    <t>NOOR PUR THEEM</t>
  </si>
  <si>
    <t>HAZRAT KAILIAN WALA</t>
  </si>
  <si>
    <t>SADAF SIDDIQ</t>
  </si>
  <si>
    <t>GPS DAPHI</t>
  </si>
  <si>
    <t>DAPHI</t>
  </si>
  <si>
    <t>DEPHI</t>
  </si>
  <si>
    <t>MIRZA KAMRAN BAIG</t>
  </si>
  <si>
    <t>GGPS KOT HABIB AHMAD KHAN</t>
  </si>
  <si>
    <t>BABAILIYA</t>
  </si>
  <si>
    <t>NOSHEEN SADEEQ</t>
  </si>
  <si>
    <t>GGPS RAJOWAL</t>
  </si>
  <si>
    <t>RAJOWAL</t>
  </si>
  <si>
    <t>Shazia Bano</t>
  </si>
  <si>
    <t>GGPS CHAK NO.425-B/TDA</t>
  </si>
  <si>
    <t>425 TDA</t>
  </si>
  <si>
    <t>SADAF NAZ</t>
  </si>
  <si>
    <t>GPS CHAK NO.114/DB (W)</t>
  </si>
  <si>
    <t>CHAK NO.114/DB(W)</t>
  </si>
  <si>
    <t>114/DB(W)</t>
  </si>
  <si>
    <t>CHAK NO.108 DB</t>
  </si>
  <si>
    <t>MUNAZA IFTIKHAR</t>
  </si>
  <si>
    <t>GPS DHOK ATIAL (PSSP-III)</t>
  </si>
  <si>
    <t>DHOK ATIAL</t>
  </si>
  <si>
    <t>DHOK ATTIAL</t>
  </si>
  <si>
    <t>ALIA RAZZAQ</t>
  </si>
  <si>
    <t>GMPS PAKHWAL</t>
  </si>
  <si>
    <t>BASSALI -A - FEMALE</t>
  </si>
  <si>
    <t>PAKHWAL</t>
  </si>
  <si>
    <t>GHAZALA BIBI</t>
  </si>
  <si>
    <t>GPS CHAK NO.12/F.W</t>
  </si>
  <si>
    <t>CHAK NO.12/F.W</t>
  </si>
  <si>
    <t>12/F.W</t>
  </si>
  <si>
    <t>GPS DHAPY</t>
  </si>
  <si>
    <t>DHAPY</t>
  </si>
  <si>
    <t>IFFAT MAZHAR</t>
  </si>
  <si>
    <t>GGPS KOT JAMIL</t>
  </si>
  <si>
    <t>AHMAD NAGAR-1 - FEMAL</t>
  </si>
  <si>
    <t>KOT JAMIL</t>
  </si>
  <si>
    <t>KAKA KOHLO</t>
  </si>
  <si>
    <t>SAIRA ASGHAR</t>
  </si>
  <si>
    <t>GPS MOHRA NOJO</t>
  </si>
  <si>
    <t>SANGOORI</t>
  </si>
  <si>
    <t>KALYAM AWAN</t>
  </si>
  <si>
    <t>SABA MAZHAR</t>
  </si>
  <si>
    <t>GPS HABIB BANK THATTA (PSSP-III)</t>
  </si>
  <si>
    <t>KOTLA</t>
  </si>
  <si>
    <t>RIFFAT NASEEM</t>
  </si>
  <si>
    <t>GPS 128/9-L</t>
  </si>
  <si>
    <t>CHAK NO. 128/9-L</t>
  </si>
  <si>
    <t>GES 128/9-L</t>
  </si>
  <si>
    <t>128/9-L</t>
  </si>
  <si>
    <t>GMPS KUBAY CHAK</t>
  </si>
  <si>
    <t>KUBAY CHAK</t>
  </si>
  <si>
    <t>PINDI PANJRAN</t>
  </si>
  <si>
    <t>MAHJABEEN</t>
  </si>
  <si>
    <t>GGPS BABLANA</t>
  </si>
  <si>
    <t>Basti Bablana</t>
  </si>
  <si>
    <t>Malik Azeez ur Rehman</t>
  </si>
  <si>
    <t>GGPS SHAH NAWAZ WALA</t>
  </si>
  <si>
    <t>KACHA SHAH NAWAZ WALA</t>
  </si>
  <si>
    <t>KACHA SHAH NAWAZ WALA KACHA GUJRAT</t>
  </si>
  <si>
    <t>GGPS MUTRIAN CHAH BAAQIR WALA</t>
  </si>
  <si>
    <t>MUTRAIN</t>
  </si>
  <si>
    <t>BAQAIR WALA</t>
  </si>
  <si>
    <t>DORAN WALA</t>
  </si>
  <si>
    <t>GPS RORI WALA</t>
  </si>
  <si>
    <t>MINCHIN ABAD-I - MALE</t>
  </si>
  <si>
    <t>RORI WALA</t>
  </si>
  <si>
    <t>MIRZIKA</t>
  </si>
  <si>
    <t>IRAM MEHMOOD</t>
  </si>
  <si>
    <t>GMPS MOHAN PUR DOGRAN</t>
  </si>
  <si>
    <t>MOHAN PUR DOGRAN</t>
  </si>
  <si>
    <t>SADAF KHANUM</t>
  </si>
  <si>
    <t>GPS MOHRA PHAPHRA</t>
  </si>
  <si>
    <t>MOHRA PHAPHRA</t>
  </si>
  <si>
    <t>MOHRA PHAPRA</t>
  </si>
  <si>
    <t>GGPS MOHRA DHAMIAL</t>
  </si>
  <si>
    <t>MOHRA DAMIAL</t>
  </si>
  <si>
    <t>BUSHRA IRUM</t>
  </si>
  <si>
    <t>GPS CHAK NO.115/DB (W)</t>
  </si>
  <si>
    <t>CHAK NO.115/DB(W)</t>
  </si>
  <si>
    <t>115/DB(W)</t>
  </si>
  <si>
    <t>67/DB</t>
  </si>
  <si>
    <t>AMJAD ZAMAN</t>
  </si>
  <si>
    <t>GPS SHAH KARAM</t>
  </si>
  <si>
    <t>SHAH KARAM</t>
  </si>
  <si>
    <t>NEELAM GHAFOOR</t>
  </si>
  <si>
    <t>GPS CHAK NO.182/M-A</t>
  </si>
  <si>
    <t>182/M-A</t>
  </si>
  <si>
    <t>JAMSHAID NAEEM QAMAR</t>
  </si>
  <si>
    <t>GMPS NAMAL (PSSP-III)</t>
  </si>
  <si>
    <t>NAMAL</t>
  </si>
  <si>
    <t>UZMA AKRAM</t>
  </si>
  <si>
    <t>GMPS MEELUM</t>
  </si>
  <si>
    <t>MEELUM</t>
  </si>
  <si>
    <t>BANDA</t>
  </si>
  <si>
    <t>ATTIA TAHIR</t>
  </si>
  <si>
    <t>GPS BANJRA</t>
  </si>
  <si>
    <t>BANJRA</t>
  </si>
  <si>
    <t>NISAR FATIMA</t>
  </si>
  <si>
    <t>GPS GUJRAL</t>
  </si>
  <si>
    <t>GUJRAL</t>
  </si>
  <si>
    <t>GUJRA</t>
  </si>
  <si>
    <t>PINDI PANJORAN</t>
  </si>
  <si>
    <t>NAZIA ARIF</t>
  </si>
  <si>
    <t>GPS WAROOD ARRN WALA</t>
  </si>
  <si>
    <t>ARRN WALA</t>
  </si>
  <si>
    <t>PIR GARH CHISHTI</t>
  </si>
  <si>
    <t>GGPS VAVNA WALA JANUBI</t>
  </si>
  <si>
    <t>LIAQATABAD SOUTH - FEMALE</t>
  </si>
  <si>
    <t>VAVNA WALA JANUBI</t>
  </si>
  <si>
    <t>SUMAIRA MEHDI</t>
  </si>
  <si>
    <t>GPS LOHESER</t>
  </si>
  <si>
    <t>LOHESER</t>
  </si>
  <si>
    <t>GGPS JATTO WALA</t>
  </si>
  <si>
    <t>Din Pur Shareef</t>
  </si>
  <si>
    <t>Jatto Wala</t>
  </si>
  <si>
    <t>Rabnawaz Pura</t>
  </si>
  <si>
    <t>Waheeda Nasreen</t>
  </si>
  <si>
    <t>GGPS KANI (PSSP-I)</t>
  </si>
  <si>
    <t>KANI</t>
  </si>
  <si>
    <t>DR. MUHAMMAD SAJID MEHMOOD</t>
  </si>
  <si>
    <t>GGPS CHAK 558 GB MAMUNKANJAN</t>
  </si>
  <si>
    <t>558/GB</t>
  </si>
  <si>
    <t>ASIA KALSOOM</t>
  </si>
  <si>
    <t>GPS CHAK NO.120/DRB</t>
  </si>
  <si>
    <t>CHAK NO.120/DRB</t>
  </si>
  <si>
    <t>GGPS CHAND WALA MOZO WAHI FATO CHINTAR</t>
  </si>
  <si>
    <t>LODHRAN - FEMALE</t>
  </si>
  <si>
    <t>WAHI FATO CHINTAR</t>
  </si>
  <si>
    <t>BASTI AZEEM ABAD</t>
  </si>
  <si>
    <t>WAHI SALAMAT RAI</t>
  </si>
  <si>
    <t>CH.MUSHTAQ AHMAD</t>
  </si>
  <si>
    <t>GPS HAVELI ASLAM KHAN</t>
  </si>
  <si>
    <t>HAWALI ASLAM</t>
  </si>
  <si>
    <t>KHAWELI ASLAM KHAN</t>
  </si>
  <si>
    <t>PAJIAN</t>
  </si>
  <si>
    <t>MUSRAT IRSHAD</t>
  </si>
  <si>
    <t>GGPS CHAK NO. 1/1-R</t>
  </si>
  <si>
    <t>HAROONABAD-III - FEMALE</t>
  </si>
  <si>
    <t>CHAK 1/1-R</t>
  </si>
  <si>
    <t>GPS CHAK NO.182/M</t>
  </si>
  <si>
    <t>GPS DHOK SARABI (PSSP-III)</t>
  </si>
  <si>
    <t>SARABI</t>
  </si>
  <si>
    <t>JALWAL</t>
  </si>
  <si>
    <t>NARGIS BIBI</t>
  </si>
  <si>
    <t>GGPS DHOK SHAH GUL HASSAN PO KOT QAZI</t>
  </si>
  <si>
    <t>SHAH GUL HASSAN</t>
  </si>
  <si>
    <t>KOT QAZI</t>
  </si>
  <si>
    <t>NASIRA SAFFAR</t>
  </si>
  <si>
    <t>GPS CHAK NO.14/DRB</t>
  </si>
  <si>
    <t>CHAK NO.14/DRB</t>
  </si>
  <si>
    <t>MUHAMMAD DILSHAD</t>
  </si>
  <si>
    <t>GGPS GUJRAL</t>
  </si>
  <si>
    <t>SYEDA TAHIRA BATOOL</t>
  </si>
  <si>
    <t>GGPS KUNDI VANJARA</t>
  </si>
  <si>
    <t>KONDI</t>
  </si>
  <si>
    <t>KUNDI</t>
  </si>
  <si>
    <t>NAZIA AKRAM</t>
  </si>
  <si>
    <t>GPS QILA BALWANT SINGH</t>
  </si>
  <si>
    <t>QILA BALWANT SINGH</t>
  </si>
  <si>
    <t>SAJIDA SIDDIQ</t>
  </si>
  <si>
    <t>GPS CHAK NO 16 UCC</t>
  </si>
  <si>
    <t>CHAK NO 16</t>
  </si>
  <si>
    <t>CHAK NO 16 UCC</t>
  </si>
  <si>
    <t>FOZIA MANSHA</t>
  </si>
  <si>
    <t>GPS LAMBRAN</t>
  </si>
  <si>
    <t>PIPAL KHALSANA</t>
  </si>
  <si>
    <t>LAMBRAN</t>
  </si>
  <si>
    <t>PEER GHAR CHISHTI</t>
  </si>
  <si>
    <t>TAHIRA KHAN</t>
  </si>
  <si>
    <t>GGPS 47/3-R</t>
  </si>
  <si>
    <t>HAROONABAD-V - FEMALE</t>
  </si>
  <si>
    <t>47-3.R</t>
  </si>
  <si>
    <t>Azmat Hssan</t>
  </si>
  <si>
    <t>JAHANGEER DIWAN WALA</t>
  </si>
  <si>
    <t>FATIMA RAFIQUE</t>
  </si>
  <si>
    <t>GPS CHAK NO.144/M</t>
  </si>
  <si>
    <t>CHAK NO.144/M</t>
  </si>
  <si>
    <t>ASMA MUNIR</t>
  </si>
  <si>
    <t>GPS IMAM BARA JHAMAT (PSSP-II)</t>
  </si>
  <si>
    <t>JHAMAT</t>
  </si>
  <si>
    <t>JABBA</t>
  </si>
  <si>
    <t>SAMINA BEGUM</t>
  </si>
  <si>
    <t>GPS CHAK NO.131/DNB</t>
  </si>
  <si>
    <t>CHAK NO.131/DNB</t>
  </si>
  <si>
    <t>NAZIA PARVEEN</t>
  </si>
  <si>
    <t>GPS KOT CHAJJO KHAN</t>
  </si>
  <si>
    <t>KOT CHAJJO KHAN</t>
  </si>
  <si>
    <t>FOUZIA SALEEM</t>
  </si>
  <si>
    <t>GPS JHAMRA</t>
  </si>
  <si>
    <t>JHAMARA</t>
  </si>
  <si>
    <t>ISMA ZAHRA</t>
  </si>
  <si>
    <t>GPS KOT AGHA</t>
  </si>
  <si>
    <t>KOT AGHA</t>
  </si>
  <si>
    <t>MARIA EJAZ</t>
  </si>
  <si>
    <t>GGPS BASTI CHAMMAN</t>
  </si>
  <si>
    <t>BASTI CHAMAN</t>
  </si>
  <si>
    <t>GMPS 5 D-F</t>
  </si>
  <si>
    <t>5/D.F</t>
  </si>
  <si>
    <t>TAYYABA FATIMA</t>
  </si>
  <si>
    <t>GPS CHAK 108/P (PSSP)</t>
  </si>
  <si>
    <t>CHAK 108/P</t>
  </si>
  <si>
    <t>CHAK NO 108P</t>
  </si>
  <si>
    <t>MISBAH MUNEER</t>
  </si>
  <si>
    <t>GMPS CHAK 9-FAIZ</t>
  </si>
  <si>
    <t>CHAK NO 9</t>
  </si>
  <si>
    <t>CHAK 9-FAIZ</t>
  </si>
  <si>
    <t>QASBA CHAHARUM</t>
  </si>
  <si>
    <t>GGPS BASTI KALANCHIAN HANAS</t>
  </si>
  <si>
    <t>MOOSA BHOOTA</t>
  </si>
  <si>
    <t>KALANCHIAN HANAS</t>
  </si>
  <si>
    <t>SASEEM SHOUKAT</t>
  </si>
  <si>
    <t>GGPS 46 D (PSSP)</t>
  </si>
  <si>
    <t>46 D</t>
  </si>
  <si>
    <t>SOBHA RAM</t>
  </si>
  <si>
    <t>GPS MUSLIM TOWN (PSSP)</t>
  </si>
  <si>
    <t>KAHONI</t>
  </si>
  <si>
    <t>muslam town</t>
  </si>
  <si>
    <t>shabana hameed</t>
  </si>
  <si>
    <t>GPS 72/12-L</t>
  </si>
  <si>
    <t>CHACK NO 72/12-L</t>
  </si>
  <si>
    <t>72/12-L</t>
  </si>
  <si>
    <t>RUBAB SAFDAR</t>
  </si>
  <si>
    <t>GMPS CHAHRHKE CHATHA</t>
  </si>
  <si>
    <t>ALI PUR CHATHA-2 - FEMAL</t>
  </si>
  <si>
    <t>CHARKE CHATHA</t>
  </si>
  <si>
    <t>GMPS CHARKE CHATHA</t>
  </si>
  <si>
    <t>CHAHRHKE CHATHA</t>
  </si>
  <si>
    <t>SAID NAGAR</t>
  </si>
  <si>
    <t>BISMA BASHIR AHMAD</t>
  </si>
  <si>
    <t>GGPS BUGWAN PURA</t>
  </si>
  <si>
    <t>BUGWAN PURA</t>
  </si>
  <si>
    <t>BHAGWAN PURA</t>
  </si>
  <si>
    <t>AISHA MUBARAK</t>
  </si>
  <si>
    <t>GPS SANGAT SING WALA</t>
  </si>
  <si>
    <t>SANGAT SINGH WALA</t>
  </si>
  <si>
    <t>SADIA MUHAMMAD ALI</t>
  </si>
  <si>
    <t>GPS SUKH PUR</t>
  </si>
  <si>
    <t>SUKH PUR</t>
  </si>
  <si>
    <t>BUNGA AKBAR MARI NIHAL</t>
  </si>
  <si>
    <t>GPS JUGGIAN SIALAN</t>
  </si>
  <si>
    <t>JHUGIAN SIALAN</t>
  </si>
  <si>
    <t>JUGGIAN SIALAN</t>
  </si>
  <si>
    <t>UZMAN GULZAR</t>
  </si>
  <si>
    <t>GPS CHAK NO.191/M</t>
  </si>
  <si>
    <t>CHAK NO MURAD</t>
  </si>
  <si>
    <t>HAFIZ BASHIR AHMED SAQIB</t>
  </si>
  <si>
    <t>GPS DERA MOUJ DIN</t>
  </si>
  <si>
    <t>BEGOWALA - MALE</t>
  </si>
  <si>
    <t>DERA MOUJ DIN</t>
  </si>
  <si>
    <t>DERA MOUJDIN</t>
  </si>
  <si>
    <t>KOPRA</t>
  </si>
  <si>
    <t>ASMAT PANI</t>
  </si>
  <si>
    <t>GPS BONGA BALOCHAN</t>
  </si>
  <si>
    <t>BONGA BALOCHAN</t>
  </si>
  <si>
    <t>Shehr Fareed</t>
  </si>
  <si>
    <t>GMPS KANDAY WALA JANUBI</t>
  </si>
  <si>
    <t>HERNOLI - FEM</t>
  </si>
  <si>
    <t>KANDAY WALA</t>
  </si>
  <si>
    <t>GMPS KANDAY WALA JANUBI TEHSIL PIPLAN  DISTRICT MIANWALI</t>
  </si>
  <si>
    <t>HERNOLI RURAL</t>
  </si>
  <si>
    <t>SIDRA REHMAN</t>
  </si>
  <si>
    <t>GGPS DHORAN WALI</t>
  </si>
  <si>
    <t>TIBBI BALOCHAN</t>
  </si>
  <si>
    <t>SHEHNAZ AKHTAR</t>
  </si>
  <si>
    <t>GGPS DHOK LARI (BHAL) (PSSP-III)</t>
  </si>
  <si>
    <t>LARI</t>
  </si>
  <si>
    <t>LARRI</t>
  </si>
  <si>
    <t>QURAT-UL-AIN</t>
  </si>
  <si>
    <t>BASTI JUND WALA</t>
  </si>
  <si>
    <t>SAADULLAH PUR</t>
  </si>
  <si>
    <t>MUHAMMAD FLAK SHER</t>
  </si>
  <si>
    <t>GPS NASIR PUR PO MANGHRAN CHISHTIAN</t>
  </si>
  <si>
    <t>RAHMAN SHAH</t>
  </si>
  <si>
    <t>NASIR PUR PO MANGHRAN CHISHTIAN</t>
  </si>
  <si>
    <t>M.Khalid</t>
  </si>
  <si>
    <t>GGMPS PINDI KAH-LAWAN</t>
  </si>
  <si>
    <t>Munnaza Iqbal</t>
  </si>
  <si>
    <t>GPS GOPY RAI NO. 1</t>
  </si>
  <si>
    <t>NIAZBAIG - MALE</t>
  </si>
  <si>
    <t>GOPEY RAI</t>
  </si>
  <si>
    <t>GOPY RAI NO. 1</t>
  </si>
  <si>
    <t>SHAHPUR KANJRAN</t>
  </si>
  <si>
    <t>SANA MUBARAK</t>
  </si>
  <si>
    <t>GMPS MARI MANGHAL SINGH</t>
  </si>
  <si>
    <t>MARI MANGHAL SINGH</t>
  </si>
  <si>
    <t>NAZIA JAMAL DIN</t>
  </si>
  <si>
    <t>GPS CHAH TOTAY KHAN</t>
  </si>
  <si>
    <t>AHMAD PUR KAHINA</t>
  </si>
  <si>
    <t>CHAH TOTAY KHAN</t>
  </si>
  <si>
    <t>SHABNAM AKBAR</t>
  </si>
  <si>
    <t>GGPS PATHAN WALA NO. 2</t>
  </si>
  <si>
    <t>RAJA PUR SHUMALI</t>
  </si>
  <si>
    <t>PATHAN WALA</t>
  </si>
  <si>
    <t>WASEEM MUNEER</t>
  </si>
  <si>
    <t>GPS CHAK NO.15 UCC</t>
  </si>
  <si>
    <t>CHAK NO 15</t>
  </si>
  <si>
    <t>CHAK NO.15 UCC</t>
  </si>
  <si>
    <t>ADEELA MUSTAFA</t>
  </si>
  <si>
    <t>GPS JALAL KHATOON</t>
  </si>
  <si>
    <t>MINCHIN ABAD-XI - MALE</t>
  </si>
  <si>
    <t>JALAL KHATOON</t>
  </si>
  <si>
    <t>BHOLAY WALA</t>
  </si>
  <si>
    <t>GPS BAN SUMBAL</t>
  </si>
  <si>
    <t>BAN SUMBAL SHUMALI</t>
  </si>
  <si>
    <t>CHAK NO. 1-4 DB</t>
  </si>
  <si>
    <t>SOMAIRA BIBI</t>
  </si>
  <si>
    <t>GPS CHAK 203/8-R</t>
  </si>
  <si>
    <t>CHAK 203/8R</t>
  </si>
  <si>
    <t>199/8-R</t>
  </si>
  <si>
    <t>Ghazala Ghous</t>
  </si>
  <si>
    <t>GPS GANDA SING WALA</t>
  </si>
  <si>
    <t>GANDA SING WALA</t>
  </si>
  <si>
    <t>GPS SANGO WALA</t>
  </si>
  <si>
    <t>SANGO WALA</t>
  </si>
  <si>
    <t>Sofia Anjum</t>
  </si>
  <si>
    <t>GGPS MOOTI PUR</t>
  </si>
  <si>
    <t>SHEHBAZ PUR</t>
  </si>
  <si>
    <t>MOOTI PUR</t>
  </si>
  <si>
    <t>GPS 80 MURABBA</t>
  </si>
  <si>
    <t>203/RB</t>
  </si>
  <si>
    <t>80 MURABBA</t>
  </si>
  <si>
    <t>SABINA TOWN MANAWALA</t>
  </si>
  <si>
    <t>TALHA SHAHZAD</t>
  </si>
  <si>
    <t>GPS KOTLA SULTAN AHMAD</t>
  </si>
  <si>
    <t>KOTLA SULTAN AHMAD</t>
  </si>
  <si>
    <t>BASTI FAQIRAN</t>
  </si>
  <si>
    <t>SAHRISH NAZ</t>
  </si>
  <si>
    <t>GPS MODEL JHAG P.O MANDRA</t>
  </si>
  <si>
    <t>JHAG</t>
  </si>
  <si>
    <t>AMEER</t>
  </si>
  <si>
    <t>GPS Dongi Kallan</t>
  </si>
  <si>
    <t>DONGI KALLAN</t>
  </si>
  <si>
    <t>DHONGI KALAN</t>
  </si>
  <si>
    <t>DAULTALA</t>
  </si>
  <si>
    <t>SHERAZ BIBI</t>
  </si>
  <si>
    <t>GGPS BASTI ARAAIN</t>
  </si>
  <si>
    <t>BASTI ARAAIAN</t>
  </si>
  <si>
    <t>GULNAZ KOUSAR</t>
  </si>
  <si>
    <t>GPS BHALL</t>
  </si>
  <si>
    <t>BHALL</t>
  </si>
  <si>
    <t>KIRAN PATHANI</t>
  </si>
  <si>
    <t>GPS SANAKI (PSSP-III)</t>
  </si>
  <si>
    <t>DHOK SANAKI</t>
  </si>
  <si>
    <t>LANGAR</t>
  </si>
  <si>
    <t>GGPS 18 GD DAKHLI</t>
  </si>
  <si>
    <t>SHEIKHU SHARIF - FEMALE</t>
  </si>
  <si>
    <t>18 GD DAKHLI</t>
  </si>
  <si>
    <t>18/GD DAKHLI</t>
  </si>
  <si>
    <t>SHAFIQ UR REHMAN</t>
  </si>
  <si>
    <t>MATRAY WALA</t>
  </si>
  <si>
    <t>NASEEM BIBI</t>
  </si>
  <si>
    <t>GGPS SAHOOL WALA</t>
  </si>
  <si>
    <t>THATHA GURMANI SHARQI</t>
  </si>
  <si>
    <t>BARE WALA</t>
  </si>
  <si>
    <t>ALLAH BAKSH</t>
  </si>
  <si>
    <t>GGPS KOTHAY NOOR MUHAMMAD</t>
  </si>
  <si>
    <t>KOTHAY NOOR MUHAMMAD</t>
  </si>
  <si>
    <t>ZARA TARIQ</t>
  </si>
  <si>
    <t>GPS LANGER WALA</t>
  </si>
  <si>
    <t>MACHNI WALA</t>
  </si>
  <si>
    <t>SULTAN AHMED WALA</t>
  </si>
  <si>
    <t>RIAZ HUSSAIN</t>
  </si>
  <si>
    <t>GPS BAIT LUDDA</t>
  </si>
  <si>
    <t>SHAH JAMAL II - MALE</t>
  </si>
  <si>
    <t>BAIT LUDDA</t>
  </si>
  <si>
    <t>BASTI JALAL KORAI</t>
  </si>
  <si>
    <t>SHARIF CHAJRA</t>
  </si>
  <si>
    <t>GGPS FAZLOO WALA</t>
  </si>
  <si>
    <t>FAZIL WALA</t>
  </si>
  <si>
    <t>RIZWANA QAMAR</t>
  </si>
  <si>
    <t>GPS CHAK CHCHARA</t>
  </si>
  <si>
    <t>CHAK CHAJRA</t>
  </si>
  <si>
    <t>SAMINA SULTAN</t>
  </si>
  <si>
    <t>SHEIKH HUSSAIN WALA</t>
  </si>
  <si>
    <t>M. TARIQ SHAHZAD</t>
  </si>
  <si>
    <t>GPS (PSSP-I) WAHGRAY WALA</t>
  </si>
  <si>
    <t>GULHARI</t>
  </si>
  <si>
    <t>CHAH WAHGRY</t>
  </si>
  <si>
    <t>MAILSI DEH</t>
  </si>
  <si>
    <t>GPS CHAH FATEH MUHAMMMAD</t>
  </si>
  <si>
    <t>PHULKAY WALI MORI</t>
  </si>
  <si>
    <t>ZULNOORAIN AHMED</t>
  </si>
  <si>
    <t>GGPS HAVELI RUSTAM KHAN</t>
  </si>
  <si>
    <t>HAVELI RUSTAM KHAN</t>
  </si>
  <si>
    <t>GPS CHAH AHMAD WALA</t>
  </si>
  <si>
    <t>KHOLA</t>
  </si>
  <si>
    <t>GPS CHAH AHMAD WALA KHOLA PIPLAN</t>
  </si>
  <si>
    <t>CHAH AHMAD WALA</t>
  </si>
  <si>
    <t>GPS THEATHEAR</t>
  </si>
  <si>
    <t>THEATHEAR</t>
  </si>
  <si>
    <t>THEATHER</t>
  </si>
  <si>
    <t>GGPS BONGA AWAN</t>
  </si>
  <si>
    <t>SHAMAS KAY - FEMALE</t>
  </si>
  <si>
    <t>BONGA AWAN</t>
  </si>
  <si>
    <t>AWAN KALAN</t>
  </si>
  <si>
    <t>GGPS CHAK SALHU WAL (PSSP)</t>
  </si>
  <si>
    <t>SALHU WAL</t>
  </si>
  <si>
    <t>SALHO WAL</t>
  </si>
  <si>
    <t>FOZIA NAWAZ</t>
  </si>
  <si>
    <t>GHULAM FIZZA</t>
  </si>
  <si>
    <t>GMPS GOPAL PUR</t>
  </si>
  <si>
    <t>GOPAL PUR</t>
  </si>
  <si>
    <t>KABIR PUR</t>
  </si>
  <si>
    <t>HAFIZA AMMARA MALIK</t>
  </si>
  <si>
    <t>GGPS BHENI HAFIZ MAHAR ALI SHUJABAD</t>
  </si>
  <si>
    <t>BASTI MITHU SHARQI</t>
  </si>
  <si>
    <t>BHAINI HAFIZ MEHR ALI</t>
  </si>
  <si>
    <t>BASTI MITTHU</t>
  </si>
  <si>
    <t>MALIK HAFEEZ AKBAR</t>
  </si>
  <si>
    <t>GGPS KANDAY WALA</t>
  </si>
  <si>
    <t>SHEHAR SULTAN I</t>
  </si>
  <si>
    <t>SHEHAR SULTAN</t>
  </si>
  <si>
    <t>NAVEEDA PERVEEN</t>
  </si>
  <si>
    <t>SIDRA ASHIQ</t>
  </si>
  <si>
    <t>GGPS PHULER WAN WAZIR KAY</t>
  </si>
  <si>
    <t>PHULER WAN WAZIR KAY</t>
  </si>
  <si>
    <t>PHULLAR WAN WAZIR KAY</t>
  </si>
  <si>
    <t>SIDRA AMANAT</t>
  </si>
  <si>
    <t>GGPS FAYYAZ ABAD</t>
  </si>
  <si>
    <t>VIDAD VAINCE</t>
  </si>
  <si>
    <t>BASTI PUNAN WALA</t>
  </si>
  <si>
    <t>AYYAZ KHAN</t>
  </si>
  <si>
    <t>GGPS DAHAR</t>
  </si>
  <si>
    <t>DAHAR</t>
  </si>
  <si>
    <t>GUDAR MALKANA</t>
  </si>
  <si>
    <t>GGPS BASTI GOPANG NO.3</t>
  </si>
  <si>
    <t>JHALAREEN</t>
  </si>
  <si>
    <t>GGPS KANDU WAL (PSSP)</t>
  </si>
  <si>
    <t>KANDO WAL</t>
  </si>
  <si>
    <t>KANDUWAL</t>
  </si>
  <si>
    <t>YASMIN FATIMA</t>
  </si>
  <si>
    <t>GGPS ZAFAR MARKAND</t>
  </si>
  <si>
    <t>GMPS HUSSAIN GARRH</t>
  </si>
  <si>
    <t>HUSSAIN GARH</t>
  </si>
  <si>
    <t>BHUTTA MUHABBAT</t>
  </si>
  <si>
    <t>ZUNERA MANZOOR</t>
  </si>
  <si>
    <t>GGPS SAIR WALA</t>
  </si>
  <si>
    <t>SAIR WALA</t>
  </si>
  <si>
    <t>GGPS TIPLANI</t>
  </si>
  <si>
    <t>TIPLANI</t>
  </si>
  <si>
    <t>KANI PUR</t>
  </si>
  <si>
    <t>IRSHAD HANIF</t>
  </si>
  <si>
    <t>GPS ZIARAT SAKHI IMAM (PSSP-III)</t>
  </si>
  <si>
    <t>ZIARAT SAKHI IMAM</t>
  </si>
  <si>
    <t>GPS BAHIA</t>
  </si>
  <si>
    <t>BAHYA</t>
  </si>
  <si>
    <t>BAHIA</t>
  </si>
  <si>
    <t>GGPS NUT KALAN</t>
  </si>
  <si>
    <t>NUT KALAN</t>
  </si>
  <si>
    <t>AWAN DHAI WALA</t>
  </si>
  <si>
    <t>ANEES FATIMA</t>
  </si>
  <si>
    <t>GGPS PANG GRAIAN</t>
  </si>
  <si>
    <t>PANG GRAIAN</t>
  </si>
  <si>
    <t>SANKHTRA</t>
  </si>
  <si>
    <t>Shamaila Jmal</t>
  </si>
  <si>
    <t>GGPS CHAK NO. 549 TDA</t>
  </si>
  <si>
    <t>CHAK NO. 549/TDA</t>
  </si>
  <si>
    <t>M.ISMAIL</t>
  </si>
  <si>
    <t>GGPS 124/9-L</t>
  </si>
  <si>
    <t>KAMEER - FEMALE</t>
  </si>
  <si>
    <t>CHACK NO 124/9-L</t>
  </si>
  <si>
    <t>124/9-L</t>
  </si>
  <si>
    <t>GPS (PSSP-II) ALI PURA</t>
  </si>
  <si>
    <t>JALLA JEEM</t>
  </si>
  <si>
    <t>CHAH ALI PURA</t>
  </si>
  <si>
    <t>SHAZMA AZIZ</t>
  </si>
  <si>
    <t>CHISHTIAN-IV - FEMALE</t>
  </si>
  <si>
    <t>Chak No 8 FW</t>
  </si>
  <si>
    <t>SADIQWALA</t>
  </si>
  <si>
    <t>Chak no 8 FW</t>
  </si>
  <si>
    <t>Samra Yasmin</t>
  </si>
  <si>
    <t>GGPS JHAN WALA</t>
  </si>
  <si>
    <t>JAHAN WALA</t>
  </si>
  <si>
    <t>35220233</t>
  </si>
  <si>
    <t>GPS MANGA HITHAR</t>
  </si>
  <si>
    <t>MANGA - MALE</t>
  </si>
  <si>
    <t>SHAMKEY BHATTIAN</t>
  </si>
  <si>
    <t>GGPS DHOKE WASLA</t>
  </si>
  <si>
    <t>ARAZI CHOURMAL</t>
  </si>
  <si>
    <t>DHOK WASLA</t>
  </si>
  <si>
    <t>SHUMAILA SHABBIR</t>
  </si>
  <si>
    <t>GMPS ARAZI CHOURMAL</t>
  </si>
  <si>
    <t>KANWAL RUQIA</t>
  </si>
  <si>
    <t>GMPS RADIAL</t>
  </si>
  <si>
    <t>RADIAL</t>
  </si>
  <si>
    <t>RAHEELA AKBAR</t>
  </si>
  <si>
    <t>GGPS GHOLOO</t>
  </si>
  <si>
    <t>GHOLOO</t>
  </si>
  <si>
    <t>Shahla</t>
  </si>
  <si>
    <t>Bushra  Waqar</t>
  </si>
  <si>
    <t>GPS DHOK SUND (PSSP-III)</t>
  </si>
  <si>
    <t>DHOK SUND</t>
  </si>
  <si>
    <t>ZADIA ZOHRA</t>
  </si>
  <si>
    <t>GGPS LUNDA BHADERA NO. 1</t>
  </si>
  <si>
    <t>LUNDA BHADERA</t>
  </si>
  <si>
    <t>Chak No 10 FW</t>
  </si>
  <si>
    <t>Asia Rasheed</t>
  </si>
  <si>
    <t>GGPS CHAK NO. 516 TDA</t>
  </si>
  <si>
    <t>SHUMAILA NAZLI</t>
  </si>
  <si>
    <t>GGPS QURESHI WALA NO. 1</t>
  </si>
  <si>
    <t>BURHAN PUR</t>
  </si>
  <si>
    <t>DASI WALA</t>
  </si>
  <si>
    <t>HAJI ALLAH DITTA</t>
  </si>
  <si>
    <t>GGPS CHAPRAR BALA</t>
  </si>
  <si>
    <t>CHAPRAR</t>
  </si>
  <si>
    <t>CHAPRAR BALA</t>
  </si>
  <si>
    <t>FAIZA NASIR</t>
  </si>
  <si>
    <t>GGPS BASTI CHANRAN</t>
  </si>
  <si>
    <t>KORA RONJHA</t>
  </si>
  <si>
    <t>BASTI CHANNRAN</t>
  </si>
  <si>
    <t>GPS ZAHOOR ABAD</t>
  </si>
  <si>
    <t>GHULAM MUHAMMAD CHANN</t>
  </si>
  <si>
    <t>ZAHOOR ABAD</t>
  </si>
  <si>
    <t>NAJMA KOUSAR</t>
  </si>
  <si>
    <t>GGPS MIRZA KAMBILI</t>
  </si>
  <si>
    <t>MIRZA KAMBILI</t>
  </si>
  <si>
    <t>TEHSINA KOUSAR</t>
  </si>
  <si>
    <t>GPS MIR PUR</t>
  </si>
  <si>
    <t>MUHAMMAD ALTAF</t>
  </si>
  <si>
    <t>GMPS (PSSP-II) BELARA JAMLERA</t>
  </si>
  <si>
    <t>BELARA JAMERA</t>
  </si>
  <si>
    <t>GGPS 112/9-L CHAKKI WISRAN</t>
  </si>
  <si>
    <t>DERA RAHIM - FEMALE</t>
  </si>
  <si>
    <t>112 /9L</t>
  </si>
  <si>
    <t>112/9-L CHAKKI WISRAN</t>
  </si>
  <si>
    <t>112/9-L</t>
  </si>
  <si>
    <t>GPS DHOK MAKHAN KHAN</t>
  </si>
  <si>
    <t>DHOK MAKHAN KHAN</t>
  </si>
  <si>
    <t>DHOKE MAKHAN KHAN</t>
  </si>
  <si>
    <t>NARALI</t>
  </si>
  <si>
    <t>TAYYABA TABASUM</t>
  </si>
  <si>
    <t>GPS CHEHARI KALIAL P.O CHEHARI KALIAL</t>
  </si>
  <si>
    <t>CHEHARI KALIAL</t>
  </si>
  <si>
    <t>ZEEBA SHEHNAZ</t>
  </si>
  <si>
    <t>GPS CHAK NO.16/F.W AZAFI BASTI</t>
  </si>
  <si>
    <t>CHAK NO.16/F.W IZAFI</t>
  </si>
  <si>
    <t>16/FW</t>
  </si>
  <si>
    <t>GPS CHAK NO.648 TDA</t>
  </si>
  <si>
    <t>CHAK NO. 648/TDA</t>
  </si>
  <si>
    <t>MUHAMMAD SHOUKAT</t>
  </si>
  <si>
    <t>GGPS WAHI HUSSAIN NO. 2</t>
  </si>
  <si>
    <t>ROBINA BIBI</t>
  </si>
  <si>
    <t>GPS MAIRA SHAMAS</t>
  </si>
  <si>
    <t>MAIRA SHAMAS</t>
  </si>
  <si>
    <t>MOHRA NANGIAL</t>
  </si>
  <si>
    <t>MARIUM HAFEEZ</t>
  </si>
  <si>
    <t>GGPS CHAK 136 GB IFFATABAD</t>
  </si>
  <si>
    <t>IFFAT ABAD</t>
  </si>
  <si>
    <t>527 GB</t>
  </si>
  <si>
    <t>SHMAZIA AKHTAR</t>
  </si>
  <si>
    <t>GGPS KANJAN WALA</t>
  </si>
  <si>
    <t>HARNOLI</t>
  </si>
  <si>
    <t>KANJUAN WALA</t>
  </si>
  <si>
    <t>IQRA SHABEER</t>
  </si>
  <si>
    <t>GGPS MIANI PATHANA</t>
  </si>
  <si>
    <t>MIANI PATHANA</t>
  </si>
  <si>
    <t>KAINAT</t>
  </si>
  <si>
    <t>GPS YASIN KHURD (PSSP-III)</t>
  </si>
  <si>
    <t>YASIN KHURD</t>
  </si>
  <si>
    <t>SHINKA</t>
  </si>
  <si>
    <t>NAJAM-UN-NISA</t>
  </si>
  <si>
    <t>GGPS 139/9-L ABADI PAGALA</t>
  </si>
  <si>
    <t>CHAK NO. 139/9-L ABAD</t>
  </si>
  <si>
    <t>GGES 139/9-L ABADI PAGALA</t>
  </si>
  <si>
    <t>139/9-L</t>
  </si>
  <si>
    <t>185/9-L</t>
  </si>
  <si>
    <t>RASHIDA ZAHOOR</t>
  </si>
  <si>
    <t>GGPS MOHRA BHUTTIAN</t>
  </si>
  <si>
    <t>MOHRA BHUTIAN</t>
  </si>
  <si>
    <t>GPS CHAK NO. 578/TDA</t>
  </si>
  <si>
    <t>TANZEELA SADIQ</t>
  </si>
  <si>
    <t>GPS CHAK NO.69/F</t>
  </si>
  <si>
    <t>CHAK NO.69/F</t>
  </si>
  <si>
    <t>69/F</t>
  </si>
  <si>
    <t>GGPS DHOK SYEDAN</t>
  </si>
  <si>
    <t>DHOKE SYEDAN</t>
  </si>
  <si>
    <t>GGPS KOT RAMZANI</t>
  </si>
  <si>
    <t>KOT RAMZANI</t>
  </si>
  <si>
    <t>depako</t>
  </si>
  <si>
    <t>sadia bibi</t>
  </si>
  <si>
    <t>GGPS BASTI KOKARAN BAHAWALPUR</t>
  </si>
  <si>
    <t>GULNI</t>
  </si>
  <si>
    <t>BASTI KOKARAN</t>
  </si>
  <si>
    <t>SANIA NIAZ</t>
  </si>
  <si>
    <t>GGPS JAGGI NARALI</t>
  </si>
  <si>
    <t>JAGGI NARALI</t>
  </si>
  <si>
    <t>NOSHEEN RANI</t>
  </si>
  <si>
    <t>GMPS SURG PUR</t>
  </si>
  <si>
    <t>SURG PUR</t>
  </si>
  <si>
    <t>SUGR PUR</t>
  </si>
  <si>
    <t>SADIA JAMIL</t>
  </si>
  <si>
    <t>GGPS TATLAY</t>
  </si>
  <si>
    <t>TATLAY</t>
  </si>
  <si>
    <t>FARHAT SHARIF</t>
  </si>
  <si>
    <t>GGPS KHURSHID ABAD</t>
  </si>
  <si>
    <t>MAZHAR ULLAH</t>
  </si>
  <si>
    <t>GGPS (PSSP-II) JANGA JOIA</t>
  </si>
  <si>
    <t>JANGA JOIA</t>
  </si>
  <si>
    <t>JOUGA JOYA</t>
  </si>
  <si>
    <t>MEEMONA MOEN</t>
  </si>
  <si>
    <t>GGPS MITRAN WALA</t>
  </si>
  <si>
    <t>GGPS MITRAN WALA PO HARNOLI</t>
  </si>
  <si>
    <t>JAMSHAID ALAM</t>
  </si>
  <si>
    <t>GGPS FEROZ ABAD (PSSP-III)</t>
  </si>
  <si>
    <t>FEROZ ABAD</t>
  </si>
  <si>
    <t>FEROZABAD</t>
  </si>
  <si>
    <t>GHOURGHUSHTI</t>
  </si>
  <si>
    <t>NABEELA BEGUM</t>
  </si>
  <si>
    <t>GPS CHAK NO 431 GB N</t>
  </si>
  <si>
    <t>CHORYA WALA</t>
  </si>
  <si>
    <t>431 GB N</t>
  </si>
  <si>
    <t>GGPS DHOK BHATTIAN</t>
  </si>
  <si>
    <t>DHOK BHATTIAN</t>
  </si>
  <si>
    <t>GPS CHAK NO.68/F</t>
  </si>
  <si>
    <t>68/F</t>
  </si>
  <si>
    <t>MUHAMMAD UMAR FAROOQ</t>
  </si>
  <si>
    <t>GPS RAWAL</t>
  </si>
  <si>
    <t>RAWAL</t>
  </si>
  <si>
    <t>AYESHA FATIMA</t>
  </si>
  <si>
    <t>KHAD BUKHSH CHANNAR</t>
  </si>
  <si>
    <t>SALMA SADIQ</t>
  </si>
  <si>
    <t>GGPS BASTI JANGAL MITHA KHOKHRAN</t>
  </si>
  <si>
    <t>KANGA WALA</t>
  </si>
  <si>
    <t>GPS MC LOHARI GATE HAZOORI BAGH ROAD MULTAN</t>
  </si>
  <si>
    <t>HAZOORI BAGH ROAD LOH</t>
  </si>
  <si>
    <t>LOHARI GATE</t>
  </si>
  <si>
    <t>NAZIM ABAD</t>
  </si>
  <si>
    <t>HAFIZ MUHAMMAD AKHTAR</t>
  </si>
  <si>
    <t>GGPS ASSIYAN WALA P/O JHOK VAINCE KHURD MULTAN</t>
  </si>
  <si>
    <t>JHOKE WAINS</t>
  </si>
  <si>
    <t>ASIAN WALA</t>
  </si>
  <si>
    <t>NAGINA BIBI</t>
  </si>
  <si>
    <t>GGPS LABER</t>
  </si>
  <si>
    <t>BOSAN</t>
  </si>
  <si>
    <t>MATAY HATTI</t>
  </si>
  <si>
    <t>HINA NOMAN</t>
  </si>
  <si>
    <t>GPS TALAB WALA SATELITE TOWN</t>
  </si>
  <si>
    <t>WEST - MALE</t>
  </si>
  <si>
    <t>THERAF MUBRAK</t>
  </si>
  <si>
    <t>TALAB WALA</t>
  </si>
  <si>
    <t>RABIA AMBREEN</t>
  </si>
  <si>
    <t>GGPS JAINDAY WALA MUZA SIKANDARABAD</t>
  </si>
  <si>
    <t>CHAH JAINDAY WALA</t>
  </si>
  <si>
    <t>SIKANDARABAD</t>
  </si>
  <si>
    <t>SAIMA NISAR</t>
  </si>
  <si>
    <t>GGPS AMAN WALA NO. 2</t>
  </si>
  <si>
    <t>CHAH PUNJAY WALA KHO</t>
  </si>
  <si>
    <t>AMMAN WALA</t>
  </si>
  <si>
    <t>SABA MAQSOOD</t>
  </si>
  <si>
    <t>GGPS CHAK NO. 20/D</t>
  </si>
  <si>
    <t>20-D</t>
  </si>
  <si>
    <t>SHUMAILA IQBAL</t>
  </si>
  <si>
    <t>GGPS SOMIAN BHOLU (PSSP)</t>
  </si>
  <si>
    <t>SAMIAN BHOLO</t>
  </si>
  <si>
    <t>SOMIAN BHOLU</t>
  </si>
  <si>
    <t>BHON MANZABTA</t>
  </si>
  <si>
    <t>SAJID ALI</t>
  </si>
  <si>
    <t>GGPS CHUNNU ABAD NO. 2</t>
  </si>
  <si>
    <t>BAIT SHAHILICHAN</t>
  </si>
  <si>
    <t>DADY WALA</t>
  </si>
  <si>
    <t>MIR HAZAR KHAN</t>
  </si>
  <si>
    <t>SAMINA PERVEEN</t>
  </si>
  <si>
    <t>GGPS CHAK NO.17/F.W-B</t>
  </si>
  <si>
    <t>CHAK NO.17/F.W-B BAS</t>
  </si>
  <si>
    <t>BASTI KANGNAY WALI</t>
  </si>
  <si>
    <t>HAFZ ZULFIQAR ALI</t>
  </si>
  <si>
    <t>GGPS SALEEMAN</t>
  </si>
  <si>
    <t>SALEEMAN</t>
  </si>
  <si>
    <t>khawspur</t>
  </si>
  <si>
    <t>KHAWAS PUR</t>
  </si>
  <si>
    <t>Rukhsana Javed</t>
  </si>
  <si>
    <t>GGPS 5 TANDLIANWALA</t>
  </si>
  <si>
    <t>5 TANDLIANWALA</t>
  </si>
  <si>
    <t>IQBAL COLONY</t>
  </si>
  <si>
    <t>ROBINA AMIN</t>
  </si>
  <si>
    <t>GPS HAIDER GHAZI</t>
  </si>
  <si>
    <t>CHAH TAB WALA</t>
  </si>
  <si>
    <t>ADNAN YASIN</t>
  </si>
  <si>
    <t>GPS WALIA (PSSP-III)</t>
  </si>
  <si>
    <t>WALIA</t>
  </si>
  <si>
    <t>SABIA BEGUM</t>
  </si>
  <si>
    <t>GGPS DHOK MONNA</t>
  </si>
  <si>
    <t>BAJRANA</t>
  </si>
  <si>
    <t>DHOKE MUNNA</t>
  </si>
  <si>
    <t>ZANOBIA SEHAR</t>
  </si>
  <si>
    <t>GPS (PSSP-I) HAR DO GANMB</t>
  </si>
  <si>
    <t>HARDOGATAB</t>
  </si>
  <si>
    <t>HARDO GANB</t>
  </si>
  <si>
    <t>GGPS CHAK NO. 607 TDA</t>
  </si>
  <si>
    <t>CHAK NO. 607/TDA</t>
  </si>
  <si>
    <t>ABDUL QADOOS</t>
  </si>
  <si>
    <t>GGPS CHAK NO.88/F</t>
  </si>
  <si>
    <t>CHAK NO.88/F</t>
  </si>
  <si>
    <t>88/F</t>
  </si>
  <si>
    <t>SOFIA AMJAD</t>
  </si>
  <si>
    <t>GPS CHAK NO.145 TDA</t>
  </si>
  <si>
    <t>CHAK NO 145/TDA</t>
  </si>
  <si>
    <t>145 A TDA</t>
  </si>
  <si>
    <t>GGPS WATNA</t>
  </si>
  <si>
    <t>WATNA</t>
  </si>
  <si>
    <t>SAMERA</t>
  </si>
  <si>
    <t>GGPS BASTI POSTI</t>
  </si>
  <si>
    <t>SONHARA ARAIN</t>
  </si>
  <si>
    <t>SUMAIRA SHAREEF</t>
  </si>
  <si>
    <t>GPS JHUMIAN DALALAN</t>
  </si>
  <si>
    <t>JHUMIAN DALALAN</t>
  </si>
  <si>
    <t>NAVEED FATIMA</t>
  </si>
  <si>
    <t>GGPS CHAK NO. 576 TDA</t>
  </si>
  <si>
    <t>CHAK NO. 576/TDA</t>
  </si>
  <si>
    <t>CHAK NO.567/TDA</t>
  </si>
  <si>
    <t>GGPS KHAWAJA ABAD BASTI KALAY WALA</t>
  </si>
  <si>
    <t>KHOTHA UTTRA</t>
  </si>
  <si>
    <t>BASTI KALEWALA</t>
  </si>
  <si>
    <t>GGPS TARATI</t>
  </si>
  <si>
    <t>TARATI</t>
  </si>
  <si>
    <t>MUNAZA KANWAL</t>
  </si>
  <si>
    <t>GPS CHAK NO. 604 GB</t>
  </si>
  <si>
    <t>JHOK YARRO</t>
  </si>
  <si>
    <t>604 GB</t>
  </si>
  <si>
    <t>603 GB</t>
  </si>
  <si>
    <t>SALEEM DANISH</t>
  </si>
  <si>
    <t>GPS (PSSP-II) GUL CHAND SHAHEED PO ASHRAF SHAH</t>
  </si>
  <si>
    <t>GUL CHAND SHAHEED</t>
  </si>
  <si>
    <t>GULCHAND SHAHEEN</t>
  </si>
  <si>
    <t>JALLAH JEEM</t>
  </si>
  <si>
    <t>GGPS PALKANAY WALA</t>
  </si>
  <si>
    <t>GGPS PALKANAY WALA DABB</t>
  </si>
  <si>
    <t>MUHAMMAD NASEER UD DIN</t>
  </si>
  <si>
    <t>GGPS CHAK NO.16/F.W-B</t>
  </si>
  <si>
    <t>CHAK NO 16/F.W-B</t>
  </si>
  <si>
    <t>16/FW.B</t>
  </si>
  <si>
    <t>RIFFAT PERVEEN</t>
  </si>
  <si>
    <t>GPS CHAK NO. 171/M</t>
  </si>
  <si>
    <t>CHAK NO 171 M</t>
  </si>
  <si>
    <t>Maryam Nazir</t>
  </si>
  <si>
    <t>1099</t>
  </si>
  <si>
    <t>GGPS DHUDHI KHAZAN SINGH</t>
  </si>
  <si>
    <t>DHUDHI KHAZAN SINGH</t>
  </si>
  <si>
    <t>basti togera wali</t>
  </si>
  <si>
    <t>dolat pur</t>
  </si>
  <si>
    <t>HASEEBA LATIF</t>
  </si>
  <si>
    <t>GMPS DHENGAL</t>
  </si>
  <si>
    <t>DHENGAL</t>
  </si>
  <si>
    <t>DHANGAL</t>
  </si>
  <si>
    <t>JOGO CHAK</t>
  </si>
  <si>
    <t>NAVEEDA TABASUM</t>
  </si>
  <si>
    <t>GPS MALA KALAN (PSSP-III)</t>
  </si>
  <si>
    <t>MALA KALAN</t>
  </si>
  <si>
    <t>SALMA TAJ</t>
  </si>
  <si>
    <t>GPS CHAK NO. 601/TDA</t>
  </si>
  <si>
    <t>CHAK NO. 601/TDA</t>
  </si>
  <si>
    <t>TAHIRA SHAFIQ</t>
  </si>
  <si>
    <t>GGPS MAUZA POSTI</t>
  </si>
  <si>
    <t>POSTI</t>
  </si>
  <si>
    <t>BASTI POSTI</t>
  </si>
  <si>
    <t>HAJRA AZAM</t>
  </si>
  <si>
    <t>GGPS CHAK NO.186/M</t>
  </si>
  <si>
    <t>186/M</t>
  </si>
  <si>
    <t>QAMAR SAJJAD</t>
  </si>
  <si>
    <t>GPS (PSSP-II) CHUNJANI</t>
  </si>
  <si>
    <t>CHUNJANI</t>
  </si>
  <si>
    <t>GPS IBRAHIM ABAD (PSSP-I)</t>
  </si>
  <si>
    <t>KAMAL PUR MUSA</t>
  </si>
  <si>
    <t>NABIYA HASSAN</t>
  </si>
  <si>
    <t>GGPS KASRIAN WALI</t>
  </si>
  <si>
    <t>MITHA AKOKA</t>
  </si>
  <si>
    <t>Akhtar Mirza</t>
  </si>
  <si>
    <t>GPS CHAK NO. 608/TDA</t>
  </si>
  <si>
    <t>CHAK NO. 608/TDA</t>
  </si>
  <si>
    <t>GGPS CHAK NO.78/F</t>
  </si>
  <si>
    <t>HASILPUR CITY - FEMALE</t>
  </si>
  <si>
    <t>78/F</t>
  </si>
  <si>
    <t>SOBIA NASREEN</t>
  </si>
  <si>
    <t>GGPS CHAK 693/35 GB SOUTH</t>
  </si>
  <si>
    <t>CHAK NO 693/35 GB SOUTH</t>
  </si>
  <si>
    <t>693/35 GB</t>
  </si>
  <si>
    <t>CHAK NO. 330 GB</t>
  </si>
  <si>
    <t>ANEELA KANWEL</t>
  </si>
  <si>
    <t>GPS CHANDOOR</t>
  </si>
  <si>
    <t>CHANDOOR</t>
  </si>
  <si>
    <t>RABIA TABASUM</t>
  </si>
  <si>
    <t>GPS KOTLA NOOR MUHAMMAD</t>
  </si>
  <si>
    <t>KOTLA NOOR MUHAMMAD</t>
  </si>
  <si>
    <t>GGPS KHAN PUR JANUBI</t>
  </si>
  <si>
    <t>MIRAN WALA</t>
  </si>
  <si>
    <t>60-61/ML</t>
  </si>
  <si>
    <t>ASAD ABBAS KHAN</t>
  </si>
  <si>
    <t>GPS PATTAN MUNARA (PSSP)</t>
  </si>
  <si>
    <t>PATTAN MUNARA</t>
  </si>
  <si>
    <t>BASTI METLA</t>
  </si>
  <si>
    <t>CHAK NO 114P</t>
  </si>
  <si>
    <t>HUMERA KOUSAR</t>
  </si>
  <si>
    <t>GPS BASTI KALERI</t>
  </si>
  <si>
    <t>KOT HAIBAT</t>
  </si>
  <si>
    <t>KOT HABAT</t>
  </si>
  <si>
    <t>BASTI KALARI</t>
  </si>
  <si>
    <t>GPS CHAMAN ABBAS</t>
  </si>
  <si>
    <t>CHAMAN ABBAS</t>
  </si>
  <si>
    <t>M.C Chenab Nagar</t>
  </si>
  <si>
    <t>Tanzeela Naveed</t>
  </si>
  <si>
    <t>GGPS MURAD SHAH WALA SHUJABAD</t>
  </si>
  <si>
    <t>DAIRA PUR</t>
  </si>
  <si>
    <t>CHAK R.S</t>
  </si>
  <si>
    <t>MUHAMMAD AKRAM WAINS</t>
  </si>
  <si>
    <t>GGPS MOUZA WAZEER KA</t>
  </si>
  <si>
    <t>SHAKEELA ARIF</t>
  </si>
  <si>
    <t>GPS THATHA RANGRAN WALA (PSSP)</t>
  </si>
  <si>
    <t>THATHA RANGRAN WALA</t>
  </si>
  <si>
    <t>THATA RANGRAN WALA</t>
  </si>
  <si>
    <t>DHARME WALA</t>
  </si>
  <si>
    <t>AYAZ HUSSAIN</t>
  </si>
  <si>
    <t>GPS DHOK AMIR ALI</t>
  </si>
  <si>
    <t>D AMIR ALI</t>
  </si>
  <si>
    <t>SOSHANG</t>
  </si>
  <si>
    <t>TEHMINA ASIF</t>
  </si>
  <si>
    <t>GPS CHAK 192 RB</t>
  </si>
  <si>
    <t>HABIB NAGAR</t>
  </si>
  <si>
    <t>HAB</t>
  </si>
  <si>
    <t>WAGA WALA</t>
  </si>
  <si>
    <t>MALIHA SHAFIQUE</t>
  </si>
  <si>
    <t>GGPS WARA JHANDA SINGH (SHIFTED FROM KASUR TO LAHORE)</t>
  </si>
  <si>
    <t>WARA JHANDA</t>
  </si>
  <si>
    <t>BABA LIANA</t>
  </si>
  <si>
    <t>MEHWISH KIRN</t>
  </si>
  <si>
    <t>4201</t>
  </si>
  <si>
    <t>GPS CHAK NO. 428/6-R (W)</t>
  </si>
  <si>
    <t>CHAK 428/6-R  W</t>
  </si>
  <si>
    <t>GGPS KHANA KOTHA (PSSP-III)</t>
  </si>
  <si>
    <t>KHANA KOTHA</t>
  </si>
  <si>
    <t>BHALAR JOGI</t>
  </si>
  <si>
    <t>GGPS CHAK NO.164/M</t>
  </si>
  <si>
    <t>164 MURAD</t>
  </si>
  <si>
    <t>164/M</t>
  </si>
  <si>
    <t>GGPS MOHRA KALA KHAN</t>
  </si>
  <si>
    <t>MOHRAN KALAN KHAN</t>
  </si>
  <si>
    <t>MOHRA KALA KHAN</t>
  </si>
  <si>
    <t>SEHRISH PARVEEN</t>
  </si>
  <si>
    <t>GGPS YOUNIS WALA</t>
  </si>
  <si>
    <t>KALU WALA</t>
  </si>
  <si>
    <t>YOUNIS WALA</t>
  </si>
  <si>
    <t>MUHAMMAD KHALID JAVED</t>
  </si>
  <si>
    <t>GGPS RAMIAL</t>
  </si>
  <si>
    <t>RAMIAL</t>
  </si>
  <si>
    <t>NARISH ZAIB</t>
  </si>
  <si>
    <t>GGPS DHOK MEERA (PSSP-III)</t>
  </si>
  <si>
    <t>DHOKE MAIRA</t>
  </si>
  <si>
    <t>DHOK MEERA</t>
  </si>
  <si>
    <t>UZMA TABASSUM</t>
  </si>
  <si>
    <t>GGPS 164/7-R (E)</t>
  </si>
  <si>
    <t>Adeela Shahzadi</t>
  </si>
  <si>
    <t>GGPS BASTI QADIR BUX</t>
  </si>
  <si>
    <t>CHUNGAR MACHI</t>
  </si>
  <si>
    <t>BASTI QADIR BUX</t>
  </si>
  <si>
    <t>FATIMA GHOUS</t>
  </si>
  <si>
    <t>GGPS 192 RB HABIB NAGAR</t>
  </si>
  <si>
    <t>197/RB</t>
  </si>
  <si>
    <t>MAIRA NOOR</t>
  </si>
  <si>
    <t>GGPS PALORA KALAN</t>
  </si>
  <si>
    <t>GGPS LUTTER</t>
  </si>
  <si>
    <t>NONAR</t>
  </si>
  <si>
    <t>Frzana  Adnan</t>
  </si>
  <si>
    <t>GGPS KOTLA ALI DASTI</t>
  </si>
  <si>
    <t>KOTLA ALI DASTI</t>
  </si>
  <si>
    <t>GGPS BASTI JHANJER WALI</t>
  </si>
  <si>
    <t>QAIMPUR</t>
  </si>
  <si>
    <t>BASTI JHANJER WALI</t>
  </si>
  <si>
    <t>GPS CHAK NO.141/DRB</t>
  </si>
  <si>
    <t>CHAK NO.141/DRB</t>
  </si>
  <si>
    <t>141DRB</t>
  </si>
  <si>
    <t>MARYAM KANWAL</t>
  </si>
  <si>
    <t>GGPS DHOK GUJRAN (PSSP-III)</t>
  </si>
  <si>
    <t>GUJRAN</t>
  </si>
  <si>
    <t>DHOKE GUJRAN</t>
  </si>
  <si>
    <t>NAILA SEHAR</t>
  </si>
  <si>
    <t>GGPS PHATHI JOYAN WALI</t>
  </si>
  <si>
    <t>PHATHI JOYAN WALI TEHSIL PIPLAN DISTRICT MIANWALI</t>
  </si>
  <si>
    <t>PHATHI JOYAN WALI</t>
  </si>
  <si>
    <t>RABIA MALIK</t>
  </si>
  <si>
    <t>GPS HAMID PUR</t>
  </si>
  <si>
    <t>NANGAL BUCHER</t>
  </si>
  <si>
    <t>NAFEESA MEHMOOD</t>
  </si>
  <si>
    <t>GPS CHAH CHANDO</t>
  </si>
  <si>
    <t>CHA CHANDOO</t>
  </si>
  <si>
    <t>CHAH CHANDO</t>
  </si>
  <si>
    <t>KHARIAN WALA</t>
  </si>
  <si>
    <t>ZUNIRA</t>
  </si>
  <si>
    <t>GGPS MANJ GHAGGAR</t>
  </si>
  <si>
    <t>MANJ GHAGGAR</t>
  </si>
  <si>
    <t>GHUCHLI VIRKAN</t>
  </si>
  <si>
    <t>SHAMA NAZ</t>
  </si>
  <si>
    <t>SUDAGAR PURA</t>
  </si>
  <si>
    <t>SODAGAR PURA</t>
  </si>
  <si>
    <t>GGPS DERA SUBEDARAN</t>
  </si>
  <si>
    <t>DERA SUBEDARAN</t>
  </si>
  <si>
    <t>DEBA MUSHTAQ</t>
  </si>
  <si>
    <t>GGPS BHATTI DHILUAN</t>
  </si>
  <si>
    <t>BHATTI DHILUAN</t>
  </si>
  <si>
    <t>CHICHOKI MALLIAN</t>
  </si>
  <si>
    <t>SEHRISH AKHTER</t>
  </si>
  <si>
    <t>GGPS CHAK PHATANA</t>
  </si>
  <si>
    <t>MIRZA KABI</t>
  </si>
  <si>
    <t>CHAK PHATANA</t>
  </si>
  <si>
    <t>GGPS CHAK SAITTIAN</t>
  </si>
  <si>
    <t>CHICUKE MILIAN</t>
  </si>
  <si>
    <t>CHAK SAITTIAN</t>
  </si>
  <si>
    <t>HUMAIRA AJMAL</t>
  </si>
  <si>
    <t>GGCMS SAHUKI MALLIAN</t>
  </si>
  <si>
    <t>SAHUKI MALLIAN</t>
  </si>
  <si>
    <t>ALMAS BIBI</t>
  </si>
  <si>
    <t>GPS CHAPPA MINARA</t>
  </si>
  <si>
    <t>CHAPPA HA MINARA</t>
  </si>
  <si>
    <t>CHAPPA MINARA</t>
  </si>
  <si>
    <t>NASIRA SHARIF</t>
  </si>
  <si>
    <t>GPS DONGAY</t>
  </si>
  <si>
    <t>DONGAY</t>
  </si>
  <si>
    <t>RASHIDA NOREEN</t>
  </si>
  <si>
    <t>GPS ASWAN</t>
  </si>
  <si>
    <t>ASWAN BHATTIAN</t>
  </si>
  <si>
    <t>ASWAN</t>
  </si>
  <si>
    <t>SALAAR BHATTIAN</t>
  </si>
  <si>
    <t>NAZIA NASAR</t>
  </si>
  <si>
    <t>GPS  AZIZ TOWN SCHEME NO 3</t>
  </si>
  <si>
    <t>REHNA TOWN</t>
  </si>
  <si>
    <t>AZIZ TOWN</t>
  </si>
  <si>
    <t>FEROZWALA-2</t>
  </si>
  <si>
    <t>muzammil siddique</t>
  </si>
  <si>
    <t>GPS BAJWANA CHAK 294</t>
  </si>
  <si>
    <t>BAJWANA CHAK  294</t>
  </si>
  <si>
    <t>BAJWANA CHAK 294</t>
  </si>
  <si>
    <t>GPS KOT NADEEM</t>
  </si>
  <si>
    <t>KOT NADEEM</t>
  </si>
  <si>
    <t>SHUMAILA SADIQ</t>
  </si>
  <si>
    <t>GGPS GHANIAN GHAZI</t>
  </si>
  <si>
    <t>CHANIAN</t>
  </si>
  <si>
    <t>GHANIAN GHAZI</t>
  </si>
  <si>
    <t>CHEENA VIRKAN</t>
  </si>
  <si>
    <t>BUSHRA NASIR</t>
  </si>
  <si>
    <t>GPS GUNDO WALA</t>
  </si>
  <si>
    <t>GUNDO WALA</t>
  </si>
  <si>
    <t>SAIMA WARIS</t>
  </si>
  <si>
    <t>GGPS MODEL SADRANA</t>
  </si>
  <si>
    <t>SADRANA</t>
  </si>
  <si>
    <t>MADIHA FARYAD</t>
  </si>
  <si>
    <t>GGPS NAWAN PIND KAMBOWAN</t>
  </si>
  <si>
    <t>NAWAN PIND KAMBOWAN</t>
  </si>
  <si>
    <t>ASIA RAFIQUE</t>
  </si>
  <si>
    <t>GGPS KOT BHOOCH</t>
  </si>
  <si>
    <t>KOT BHOOCH</t>
  </si>
  <si>
    <t>KHADIJA AKHTER</t>
  </si>
  <si>
    <t>GPS TARRA WALA CHAK 6</t>
  </si>
  <si>
    <t>TARAY WALA</t>
  </si>
  <si>
    <t>TARRA WALA CHAK 6</t>
  </si>
  <si>
    <t>TANZEELA NOREEN</t>
  </si>
  <si>
    <t>GPS DERA WATTWAN</t>
  </si>
  <si>
    <t>DERA WATTWAN</t>
  </si>
  <si>
    <t>RATTI TIBBI</t>
  </si>
  <si>
    <t>GPS DERA PATWARIAN</t>
  </si>
  <si>
    <t>DERA PATWARIA</t>
  </si>
  <si>
    <t>DERA PATWARIAN</t>
  </si>
  <si>
    <t>KOT SONDA</t>
  </si>
  <si>
    <t>ASIFA NAZIR</t>
  </si>
  <si>
    <t>GGPS DERA GOLIAN WALA</t>
  </si>
  <si>
    <t>KALOKAE</t>
  </si>
  <si>
    <t>DERA GOLIAN WALA</t>
  </si>
  <si>
    <t>SABEEN AKHTAR</t>
  </si>
  <si>
    <t>GPS JANDIALA SHER KHAN</t>
  </si>
  <si>
    <t>JANDIAL SHER KHAN</t>
  </si>
  <si>
    <t>GPS DERA TARARAN</t>
  </si>
  <si>
    <t>WARN</t>
  </si>
  <si>
    <t>NOREEN QAMAR</t>
  </si>
  <si>
    <t>GPS DERA GOLIAN WALA</t>
  </si>
  <si>
    <t>DERA GOLINA</t>
  </si>
  <si>
    <t>YASMIN NISAR</t>
  </si>
  <si>
    <t>GPS FATEH KALAS</t>
  </si>
  <si>
    <t>FATEH KALAS</t>
  </si>
  <si>
    <t>GPS PEER KOT</t>
  </si>
  <si>
    <t>JEVAN PURA</t>
  </si>
  <si>
    <t>FOZIA SARWAR</t>
  </si>
  <si>
    <t>GPS AYYA VIRKAN</t>
  </si>
  <si>
    <t>AYYA VIRKAN</t>
  </si>
  <si>
    <t>GGPS AYYA VIRKAN</t>
  </si>
  <si>
    <t>AYESHA ALLAH DITTA</t>
  </si>
  <si>
    <t>GPS MURADAY KHURD</t>
  </si>
  <si>
    <t>MURADAY KHURD</t>
  </si>
  <si>
    <t>SABA MUNIR</t>
  </si>
  <si>
    <t>GPS DHOKHAY WALI</t>
  </si>
  <si>
    <t>DHOKAY WALI</t>
  </si>
  <si>
    <t>NAZIA JAVED</t>
  </si>
  <si>
    <t>GPS PURANI BHIKHI</t>
  </si>
  <si>
    <t>PURANI BHIKHI</t>
  </si>
  <si>
    <t>GPS DAOKAY KALAN</t>
  </si>
  <si>
    <t>BOGRAY</t>
  </si>
  <si>
    <t>BOGRA</t>
  </si>
  <si>
    <t>GGPS JHANGEER</t>
  </si>
  <si>
    <t>JAHANGIR</t>
  </si>
  <si>
    <t>JAHANGEER</t>
  </si>
  <si>
    <t>MUNAZA</t>
  </si>
  <si>
    <t>GMPS BHULLAR</t>
  </si>
  <si>
    <t>BHULLAR</t>
  </si>
  <si>
    <t>IQRA GHULAM ALI</t>
  </si>
  <si>
    <t>AKBAAR SHAH</t>
  </si>
  <si>
    <t>AUGANGABAD</t>
  </si>
  <si>
    <t>06</t>
  </si>
  <si>
    <t>FAIZA BIBI</t>
  </si>
  <si>
    <t>GPS BHURANI</t>
  </si>
  <si>
    <t>BASTI BHORANI P.O VEHOVA</t>
  </si>
  <si>
    <t>BHORANI</t>
  </si>
  <si>
    <t>VEHOVA SHUMALI</t>
  </si>
  <si>
    <t>ASIA BATOOL</t>
  </si>
  <si>
    <t>GGPS NAEEM NAGAR</t>
  </si>
  <si>
    <t>NOOR WAH</t>
  </si>
  <si>
    <t>GGPS NAEEM NAGAR BASTI NAEEM NAGAR</t>
  </si>
  <si>
    <t>BELA</t>
  </si>
  <si>
    <t>GGPS CHUNGI AMER SIDHU</t>
  </si>
  <si>
    <t>BULHAY SHAH ROAD</t>
  </si>
  <si>
    <t>AZIZ BHATTI TOWN</t>
  </si>
  <si>
    <t>SHAZIA FAZAL</t>
  </si>
  <si>
    <t>GGPS BASTI JOIAN</t>
  </si>
  <si>
    <t>SHAH ABU TAHIR</t>
  </si>
  <si>
    <t>CHAH RANDO WALA</t>
  </si>
  <si>
    <t>MUHAMMAD JAMSHAID</t>
  </si>
  <si>
    <t>GPS GOPAL SINGH WALA</t>
  </si>
  <si>
    <t>GOPAL SINGH</t>
  </si>
  <si>
    <t>GOPAL SINGH WALA</t>
  </si>
  <si>
    <t>ZANEESHA RIAZ</t>
  </si>
  <si>
    <t>GGPS DHOK CHOI (GALI JAGEER) (PSSP-II)</t>
  </si>
  <si>
    <t>DHOK CHOI</t>
  </si>
  <si>
    <t>Dhok choi</t>
  </si>
  <si>
    <t>GGPS NAWAN LOK HUJJAN</t>
  </si>
  <si>
    <t>NAWAN LOK HUJJAN</t>
  </si>
  <si>
    <t>HUJJAN</t>
  </si>
  <si>
    <t>FOUZIA NOUREEN</t>
  </si>
  <si>
    <t>GGPS KHABAL</t>
  </si>
  <si>
    <t>KHABAL</t>
  </si>
  <si>
    <t>ZONOBIA KANWAL</t>
  </si>
  <si>
    <t>GGPS BASTI RAHOJAA</t>
  </si>
  <si>
    <t>NOREEN SAJJAD</t>
  </si>
  <si>
    <t>GGPS KOT FAZAL AHMAD</t>
  </si>
  <si>
    <t>KOT FAZAL AHMED</t>
  </si>
  <si>
    <t>KOT FAZAL AHMAD</t>
  </si>
  <si>
    <t>MUQADAS NAHEED</t>
  </si>
  <si>
    <t>GGPS CHAH JILANI WALA</t>
  </si>
  <si>
    <t>DOAABA</t>
  </si>
  <si>
    <t>JALL JANUBI</t>
  </si>
  <si>
    <t>GGPS KASSOANA NAI ABADI *** PEF</t>
  </si>
  <si>
    <t>KASO WANA</t>
  </si>
  <si>
    <t>GPS MEHLU</t>
  </si>
  <si>
    <t>MEHLU</t>
  </si>
  <si>
    <t>Frzana rasheed</t>
  </si>
  <si>
    <t>GGPS CHAK NO 56 NB</t>
  </si>
  <si>
    <t>GGPS CHAK NO 56 NB .........PSSP.........</t>
  </si>
  <si>
    <t>CHAK 58/NB</t>
  </si>
  <si>
    <t>DUR E SHAHWAR</t>
  </si>
  <si>
    <t>GPS DHOK WODHAN</t>
  </si>
  <si>
    <t>DHOK WODHAN</t>
  </si>
  <si>
    <t>GGPS JEENDAR (PSSP-III)</t>
  </si>
  <si>
    <t>Iqra Bibi</t>
  </si>
  <si>
    <t>GGPS 26/3-R (E)</t>
  </si>
  <si>
    <t>26/3-R (E)</t>
  </si>
  <si>
    <t>GGPS MIAN KERI BASTI KAMBOH</t>
  </si>
  <si>
    <t>BASTI KAMBOH</t>
  </si>
  <si>
    <t>TAYYAB FAKHAR ABBAS</t>
  </si>
  <si>
    <t>GGPS THANIL CHOHAN</t>
  </si>
  <si>
    <t>THANIL CHOHAN</t>
  </si>
  <si>
    <t>SAMRANA SULTANA</t>
  </si>
  <si>
    <t>GPS LADHANA BEROON CHAK NO. 165/ TDA</t>
  </si>
  <si>
    <t>CHAK NO. 165/ TDA</t>
  </si>
  <si>
    <t>LADHANA BAROON</t>
  </si>
  <si>
    <t>GGMPS LOHAN</t>
  </si>
  <si>
    <t>LOHAN</t>
  </si>
  <si>
    <t>Amina Sadaqat</t>
  </si>
  <si>
    <t>GGPS TIBBI DHAKWAN CITY</t>
  </si>
  <si>
    <t>BASTI DHAKWAN</t>
  </si>
  <si>
    <t>MUHAMMAD ISRAIL FAROOQI</t>
  </si>
  <si>
    <t>GPS (PSSP-II) GHANAISH PUR  PO FATEH PUR</t>
  </si>
  <si>
    <t>GHANAISH PUR</t>
  </si>
  <si>
    <t>GANESH PUR</t>
  </si>
  <si>
    <t>NUSREEN KOUSAR</t>
  </si>
  <si>
    <t>GGPS BASTI QAZI SAEED</t>
  </si>
  <si>
    <t>BADANA GHARBI</t>
  </si>
  <si>
    <t>RABIA ZAFAR</t>
  </si>
  <si>
    <t>GPS SHADIWAL</t>
  </si>
  <si>
    <t>SHADIWAL</t>
  </si>
  <si>
    <t>ZOHRA KANWAL</t>
  </si>
  <si>
    <t>GGPS SORRAH</t>
  </si>
  <si>
    <t>SORRAH</t>
  </si>
  <si>
    <t>SORAH</t>
  </si>
  <si>
    <t>GUL SANOBAR</t>
  </si>
  <si>
    <t>GGPS DERA KACHELA</t>
  </si>
  <si>
    <t>DERA KACHELA</t>
  </si>
  <si>
    <t>LUDAY WALA</t>
  </si>
  <si>
    <t>GHAZALA SARWAR</t>
  </si>
  <si>
    <t>GPS NAWAN GIRAN (PSSP-III)</t>
  </si>
  <si>
    <t>NAWAN GIRAN</t>
  </si>
  <si>
    <t>Nawan Giran</t>
  </si>
  <si>
    <t>Sadia Sher Khan</t>
  </si>
  <si>
    <t>GPS BORGI BAINS</t>
  </si>
  <si>
    <t>BORGI BAINS</t>
  </si>
  <si>
    <t>GGPS CHEENA WALA</t>
  </si>
  <si>
    <t>DERA CHEENA WALA TEHSIL PIPLAN DISTRICT MIANWALI</t>
  </si>
  <si>
    <t>CHEENA WALA</t>
  </si>
  <si>
    <t>ROMANA JABBAR</t>
  </si>
  <si>
    <t>GGPS 52/M</t>
  </si>
  <si>
    <t>52/M</t>
  </si>
  <si>
    <t>CHAK NO. 52/M</t>
  </si>
  <si>
    <t>MALIK HAFEEZ</t>
  </si>
  <si>
    <t>GGPS DHANDAL</t>
  </si>
  <si>
    <t>DHANDAL</t>
  </si>
  <si>
    <t>SYEDAN WALI</t>
  </si>
  <si>
    <t>REENA RAMEEZ</t>
  </si>
  <si>
    <t>GPS JURA SAKASAR</t>
  </si>
  <si>
    <t>JURA SAKASAR</t>
  </si>
  <si>
    <t>SAKESAR</t>
  </si>
  <si>
    <t>GGPS ZULIFQAR ABAD *** PEF</t>
  </si>
  <si>
    <t>ABADI ZULIFQAR</t>
  </si>
  <si>
    <t>MC GARH MAHARAJA</t>
  </si>
  <si>
    <t>SHABAR IQBAL</t>
  </si>
  <si>
    <t>GPS SHARAL (PSSP-II)</t>
  </si>
  <si>
    <t>SHARAL</t>
  </si>
  <si>
    <t>DHOKE SHARAL</t>
  </si>
  <si>
    <t>JAMEELA BEGUM</t>
  </si>
  <si>
    <t>GGPS ASAL GURU KEY</t>
  </si>
  <si>
    <t>ASAL GURU KEY</t>
  </si>
  <si>
    <t>ASAL GURUKE</t>
  </si>
  <si>
    <t>SALMA M DIN</t>
  </si>
  <si>
    <t>GPS DHOK BUDHA</t>
  </si>
  <si>
    <t>DHOK BUDHA</t>
  </si>
  <si>
    <t>SUMAIRA SADIQ</t>
  </si>
  <si>
    <t>GGPS WAHI DAWOOD KHAN</t>
  </si>
  <si>
    <t>WAHI DAWOOD KHAN</t>
  </si>
  <si>
    <t>WAHI DAUD KHAN</t>
  </si>
  <si>
    <t>GPS ENO BHATTI</t>
  </si>
  <si>
    <t>ENO BHATTI</t>
  </si>
  <si>
    <t>LAKHODHER</t>
  </si>
  <si>
    <t>IRUM RIAZ</t>
  </si>
  <si>
    <t>GGPS BAHAR WAL</t>
  </si>
  <si>
    <t>BAHAR WALA</t>
  </si>
  <si>
    <t>NOreen Tahir</t>
  </si>
  <si>
    <t>GGPS MAHAL MAGRA</t>
  </si>
  <si>
    <t>MAHAL MAGRA</t>
  </si>
  <si>
    <t>SAMINA KANWAL</t>
  </si>
  <si>
    <t>GGPS KOT RAJGAN</t>
  </si>
  <si>
    <t>DOULTALA-D - FEMALE</t>
  </si>
  <si>
    <t>KOT RAJGAN</t>
  </si>
  <si>
    <t>GGPS GHARI HASSU KHAN (PSSP-II)</t>
  </si>
  <si>
    <t>GHARI HASSU KHAN</t>
  </si>
  <si>
    <t>Gari Hasoo Khan</t>
  </si>
  <si>
    <t>Romana Bibi</t>
  </si>
  <si>
    <t>GGPS DERA JAN MUHAMMAD WALA</t>
  </si>
  <si>
    <t>MAGARBI DERA JAAT GGPS DERA KHAN MUHAMMAD WALA</t>
  </si>
  <si>
    <t>ASTRANWALA</t>
  </si>
  <si>
    <t>ASIF SHAHZAD</t>
  </si>
  <si>
    <t>GGPS NASEERA</t>
  </si>
  <si>
    <t>NASEERA</t>
  </si>
  <si>
    <t>Fahmeeda Khan</t>
  </si>
  <si>
    <t>GGPS CHAK NO. 1/4-L *** PEF</t>
  </si>
  <si>
    <t>CHAK NO. 1/4-L</t>
  </si>
  <si>
    <t>BANGLA YASMIN</t>
  </si>
  <si>
    <t>ASIF ABBAS</t>
  </si>
  <si>
    <t>GGPS DHOK MUGHLAN (PSSP-III)</t>
  </si>
  <si>
    <t>GGPS DHOKE MUGHLAN</t>
  </si>
  <si>
    <t>DHOKE MUGHLAN</t>
  </si>
  <si>
    <t>AAMNA BIBI</t>
  </si>
  <si>
    <t>GGPS MOHRA KALYAL</t>
  </si>
  <si>
    <t>MOHRA KALYAL</t>
  </si>
  <si>
    <t>KOUNTRILA</t>
  </si>
  <si>
    <t>SAIMA YASMIN</t>
  </si>
  <si>
    <t>GGPS HAKLA</t>
  </si>
  <si>
    <t>V</t>
  </si>
  <si>
    <t>Amina Rafique</t>
  </si>
  <si>
    <t>GPS TULS PURA</t>
  </si>
  <si>
    <t>TULS PURA</t>
  </si>
  <si>
    <t>MANAWAN</t>
  </si>
  <si>
    <t>SUMERA AYUB</t>
  </si>
  <si>
    <t>GPS TALWARA   ***   PEF</t>
  </si>
  <si>
    <t>GGPS RANGNATH PUR</t>
  </si>
  <si>
    <t>RANGNATH PUR</t>
  </si>
  <si>
    <t>RANGHNAT PUR</t>
  </si>
  <si>
    <t>SHEHLA</t>
  </si>
  <si>
    <t>GGPS BACHLI</t>
  </si>
  <si>
    <t>BACHLI</t>
  </si>
  <si>
    <t>Attta Kalsoom</t>
  </si>
  <si>
    <t>GPS SAJHAR SHARQI</t>
  </si>
  <si>
    <t>SAJHAR SHARQI</t>
  </si>
  <si>
    <t>7/1 THAL JANOOBI</t>
  </si>
  <si>
    <t>AKABAR NAWAZ</t>
  </si>
  <si>
    <t>GPS ALAM MODEL JAMEEL ABAD MUGHALPURA</t>
  </si>
  <si>
    <t>JAMEEL ABAD</t>
  </si>
  <si>
    <t>JAMILA ABAD</t>
  </si>
  <si>
    <t>ARIFA RAZZAQ</t>
  </si>
  <si>
    <t>GGPS KHEWA SHARQI *** PEF</t>
  </si>
  <si>
    <t>KEHEWA</t>
  </si>
  <si>
    <t>ISHRAT AYUB</t>
  </si>
  <si>
    <t>GGPS WARA GUJRAN</t>
  </si>
  <si>
    <t>WARA GUJRAN</t>
  </si>
  <si>
    <t>HANDU GUJJAR</t>
  </si>
  <si>
    <t>IRUM SHAZIA</t>
  </si>
  <si>
    <t>GGPS DHOK JABBI (PSSP-III)</t>
  </si>
  <si>
    <t>JABBI KISRAN</t>
  </si>
  <si>
    <t>DHOK JABBI</t>
  </si>
  <si>
    <t>MEHNAZ BIBI</t>
  </si>
  <si>
    <t>GGPS KOT NOWLAN *** PEF</t>
  </si>
  <si>
    <t>WASU ASTANA - FEMALE</t>
  </si>
  <si>
    <t>KOT NOWLAN</t>
  </si>
  <si>
    <t>MUNAZA RIAZ</t>
  </si>
  <si>
    <t>GGPS AHMAD ABAD NO. 1 *** PEF</t>
  </si>
  <si>
    <t>KOT SHAKIR</t>
  </si>
  <si>
    <t>7/2 THAL SHUMALI</t>
  </si>
  <si>
    <t>SHUMAILA BB</t>
  </si>
  <si>
    <t>GPS MOHAMMAD WALA</t>
  </si>
  <si>
    <t>MUHAMMAD WALA</t>
  </si>
  <si>
    <t>GGPS DOSA *** PEF</t>
  </si>
  <si>
    <t>MACHIWAL - FEMALE</t>
  </si>
  <si>
    <t>BUSHRA MUMTAZ</t>
  </si>
  <si>
    <t>GMPS NASIR NAGAR</t>
  </si>
  <si>
    <t>JAMSHED AKHTER</t>
  </si>
  <si>
    <t>GPS CHAK NO 1 GHAGH *** PEF</t>
  </si>
  <si>
    <t>KAKI KOHNA</t>
  </si>
  <si>
    <t>CHAK NO 1 GHAGH</t>
  </si>
  <si>
    <t>CHAK  3/GHAGH</t>
  </si>
  <si>
    <t>GULZAR AHMAD</t>
  </si>
  <si>
    <t>GPS CHAK NO 454 JB   ***   PEF</t>
  </si>
  <si>
    <t>CHAK NO 454 JB</t>
  </si>
  <si>
    <t>CHAK NO.220</t>
  </si>
  <si>
    <t>GGPS CHAK NO. 453/JB   ***   PEF</t>
  </si>
  <si>
    <t>CHAK NO 453</t>
  </si>
  <si>
    <t>SHABANA RANI</t>
  </si>
  <si>
    <t>GPS BASTI NAU DHANDH P/O BASTI NAU DHANDH</t>
  </si>
  <si>
    <t>BASTI NAU DHANDH</t>
  </si>
  <si>
    <t>BASTI NOU DNAND</t>
  </si>
  <si>
    <t>MAQSOOD AHMED</t>
  </si>
  <si>
    <t>GGPS PACCAY WALA NO. 2</t>
  </si>
  <si>
    <t>INAYAT PUR MOHOTA</t>
  </si>
  <si>
    <t>GHULAM JAFAR</t>
  </si>
  <si>
    <t>MUBARIK PUR</t>
  </si>
  <si>
    <t>GGPS CHAK NO.105/DNB</t>
  </si>
  <si>
    <t>NO.105/DNB</t>
  </si>
  <si>
    <t>MARIYA YOUNIS</t>
  </si>
  <si>
    <t>GGPS CHAK NO.129/DNB</t>
  </si>
  <si>
    <t>BAHAWAL PUR</t>
  </si>
  <si>
    <t>129/DNB</t>
  </si>
  <si>
    <t>6002</t>
  </si>
  <si>
    <t>GGPS CHAK NO.33/BC (E)</t>
  </si>
  <si>
    <t>CHAK NO.33/BC(E)</t>
  </si>
  <si>
    <t>33/BC</t>
  </si>
  <si>
    <t>37/BC -A</t>
  </si>
  <si>
    <t>NIGHAT HUSSAIN</t>
  </si>
  <si>
    <t>GPS MC MAKHDOOM PURA BAHAWALPUR</t>
  </si>
  <si>
    <t>MAKHDOOM PURA</t>
  </si>
  <si>
    <t>BWP CITY-I</t>
  </si>
  <si>
    <t>GGPS SUI VEHAR</t>
  </si>
  <si>
    <t>SUI VEHAR</t>
  </si>
  <si>
    <t>SOBIA ABBASI</t>
  </si>
  <si>
    <t>GGPS KHAR WALA</t>
  </si>
  <si>
    <t>KHAR WALA</t>
  </si>
  <si>
    <t>MUD PIRWAH</t>
  </si>
  <si>
    <t>RIMSHA KHAN</t>
  </si>
  <si>
    <t>GPS MAHI TIBBA</t>
  </si>
  <si>
    <t>MAHI TIBBA</t>
  </si>
  <si>
    <t>MUHAMMAD SHAKEEL</t>
  </si>
  <si>
    <t>GGPS SARDAR KALOO KHAN</t>
  </si>
  <si>
    <t>SARDAR KALOO KHAN</t>
  </si>
  <si>
    <t>GGPS BAKHRI</t>
  </si>
  <si>
    <t>HABIB MISSION</t>
  </si>
  <si>
    <t>JIMRANI SHAREEF</t>
  </si>
  <si>
    <t>SHAISTA IKRAM</t>
  </si>
  <si>
    <t>GPS TANZEEM CHAK NO.58/F</t>
  </si>
  <si>
    <t>CHAK NO.58/F</t>
  </si>
  <si>
    <t>HAFIZ MUHAMMAD SADIQ</t>
  </si>
  <si>
    <t>BASTI KALYAR</t>
  </si>
  <si>
    <t>KHALID BASHEER ABBASI</t>
  </si>
  <si>
    <t>GGPS SANJRANI BALOCH</t>
  </si>
  <si>
    <t>NANGREEJA</t>
  </si>
  <si>
    <t>FARHANA ARSHAD</t>
  </si>
  <si>
    <t>GGPS GHAUSIA COLONY HASILPUR</t>
  </si>
  <si>
    <t>GHAUSIA COLONY</t>
  </si>
  <si>
    <t>GGPS CHAK NO.84/F-BOHRAN</t>
  </si>
  <si>
    <t>BASTI BHORAN</t>
  </si>
  <si>
    <t>84/F BOHRAN</t>
  </si>
  <si>
    <t>MUHAMMAD SULTAN MEHMOOD</t>
  </si>
  <si>
    <t>GPS JAMAN SHAH WALA MOZA GHARYALA P/O MAKHDOOM RASHID</t>
  </si>
  <si>
    <t>MALIK MUNIR HUSSAIN</t>
  </si>
  <si>
    <t>GGPS BASTI BHOJIAN P/O MAKHDOOM RASEED</t>
  </si>
  <si>
    <t>MAKHDOOM RASHEED</t>
  </si>
  <si>
    <t>BOJIAN</t>
  </si>
  <si>
    <t>GGPS MUHAMMAD PUR RAWA P/O 1 MR</t>
  </si>
  <si>
    <t>MUHAMMAD PUR RAW</t>
  </si>
  <si>
    <t>MUHAMMAD PURAN</t>
  </si>
  <si>
    <t>MUHAMMAD SALEEM KAMRAN</t>
  </si>
  <si>
    <t>GGPS MUNSHI WALA</t>
  </si>
  <si>
    <t>MUNSHI WALA</t>
  </si>
  <si>
    <t>MUHAMMAD AQIL</t>
  </si>
  <si>
    <t>GGPS MUZA CHATHA CHAH AHMED WALI</t>
  </si>
  <si>
    <t>MUZA CHATHA</t>
  </si>
  <si>
    <t>AHMED WALI</t>
  </si>
  <si>
    <t>GPS NAWAN PIND BAILDARAN</t>
  </si>
  <si>
    <t>NAWAN PIND BAILDARAN</t>
  </si>
  <si>
    <t>WAHGA</t>
  </si>
  <si>
    <t>GPS THIKRI WALA</t>
  </si>
  <si>
    <t>THIKRI WALA</t>
  </si>
  <si>
    <t>MORAN WALA</t>
  </si>
  <si>
    <t>AZRA TARIQ</t>
  </si>
  <si>
    <t>GPS SANT PURA</t>
  </si>
  <si>
    <t>SANT PURA</t>
  </si>
  <si>
    <t>SEHAR FATIMA</t>
  </si>
  <si>
    <t>GPS TALWARA PAR</t>
  </si>
  <si>
    <t>TALWARA PAR</t>
  </si>
  <si>
    <t>MUAHMMAD BILAL</t>
  </si>
  <si>
    <t>GPS AAWAN PAR</t>
  </si>
  <si>
    <t>AAWAN PUR</t>
  </si>
  <si>
    <t>AAWAN PAR</t>
  </si>
  <si>
    <t>SAMNA SAIF</t>
  </si>
  <si>
    <t>GGPS KOT MUZZAFAR</t>
  </si>
  <si>
    <t>SHARQ PUR</t>
  </si>
  <si>
    <t>KOT MUZZAFAR</t>
  </si>
  <si>
    <t>MC SQP</t>
  </si>
  <si>
    <t>UNBREEN YASEEN</t>
  </si>
  <si>
    <t>GPS THATHA LAHWAY</t>
  </si>
  <si>
    <t>THAHTA LAHWAY</t>
  </si>
  <si>
    <t>THATHA LAHWAY</t>
  </si>
  <si>
    <t>SEHJOWAL</t>
  </si>
  <si>
    <t>MARYAM IDREES</t>
  </si>
  <si>
    <t>GPS NASEER ABAD</t>
  </si>
  <si>
    <t>DHAMKAY</t>
  </si>
  <si>
    <t>MUSSARAT ASHIQ</t>
  </si>
  <si>
    <t>GPS HAKAMWALA</t>
  </si>
  <si>
    <t>HAKAMWALA</t>
  </si>
  <si>
    <t>CHAK NO. 22</t>
  </si>
  <si>
    <t>ZAIBA ANWAR</t>
  </si>
  <si>
    <t>DERA FAZAL DIN</t>
  </si>
  <si>
    <t>HUMAIRA BIBI</t>
  </si>
  <si>
    <t>GGPS JANGO CHAK</t>
  </si>
  <si>
    <t>JANGO CHAK</t>
  </si>
  <si>
    <t>sana adil</t>
  </si>
  <si>
    <t>GGPS MALGOTIAN</t>
  </si>
  <si>
    <t>MALGOTIAN</t>
  </si>
  <si>
    <t>GGPS (PSSP-II) BASTI SALOOL</t>
  </si>
  <si>
    <t>BASTI SALOOL</t>
  </si>
  <si>
    <t>SALOOL</t>
  </si>
  <si>
    <t>GPS MC NO. 5 MUZAFFARGARH</t>
  </si>
  <si>
    <t>MUAFFARGARH</t>
  </si>
  <si>
    <t>SHAIRWANI CHOWK</t>
  </si>
  <si>
    <t>MC MUZAFFARGARH</t>
  </si>
  <si>
    <t>GPS LALIAN WALA</t>
  </si>
  <si>
    <t>LALIAN WALA</t>
  </si>
  <si>
    <t>GMMS LALIAN WALA</t>
  </si>
  <si>
    <t>MANDIALI</t>
  </si>
  <si>
    <t>SOBIA AFZAL</t>
  </si>
  <si>
    <t>GPS PATTI GHULAM ALI</t>
  </si>
  <si>
    <t>SAIAWAL WALA</t>
  </si>
  <si>
    <t>GGPS SHOWAL</t>
  </si>
  <si>
    <t>SHOWAL</t>
  </si>
  <si>
    <t>UMM-E-EMARIA</t>
  </si>
  <si>
    <t>GPS THATHA LANGIAN</t>
  </si>
  <si>
    <t>THATHA LANGIAWALA</t>
  </si>
  <si>
    <t>THATHA LANGIAN</t>
  </si>
  <si>
    <t>HALEEMA ARSHAD</t>
  </si>
  <si>
    <t>GGPS MODEL NAWAN GUJJA</t>
  </si>
  <si>
    <t>CHAK NO.3</t>
  </si>
  <si>
    <t>BASTI SANJRANI BALOCHAN</t>
  </si>
  <si>
    <t>GGPS JUMIAN GUJRAN</t>
  </si>
  <si>
    <t>JUMIAN GUJRAN</t>
  </si>
  <si>
    <t>TANZEELA MUHTAQ</t>
  </si>
  <si>
    <t>GGPS BERIAN KALAN</t>
  </si>
  <si>
    <t>BERIAN KALAN</t>
  </si>
  <si>
    <t>NAGWAL KALAN</t>
  </si>
  <si>
    <t>GPS JUMIAN MINHASSAN</t>
  </si>
  <si>
    <t>JUMINA MINHASSAN</t>
  </si>
  <si>
    <t>NAFEESA GHULAM HUSSAIN</t>
  </si>
  <si>
    <t>GGES GAMROLA</t>
  </si>
  <si>
    <t>GAMROLA</t>
  </si>
  <si>
    <t>DARMAAN</t>
  </si>
  <si>
    <t>ANILA AMLIK</t>
  </si>
  <si>
    <t>GGPS KISHNAY WALA</t>
  </si>
  <si>
    <t>SADAR SOUTH-II-FEMALE</t>
  </si>
  <si>
    <t>KISHNAY WALA</t>
  </si>
  <si>
    <t>ATIA SAMREEN</t>
  </si>
  <si>
    <t>GGES BAHOWALI</t>
  </si>
  <si>
    <t>BAHOWALI</t>
  </si>
  <si>
    <t>GGEES BAHOWALI</t>
  </si>
  <si>
    <t>MEHLU SEHLU</t>
  </si>
  <si>
    <t>FADIHA</t>
  </si>
  <si>
    <t>GGPS GABOOL WALA</t>
  </si>
  <si>
    <t>DOGAR WALA</t>
  </si>
  <si>
    <t>SAFIA MANZOOR</t>
  </si>
  <si>
    <t>BASTI KHOSA</t>
  </si>
  <si>
    <t>BASTI KUMHAR WALA</t>
  </si>
  <si>
    <t>KAZIM ALI</t>
  </si>
  <si>
    <t>GPS BASTI KHOSA</t>
  </si>
  <si>
    <t>MUHAMMAD AYAZ</t>
  </si>
  <si>
    <t>GGPS BISHARAT PUR</t>
  </si>
  <si>
    <t>HAZARA</t>
  </si>
  <si>
    <t>BISHARAT PUR</t>
  </si>
  <si>
    <t>GGES (PSSP-I) 222 EB</t>
  </si>
  <si>
    <t>222 EB</t>
  </si>
  <si>
    <t>GGPS (PSSP-I) 222 EB</t>
  </si>
  <si>
    <t>188 EB</t>
  </si>
  <si>
    <t>ZAHIDA SAJID</t>
  </si>
  <si>
    <t>GGES LUDYAIL</t>
  </si>
  <si>
    <t>LUDUAIL</t>
  </si>
  <si>
    <t>ASIM ARIF</t>
  </si>
  <si>
    <t>GPS KARIMIA</t>
  </si>
  <si>
    <t>CHAH CHORAY WALA</t>
  </si>
  <si>
    <t>TAIL MANDA</t>
  </si>
  <si>
    <t>JAMSHAID IQBAL</t>
  </si>
  <si>
    <t>GPS LITRA</t>
  </si>
  <si>
    <t>LITRA</t>
  </si>
  <si>
    <t>SAMIA JABEEN</t>
  </si>
  <si>
    <t>GGPS BAKHAR NOON</t>
  </si>
  <si>
    <t>BAKHAR NOON</t>
  </si>
  <si>
    <t>MUHAMMAD KAMRAN MAZHAR</t>
  </si>
  <si>
    <t>GGPS NO. 2  HAIRO GHARBI</t>
  </si>
  <si>
    <t>HEIRO GARBI</t>
  </si>
  <si>
    <t>HAIRO GHARBI</t>
  </si>
  <si>
    <t>BINDI</t>
  </si>
  <si>
    <t>SAFIA YASMEEN</t>
  </si>
  <si>
    <t>GGPS (PSSP-II) BHATTA SHADI KHAN</t>
  </si>
  <si>
    <t>BHATTA SHADI KHA</t>
  </si>
  <si>
    <t>BHATTA SHADI KHAN</t>
  </si>
  <si>
    <t>DANEWAL</t>
  </si>
  <si>
    <t>JHANDEER DUREJA</t>
  </si>
  <si>
    <t>BUKHSAY WALA</t>
  </si>
  <si>
    <t>ZAKIA SAEED</t>
  </si>
  <si>
    <t>GPS DARUBHI VEHOA NO 6</t>
  </si>
  <si>
    <t>DARABHI</t>
  </si>
  <si>
    <t>ABDUL HAMID</t>
  </si>
  <si>
    <t>GPS ABBAS WALA</t>
  </si>
  <si>
    <t>PATI GHULAM ALI GHARBI</t>
  </si>
  <si>
    <t>CHAH PAKHRAT WANA</t>
  </si>
  <si>
    <t>TAUNSA-2-I-M</t>
  </si>
  <si>
    <t>HAIRO SHARQI</t>
  </si>
  <si>
    <t>SUGHRA KHAN</t>
  </si>
  <si>
    <t>GPS THULA CHAKI</t>
  </si>
  <si>
    <t>BASTI KACHAL</t>
  </si>
  <si>
    <t>REHANA BASHEER</t>
  </si>
  <si>
    <t>GPS ASHRAF WALA</t>
  </si>
  <si>
    <t>PATI GHULAM ALI</t>
  </si>
  <si>
    <t>ASHRAF WALA</t>
  </si>
  <si>
    <t>GGPS JHOKE IMAM BUKSH</t>
  </si>
  <si>
    <t>DUMRA</t>
  </si>
  <si>
    <t>JHOKE IMAM BUKHSH</t>
  </si>
  <si>
    <t>FIDA HUSSAIN QAMAR</t>
  </si>
  <si>
    <t>GGPS SHEIKH JEVINDAH BINDI #2</t>
  </si>
  <si>
    <t>GHAZIA BATOOL</t>
  </si>
  <si>
    <t>GGPS BHABHAR</t>
  </si>
  <si>
    <t>CHASRA</t>
  </si>
  <si>
    <t>CHASRAY WALA</t>
  </si>
  <si>
    <t>GGPS JHOKE LUGHARI</t>
  </si>
  <si>
    <t>JHOKE LEGHARI</t>
  </si>
  <si>
    <t>MANGROTHA EAST</t>
  </si>
  <si>
    <t>GPS CITY NO. 10</t>
  </si>
  <si>
    <t>SADAR(S) D.G.KHAN - MALE</t>
  </si>
  <si>
    <t>URBAN UC 3</t>
  </si>
  <si>
    <t>GPS GUDRAY WALA</t>
  </si>
  <si>
    <t>NAWAN SHUMALI</t>
  </si>
  <si>
    <t>BASTI PUNJABI</t>
  </si>
  <si>
    <t>KHAJA TAHIR ABBAS</t>
  </si>
  <si>
    <t>GGPS BUDHAN SHAH MIANI</t>
  </si>
  <si>
    <t>YAROO</t>
  </si>
  <si>
    <t>BUDHAN SHAH MIANI</t>
  </si>
  <si>
    <t>SYED ARIF ABBASS</t>
  </si>
  <si>
    <t>ISMAIL WALA</t>
  </si>
  <si>
    <t>GGPS LAY WALA</t>
  </si>
  <si>
    <t>SADAR(N) D.G.KHAN - FEMALE</t>
  </si>
  <si>
    <t>CHABRI</t>
  </si>
  <si>
    <t>SHAMIM BIBI</t>
  </si>
  <si>
    <t>BASTI WASAWY WALA</t>
  </si>
  <si>
    <t>WASAWY WALA</t>
  </si>
  <si>
    <t>SYEDA MOMAL GILLANI</t>
  </si>
  <si>
    <t>GGPS CHAK NO.165/M-A</t>
  </si>
  <si>
    <t>165 MURAD</t>
  </si>
  <si>
    <t>165/M-A</t>
  </si>
  <si>
    <t>MUHAMMAD AFZAL GILL</t>
  </si>
  <si>
    <t>GPS ARABIC HAMEED ABAD</t>
  </si>
  <si>
    <t>ANWAR HATTI</t>
  </si>
  <si>
    <t>GPS BASTI MOCHIAN</t>
  </si>
  <si>
    <t>BASTI MOCHIAN</t>
  </si>
  <si>
    <t>AMMARAH MAJEED</t>
  </si>
  <si>
    <t>GGPS NOOR SHAH PALLA</t>
  </si>
  <si>
    <t>GPS CHAK NO.4/DNB</t>
  </si>
  <si>
    <t>IQBAL MURTAZA</t>
  </si>
  <si>
    <t>GMPS CHAK NO.47/DB (W)</t>
  </si>
  <si>
    <t>CHAK NO.47/DB</t>
  </si>
  <si>
    <t>CHAK NO. 68/DB</t>
  </si>
  <si>
    <t>GGPS KULAB NO.1</t>
  </si>
  <si>
    <t>BASTI KULAB</t>
  </si>
  <si>
    <t>MASOOMA BIBI</t>
  </si>
  <si>
    <t>GGPS MUD RASHEED NO.1 JAMAN SHAH</t>
  </si>
  <si>
    <t>BASTI JAMAN SHAH</t>
  </si>
  <si>
    <t>JAMIL AHMAD</t>
  </si>
  <si>
    <t>GGPS JINDOO CHANNAR NO.2</t>
  </si>
  <si>
    <t>JINDOO CHANNAR</t>
  </si>
  <si>
    <t>BASTI NOOR UL HAQ</t>
  </si>
  <si>
    <t>ROBINA JAMIL</t>
  </si>
  <si>
    <t>GGPS TIBBI HOTE MAHAR</t>
  </si>
  <si>
    <t>TIBBI HOT MAHAR</t>
  </si>
  <si>
    <t>SALEEM SHSHID</t>
  </si>
  <si>
    <t>GGPS NOOR MUHAMMAD WALA</t>
  </si>
  <si>
    <t>PATTI NAYACH</t>
  </si>
  <si>
    <t>CHCH PALY WALA</t>
  </si>
  <si>
    <t>HAFIZ ABDULSATAR</t>
  </si>
  <si>
    <t>GPS HADANI WALA</t>
  </si>
  <si>
    <t>MUHAMMAD BURHAN ALA DIN</t>
  </si>
  <si>
    <t>GPS Masjid Zainbia</t>
  </si>
  <si>
    <t>CHURHATTA PACHADH</t>
  </si>
  <si>
    <t>GPS Masjid Zainbia SADDIQ ABAD COLONY</t>
  </si>
  <si>
    <t>SADDIQUE ABAD</t>
  </si>
  <si>
    <t>MUHAMMAD NASIR HASSAN</t>
  </si>
  <si>
    <t>GGPS JHOKE JAMKI</t>
  </si>
  <si>
    <t>JAMKI BOHAR</t>
  </si>
  <si>
    <t>GPS CITY NO. 15</t>
  </si>
  <si>
    <t>BLOCK O</t>
  </si>
  <si>
    <t>URBAN-9</t>
  </si>
  <si>
    <t>MUHAMMAD ZAFAR SHAHID</t>
  </si>
  <si>
    <t>GPS JHOK MANJOTA</t>
  </si>
  <si>
    <t>GPS BASTI LAL WALI</t>
  </si>
  <si>
    <t>TAUNSA NO.1-M</t>
  </si>
  <si>
    <t>METI</t>
  </si>
  <si>
    <t>BASTI LAL KHAN</t>
  </si>
  <si>
    <t>SOKAR</t>
  </si>
  <si>
    <t>GPS SOBHA</t>
  </si>
  <si>
    <t>HILLS TAUNSA (S) 1 - MALE</t>
  </si>
  <si>
    <t>BASTI LITRI SHUMALI</t>
  </si>
  <si>
    <t>BASTI SOBHA</t>
  </si>
  <si>
    <t>FARIA IQBAL</t>
  </si>
  <si>
    <t>GPS BUZDAR WALA</t>
  </si>
  <si>
    <t>BUZDAR WALA</t>
  </si>
  <si>
    <t>CHABRI  BALA</t>
  </si>
  <si>
    <t>MUHAMMAD AYYAZ</t>
  </si>
  <si>
    <t>GPS SIDDIQUE ABAD</t>
  </si>
  <si>
    <t>KHABAR WALA</t>
  </si>
  <si>
    <t>SADIQUE ABAD</t>
  </si>
  <si>
    <t>GGPS Ahmedani No.2</t>
  </si>
  <si>
    <t>Ahmedani</t>
  </si>
  <si>
    <t>AHMDANI</t>
  </si>
  <si>
    <t>SAJHER SHAHI</t>
  </si>
  <si>
    <t>BHEEM WALA</t>
  </si>
  <si>
    <t>TAHSEEN UL WAHID</t>
  </si>
  <si>
    <t>GPS BASTI NASIR</t>
  </si>
  <si>
    <t>RETRA NO.1-M</t>
  </si>
  <si>
    <t>BASTI NASIR</t>
  </si>
  <si>
    <t>GGPS SURBANI</t>
  </si>
  <si>
    <t>CHAK LADAN</t>
  </si>
  <si>
    <t>BASTI SURBANI</t>
  </si>
  <si>
    <t>JIN PUR</t>
  </si>
  <si>
    <t>GPS MOURIANI NO. 2</t>
  </si>
  <si>
    <t>KALA (N) - MALE</t>
  </si>
  <si>
    <t>GPS DAUKE MALLIAN</t>
  </si>
  <si>
    <t>DAUKE MILLIAN</t>
  </si>
  <si>
    <t>DAUKE MALLIAN</t>
  </si>
  <si>
    <t>Tanzeela Manzoor</t>
  </si>
  <si>
    <t>GGPS BODO NO. 2</t>
  </si>
  <si>
    <t>VEHOVA NO.1-FEMALE</t>
  </si>
  <si>
    <t>JHOKE BADO</t>
  </si>
  <si>
    <t>BODO</t>
  </si>
  <si>
    <t>JHOKE BODO</t>
  </si>
  <si>
    <t>MASOOD AHMED</t>
  </si>
  <si>
    <t>GGPS CHAH RAIMAN</t>
  </si>
  <si>
    <t>RAIMAN KALA</t>
  </si>
  <si>
    <t>CHAH RAMIN WALA</t>
  </si>
  <si>
    <t>RAIMAN</t>
  </si>
  <si>
    <t>SAFDAR NAZIR</t>
  </si>
  <si>
    <t>GGPS SANJAR SAYDAN</t>
  </si>
  <si>
    <t>SANJAR SYEDAN</t>
  </si>
  <si>
    <t>RUKHSANA SADIQUE</t>
  </si>
  <si>
    <t>GPS DOGI WALA</t>
  </si>
  <si>
    <t>TIBBI KHARAK</t>
  </si>
  <si>
    <t>BASTI SHAH JHANDA DARI MERO WALA</t>
  </si>
  <si>
    <t>SHAH JHANDA</t>
  </si>
  <si>
    <t>GHAZANFAR ABBAS</t>
  </si>
  <si>
    <t>GGPS GABAR WAH</t>
  </si>
  <si>
    <t>GABAR WAH</t>
  </si>
  <si>
    <t>MEMONA BASHIR</t>
  </si>
  <si>
    <t>BAIT BALANA</t>
  </si>
  <si>
    <t>IRFAN HAIDER</t>
  </si>
  <si>
    <t>GPS (PSSP-I) 113 WB</t>
  </si>
  <si>
    <t>113 WB</t>
  </si>
  <si>
    <t>MUSSARAT NAWAZ</t>
  </si>
  <si>
    <t>GGPS IRSHAD ABAD</t>
  </si>
  <si>
    <t>MARI DARMIANI</t>
  </si>
  <si>
    <t>IRSHAD ABAD</t>
  </si>
  <si>
    <t>MUDASARA NAZAR</t>
  </si>
  <si>
    <t>GPS SIKANDARY WALI</t>
  </si>
  <si>
    <t>GADI MOR</t>
  </si>
  <si>
    <t>SIKANDRY WALI</t>
  </si>
  <si>
    <t>JEWAN KHAN BUZDAR</t>
  </si>
  <si>
    <t>GGPS JARWAR</t>
  </si>
  <si>
    <t>GODAR</t>
  </si>
  <si>
    <t>ZAKIA WAZEER</t>
  </si>
  <si>
    <t>GGMPS LITRI JANUBI</t>
  </si>
  <si>
    <t>LITRI JANUBI</t>
  </si>
  <si>
    <t>LITRI JANOBI</t>
  </si>
  <si>
    <t>GPS JAMKI</t>
  </si>
  <si>
    <t>GPS JAMKI VILLAGE JAMKI</t>
  </si>
  <si>
    <t>JAMKI</t>
  </si>
  <si>
    <t>REHANA MUSTAFA</t>
  </si>
  <si>
    <t>GPS BOLLANI NO 1</t>
  </si>
  <si>
    <t>BASTI BOLANI</t>
  </si>
  <si>
    <t>GPS CHAK 197 RB II FSD</t>
  </si>
  <si>
    <t>BAGAWAL</t>
  </si>
  <si>
    <t>WAGY WALA</t>
  </si>
  <si>
    <t>FAIZA RASOOL</t>
  </si>
  <si>
    <t>GPS DHOK DAKHAL (PSSP-III)</t>
  </si>
  <si>
    <t>DAKHAL</t>
  </si>
  <si>
    <t>DHOK DAKHAL</t>
  </si>
  <si>
    <t>HASRAT JABEEN</t>
  </si>
  <si>
    <t>GGPS SABA MOHRA</t>
  </si>
  <si>
    <t>SABA MOHRA</t>
  </si>
  <si>
    <t>GGPS SAHLU WALA</t>
  </si>
  <si>
    <t>SAHLU WALA</t>
  </si>
  <si>
    <t>MISBAH BATOOL</t>
  </si>
  <si>
    <t>GGPS ABDULLA WALA</t>
  </si>
  <si>
    <t>BHOTCHI</t>
  </si>
  <si>
    <t>ABDULLAH WALI</t>
  </si>
  <si>
    <t>BHOTEJI</t>
  </si>
  <si>
    <t>GGPS SUI HAFIZ</t>
  </si>
  <si>
    <t>SUI HAFIZ</t>
  </si>
  <si>
    <t>TANZILA SAJID</t>
  </si>
  <si>
    <t>GPS CHAK NO.16/F.W-A</t>
  </si>
  <si>
    <t>CHAK NO.16/F.W-A</t>
  </si>
  <si>
    <t>16/F.W</t>
  </si>
  <si>
    <t>GPS NAI ABADI RASUL NAGAR</t>
  </si>
  <si>
    <t>NAI ABADI RASUL NAGAR</t>
  </si>
  <si>
    <t>NAI ABADI RASOOL NAGAR</t>
  </si>
  <si>
    <t>HUMA SHAHEEN</t>
  </si>
  <si>
    <t>GPS KARNAB ILYAS</t>
  </si>
  <si>
    <t>KARNAB ILYAS</t>
  </si>
  <si>
    <t>RASHEED IRUM</t>
  </si>
  <si>
    <t>GPS BASTI SHAH MUHAMMAD 2</t>
  </si>
  <si>
    <t>ATHER SINGH SANI</t>
  </si>
  <si>
    <t>bheni Noor Samad Dhudi</t>
  </si>
  <si>
    <t>Fateh Kot Canal</t>
  </si>
  <si>
    <t>Abida Khan</t>
  </si>
  <si>
    <t>GGPS KHAJI WALA</t>
  </si>
  <si>
    <t>KHAJI WALA</t>
  </si>
  <si>
    <t>KHAJJI WALA</t>
  </si>
  <si>
    <t>AHMEDANI</t>
  </si>
  <si>
    <t>MAZHAR NAWAZ</t>
  </si>
  <si>
    <t>GGPS BARKAT PURA</t>
  </si>
  <si>
    <t>BARKAT PUR</t>
  </si>
  <si>
    <t>BARKAT PURA</t>
  </si>
  <si>
    <t>SUMREEZ</t>
  </si>
  <si>
    <t>GGPS DORHATTA</t>
  </si>
  <si>
    <t>TABE KHRAKE</t>
  </si>
  <si>
    <t>CHAH DORATA WALA</t>
  </si>
  <si>
    <t>WAHEED AHMAD</t>
  </si>
  <si>
    <t>GPS BASTI RID</t>
  </si>
  <si>
    <t>CHULANI</t>
  </si>
  <si>
    <t>ABDUL KARIM</t>
  </si>
  <si>
    <t>GPS NAZAR LUBANA</t>
  </si>
  <si>
    <t>AMNA REHREEM</t>
  </si>
  <si>
    <t>GGPS DURKANI</t>
  </si>
  <si>
    <t>CHATRI</t>
  </si>
  <si>
    <t>DURKANI</t>
  </si>
  <si>
    <t>SADIA AMEEN</t>
  </si>
  <si>
    <t>GPS MAHMOOD MALANA</t>
  </si>
  <si>
    <t>BAIT MALANA</t>
  </si>
  <si>
    <t>GPS MAHMOOD MALANA basti malana mouza bait malana</t>
  </si>
  <si>
    <t>TABINDA SAHAR</t>
  </si>
  <si>
    <t>GPS KITHRAN WALA</t>
  </si>
  <si>
    <t>KHITRAN WALA</t>
  </si>
  <si>
    <t>GGPS RAKH KARTAR PUR</t>
  </si>
  <si>
    <t>KARTR PUR RUKH</t>
  </si>
  <si>
    <t>RAKH KARTAR PUR</t>
  </si>
  <si>
    <t>ASIMA QADIR</t>
  </si>
  <si>
    <t>GGPS MALLI WALA</t>
  </si>
  <si>
    <t>MALLI WALA</t>
  </si>
  <si>
    <t>Maryam Maqsood</t>
  </si>
  <si>
    <t>GGPS FATIMA JINNAH</t>
  </si>
  <si>
    <t>FATIMA JINNAH</t>
  </si>
  <si>
    <t>MC SHEIKHUPURA</t>
  </si>
  <si>
    <t>SADIA JABEEN</t>
  </si>
  <si>
    <t>GPS MALLI WALA SHARAQPUR</t>
  </si>
  <si>
    <t>Iqra Ghulam</t>
  </si>
  <si>
    <t>GGPS THATHA BAMIAN</t>
  </si>
  <si>
    <t>THATHA BAMIAN</t>
  </si>
  <si>
    <t>Sobia Mukhtar</t>
  </si>
  <si>
    <t>GPS QURESHIAN WALA</t>
  </si>
  <si>
    <t>QURESHAIAN WALA</t>
  </si>
  <si>
    <t>Neelam Mansha</t>
  </si>
  <si>
    <t>GGPS MODEL TIBBA RAHMAT KHAN</t>
  </si>
  <si>
    <t>TIBA RAHMAT KHAN</t>
  </si>
  <si>
    <t>TIBBA RAHMAT KHAN</t>
  </si>
  <si>
    <t>GPS BANGLA KHAN PUR</t>
  </si>
  <si>
    <t>BANGLA KHAN PUR</t>
  </si>
  <si>
    <t>Yasmin Younas</t>
  </si>
  <si>
    <t>GPS NORAY WALA</t>
  </si>
  <si>
    <t>NORAY WALA</t>
  </si>
  <si>
    <t>BURJ ATTARI</t>
  </si>
  <si>
    <t>Huma Shabbir</t>
  </si>
  <si>
    <t>GPS TENDAY</t>
  </si>
  <si>
    <t>TANDAY</t>
  </si>
  <si>
    <t>TENDAY</t>
  </si>
  <si>
    <t>Humaira Maryam</t>
  </si>
  <si>
    <t>GPS CHAK NO.22 WEST</t>
  </si>
  <si>
    <t>CHAK NO 22</t>
  </si>
  <si>
    <t>CHAK NO.22 WEST</t>
  </si>
  <si>
    <t>aQSA Kanwal</t>
  </si>
  <si>
    <t>GGPS CHAK 22 UCC</t>
  </si>
  <si>
    <t>CHAK 22</t>
  </si>
  <si>
    <t>CHAK 22 UCC</t>
  </si>
  <si>
    <t>GPS CHAK NO. 166/7-R EAST</t>
  </si>
  <si>
    <t>CHAK 166/7R EAST</t>
  </si>
  <si>
    <t>167/7-R WEST</t>
  </si>
  <si>
    <t>GGPS BASTI GICHLAN (PSSP)</t>
  </si>
  <si>
    <t>ALI PUR PANJABIAN</t>
  </si>
  <si>
    <t>BASTI GICHLAN</t>
  </si>
  <si>
    <t>GGPS HERDO SEHOL KHURD</t>
  </si>
  <si>
    <t>NARANG MANDI</t>
  </si>
  <si>
    <t>SEHOLE KHURD</t>
  </si>
  <si>
    <t>HERDO SEHOL KHURD</t>
  </si>
  <si>
    <t>FAZEELAT ANEES</t>
  </si>
  <si>
    <t>GPS SAHNIWAL</t>
  </si>
  <si>
    <t>SAHNIWAL</t>
  </si>
  <si>
    <t>FAZEELAT TUFAIL</t>
  </si>
  <si>
    <t>GGPS BHAN UMAR</t>
  </si>
  <si>
    <t>DHANDIALA</t>
  </si>
  <si>
    <t>BHAN UMER</t>
  </si>
  <si>
    <t>SHAMEEM AKHTAR</t>
  </si>
  <si>
    <t>GPS SANGRA</t>
  </si>
  <si>
    <t>SANGRA</t>
  </si>
  <si>
    <t>RANA ALI AHMED</t>
  </si>
  <si>
    <t>GGPS CHAK NO. 424/HR</t>
  </si>
  <si>
    <t>CHAK NO 424/HR</t>
  </si>
  <si>
    <t>BINASH SHAMAUN</t>
  </si>
  <si>
    <t>4288</t>
  </si>
  <si>
    <t>GMPS CHAK NO. 193 7R PO FAQIR WALI</t>
  </si>
  <si>
    <t>HAROONABAD-XVI - FEMALE</t>
  </si>
  <si>
    <t>193 7R</t>
  </si>
  <si>
    <t>Chak No 152/2L</t>
  </si>
  <si>
    <t>Nadia Mehmood</t>
  </si>
  <si>
    <t>GPS CHAK NO 312 TDA</t>
  </si>
  <si>
    <t>OLAKH THAL KALAN - MALE</t>
  </si>
  <si>
    <t>CHAK NO 312 TDA</t>
  </si>
  <si>
    <t>GPS THEMBRA</t>
  </si>
  <si>
    <t>THAMBRA</t>
  </si>
  <si>
    <t>THEMBRA</t>
  </si>
  <si>
    <t>NAYAB RAZA</t>
  </si>
  <si>
    <t>GGPS BAHOODI PUR MACHIAN (PSSP)</t>
  </si>
  <si>
    <t>BAHOODI PUR MACHIAN</t>
  </si>
  <si>
    <t>BAHODI PUR MACHIAN</t>
  </si>
  <si>
    <t>ASMA GHAFFAR</t>
  </si>
  <si>
    <t>GGPS CHAK 318/HR MAROOT</t>
  </si>
  <si>
    <t>318-HR</t>
  </si>
  <si>
    <t>CHAK 318/HR MAROOT</t>
  </si>
  <si>
    <t>ASIMA BASHIR</t>
  </si>
  <si>
    <t>GPS NABI SHAH BASTI GUJJAH</t>
  </si>
  <si>
    <t>KOTLA DEEWAN</t>
  </si>
  <si>
    <t>ZAKIA PERVEEN</t>
  </si>
  <si>
    <t>GGPS CHAK NO 313 TDA</t>
  </si>
  <si>
    <t>CHAK NO 313 TDA</t>
  </si>
  <si>
    <t>Muhammad Nadeem Nazir</t>
  </si>
  <si>
    <t>GGPS CHAK NO. 238 JB PUMP KALAS</t>
  </si>
  <si>
    <t>PUMP KLES</t>
  </si>
  <si>
    <t>PUMP KALAS</t>
  </si>
  <si>
    <t>CHAK 208/JB</t>
  </si>
  <si>
    <t>GGPS BINDU</t>
  </si>
  <si>
    <t>HUMO WALA</t>
  </si>
  <si>
    <t>BINDO</t>
  </si>
  <si>
    <t>ROBINA BATOOL</t>
  </si>
  <si>
    <t>GGPS 165A/9-L</t>
  </si>
  <si>
    <t>165-A/9-L</t>
  </si>
  <si>
    <t>165A/9-L</t>
  </si>
  <si>
    <t>SAIM JABEEN</t>
  </si>
  <si>
    <t>GPS CHAK 339/HR</t>
  </si>
  <si>
    <t>CHAK 339/HR</t>
  </si>
  <si>
    <t>SAEEDA FATIMA</t>
  </si>
  <si>
    <t>GGPS BASTI DEENA RYK DERA SHAMASH (PSSP)</t>
  </si>
  <si>
    <t>DAIRA SHAMSH</t>
  </si>
  <si>
    <t>BASTI DEENA</t>
  </si>
  <si>
    <t>SHUMAILA BEHBOOB</t>
  </si>
  <si>
    <t>GPS SHAHANI</t>
  </si>
  <si>
    <t>ANWAR UL HAQ</t>
  </si>
  <si>
    <t>GPS MAULA BUX</t>
  </si>
  <si>
    <t>BASTI MOLLA BAKHUSH</t>
  </si>
  <si>
    <t>MAULA BAKHSH</t>
  </si>
  <si>
    <t>LATIF AHMAD</t>
  </si>
  <si>
    <t>GPS TANZEEM HASSAN WALI</t>
  </si>
  <si>
    <t>HASSAN WALI</t>
  </si>
  <si>
    <t>FAHIM ABBAS</t>
  </si>
  <si>
    <t>GMPS CHAK NO 238 JB AMAN ABAD</t>
  </si>
  <si>
    <t>BHOWANA MARKAZ NO.18 - FEMALE</t>
  </si>
  <si>
    <t>CHAK NO 238 AMAN ABAD</t>
  </si>
  <si>
    <t>AMAN ABAD</t>
  </si>
  <si>
    <t>SUMRA NAWAZ</t>
  </si>
  <si>
    <t>GGPS BASTI FAQEER ULLAH (PSSP)</t>
  </si>
  <si>
    <t>MEHMOOD GARH</t>
  </si>
  <si>
    <t>BASTI FAQEER ULLAH</t>
  </si>
  <si>
    <t>AQEELA RAHIM</t>
  </si>
  <si>
    <t>GES JHUGIAN AZEEM (PSSP)</t>
  </si>
  <si>
    <t>JHUGIAN AZEEM</t>
  </si>
  <si>
    <t>GPS JHUGIAN AZEEM (PSSP)</t>
  </si>
  <si>
    <t>KHARAL KALAN</t>
  </si>
  <si>
    <t>M NADEEM SAJID</t>
  </si>
  <si>
    <t>GPS YAROO WALA</t>
  </si>
  <si>
    <t>DAGRI KOTLI NORTH</t>
  </si>
  <si>
    <t>YAROO WALA</t>
  </si>
  <si>
    <t>GPS MAHTAM MAHAL</t>
  </si>
  <si>
    <t>MAHAL MAHTAM</t>
  </si>
  <si>
    <t>AYAZ AHMAD</t>
  </si>
  <si>
    <t>GPS 35-D</t>
  </si>
  <si>
    <t>35/D</t>
  </si>
  <si>
    <t>38/D</t>
  </si>
  <si>
    <t>SAJIDA LAL</t>
  </si>
  <si>
    <t>GGPS CHAK NO.63 /ML</t>
  </si>
  <si>
    <t>CHAK NO. 63 ML</t>
  </si>
  <si>
    <t>63 ML</t>
  </si>
  <si>
    <t>KOT GHUMMAN</t>
  </si>
  <si>
    <t>GGPS KOT GHUMAN P.O. WADAL SANDHUWAN TEHSIL DASKA DISTT SIALKOT</t>
  </si>
  <si>
    <t>JHARANWALA</t>
  </si>
  <si>
    <t>NAZIA ASJAD</t>
  </si>
  <si>
    <t>GPS NAWAZ ABAD NO. 1</t>
  </si>
  <si>
    <t>GPS QASAM KE MAHAR NO 1</t>
  </si>
  <si>
    <t>QASAM KE MAHAR</t>
  </si>
  <si>
    <t>QASIM KAY MAHAR</t>
  </si>
  <si>
    <t>NAHAL MAHAR</t>
  </si>
  <si>
    <t>SAIMA YOUSAF</t>
  </si>
  <si>
    <t>GPS BAMMAY WALA</t>
  </si>
  <si>
    <t>GULKALA</t>
  </si>
  <si>
    <t>NAMHAY WALA</t>
  </si>
  <si>
    <t>ZAHID HALEEM</t>
  </si>
  <si>
    <t>GPS CHAK NO. 62/4-R (A.B)</t>
  </si>
  <si>
    <t>62/4-R  AB</t>
  </si>
  <si>
    <t>AZMAT HUSSAIN</t>
  </si>
  <si>
    <t>GPS DHOK KHALSAL</t>
  </si>
  <si>
    <t>DHOK KHALSAL</t>
  </si>
  <si>
    <t>GPS MANGA DONA</t>
  </si>
  <si>
    <t>MANGA DONA</t>
  </si>
  <si>
    <t>JAMAL KOT</t>
  </si>
  <si>
    <t>SHEZANA LIAQAT</t>
  </si>
  <si>
    <t>GGPS CHAK NO 247 JB BARAL</t>
  </si>
  <si>
    <t>CHAK NO 247</t>
  </si>
  <si>
    <t>CHAK NO 247 JB</t>
  </si>
  <si>
    <t>CHAK 203/JB</t>
  </si>
  <si>
    <t>SHAFQAT MUBEEN</t>
  </si>
  <si>
    <t>GPS KHAGA MAHAR SHAH</t>
  </si>
  <si>
    <t>KHAGA MAHAR SHAH</t>
  </si>
  <si>
    <t>ATIQA FATIMA</t>
  </si>
  <si>
    <t>GGPS MANIK WALI (PSSP)</t>
  </si>
  <si>
    <t>BASTI MANIK</t>
  </si>
  <si>
    <t>SUMAIRA SHAFQAT</t>
  </si>
  <si>
    <t>GPS TAMEER-E-NOU</t>
  </si>
  <si>
    <t>ISLAM NAGAR</t>
  </si>
  <si>
    <t>KHADIM ABAD</t>
  </si>
  <si>
    <t>GGPS RAMZAN LANGHA</t>
  </si>
  <si>
    <t>BAHAWALNAGAR-I - FEMALE</t>
  </si>
  <si>
    <t>RAMZAN LANGHA</t>
  </si>
  <si>
    <t>JHULAN ARIAN</t>
  </si>
  <si>
    <t>TARIQ MEHMOOR</t>
  </si>
  <si>
    <t>GPS 11/14-L QUARTERS</t>
  </si>
  <si>
    <t>11/14-L QUARTERS</t>
  </si>
  <si>
    <t>7/14-L</t>
  </si>
  <si>
    <t>RIBINA KOUSAR</t>
  </si>
  <si>
    <t>GPS TANZEEM BASTI SAHOOKA</t>
  </si>
  <si>
    <t>BASTI SAHOOKA</t>
  </si>
  <si>
    <t>GPS JUSSOKAY SOHAG</t>
  </si>
  <si>
    <t>TAHIR KALAN</t>
  </si>
  <si>
    <t>JASSO KAY SUHAG</t>
  </si>
  <si>
    <t>MUZAMIL KHAN</t>
  </si>
  <si>
    <t>GPS DERA ABDUL REHMAN</t>
  </si>
  <si>
    <t>GPS DHOK SIRKI</t>
  </si>
  <si>
    <t>SIRAKI</t>
  </si>
  <si>
    <t>GPS CHAK NO.87/TDA</t>
  </si>
  <si>
    <t>CHAK NO.87/TDA</t>
  </si>
  <si>
    <t>GGPS CHAK NO.75-A/TDA</t>
  </si>
  <si>
    <t>CHAK 75-A/TDA</t>
  </si>
  <si>
    <t>CHAK NO.75-A/TDA</t>
  </si>
  <si>
    <t>Shakeela Rubaab</t>
  </si>
  <si>
    <t>GPS ANYAEEN (PSSP)</t>
  </si>
  <si>
    <t>ANYAEEN</t>
  </si>
  <si>
    <t>ANAYEEN</t>
  </si>
  <si>
    <t>CHORASATA MIAN KHAN</t>
  </si>
  <si>
    <t>GGPS BOONGA</t>
  </si>
  <si>
    <t>BHOWANA MARKAZ NO.19 - FEMALE</t>
  </si>
  <si>
    <t>BONGA</t>
  </si>
  <si>
    <t>BHALLO</t>
  </si>
  <si>
    <t>IQBAL BIBI</t>
  </si>
  <si>
    <t>GPS DARBATTA</t>
  </si>
  <si>
    <t>DARBATTA</t>
  </si>
  <si>
    <t>GPS CHAK NO.22</t>
  </si>
  <si>
    <t>CHAK NO.22</t>
  </si>
  <si>
    <t>Iqra Shareef</t>
  </si>
  <si>
    <t>Iqra Zareef</t>
  </si>
  <si>
    <t>GPS DERA RAFI</t>
  </si>
  <si>
    <t>DERA MUHAMMAD RAFI</t>
  </si>
  <si>
    <t>DERA RAFI</t>
  </si>
  <si>
    <t>ESHAR KAY</t>
  </si>
  <si>
    <t>GGPS RATOANA</t>
  </si>
  <si>
    <t>AMONKE</t>
  </si>
  <si>
    <t>RATOANA</t>
  </si>
  <si>
    <t>Zunairah Shafaqat</t>
  </si>
  <si>
    <t>GGPS KUKRI PUR</t>
  </si>
  <si>
    <t>KUKRI PUR</t>
  </si>
  <si>
    <t>Rukhshana Shaheen</t>
  </si>
  <si>
    <t>GPS KUKRI PUR</t>
  </si>
  <si>
    <t>Aysha Naz</t>
  </si>
  <si>
    <t>GGPS DERA GHULAM GHOUS</t>
  </si>
  <si>
    <t>GHUNG</t>
  </si>
  <si>
    <t>DERA GHULAM GHOUS</t>
  </si>
  <si>
    <t>SIDRA AMEEN</t>
  </si>
  <si>
    <t>GGPS MEMBERIAN WALA</t>
  </si>
  <si>
    <t>MEMBERIAN WALA</t>
  </si>
  <si>
    <t>GPS BANSI NAGAR</t>
  </si>
  <si>
    <t>BANSI NAGAR</t>
  </si>
  <si>
    <t>GGPS DERA ROHI WALA</t>
  </si>
  <si>
    <t>SHAKEELA ALIM</t>
  </si>
  <si>
    <t>GGPS PHARIAN WALA</t>
  </si>
  <si>
    <t>PHARIAN WALA</t>
  </si>
  <si>
    <t>SUNDAS SHARAFAT</t>
  </si>
  <si>
    <t>GGPS LAL SHAH WALA BASTI LAL SHAHWALA</t>
  </si>
  <si>
    <t>THODA PUR</t>
  </si>
  <si>
    <t>LAL SHAH WALA</t>
  </si>
  <si>
    <t>ASIA NOREEN</t>
  </si>
  <si>
    <t>GPS 2 SP GILLAN WALA</t>
  </si>
  <si>
    <t>2-SP GILLAN WALA</t>
  </si>
  <si>
    <t>GPS 2 SP GILLAN WALA BOYAL GUNG</t>
  </si>
  <si>
    <t>2/SP</t>
  </si>
  <si>
    <t>SONIA IQBAL</t>
  </si>
  <si>
    <t>GMPS HASAM   ***   PEF</t>
  </si>
  <si>
    <t>HASAM</t>
  </si>
  <si>
    <t>HISSAM</t>
  </si>
  <si>
    <t>NOMEEN ANJUM</t>
  </si>
  <si>
    <t>GPS MULAN AHMED WALA</t>
  </si>
  <si>
    <t>SIKANDARABAD - MALE</t>
  </si>
  <si>
    <t>CHAH MULLAN AHMAD WALA</t>
  </si>
  <si>
    <t>RASHIDA IMAM</t>
  </si>
  <si>
    <t>GGPS NANDLA NO.1 NEAR NAWAB PUR ROAD</t>
  </si>
  <si>
    <t>NANDLA</t>
  </si>
  <si>
    <t>CHAH BAGH WALA</t>
  </si>
  <si>
    <t>BASTI NAU</t>
  </si>
  <si>
    <t>GPS GULAB DAS</t>
  </si>
  <si>
    <t>GULAB DAS</t>
  </si>
  <si>
    <t>1/SP</t>
  </si>
  <si>
    <t>M MOBEEN</t>
  </si>
  <si>
    <t>GPS GANJI BASTI</t>
  </si>
  <si>
    <t>MIRALI WAHIN</t>
  </si>
  <si>
    <t>GANJI BASTI</t>
  </si>
  <si>
    <t>NADIA FAIZ</t>
  </si>
  <si>
    <t>GGPS ALLAH ABAD AZAM HANSE NO.1</t>
  </si>
  <si>
    <t>AZAM HANSE</t>
  </si>
  <si>
    <t>SHAISTA MUSTAFA</t>
  </si>
  <si>
    <t>GGPS SHARIF PURA BASTI SHOR KOT MULTAN</t>
  </si>
  <si>
    <t>DORANA NANGANA</t>
  </si>
  <si>
    <t>ASMA JAMEEL</t>
  </si>
  <si>
    <t>GPS SERWAR SHAHKOT, CHAH TOBEY WALA</t>
  </si>
  <si>
    <t>DERA MUHAMMADI</t>
  </si>
  <si>
    <t>CHAH TOBAY WALA</t>
  </si>
  <si>
    <t>NUSRAT NAZIR</t>
  </si>
  <si>
    <t>GPS WASOO SALAM KA</t>
  </si>
  <si>
    <t>WASOO SALAM KA DO</t>
  </si>
  <si>
    <t>WASO SALAM KA</t>
  </si>
  <si>
    <t>MEHNAT DARSHAN</t>
  </si>
  <si>
    <t>BUSHRA AHMAD</t>
  </si>
  <si>
    <t>GPS BUPPER WAL</t>
  </si>
  <si>
    <t>BUPPER</t>
  </si>
  <si>
    <t>BUPER WAL</t>
  </si>
  <si>
    <t>WAINDLA JAGEER</t>
  </si>
  <si>
    <t>M ASHRAF NAEEM</t>
  </si>
  <si>
    <t>GGPS KAYAN PUR NO 3 METRO TOWN SASSY CHOWK MULTAN</t>
  </si>
  <si>
    <t>SASI CHOWK</t>
  </si>
  <si>
    <t>MAIMOONA</t>
  </si>
  <si>
    <t>GPS KARI WALA JAGIR</t>
  </si>
  <si>
    <t>KARI WALA JAGIR</t>
  </si>
  <si>
    <t>KARI WALA JAGEER</t>
  </si>
  <si>
    <t>SHAHEEN AKHTER</t>
  </si>
  <si>
    <t>GGPS PEER BAKHSH WALA</t>
  </si>
  <si>
    <t>BAKHSH PUR SUKHA</t>
  </si>
  <si>
    <t>GGPS PPER BAKHSH WALA</t>
  </si>
  <si>
    <t>CHAH GANGU WALA</t>
  </si>
  <si>
    <t>SAIRA SHARIF</t>
  </si>
  <si>
    <t>GPS NAWAN KOT LALIAN WALA</t>
  </si>
  <si>
    <t>AISHA AHMAD</t>
  </si>
  <si>
    <t>GPS AUDDAN WALI</t>
  </si>
  <si>
    <t>UDAN WALI</t>
  </si>
  <si>
    <t>AUDAN WALI</t>
  </si>
  <si>
    <t>CHIPLI PUR</t>
  </si>
  <si>
    <t>M MANSHA</t>
  </si>
  <si>
    <t>GPS PROBIN ABAD</t>
  </si>
  <si>
    <t>PROBIN ABAD</t>
  </si>
  <si>
    <t>NAHEED AKHTER</t>
  </si>
  <si>
    <t>GPS MUHAMMAD PUR DAKHLI</t>
  </si>
  <si>
    <t>MUHAMMAD PUR DAKHLI</t>
  </si>
  <si>
    <t>FOZIA NAZIR</t>
  </si>
  <si>
    <t>GPS HOSHNAK SHING</t>
  </si>
  <si>
    <t>HOSHNAK SHING</t>
  </si>
  <si>
    <t>HOSHNAK SINGH</t>
  </si>
  <si>
    <t>CHAPLI PUR</t>
  </si>
  <si>
    <t>SALMA PARVEEN</t>
  </si>
  <si>
    <t>KAHIR PUR</t>
  </si>
  <si>
    <t>QILA TARA SINGH</t>
  </si>
  <si>
    <t>RUKHSANA IQBAL</t>
  </si>
  <si>
    <t>GGPES DERA MACHINE NO.2 MULTAN</t>
  </si>
  <si>
    <t>GGPS DERA MACHINE NO.2 MULTAN</t>
  </si>
  <si>
    <t>BASTI BOOTAY WALI</t>
  </si>
  <si>
    <t>DERA MUAMMADI</t>
  </si>
  <si>
    <t>SUNDAS AYUB</t>
  </si>
  <si>
    <t>GGPS PEER BAKHSH SIAL JILANI TOWN</t>
  </si>
  <si>
    <t>RAM KHALI</t>
  </si>
  <si>
    <t>JILANI TOWN</t>
  </si>
  <si>
    <t>KINZA NASIR</t>
  </si>
  <si>
    <t>GGPS MOLVI WALA BUDHLA ROAD</t>
  </si>
  <si>
    <t>JHOKE LASHKAR</t>
  </si>
  <si>
    <t>KHOKE LASHKAR</t>
  </si>
  <si>
    <t>YASMEEN</t>
  </si>
  <si>
    <t>GGPS JAN MOHAMMAD WALA</t>
  </si>
  <si>
    <t>MUHAMMAD HUSAIN WALA</t>
  </si>
  <si>
    <t>JAN MUHAMMAD</t>
  </si>
  <si>
    <t>SUMAIRA MALIK</t>
  </si>
  <si>
    <t>GPS PHULLAR WAN KAMBOH (PSSP)</t>
  </si>
  <si>
    <t>PHULLAR WAN KAMBOH</t>
  </si>
  <si>
    <t>M ZIKRIA</t>
  </si>
  <si>
    <t>GPS SYED ALI PUR MUZAFFARABAD MULTAN</t>
  </si>
  <si>
    <t>SYED ALIPUR</t>
  </si>
  <si>
    <t>SYED ALI PUR</t>
  </si>
  <si>
    <t>SIDRA ABBAS</t>
  </si>
  <si>
    <t>GGPS UMER PUR MULTAN</t>
  </si>
  <si>
    <t>UMER PUR</t>
  </si>
  <si>
    <t>SALEH MAHAY</t>
  </si>
  <si>
    <t>SAHAR JAMSHAID</t>
  </si>
  <si>
    <t>GPS BAIL SINGH</t>
  </si>
  <si>
    <t>BAIL SINGH</t>
  </si>
  <si>
    <t>ABIDA SAIF</t>
  </si>
  <si>
    <t>GPS CHAK MUGHAL</t>
  </si>
  <si>
    <t>CHAK MUGHAL</t>
  </si>
  <si>
    <t>GPS MOHIB ALI HATAR</t>
  </si>
  <si>
    <t>MOHIB LAI HATAR</t>
  </si>
  <si>
    <t>SAFINA TABASUM</t>
  </si>
  <si>
    <t>GPS KATYAM</t>
  </si>
  <si>
    <t>PINDORI BALYAM</t>
  </si>
  <si>
    <t>KATYAM</t>
  </si>
  <si>
    <t>GPS CHAPRI BURHAL (PSSP-III)</t>
  </si>
  <si>
    <t>CHAPRI BURHAL</t>
  </si>
  <si>
    <t>GGPS MANDHAL</t>
  </si>
  <si>
    <t>BEHGAM</t>
  </si>
  <si>
    <t>MANDHAL</t>
  </si>
  <si>
    <t>SUMIA NAZ</t>
  </si>
  <si>
    <t>GGPS SAMRA</t>
  </si>
  <si>
    <t>GUJRANWALA CITY-5 - FEMAL</t>
  </si>
  <si>
    <t>FAKHIRA JABEEN</t>
  </si>
  <si>
    <t>GGPS KANGAR NO 2</t>
  </si>
  <si>
    <t>KANGAR</t>
  </si>
  <si>
    <t>IQRA MANZOOR</t>
  </si>
  <si>
    <t>GPS WARA MAIWATIAN</t>
  </si>
  <si>
    <t>WARA MAIWATIAN</t>
  </si>
  <si>
    <t>WARA MAWATIAN</t>
  </si>
  <si>
    <t>SOBIA FARMAISH</t>
  </si>
  <si>
    <t>GPS DHOK KANATTI (PSSP-III)</t>
  </si>
  <si>
    <t>DHOK KANATTI</t>
  </si>
  <si>
    <t>AMNA KHAN</t>
  </si>
  <si>
    <t>GGCMS 46/5-L</t>
  </si>
  <si>
    <t>BURJ WALA A - FEMALE</t>
  </si>
  <si>
    <t>46/5-L</t>
  </si>
  <si>
    <t>45/5-L</t>
  </si>
  <si>
    <t>44/5-L</t>
  </si>
  <si>
    <t>IJAZ AHMED</t>
  </si>
  <si>
    <t>GGPS MERO BALOCH</t>
  </si>
  <si>
    <t>MERO BALOCH</t>
  </si>
  <si>
    <t>GGPS FOREST COLONY KUNDIAN</t>
  </si>
  <si>
    <t>KUNDIAN - FEMALE</t>
  </si>
  <si>
    <t>MOHALLAH MUSTAFA ABAD</t>
  </si>
  <si>
    <t>REHANA BIBI</t>
  </si>
  <si>
    <t>GPS SILLAN WALI</t>
  </si>
  <si>
    <t>KHUDA BAKHSH CHANNAR</t>
  </si>
  <si>
    <t>ADDA WAHI JAN MUHAMMAD</t>
  </si>
  <si>
    <t>TANZEELA RAFIQUE</t>
  </si>
  <si>
    <t>GPS BASTI KORAI</t>
  </si>
  <si>
    <t>SHAH JAMAL- I - MALE</t>
  </si>
  <si>
    <t>BASTI KORAI</t>
  </si>
  <si>
    <t>ANEELA BASHIR</t>
  </si>
  <si>
    <t>GPS BAHADAR MAHRA</t>
  </si>
  <si>
    <t>SHARIF CHAJRA- MALE</t>
  </si>
  <si>
    <t>BAHADAR MAHRA</t>
  </si>
  <si>
    <t>FARHANA NAEEM</t>
  </si>
  <si>
    <t>GPS KHALTI</t>
  </si>
  <si>
    <t>GGPS MIR HAZAR KHAN</t>
  </si>
  <si>
    <t>SHARIF WALA</t>
  </si>
  <si>
    <t>NEELAM NAZ</t>
  </si>
  <si>
    <t>MIR HAZAR KHAN - MALE</t>
  </si>
  <si>
    <t>BASTI MAKWAL</t>
  </si>
  <si>
    <t>KOTLA GAMON</t>
  </si>
  <si>
    <t>GGPS RAJU WALA</t>
  </si>
  <si>
    <t>WARIAN WALA</t>
  </si>
  <si>
    <t>BASTI CHAGUANI</t>
  </si>
  <si>
    <t>GPS KOT RATTA</t>
  </si>
  <si>
    <t>KOT RATTA</t>
  </si>
  <si>
    <t>GPS HASIL WALA</t>
  </si>
  <si>
    <t>MUNDAYAN WALA WARIAN WALA</t>
  </si>
  <si>
    <t>MIR HAZAR</t>
  </si>
  <si>
    <t>SHABANA KOUSER</t>
  </si>
  <si>
    <t>GPS MANDWANI WALA</t>
  </si>
  <si>
    <t>BASTI MADWANI</t>
  </si>
  <si>
    <t>GGPS FAZAL KHAN KORAI</t>
  </si>
  <si>
    <t>BHINDI KORAI</t>
  </si>
  <si>
    <t>FARKHANDA YASMIN</t>
  </si>
  <si>
    <t>GGPS ABRIEND WALA</t>
  </si>
  <si>
    <t>ABREIND</t>
  </si>
  <si>
    <t>RABIA HAFEEZ</t>
  </si>
  <si>
    <t>GPS KOT ZAMAN SHAH</t>
  </si>
  <si>
    <t>KOT ZAMAN SHAH</t>
  </si>
  <si>
    <t>KOT ZAMAN</t>
  </si>
  <si>
    <t>SHAHNAZ YASEEN</t>
  </si>
  <si>
    <t>GPS SUBHAN SHAH</t>
  </si>
  <si>
    <t>SUBHAN SHAH</t>
  </si>
  <si>
    <t>SHIRIN ZAHRA</t>
  </si>
  <si>
    <t>GPS JANDOWAL</t>
  </si>
  <si>
    <t>JANDOWAL</t>
  </si>
  <si>
    <t>NASIR JAHAN ABID</t>
  </si>
  <si>
    <t>3342</t>
  </si>
  <si>
    <t>GPS CHAK 398 JB II</t>
  </si>
  <si>
    <t>ZIA COLONY FEMALE</t>
  </si>
  <si>
    <t>CHAK NO 398 JB II</t>
  </si>
  <si>
    <t>CHAK 398 JB II</t>
  </si>
  <si>
    <t>CHAK 388 JB</t>
  </si>
  <si>
    <t>HAMAIRA PERVEEN</t>
  </si>
  <si>
    <t>GGPS NO 3 MUHAMMAD NAGAR</t>
  </si>
  <si>
    <t>CHAK HAFIZ LAL DAKHLI</t>
  </si>
  <si>
    <t>RASHIDA ZUBAIR</t>
  </si>
  <si>
    <t>GGPS SAEED NAGAR (PSSP)</t>
  </si>
  <si>
    <t>SAEEED NAGAR</t>
  </si>
  <si>
    <t>SAEED NAGAR</t>
  </si>
  <si>
    <t>KALASAN PARAMAL</t>
  </si>
  <si>
    <t>ADNAN SHAKIR</t>
  </si>
  <si>
    <t>GMPS KHOLAY JAYMAL</t>
  </si>
  <si>
    <t>KOLAY JAYMAL</t>
  </si>
  <si>
    <t>KHOLAY JAMAL</t>
  </si>
  <si>
    <t>TANZEELA AZAM</t>
  </si>
  <si>
    <t>GGPS JALLAN WALI</t>
  </si>
  <si>
    <t>JALLAN WALI</t>
  </si>
  <si>
    <t>SHAMA IZHAR NAQVI</t>
  </si>
  <si>
    <t>GGPS ASAD ULLAH GARH</t>
  </si>
  <si>
    <t>ASAD ULLAH GARH</t>
  </si>
  <si>
    <t>GGPS ASAD ULLAH GARH ( UNDER NGO)</t>
  </si>
  <si>
    <t>GHER ABAD</t>
  </si>
  <si>
    <t>KAHAN SINGH</t>
  </si>
  <si>
    <t>MANDI AHMADABAD</t>
  </si>
  <si>
    <t>MISBAH MUBARIK</t>
  </si>
  <si>
    <t>GGPS CHAK 245 GB II TALVANDI</t>
  </si>
  <si>
    <t>CHAK NO 245 II</t>
  </si>
  <si>
    <t>SUMAIRA SAMAD</t>
  </si>
  <si>
    <t>GMPS SAID PUR HUNJLI</t>
  </si>
  <si>
    <t>SAID PUR HINJLI</t>
  </si>
  <si>
    <t>DHULAM KAHLWAN</t>
  </si>
  <si>
    <t>SANAM LIAQAT</t>
  </si>
  <si>
    <t>GGPS MOGHA</t>
  </si>
  <si>
    <t>KAMAL MUHAMMAD</t>
  </si>
  <si>
    <t>Mogha</t>
  </si>
  <si>
    <t>KHETRAN WALA</t>
  </si>
  <si>
    <t>GGPS JHERANWALI</t>
  </si>
  <si>
    <t>JHERANWALI</t>
  </si>
  <si>
    <t>RAHEELA QAMAR</t>
  </si>
  <si>
    <t>GGPS CHAK 652/3 GB LUNDIANWALA</t>
  </si>
  <si>
    <t>652-GB</t>
  </si>
  <si>
    <t>652/3  GB</t>
  </si>
  <si>
    <t>147/GB</t>
  </si>
  <si>
    <t>MUDDASAR RIAZ</t>
  </si>
  <si>
    <t>GGPS 387/W.B</t>
  </si>
  <si>
    <t>387/W.B</t>
  </si>
  <si>
    <t>CHAK NO.387/WB</t>
  </si>
  <si>
    <t>GGPS 98/P GHATTI (PSSP)</t>
  </si>
  <si>
    <t>CHAK NO. 98/P</t>
  </si>
  <si>
    <t>MEHVISH KHALID</t>
  </si>
  <si>
    <t>GGPS RAHDARIAN WALA</t>
  </si>
  <si>
    <t>RAHDARIAN WALA</t>
  </si>
  <si>
    <t>RAHADARIAN WALA</t>
  </si>
  <si>
    <t>SHAHBANA</t>
  </si>
  <si>
    <t>GGPS RANGRA BARMALA</t>
  </si>
  <si>
    <t>TANDA II - FEMALE</t>
  </si>
  <si>
    <t>tanda II</t>
  </si>
  <si>
    <t>SURKH PUR</t>
  </si>
  <si>
    <t>aqsa bibi</t>
  </si>
  <si>
    <t>GGPS KOTHA AHMAD SHAH</t>
  </si>
  <si>
    <t>Kotha Ahmad Shah</t>
  </si>
  <si>
    <t>Rubina Kosar</t>
  </si>
  <si>
    <t>GPS CHAK 591 GB III</t>
  </si>
  <si>
    <t>GANGA PUR</t>
  </si>
  <si>
    <t>PAKKA PIND</t>
  </si>
  <si>
    <t>GGPS CHAH BUDHAY WALA</t>
  </si>
  <si>
    <t>BUDHAY WALA</t>
  </si>
  <si>
    <t>CHAH BUDHAY WALA</t>
  </si>
  <si>
    <t>CHAK 384/WB</t>
  </si>
  <si>
    <t>GPS SURKH PUR</t>
  </si>
  <si>
    <t>tanda I</t>
  </si>
  <si>
    <t>shrheen majeed</t>
  </si>
  <si>
    <t>GPS 37/12-L PHATIC CHICHAWATNI</t>
  </si>
  <si>
    <t>CHAK NO. 37/12-L PHAT</t>
  </si>
  <si>
    <t>PHATIC CHICHAWATNI</t>
  </si>
  <si>
    <t>SONIA PERVEEN</t>
  </si>
  <si>
    <t>GGPS GAMB BADA</t>
  </si>
  <si>
    <t>GAMB BADA</t>
  </si>
  <si>
    <t>GAMBBADA</t>
  </si>
  <si>
    <t>ZUBAIDA CHOUDHARY</t>
  </si>
  <si>
    <t>GGPS CHAK 33/M NO.2</t>
  </si>
  <si>
    <t>JALLAH ARAIN-FEMALE</t>
  </si>
  <si>
    <t>33 M</t>
  </si>
  <si>
    <t>CHAK 33/M</t>
  </si>
  <si>
    <t>GPS KOT ATTA ULLAH PUR</t>
  </si>
  <si>
    <t>KOT ATAULLAH PUR</t>
  </si>
  <si>
    <t>RAO KHAN WALA</t>
  </si>
  <si>
    <t>SHAMSHA KANWAL</t>
  </si>
  <si>
    <t>GPS AWAN WALA JANUBI</t>
  </si>
  <si>
    <t>JANDAN WALA - MALE</t>
  </si>
  <si>
    <t>AWANA WALA</t>
  </si>
  <si>
    <t>GPS 567 GB I</t>
  </si>
  <si>
    <t>567 GB I</t>
  </si>
  <si>
    <t>PATHAN CHAK</t>
  </si>
  <si>
    <t>566/GB</t>
  </si>
  <si>
    <t>TAHIRA SHEHNAZ</t>
  </si>
  <si>
    <t>GGPS NOOR KOT</t>
  </si>
  <si>
    <t>Noor Kot</t>
  </si>
  <si>
    <t>Ayesha Maqbool</t>
  </si>
  <si>
    <t>GGPS MIAN NAGAR</t>
  </si>
  <si>
    <t>DADOO Mumonka</t>
  </si>
  <si>
    <t>GPS LAKHOKE</t>
  </si>
  <si>
    <t>SAFDER ABAD</t>
  </si>
  <si>
    <t>LAKHOE</t>
  </si>
  <si>
    <t>LAKHOKE</t>
  </si>
  <si>
    <t>GGPS HEAD KURRIYAN KARPAN WALA</t>
  </si>
  <si>
    <t>HEAD KARRIYAN</t>
  </si>
  <si>
    <t>HEAD KURRIYAN</t>
  </si>
  <si>
    <t>ALTAF HUSSAIN SHAH</t>
  </si>
  <si>
    <t>GPS HASTAY WALA KASUR</t>
  </si>
  <si>
    <t>HASTAY WALA</t>
  </si>
  <si>
    <t>RAJOWAL NOU</t>
  </si>
  <si>
    <t>SURIYA REHMAT</t>
  </si>
  <si>
    <t>GPS 559 GB I</t>
  </si>
  <si>
    <t>559/GB</t>
  </si>
  <si>
    <t>559 GB I</t>
  </si>
  <si>
    <t>591/GB</t>
  </si>
  <si>
    <t>NAILA ASHRAF</t>
  </si>
  <si>
    <t>GPS CHAP SANDHI NASHAIB</t>
  </si>
  <si>
    <t>CHAP SANDHI</t>
  </si>
  <si>
    <t>CHAP SANDHI NASHEEB</t>
  </si>
  <si>
    <t>KANJAN</t>
  </si>
  <si>
    <t>GPS TIBBA NAINWAL</t>
  </si>
  <si>
    <t>TIBBA NAINWALA</t>
  </si>
  <si>
    <t>DHOLAN HITHAR</t>
  </si>
  <si>
    <t>TAHIRA SALAMAT</t>
  </si>
  <si>
    <t>BAHALEKAY</t>
  </si>
  <si>
    <t>GPS 559 GB-III</t>
  </si>
  <si>
    <t>559 GB-III</t>
  </si>
  <si>
    <t>559 GB III</t>
  </si>
  <si>
    <t>JANAT FIRDOUS</t>
  </si>
  <si>
    <t>GPS MABBOO WALA</t>
  </si>
  <si>
    <t>JAITH PUR - MALE</t>
  </si>
  <si>
    <t>MABBOO WALA</t>
  </si>
  <si>
    <t>MABOO WALA</t>
  </si>
  <si>
    <t>GPS BASTI PEER QUDAT ULLAH SHAHEEDKA</t>
  </si>
  <si>
    <t>Ram Wali</t>
  </si>
  <si>
    <t>Shaheedka</t>
  </si>
  <si>
    <t>Mahmood ahmad</t>
  </si>
  <si>
    <t>GPS ITTAR SINGH WALA</t>
  </si>
  <si>
    <t>ITTAR SINGH WALA</t>
  </si>
  <si>
    <t>GPS SHAHDEWAL</t>
  </si>
  <si>
    <t>SHAHDEWAL</t>
  </si>
  <si>
    <t>AISHA KALSOOM</t>
  </si>
  <si>
    <t>GPS CHAK 169 GB SOUTH SAMUNDRI</t>
  </si>
  <si>
    <t>THEKRIAN</t>
  </si>
  <si>
    <t>CHAK NO. 169 GB</t>
  </si>
  <si>
    <t>463/GB</t>
  </si>
  <si>
    <t>RUKHSANA ANWAR</t>
  </si>
  <si>
    <t>GPS KHUNDA BHIR</t>
  </si>
  <si>
    <t>BHOWANA MARKAZ NO.30 - MALE</t>
  </si>
  <si>
    <t>TETHA LONA</t>
  </si>
  <si>
    <t>KHUNDA BHIR</t>
  </si>
  <si>
    <t>QAMAR HUSSAIN</t>
  </si>
  <si>
    <t>GGPS SAWAN SINGH WALA</t>
  </si>
  <si>
    <t>SAWAN SINGH WALA</t>
  </si>
  <si>
    <t>JHANDIANWALI</t>
  </si>
  <si>
    <t>AMINA ANWAR</t>
  </si>
  <si>
    <t>GPS JAGOWALA HITHAR</t>
  </si>
  <si>
    <t>JAGOWALA HITHAR</t>
  </si>
  <si>
    <t>VEERAN HITHAR</t>
  </si>
  <si>
    <t>GPS BUKHARANA</t>
  </si>
  <si>
    <t>BUKHARANA</t>
  </si>
  <si>
    <t>Lubna Sharif</t>
  </si>
  <si>
    <t>GGPS CHAH KHICHI</t>
  </si>
  <si>
    <t>CHAH KHICHI</t>
  </si>
  <si>
    <t>GPS HEAD GULSHER</t>
  </si>
  <si>
    <t>HEAD GULSHER</t>
  </si>
  <si>
    <t>RASHIDA ALAM</t>
  </si>
  <si>
    <t>GPS 29/GB</t>
  </si>
  <si>
    <t>HARAH SING</t>
  </si>
  <si>
    <t>29 GB</t>
  </si>
  <si>
    <t>37/GB</t>
  </si>
  <si>
    <t>GGPS SAMAY WALA</t>
  </si>
  <si>
    <t>NADRA MURTAZA</t>
  </si>
  <si>
    <t>GPS BHAIKEY LAL CHAND</t>
  </si>
  <si>
    <t>KHAIKEY LAL CHAND</t>
  </si>
  <si>
    <t>BHAI KAY LAL CHAND</t>
  </si>
  <si>
    <t>QILLA SONDA SINGH</t>
  </si>
  <si>
    <t>IMRANA SHARIF</t>
  </si>
  <si>
    <t>GGPS CHAH HOTA</t>
  </si>
  <si>
    <t>CHAH HOTA</t>
  </si>
  <si>
    <t>CHAH HOOTA</t>
  </si>
  <si>
    <t>SOBIA IMAMA</t>
  </si>
  <si>
    <t>GPS NASIR PUR MATTAN</t>
  </si>
  <si>
    <t>NASIR PUR MATTAN</t>
  </si>
  <si>
    <t>LALA AMR SINGH</t>
  </si>
  <si>
    <t>SOHAIL MEHMOOD</t>
  </si>
  <si>
    <t>GPS BAHOO SAROO</t>
  </si>
  <si>
    <t>MINCHIN ABAD-X - MALE</t>
  </si>
  <si>
    <t>BAHOO SAROO</t>
  </si>
  <si>
    <t>GPS CHANIAN WALI</t>
  </si>
  <si>
    <t>CHANIAN WALI</t>
  </si>
  <si>
    <t>GMPS GOBIND PURA</t>
  </si>
  <si>
    <t>BAHAWALNAGAR-V - MALE</t>
  </si>
  <si>
    <t>GOBIND PURA</t>
  </si>
  <si>
    <t>MUHAMMAD YAMEEN</t>
  </si>
  <si>
    <t>GPS SADDAR</t>
  </si>
  <si>
    <t>SADDAR</t>
  </si>
  <si>
    <t>GGPS NADEEM ABAD</t>
  </si>
  <si>
    <t>MANHAN</t>
  </si>
  <si>
    <t>NADEEM ABAD</t>
  </si>
  <si>
    <t>SHAIKH UMER</t>
  </si>
  <si>
    <t>ASIFA NAHEED</t>
  </si>
  <si>
    <t>GGPS CHAK 432 GB SATIANA</t>
  </si>
  <si>
    <t>432/GB</t>
  </si>
  <si>
    <t>CHAK NO. 432 GB</t>
  </si>
  <si>
    <t>IQRA SHAHID</t>
  </si>
  <si>
    <t>GPS LOHARI WALA</t>
  </si>
  <si>
    <t>LOHARI WALA</t>
  </si>
  <si>
    <t>MANCHARIAN</t>
  </si>
  <si>
    <t>SABEEHA AFZAL</t>
  </si>
  <si>
    <t>GPS CHAK LAKRAN WALA (MUBARIK ABAD)</t>
  </si>
  <si>
    <t>CHAK LAKERRAN WALA</t>
  </si>
  <si>
    <t>MUBARIK ABAD</t>
  </si>
  <si>
    <t>GPS KOT HAJI BOOTA KHAN</t>
  </si>
  <si>
    <t>HAJI BOTA KHAN</t>
  </si>
  <si>
    <t>KOT HAJI BOORA</t>
  </si>
  <si>
    <t>BHAWAN PURA</t>
  </si>
  <si>
    <t>DIL ARA RIAZ</t>
  </si>
  <si>
    <t>GPS NEHAL TEJAY KA</t>
  </si>
  <si>
    <t>NEHAL TEJAY KA</t>
  </si>
  <si>
    <t>NEHA TEJE KAA</t>
  </si>
  <si>
    <t>TASMIA ZAFAR</t>
  </si>
  <si>
    <t>GPS CHAK NO. 55-D</t>
  </si>
  <si>
    <t>55-D</t>
  </si>
  <si>
    <t>55/D</t>
  </si>
  <si>
    <t>SURIA NAZ</t>
  </si>
  <si>
    <t>GPS ADDA PUR</t>
  </si>
  <si>
    <t>ADDA PUR</t>
  </si>
  <si>
    <t>GPS NEW KANDO WAL (PSSP)</t>
  </si>
  <si>
    <t>NEW KANDO WAL</t>
  </si>
  <si>
    <t>SANIA MANZOOR</t>
  </si>
  <si>
    <t>GPS BHAI RAO KAY</t>
  </si>
  <si>
    <t>BHAI RAO KAY</t>
  </si>
  <si>
    <t>MANCHRIAN</t>
  </si>
  <si>
    <t>JAWARIA KOUSAR</t>
  </si>
  <si>
    <t>GPS HAKEEM IMAM DIN</t>
  </si>
  <si>
    <t>HAKEEM IMAM DIN</t>
  </si>
  <si>
    <t>MEHWISH BIBI</t>
  </si>
  <si>
    <t>BASTI SADAT</t>
  </si>
  <si>
    <t>SAMREEN SLAMAT</t>
  </si>
  <si>
    <t>GPS MARI KAMBOH</t>
  </si>
  <si>
    <t>MARI KAMBOH</t>
  </si>
  <si>
    <t>PANDIT MANFOOL</t>
  </si>
  <si>
    <t>MARIAM SHER</t>
  </si>
  <si>
    <t>GPS AJJA BHUTTA</t>
  </si>
  <si>
    <t>AJJA BHUTTA</t>
  </si>
  <si>
    <t>MARIA SIDDIQUE</t>
  </si>
  <si>
    <t>GGPS CHAK 149 RB KHURRIANWALA</t>
  </si>
  <si>
    <t>149-RB</t>
  </si>
  <si>
    <t>149 RB</t>
  </si>
  <si>
    <t>151/RB</t>
  </si>
  <si>
    <t>MAFIA MUKHTAR</t>
  </si>
  <si>
    <t>GPS ABDUL HAMID ABAD</t>
  </si>
  <si>
    <t>185 TDA</t>
  </si>
  <si>
    <t>MALIK AOURANGZAIB</t>
  </si>
  <si>
    <t>GGPS CHAK NO 53 RB II</t>
  </si>
  <si>
    <t>JUGIYAN  53 RB</t>
  </si>
  <si>
    <t>54/RB</t>
  </si>
  <si>
    <t>ANAM NASEEM</t>
  </si>
  <si>
    <t>GGPS ARIF WALA</t>
  </si>
  <si>
    <t>ARIF WALA</t>
  </si>
  <si>
    <t>IRAM MALIK</t>
  </si>
  <si>
    <t>GPS DOLA MUSTAQEEM</t>
  </si>
  <si>
    <t>DOLA MUSTQIM</t>
  </si>
  <si>
    <t>DOLA MUSTAQEEM</t>
  </si>
  <si>
    <t>TANZILA JAMIL</t>
  </si>
  <si>
    <t>GGPS DERA HAJJIAN</t>
  </si>
  <si>
    <t>DERA JAJAYA</t>
  </si>
  <si>
    <t>DERA HAJJIAN</t>
  </si>
  <si>
    <t>MISBAH NASEER</t>
  </si>
  <si>
    <t>GGPS CHAK NO 56 RB II</t>
  </si>
  <si>
    <t>CHATALA</t>
  </si>
  <si>
    <t>55 RB</t>
  </si>
  <si>
    <t>SAIMA MUSTAFA</t>
  </si>
  <si>
    <t>GPS BHAGOWAL</t>
  </si>
  <si>
    <t>BHAGOWAL BHAGO WALA</t>
  </si>
  <si>
    <t>QILA DEWAN SINGH</t>
  </si>
  <si>
    <t>NEELAM MUSTAFA</t>
  </si>
  <si>
    <t>GGPS MURANI JANUBI</t>
  </si>
  <si>
    <t>MULLAN WALI - FEMALE</t>
  </si>
  <si>
    <t>MURANI JANUBI</t>
  </si>
  <si>
    <t>REHANA FAZAL</t>
  </si>
  <si>
    <t>GGPS DERA NALI</t>
  </si>
  <si>
    <t>DERA NALI</t>
  </si>
  <si>
    <t>MAKKI</t>
  </si>
  <si>
    <t>FEHMEEDA SALEEM</t>
  </si>
  <si>
    <t>GGPS CHAK 632 GB LUNDIANWALA</t>
  </si>
  <si>
    <t>632-GB</t>
  </si>
  <si>
    <t>632 GB</t>
  </si>
  <si>
    <t>583 GB</t>
  </si>
  <si>
    <t>NASREEN SHAFI</t>
  </si>
  <si>
    <t>GGPS QAMAR MOAZAM</t>
  </si>
  <si>
    <t>QAMAR MOAZAM</t>
  </si>
  <si>
    <t>MUHAMMADI SHAREEF</t>
  </si>
  <si>
    <t>GGPS RAQBA LUNDAN NO 1</t>
  </si>
  <si>
    <t>BASTI BASHKWANI</t>
  </si>
  <si>
    <t>BASTI BAKHSHWANI</t>
  </si>
  <si>
    <t>GPS MOMAN ABAD NO.1</t>
  </si>
  <si>
    <t>MADRISA</t>
  </si>
  <si>
    <t>MOMAN ABAD</t>
  </si>
  <si>
    <t>JANAT BIBI</t>
  </si>
  <si>
    <t>GGPS CHAK 642 GB II LUNDIANWALA</t>
  </si>
  <si>
    <t>BAINI TIBBA</t>
  </si>
  <si>
    <t>642 GB</t>
  </si>
  <si>
    <t>644/GB</t>
  </si>
  <si>
    <t>GGPS BASTI VEHA (PSSP)</t>
  </si>
  <si>
    <t>PATAN MINARA</t>
  </si>
  <si>
    <t>BASTI VEEHA</t>
  </si>
  <si>
    <t>SHAZIA NAWAZ</t>
  </si>
  <si>
    <t>GPS AMIN KOT NO. 2</t>
  </si>
  <si>
    <t>SHOALI GHARBI</t>
  </si>
  <si>
    <t>Amin Kot No 2</t>
  </si>
  <si>
    <t>Muhammad Farzauq Azam</t>
  </si>
  <si>
    <t>GPS TARKO</t>
  </si>
  <si>
    <t>TURKO</t>
  </si>
  <si>
    <t>TARKO</t>
  </si>
  <si>
    <t>QILA SHABDEV</t>
  </si>
  <si>
    <t>ZAKIRA MANZOOR</t>
  </si>
  <si>
    <t>CHEENA DAGAR</t>
  </si>
  <si>
    <t>PIR ASHAB</t>
  </si>
  <si>
    <t>TAHIR HUSSAIN</t>
  </si>
  <si>
    <t>GGPS CHAH JHORU</t>
  </si>
  <si>
    <t>PATTOKI CITY - FEMALE</t>
  </si>
  <si>
    <t>CHAH JHURU</t>
  </si>
  <si>
    <t>SAMINA GULSHAN</t>
  </si>
  <si>
    <t>GPS SHER NAGAR</t>
  </si>
  <si>
    <t>SHER NAGAR</t>
  </si>
  <si>
    <t>BHUTTA MOHABAT</t>
  </si>
  <si>
    <t>TAHIRA ZAIN</t>
  </si>
  <si>
    <t>GGPS 77/RB-III</t>
  </si>
  <si>
    <t>77-RB</t>
  </si>
  <si>
    <t>77 RB</t>
  </si>
  <si>
    <t>RIFAT PERVEEN</t>
  </si>
  <si>
    <t>GGPS LABH SINGH EAST</t>
  </si>
  <si>
    <t>LABH SING</t>
  </si>
  <si>
    <t>DEENAN WALI</t>
  </si>
  <si>
    <t>GPS DOABIAN WALA</t>
  </si>
  <si>
    <t>DOABIAN WALA</t>
  </si>
  <si>
    <t>KARPAL SINGH</t>
  </si>
  <si>
    <t>SHAZIA FAQIR</t>
  </si>
  <si>
    <t>GGPS BASTI RATA</t>
  </si>
  <si>
    <t>BASTI RATA</t>
  </si>
  <si>
    <t>BASTI RATTA</t>
  </si>
  <si>
    <t>MAREENA FAZAL</t>
  </si>
  <si>
    <t>GPS CHAK 651/2 GB</t>
  </si>
  <si>
    <t>651/2 AMEER THE  BAHAK</t>
  </si>
  <si>
    <t>AMIR DI BAHIK</t>
  </si>
  <si>
    <t>650 GB</t>
  </si>
  <si>
    <t>KAUSAR ZULFIQAR</t>
  </si>
  <si>
    <t>GGPS BASTI KALHORA</t>
  </si>
  <si>
    <t>MAD JHALUU</t>
  </si>
  <si>
    <t>SADIA KHALIL</t>
  </si>
  <si>
    <t>GPS 629 GB</t>
  </si>
  <si>
    <t>BHAGI DAL</t>
  </si>
  <si>
    <t>BAGGI  DAL</t>
  </si>
  <si>
    <t>647/GB</t>
  </si>
  <si>
    <t>GPS WARA DHANOLIAN</t>
  </si>
  <si>
    <t>WARA DHOOLIAN</t>
  </si>
  <si>
    <t>WARA DHANOLIAN</t>
  </si>
  <si>
    <t>JOHAD SINGH</t>
  </si>
  <si>
    <t>MUHAMMAD ALAM SHER</t>
  </si>
  <si>
    <t>GPS GOBIND PURA</t>
  </si>
  <si>
    <t>DEENAN WALA</t>
  </si>
  <si>
    <t>GPS KALARWAH</t>
  </si>
  <si>
    <t>MOHAMMAD AZEEM</t>
  </si>
  <si>
    <t>Basti Kalarwah</t>
  </si>
  <si>
    <t>5563</t>
  </si>
  <si>
    <t>GPS JHABBAR CHAK NO. 283</t>
  </si>
  <si>
    <t>JHABBAR CHAK 283</t>
  </si>
  <si>
    <t>JHABBAR CHAK NO. 283</t>
  </si>
  <si>
    <t>GPS GEWN GORIA 2</t>
  </si>
  <si>
    <t>JEWAN GORAYA</t>
  </si>
  <si>
    <t>GEWN GORIA 2</t>
  </si>
  <si>
    <t>SUNBAL BIBI</t>
  </si>
  <si>
    <t>GPS KOT HUKAM SINGH</t>
  </si>
  <si>
    <t>KOT HAKIM SINGH</t>
  </si>
  <si>
    <t>KOT HUKAM SINGH</t>
  </si>
  <si>
    <t>QILA MIR ZAMAN</t>
  </si>
  <si>
    <t>FAZEELAT</t>
  </si>
  <si>
    <t>GPS JEWAN GORAYA NO. 1</t>
  </si>
  <si>
    <t>JEWAN GORAYA NO 1</t>
  </si>
  <si>
    <t>JEWAN GORAYA NO. 1</t>
  </si>
  <si>
    <t>TANVIR NAZIR</t>
  </si>
  <si>
    <t>GGPS MODEL TILLAN</t>
  </si>
  <si>
    <t>TILLAIN</t>
  </si>
  <si>
    <t>TILLAN</t>
  </si>
  <si>
    <t>SHAGUFTA SATTAR</t>
  </si>
  <si>
    <t>GPS SALEEM PUR</t>
  </si>
  <si>
    <t>SALEEM PURA</t>
  </si>
  <si>
    <t>ALIA SAJJAD</t>
  </si>
  <si>
    <t>GPS KOT ABDULLAH KHAN NARNAG MOR</t>
  </si>
  <si>
    <t>NARNAG</t>
  </si>
  <si>
    <t>KOT ABDULLAH KHAN</t>
  </si>
  <si>
    <t>NARANG URBAN-2</t>
  </si>
  <si>
    <t>AFSHAN ZULIFQAR</t>
  </si>
  <si>
    <t>GPS KOT MIRZA DIN MUHAMMAD</t>
  </si>
  <si>
    <t>KOT MIRZA DIN MUHAMMAD</t>
  </si>
  <si>
    <t>SURYA KOUSAR</t>
  </si>
  <si>
    <t>GGPS MARI KHURD</t>
  </si>
  <si>
    <t>MARI KHURD</t>
  </si>
  <si>
    <t>FAIZA MUKHTAR</t>
  </si>
  <si>
    <t>SIKANDRA ABAD</t>
  </si>
  <si>
    <t>FEROZWALA-3</t>
  </si>
  <si>
    <t>SHAMA KHALIL</t>
  </si>
  <si>
    <t>GPS MANDIAN WALA CHAK NO. 19</t>
  </si>
  <si>
    <t>MANDIAN WALA CHAK NO. 19</t>
  </si>
  <si>
    <t>CHAK NO.7 KOTHI WALA</t>
  </si>
  <si>
    <t>GPS BHAN RAMZOO PATAFI</t>
  </si>
  <si>
    <t>ANIAT ABAD</t>
  </si>
  <si>
    <t>BASTI PATAFI</t>
  </si>
  <si>
    <t>GPS 163-A/9-L</t>
  </si>
  <si>
    <t>163 A</t>
  </si>
  <si>
    <t>163-A/9-L</t>
  </si>
  <si>
    <t>GGPS BASTI BHANGRAN</t>
  </si>
  <si>
    <t>NOOR MUHAMMAD BHANGRAN</t>
  </si>
  <si>
    <t>BASTI BHANGRAN</t>
  </si>
  <si>
    <t>MOMIN ABAD</t>
  </si>
  <si>
    <t>BUSTI JUNDU</t>
  </si>
  <si>
    <t>BASTI JANDU</t>
  </si>
  <si>
    <t>GPS DAOKE CHAK NO. 9</t>
  </si>
  <si>
    <t>DAOKE NO. 9</t>
  </si>
  <si>
    <t>CHAK NO.7</t>
  </si>
  <si>
    <t>IQRA KHALIQ</t>
  </si>
  <si>
    <t>GGPS CHAK NO. 52/F</t>
  </si>
  <si>
    <t>52/F</t>
  </si>
  <si>
    <t>Sajida Sarwar</t>
  </si>
  <si>
    <t>GPS CHAK 226 GB SAMUNDRI</t>
  </si>
  <si>
    <t>NARADADA - MALE</t>
  </si>
  <si>
    <t>226/GB</t>
  </si>
  <si>
    <t>226 GB</t>
  </si>
  <si>
    <t>CHIGHAWAN</t>
  </si>
  <si>
    <t>IQRA SHAKOOR</t>
  </si>
  <si>
    <t>GGPS LAHORIAN WALI</t>
  </si>
  <si>
    <t>LAHRIAN WALI</t>
  </si>
  <si>
    <t>LAHORIAN WALI</t>
  </si>
  <si>
    <t>SHAGUFTA NASREEN</t>
  </si>
  <si>
    <t>GMPS  SAGHRAY WALA</t>
  </si>
  <si>
    <t>BHOWANA MARKAZ NO.15 - FEMALE</t>
  </si>
  <si>
    <t>THATHA SIRNAGA</t>
  </si>
  <si>
    <t>THATHA SARNGA</t>
  </si>
  <si>
    <t>M.C Bhowana</t>
  </si>
  <si>
    <t>SYEDA SHAHNAZ AKHTAR</t>
  </si>
  <si>
    <t>GGPS SARGANI</t>
  </si>
  <si>
    <t>SARGANI</t>
  </si>
  <si>
    <t>ZARMEENA KANWAL</t>
  </si>
  <si>
    <t>GGPS CHAK NO. 107/P B (PSSP)</t>
  </si>
  <si>
    <t>CHAK NO 107/PB</t>
  </si>
  <si>
    <t>CHAK NO. 107-PB</t>
  </si>
  <si>
    <t>SIDRA NASEER</t>
  </si>
  <si>
    <t>GPS CHAK NO. 14/FW SONAY WALA</t>
  </si>
  <si>
    <t>CHAK NO 14/FW SONAY WALA</t>
  </si>
  <si>
    <t>14/FW SONAY WALA</t>
  </si>
  <si>
    <t>SAFINA UMER</t>
  </si>
  <si>
    <t>GPS CHAK 43 GB SAMUNDRI</t>
  </si>
  <si>
    <t>43 GB</t>
  </si>
  <si>
    <t>47/GB</t>
  </si>
  <si>
    <t>HAFIZA ALIA</t>
  </si>
  <si>
    <t>NOTAK DAGRA</t>
  </si>
  <si>
    <t>SABA BATOOL</t>
  </si>
  <si>
    <t>GGPS 300/HR</t>
  </si>
  <si>
    <t>300/HR</t>
  </si>
  <si>
    <t>Zainab Jamil</t>
  </si>
  <si>
    <t>GMPS CHAK NO.53/F (E) CHISHTIAN</t>
  </si>
  <si>
    <t>53/F (E)</t>
  </si>
  <si>
    <t>SHAHIDA KHATOON</t>
  </si>
  <si>
    <t>BASTI DARDAR KHAN</t>
  </si>
  <si>
    <t>GPS DHANA CHAK NO. 12 P/O JODH SINGH WALA</t>
  </si>
  <si>
    <t>DHANA CHAK NO. 12</t>
  </si>
  <si>
    <t>CHAK NO.13</t>
  </si>
  <si>
    <t>WAJEEH ULLAH</t>
  </si>
  <si>
    <t>GGPS CHAK 44 GB SAMUNDRI</t>
  </si>
  <si>
    <t>KAKKAR</t>
  </si>
  <si>
    <t>44 GB</t>
  </si>
  <si>
    <t>ANEES BIBI</t>
  </si>
  <si>
    <t>GGPS CHAK NO. 107/P A (PSSP)</t>
  </si>
  <si>
    <t>CHAK NO. 107 BP.A</t>
  </si>
  <si>
    <t>CHAK NO. 107/PA</t>
  </si>
  <si>
    <t>SAIMA TABASUM</t>
  </si>
  <si>
    <t>GPS SARDAR HIRA SINGH</t>
  </si>
  <si>
    <t>SARDAR HIRA SINGH</t>
  </si>
  <si>
    <t>SUMERA PARVEEN</t>
  </si>
  <si>
    <t>GGPS CHAH HASSAN KHAN</t>
  </si>
  <si>
    <t>CHA HASSAN KHAN</t>
  </si>
  <si>
    <t>HUSSAIN KHAN WALA</t>
  </si>
  <si>
    <t>HANIF KHAN</t>
  </si>
  <si>
    <t>GGPS GARAKNA WAZIRI</t>
  </si>
  <si>
    <t>GHAR KAHNA WAZRI</t>
  </si>
  <si>
    <t>BASTI RAHIM DAD</t>
  </si>
  <si>
    <t>SHAIZA KHALIL</t>
  </si>
  <si>
    <t>GGPS CHAK NO. 240 HL</t>
  </si>
  <si>
    <t>240/HL AWAN WALI</t>
  </si>
  <si>
    <t>CHAK NO. 240 HL</t>
  </si>
  <si>
    <t>HAMAD RAFIQUE</t>
  </si>
  <si>
    <t>GPS BALLOKI CHAK NO. 30</t>
  </si>
  <si>
    <t>BALLOKI CHAK 30</t>
  </si>
  <si>
    <t>SHAHEEN GHAFOOR</t>
  </si>
  <si>
    <t>GGPS BASTI SIDDIQUE (PSSP)</t>
  </si>
  <si>
    <t>PATTI NEWRAAN</t>
  </si>
  <si>
    <t>BASTI SIDDIQUE</t>
  </si>
  <si>
    <t>FARHAT BANO</t>
  </si>
  <si>
    <t>GPS NAMURDI WALA</t>
  </si>
  <si>
    <t>CHAK PIRO WALA</t>
  </si>
  <si>
    <t>CHAK PEERU WALA</t>
  </si>
  <si>
    <t>IRFANA HAFEEZ</t>
  </si>
  <si>
    <t>GGPS BAIT BOGHA JANUBI</t>
  </si>
  <si>
    <t>BAIT BOGHA JANUBI</t>
  </si>
  <si>
    <t>BAIT BOGA JANUBI</t>
  </si>
  <si>
    <t>HADIAT ULLAH KHAN</t>
  </si>
  <si>
    <t>GPS GANJEY CHAK NO. 27</t>
  </si>
  <si>
    <t>GANJEY CHAK 27</t>
  </si>
  <si>
    <t>CHAK NO.27</t>
  </si>
  <si>
    <t>NAZIA MUNIR</t>
  </si>
  <si>
    <t>GMPS CHAK WASAN</t>
  </si>
  <si>
    <t>CHAK WASAN</t>
  </si>
  <si>
    <t>attiya mehdi</t>
  </si>
  <si>
    <t>GGPS RAMZANI WALA NO.1 MOZA LASORI</t>
  </si>
  <si>
    <t>LASORI</t>
  </si>
  <si>
    <t>RAMZANI WALA</t>
  </si>
  <si>
    <t>THATH GHALWAN</t>
  </si>
  <si>
    <t>GPS MANIALA</t>
  </si>
  <si>
    <t>GPS JAFFRAIN</t>
  </si>
  <si>
    <t>DURAB PUR</t>
  </si>
  <si>
    <t>JAFFERRAIN</t>
  </si>
  <si>
    <t>GGPS MONIAN</t>
  </si>
  <si>
    <t>MONIAN</t>
  </si>
  <si>
    <t>dinga II</t>
  </si>
  <si>
    <t>rafia bibi</t>
  </si>
  <si>
    <t>JALALPUR PIRWALA - FEMALE</t>
  </si>
  <si>
    <t>CHAK NO 83 M</t>
  </si>
  <si>
    <t>BSHIR ABAD</t>
  </si>
  <si>
    <t>J.P.WALA-II</t>
  </si>
  <si>
    <t>GMPS NITHER</t>
  </si>
  <si>
    <t>KAKRALI III -FEMALE</t>
  </si>
  <si>
    <t>NATHER</t>
  </si>
  <si>
    <t>Nither</t>
  </si>
  <si>
    <t>BHADAR</t>
  </si>
  <si>
    <t>GGPS CHAK DIA SINGH</t>
  </si>
  <si>
    <t>CHAK DIA SINGH</t>
  </si>
  <si>
    <t>ALHAR</t>
  </si>
  <si>
    <t>GGPS KIKAR WALA NO. 2 SHUJABAD</t>
  </si>
  <si>
    <t>WAHI RICKY</t>
  </si>
  <si>
    <t>KIKAR WALA</t>
  </si>
  <si>
    <t>MUHAMMAD SHARIF</t>
  </si>
  <si>
    <t>GPS TOPA ADAM</t>
  </si>
  <si>
    <t>TOPA ADAM</t>
  </si>
  <si>
    <t>lalamusa Irukhsan sarwal</t>
  </si>
  <si>
    <t>SEEKARIALI</t>
  </si>
  <si>
    <t>rukhsan sarwar</t>
  </si>
  <si>
    <t>GPS SUBHAN WALA</t>
  </si>
  <si>
    <t>MANDI AHMED ABAD</t>
  </si>
  <si>
    <t>SUBHAN WALA</t>
  </si>
  <si>
    <t>SAJIDA SHARIF</t>
  </si>
  <si>
    <t>GPS BHIAN WALA KALAN</t>
  </si>
  <si>
    <t>BHIAN WALA KALAN</t>
  </si>
  <si>
    <t>GPS JHAR MOLVI</t>
  </si>
  <si>
    <t>JHAR MOLVI</t>
  </si>
  <si>
    <t>AJNIAN WALA</t>
  </si>
  <si>
    <t>SAJIDA BIBI</t>
  </si>
  <si>
    <t>GGPS DHINGER BATH</t>
  </si>
  <si>
    <t>DHINGER BATH</t>
  </si>
  <si>
    <t>GUJIANA NAU</t>
  </si>
  <si>
    <t>NOOR FATIMA</t>
  </si>
  <si>
    <t>MC SKP</t>
  </si>
  <si>
    <t>SIDRA FARZAND</t>
  </si>
  <si>
    <t>GPS HOIKAY</t>
  </si>
  <si>
    <t>HOIKAY</t>
  </si>
  <si>
    <t>ASIFA LIAQAT</t>
  </si>
  <si>
    <t>GGPS JHATTWAN</t>
  </si>
  <si>
    <t>JHATTWAN</t>
  </si>
  <si>
    <t>KEELAY</t>
  </si>
  <si>
    <t>ISHRAT MALIK</t>
  </si>
  <si>
    <t>ZAMURD HINA</t>
  </si>
  <si>
    <t>GGPS KOT GHAZI</t>
  </si>
  <si>
    <t>GHAZI KOT</t>
  </si>
  <si>
    <t>KOT GHAZI</t>
  </si>
  <si>
    <t>HUMAIRA MUSHTAQ</t>
  </si>
  <si>
    <t>GPS THATHA HAJI ILAM DIN</t>
  </si>
  <si>
    <t>THATHA HAJI ILAM</t>
  </si>
  <si>
    <t>THATHA HAJI ILAM DIN</t>
  </si>
  <si>
    <t>SADAQAT ALI</t>
  </si>
  <si>
    <t>GPS SAAD NAU ABAD</t>
  </si>
  <si>
    <t>SAAD NAU ABAD</t>
  </si>
  <si>
    <t>HAFIZA SHAKILA RAMZAN</t>
  </si>
  <si>
    <t>GPS MITHOO</t>
  </si>
  <si>
    <t>HAMMON WALA</t>
  </si>
  <si>
    <t>MITHOO</t>
  </si>
  <si>
    <t>SUMAIRA HASSAN</t>
  </si>
  <si>
    <t>GPS TUBEWEL NOOR MUHAMMAD</t>
  </si>
  <si>
    <t>THATHI OTAR</t>
  </si>
  <si>
    <t>BONIKAY HITHAR</t>
  </si>
  <si>
    <t>ASIFA AISH</t>
  </si>
  <si>
    <t>GGPS CHAK NO. 262 HR</t>
  </si>
  <si>
    <t>FORT ABBAS-III - FEMALE</t>
  </si>
  <si>
    <t>262 HR</t>
  </si>
  <si>
    <t>260-HR</t>
  </si>
  <si>
    <t>NAVEELA KAUSAR</t>
  </si>
  <si>
    <t>GGPS WARD NO. 7 MOCHI MOHALAH</t>
  </si>
  <si>
    <t>MOCHI MOHALA</t>
  </si>
  <si>
    <t>MOCHI MOHALLAH</t>
  </si>
  <si>
    <t>SAMAR BATOOL</t>
  </si>
  <si>
    <t>GGPS TALIB SHER</t>
  </si>
  <si>
    <t>ADDA QASSAB</t>
  </si>
  <si>
    <t>GGPS JOIAN</t>
  </si>
  <si>
    <t>JOIAN</t>
  </si>
  <si>
    <t>ZEENAT MUJAHID</t>
  </si>
  <si>
    <t>GPS CHAK NO.200/8-R WEST</t>
  </si>
  <si>
    <t>200/8R</t>
  </si>
  <si>
    <t>GPS BASTI SAMTIA P.O BEHAL</t>
  </si>
  <si>
    <t>KATLAN WALA</t>
  </si>
  <si>
    <t>BASTI SAMTIA</t>
  </si>
  <si>
    <t>GPS CHAK NO.311 TDA</t>
  </si>
  <si>
    <t>CHAK NO.311 TDA</t>
  </si>
  <si>
    <t>GPS QILA MAROOT</t>
  </si>
  <si>
    <t>FORT ABBAS-IX - MALE</t>
  </si>
  <si>
    <t>315/HR</t>
  </si>
  <si>
    <t>GPS QILA MAROOT 315/HR</t>
  </si>
  <si>
    <t>AMIR SHEHZAD</t>
  </si>
  <si>
    <t>GPS SEHTI</t>
  </si>
  <si>
    <t>SHATI</t>
  </si>
  <si>
    <t>SEHTI</t>
  </si>
  <si>
    <t>REHMAT WALA</t>
  </si>
  <si>
    <t>MUZAMIL AMIN</t>
  </si>
  <si>
    <t>GPS PIR BULAND DARBAR</t>
  </si>
  <si>
    <t>GMMS PIR BULAND DARBAR</t>
  </si>
  <si>
    <t>PIR BULUND</t>
  </si>
  <si>
    <t>GGPS KHAN HARI</t>
  </si>
  <si>
    <t>KHAN HARI</t>
  </si>
  <si>
    <t>DHULLAM KAHLWAN</t>
  </si>
  <si>
    <t>HUMAIRA NISA</t>
  </si>
  <si>
    <t>GPS SAGAR DHARIWAL</t>
  </si>
  <si>
    <t>SAGAR DHARIWAL</t>
  </si>
  <si>
    <t>lalamusa I</t>
  </si>
  <si>
    <t>jan muhammad</t>
  </si>
  <si>
    <t>GGPS MANGHY HATTI</t>
  </si>
  <si>
    <t>MANGHY HATTI</t>
  </si>
  <si>
    <t>MANGHAY HATI</t>
  </si>
  <si>
    <t>QASBA CHAHARAM LAR</t>
  </si>
  <si>
    <t>MALIK ABDUL RAUF</t>
  </si>
  <si>
    <t>GPS GHURAH HIRAN</t>
  </si>
  <si>
    <t>GARHA HEERAN</t>
  </si>
  <si>
    <t>GHURAH HIRAN</t>
  </si>
  <si>
    <t>SAIMA KOUSAR</t>
  </si>
  <si>
    <t>GPS DORANGI WALA</t>
  </si>
  <si>
    <t>GMMS DORANGI WALA</t>
  </si>
  <si>
    <t>DORANGI WALA</t>
  </si>
  <si>
    <t>GGPS 25 M</t>
  </si>
  <si>
    <t>CHAK NO 25M</t>
  </si>
  <si>
    <t>ASIM RAFIQ BUKHARI</t>
  </si>
  <si>
    <t>GGPS SHAHZAD WALA</t>
  </si>
  <si>
    <t>RADHO</t>
  </si>
  <si>
    <t>BASTI NAWAN</t>
  </si>
  <si>
    <t>ZAKIA GOHAR</t>
  </si>
  <si>
    <t>GPS NOOR MUHAMMAD WALA P/O SHUJABAD</t>
  </si>
  <si>
    <t>CHAZOO SHAH</t>
  </si>
  <si>
    <t>GHULAM MUHAMMAD WALA</t>
  </si>
  <si>
    <t>CHAK RS</t>
  </si>
  <si>
    <t>SAFIL HUSSAIN</t>
  </si>
  <si>
    <t>GGPS CHAK PURANA</t>
  </si>
  <si>
    <t>CHAK PURANA</t>
  </si>
  <si>
    <t>nuzhat akram</t>
  </si>
  <si>
    <t>GGPS CHAK 96/P (PSSP)</t>
  </si>
  <si>
    <t>CHAK 97/P</t>
  </si>
  <si>
    <t>CHAK NO. 96/P</t>
  </si>
  <si>
    <t>GGPS POTHI JAGIR</t>
  </si>
  <si>
    <t>POTHI JAGIR</t>
  </si>
  <si>
    <t>POTHI JAGR</t>
  </si>
  <si>
    <t>MARIA IMTIYAZ</t>
  </si>
  <si>
    <t>GPS MADIL WALA</t>
  </si>
  <si>
    <t>GGPS 243/P (PSSP)</t>
  </si>
  <si>
    <t>243/P</t>
  </si>
  <si>
    <t>CHAK NO. 243/P</t>
  </si>
  <si>
    <t>TAMSILA AKBAR</t>
  </si>
  <si>
    <t>GGPS 271/WB</t>
  </si>
  <si>
    <t>CHAK 271/WB</t>
  </si>
  <si>
    <t>CHAK NO.271/WB</t>
  </si>
  <si>
    <t>SHAHID ARIF</t>
  </si>
  <si>
    <t>GPS CHAK NO. 528/TDA</t>
  </si>
  <si>
    <t>CHAK NO.528</t>
  </si>
  <si>
    <t>GMPS SHEIKHU CHAK</t>
  </si>
  <si>
    <t>SHEIKHU CHAK</t>
  </si>
  <si>
    <t>DINGA I</t>
  </si>
  <si>
    <t>WARAICHAN WALA</t>
  </si>
  <si>
    <t>GPS DHULAM KAHLWAN</t>
  </si>
  <si>
    <t>KASHIFA</t>
  </si>
  <si>
    <t>GGPS CHAK 112/P (PSSP)</t>
  </si>
  <si>
    <t>KAKARI</t>
  </si>
  <si>
    <t>Chak No. 112/P</t>
  </si>
  <si>
    <t>HINA LIAQAT</t>
  </si>
  <si>
    <t>GPS BADU</t>
  </si>
  <si>
    <t>BADU</t>
  </si>
  <si>
    <t>FATEH BHAND</t>
  </si>
  <si>
    <t>GPS CHAK NO. 526 TDA</t>
  </si>
  <si>
    <t>CHAK 526 TDA</t>
  </si>
  <si>
    <t>CHAK NO. 526 TDA</t>
  </si>
  <si>
    <t>M.NAZIM</t>
  </si>
  <si>
    <t>GGPS BHUTA WALA</t>
  </si>
  <si>
    <t>BHUTA WALA</t>
  </si>
  <si>
    <t>GGPS LURHINDAY WALA DUNYAPUR</t>
  </si>
  <si>
    <t>233 WB</t>
  </si>
  <si>
    <t>BASTI KHOKHRAN WALI</t>
  </si>
  <si>
    <t>CHAK 237/WB</t>
  </si>
  <si>
    <t>MUHAMMAD NAVEED RASHEED</t>
  </si>
  <si>
    <t>MUHAMMAD ZAFAR HAYAT</t>
  </si>
  <si>
    <t>GPS MOHIB SHAH</t>
  </si>
  <si>
    <t>ABDULLAH NAICH</t>
  </si>
  <si>
    <t>AZHAR IQBAL</t>
  </si>
  <si>
    <t>GGPS MHAL RASOOL PUR</t>
  </si>
  <si>
    <t>MHAL RASOOL PUR</t>
  </si>
  <si>
    <t>MAHAL RASOOL PUR</t>
  </si>
  <si>
    <t>SHAZIA RAHMAT</t>
  </si>
  <si>
    <t>GGPS CHAK 142/P TIBBA (PSSP)</t>
  </si>
  <si>
    <t>142/P</t>
  </si>
  <si>
    <t>CHAK NO. 142/P</t>
  </si>
  <si>
    <t>ASIA ASHIQ</t>
  </si>
  <si>
    <t>GMPS KOT DAIS RAJ</t>
  </si>
  <si>
    <t>KOT DAIS RAJ</t>
  </si>
  <si>
    <t>GPS VAJLA</t>
  </si>
  <si>
    <t>GHULAM MOHI U DIN</t>
  </si>
  <si>
    <t>GGPS BHOBAT PUR</t>
  </si>
  <si>
    <t>NAHI BASTI</t>
  </si>
  <si>
    <t>MESHAL FATIMA</t>
  </si>
  <si>
    <t>GGPS LEHNEKAY</t>
  </si>
  <si>
    <t>LEHNEKAY</t>
  </si>
  <si>
    <t>AL FATIMA MUBARAK</t>
  </si>
  <si>
    <t>GGPS WARA KHAMBAN WALA</t>
  </si>
  <si>
    <t>WARA KHAMBAN WALA</t>
  </si>
  <si>
    <t>FAKHRA ASLAM</t>
  </si>
  <si>
    <t>GGPS 150-A/TDA CHANNAR WALA</t>
  </si>
  <si>
    <t>150-A CHANNAR WALA</t>
  </si>
  <si>
    <t>150 a tda</t>
  </si>
  <si>
    <t>GPS CANAL COLONY WARD NO.4</t>
  </si>
  <si>
    <t>MOHALLA EID GAH</t>
  </si>
  <si>
    <t>LAYYAH-III</t>
  </si>
  <si>
    <t>NADIA ASLAM</t>
  </si>
  <si>
    <t>GGPS SADDIQ ABAD</t>
  </si>
  <si>
    <t>SADDIQ ABAD</t>
  </si>
  <si>
    <t>SIDDIQUE ABAD LAYYAH</t>
  </si>
  <si>
    <t>GPS MOHANAY WALA CHAK NO 161 B KOT SULTAN</t>
  </si>
  <si>
    <t>CHAK NO 161 B</t>
  </si>
  <si>
    <t>CHAK NO 165 TDA</t>
  </si>
  <si>
    <t>MRS SONIA ASLAM</t>
  </si>
  <si>
    <t>GGPS BASTI SINJRANI</t>
  </si>
  <si>
    <t>KHARAL AZIM NASHIB</t>
  </si>
  <si>
    <t>GGPS CHAK NO.161/TDA ALLAH DAD JAROLAY</t>
  </si>
  <si>
    <t>SIRSHTA THAL</t>
  </si>
  <si>
    <t>CHAK NO 161 TDA</t>
  </si>
  <si>
    <t>GPS CHAK NO. 151-A TDA WAHGAY WALA</t>
  </si>
  <si>
    <t>CHAK NO 151 TDA</t>
  </si>
  <si>
    <t>ZAHRA PERVEEN</t>
  </si>
  <si>
    <t>GGPS KOTLA QAZI KHUDA BUX</t>
  </si>
  <si>
    <t>KOTLA QAZI KHUDA BUX</t>
  </si>
  <si>
    <t>KOTLA QAZI</t>
  </si>
  <si>
    <t>GPS DERA SULTAN RAJWANI</t>
  </si>
  <si>
    <t>PATTI BUDH</t>
  </si>
  <si>
    <t>DERA SULTAN RAJWANI</t>
  </si>
  <si>
    <t>SHAHZAD MAQBOOL</t>
  </si>
  <si>
    <t>GPS CHAK NO 373 TDA</t>
  </si>
  <si>
    <t>CHAK NO 373 TDA</t>
  </si>
  <si>
    <t>MC CHOUBARA</t>
  </si>
  <si>
    <t>WAQAS SOHAIL</t>
  </si>
  <si>
    <t>GGPS CHAK NO. 409/TDA</t>
  </si>
  <si>
    <t>CHAK NO 409/TDA</t>
  </si>
  <si>
    <t>409/TDA</t>
  </si>
  <si>
    <t>FARUKH AMEER</t>
  </si>
  <si>
    <t>GPS CHAK NO. 409 TDA</t>
  </si>
  <si>
    <t>CHAK NO 409</t>
  </si>
  <si>
    <t>GPS CHAK NO 371 TDA</t>
  </si>
  <si>
    <t>371 TDA</t>
  </si>
  <si>
    <t>CHAK NO 371 TDA</t>
  </si>
  <si>
    <t>GGPS HOOT WALA NO. 2</t>
  </si>
  <si>
    <t>SARAK WALA</t>
  </si>
  <si>
    <t>M. ASHFAQ MUKHTAR</t>
  </si>
  <si>
    <t>GGPS BASTI KHAWJGAN</t>
  </si>
  <si>
    <t>KARAM ALI WALA</t>
  </si>
  <si>
    <t>BASTI KHUWAJGAN</t>
  </si>
  <si>
    <t>M. ARIF</t>
  </si>
  <si>
    <t>GMPS FIAZABAD</t>
  </si>
  <si>
    <t>CHAH DARKHANI WALA</t>
  </si>
  <si>
    <t>OBARA SHUMALI</t>
  </si>
  <si>
    <t>MUHAMMAD LATIF</t>
  </si>
  <si>
    <t>GPS NOSHARA</t>
  </si>
  <si>
    <t>NOSHARA NAWAN LOK</t>
  </si>
  <si>
    <t>faiza muzamal</t>
  </si>
  <si>
    <t>GGPS JALAL ABAD SHUJABAD</t>
  </si>
  <si>
    <t>THATH GHALWAN - FEMALE</t>
  </si>
  <si>
    <t>OBORA SHUMALI</t>
  </si>
  <si>
    <t>CHAH RAFIQ WALA</t>
  </si>
  <si>
    <t>GGPS MIRA MALLAH SHUJABAD DISTT. MULTAN</t>
  </si>
  <si>
    <t>MIRA MALLAH</t>
  </si>
  <si>
    <t>BASTI MIRA MUHALLAH</t>
  </si>
  <si>
    <t>PUNJANI</t>
  </si>
  <si>
    <t>GGPS THATH GHALWAN SHUJABAD</t>
  </si>
  <si>
    <t>SHAHZAD RAZA</t>
  </si>
  <si>
    <t>KARIANWALA III - FEMALE</t>
  </si>
  <si>
    <t>PHOJ PUR</t>
  </si>
  <si>
    <t>BHOJPUR</t>
  </si>
  <si>
    <t>HAZARA MUGHLAN</t>
  </si>
  <si>
    <t>FAIQA NOREEN</t>
  </si>
  <si>
    <t>GGPS PONTA TEHSIL SHUJABA</t>
  </si>
  <si>
    <t>PONTA</t>
  </si>
  <si>
    <t>GGPS PONTA TEHSIL SHUJABAD</t>
  </si>
  <si>
    <t>CHAH KARARI WALA</t>
  </si>
  <si>
    <t>HAFIZ MUHAMMAD RAMZAN</t>
  </si>
  <si>
    <t>GGPS CHAK NO. 47 TDA  CHAH AADHA</t>
  </si>
  <si>
    <t>CHAK NO. 47 TDA</t>
  </si>
  <si>
    <t>CHAK NO 47 TDA</t>
  </si>
  <si>
    <t>AFTAB AHMED</t>
  </si>
  <si>
    <t>GGPS LOSAR KALAN</t>
  </si>
  <si>
    <t>LOSAR KALAN</t>
  </si>
  <si>
    <t>karianwala II</t>
  </si>
  <si>
    <t>toshiba fardos</t>
  </si>
  <si>
    <t>GGPS 386/W.B NO.1</t>
  </si>
  <si>
    <t>386/W.B</t>
  </si>
  <si>
    <t>CHAK NO.386/WB</t>
  </si>
  <si>
    <t>RASHEEDA BIBI</t>
  </si>
  <si>
    <t>GPS 30 GB</t>
  </si>
  <si>
    <t>30 GB</t>
  </si>
  <si>
    <t>35 GB</t>
  </si>
  <si>
    <t>HIJAB TAHIRA</t>
  </si>
  <si>
    <t>GGPS 88/P HASSAN DAD GUJJAR (PSSP)</t>
  </si>
  <si>
    <t>88/P</t>
  </si>
  <si>
    <t>88/P HASSAN DAD</t>
  </si>
  <si>
    <t>NIGHAT YASMEEN</t>
  </si>
  <si>
    <t>GGPS DHARORKY</t>
  </si>
  <si>
    <t>DHARORKY</t>
  </si>
  <si>
    <t>DHAROREKY</t>
  </si>
  <si>
    <t>NOVEELA AHSAN</t>
  </si>
  <si>
    <t>GPS CHAK 239 GB EAST</t>
  </si>
  <si>
    <t>CHAK 239 GB</t>
  </si>
  <si>
    <t>239 GB</t>
  </si>
  <si>
    <t>239/GB</t>
  </si>
  <si>
    <t>MUQADAS JAFAR</t>
  </si>
  <si>
    <t>j.p.jattan II</t>
  </si>
  <si>
    <t>ALAM GARH</t>
  </si>
  <si>
    <t>gulshan iqbal</t>
  </si>
  <si>
    <t>DAISI WALA</t>
  </si>
  <si>
    <t>SAIMA ASLAM</t>
  </si>
  <si>
    <t>36990</t>
  </si>
  <si>
    <t>GPS QURESHI WALA, KABIRWALA</t>
  </si>
  <si>
    <t>chah kapri wala maoza okan wala</t>
  </si>
  <si>
    <t>Kapri Wala</t>
  </si>
  <si>
    <t>32667</t>
  </si>
  <si>
    <t>29765</t>
  </si>
  <si>
    <t>GPS GARA SINGH WALA</t>
  </si>
  <si>
    <t>Gara Singh Wala</t>
  </si>
  <si>
    <t>Gara Singh wala tehsile Chunian district kasur</t>
  </si>
  <si>
    <t>Landay</t>
  </si>
  <si>
    <t>17512</t>
  </si>
  <si>
    <t>GGPS GUJARKE</t>
  </si>
  <si>
    <t>Gujarky</t>
  </si>
  <si>
    <t>SAMINA FARHAT</t>
  </si>
  <si>
    <t>GPS CHAK NO 9/3-R</t>
  </si>
  <si>
    <t>Chak 9/3-R</t>
  </si>
  <si>
    <t>chak no. 9/3-R</t>
  </si>
  <si>
    <t>Chak 30/3-R</t>
  </si>
  <si>
    <t>MUHAMMAD FAISAL</t>
  </si>
  <si>
    <t>31482</t>
  </si>
  <si>
    <t>GGPS NAQVI IMAMIA COLONY</t>
  </si>
  <si>
    <t>44386</t>
  </si>
  <si>
    <t>3446</t>
  </si>
  <si>
    <t>22824</t>
  </si>
  <si>
    <t>GHS MUNCIPAL GUJRAT</t>
  </si>
  <si>
    <t>MOHALLAH Muslim Abad Near Hamza Bakers Gujrat</t>
  </si>
  <si>
    <t>3449</t>
  </si>
  <si>
    <t>GES CHAK NO.83/F</t>
  </si>
  <si>
    <t>Chak No. 83/F</t>
  </si>
  <si>
    <t>Chak No. 79/F</t>
  </si>
  <si>
    <t>Wahid Bux</t>
  </si>
  <si>
    <t>39886</t>
  </si>
  <si>
    <t>GPS (MC) SHAHIDABAD HASSANABDAL</t>
  </si>
  <si>
    <t>Mohallah Shahidabad HassanAbdal</t>
  </si>
  <si>
    <t>16185</t>
  </si>
  <si>
    <t>28741</t>
  </si>
  <si>
    <t>GPS KOT SULEMANE KHAN</t>
  </si>
  <si>
    <t>Abadi kumharan</t>
  </si>
  <si>
    <t>Abadi Kumharan</t>
  </si>
  <si>
    <t>Ashfaq Ahmad Sabir</t>
  </si>
  <si>
    <t>41172</t>
  </si>
  <si>
    <t>10017</t>
  </si>
  <si>
    <t>GPS CHAK NO.234-A/TDA</t>
  </si>
  <si>
    <t>Chak 234A/TDA</t>
  </si>
  <si>
    <t>Chak No 234A/TDA</t>
  </si>
  <si>
    <t>25683</t>
  </si>
  <si>
    <t>14035</t>
  </si>
  <si>
    <t>51762</t>
  </si>
  <si>
    <t>52220</t>
  </si>
  <si>
    <t>GHS NEHRANWALA</t>
  </si>
  <si>
    <t>Nehranwala</t>
  </si>
  <si>
    <t>VILLAGE Nehranwala Tehsil Depalpur Distt.Okara</t>
  </si>
  <si>
    <t>38150</t>
  </si>
  <si>
    <t>GES BAGHRI</t>
  </si>
  <si>
    <t>Baghri</t>
  </si>
  <si>
    <t>mouza baghri jhang</t>
  </si>
  <si>
    <t>Qadeemi</t>
  </si>
  <si>
    <t>Ranjha Nawaz Khan</t>
  </si>
  <si>
    <t>10592</t>
  </si>
  <si>
    <t>16204</t>
  </si>
  <si>
    <t>36278</t>
  </si>
  <si>
    <t>GGES JHUJH KHURD</t>
  </si>
  <si>
    <t>JAN PURA   -FEMALE</t>
  </si>
  <si>
    <t>Jhujh Khurd</t>
  </si>
  <si>
    <t>jhujh khurd</t>
  </si>
  <si>
    <t>saba tariq khan</t>
  </si>
  <si>
    <t>28876</t>
  </si>
  <si>
    <t>GGES GID PUR</t>
  </si>
  <si>
    <t>Gidpur</t>
  </si>
  <si>
    <t>gid pur</t>
  </si>
  <si>
    <t>Gid Pur</t>
  </si>
  <si>
    <t>Gulzar Yasmeen</t>
  </si>
  <si>
    <t>37012</t>
  </si>
  <si>
    <t>GPS IHSAN PUR, P/O MAAN KOT, NAWAN SHEHR</t>
  </si>
  <si>
    <t>Salar Wahin Nau</t>
  </si>
  <si>
    <t>mouza salar wahin nau</t>
  </si>
  <si>
    <t>Man Kot</t>
  </si>
  <si>
    <t>6877</t>
  </si>
  <si>
    <t>22495</t>
  </si>
  <si>
    <t>GMPS PIR HARA</t>
  </si>
  <si>
    <t>J.P.JATTAN-VI-FEMALE</t>
  </si>
  <si>
    <t>Pir Hara</t>
  </si>
  <si>
    <t>Vill Pir Hara P/O Dhool Kalan Tehsil District Gujrat</t>
  </si>
  <si>
    <t>23879</t>
  </si>
  <si>
    <t>GMPS MARHANA</t>
  </si>
  <si>
    <t>Marhana</t>
  </si>
  <si>
    <t>village marhana</t>
  </si>
  <si>
    <t>Sallhoky</t>
  </si>
  <si>
    <t>Amna Razzaq</t>
  </si>
  <si>
    <t>42630</t>
  </si>
  <si>
    <t>47398</t>
  </si>
  <si>
    <t>16220</t>
  </si>
  <si>
    <t>GPS ASAD ULLAH GARH</t>
  </si>
  <si>
    <t>Asadullah Garh</t>
  </si>
  <si>
    <t>GPS Asadullah Garh Markz FAIZABAD Tehsil Depalpur District Okara</t>
  </si>
  <si>
    <t>Kalason Hameed</t>
  </si>
  <si>
    <t>51926</t>
  </si>
  <si>
    <t>GPS THATHAI P/O SAME TEH ARIF WALA</t>
  </si>
  <si>
    <t>Thathai</t>
  </si>
  <si>
    <t>chak thathai post office chak shafi</t>
  </si>
  <si>
    <t>Muhammad Saleem Tahir</t>
  </si>
  <si>
    <t>22210</t>
  </si>
  <si>
    <t>22406</t>
  </si>
  <si>
    <t>10561</t>
  </si>
  <si>
    <t>GGES BAHADUR GARH</t>
  </si>
  <si>
    <t>bahadurgarh</t>
  </si>
  <si>
    <t>GGES bahadurgarh, D.g khan</t>
  </si>
  <si>
    <t>11648</t>
  </si>
  <si>
    <t>GPS PINDI HASNA</t>
  </si>
  <si>
    <t>J.P.JATTAN III - MALE</t>
  </si>
  <si>
    <t>Pindi Hasna</t>
  </si>
  <si>
    <t>village and p.o pindi hasna tehsil and Distt gujrat</t>
  </si>
  <si>
    <t>Noora Mandhala</t>
  </si>
  <si>
    <t>Inzamam Ashraf Butt</t>
  </si>
  <si>
    <t>From home which is situated infront of school</t>
  </si>
  <si>
    <t>51062</t>
  </si>
  <si>
    <t>GGES BHANGALI GUJAR</t>
  </si>
  <si>
    <t>Bhangali Gujar</t>
  </si>
  <si>
    <t>Nighat jabeen</t>
  </si>
  <si>
    <t>GPS GUJGRAN</t>
  </si>
  <si>
    <t>TANDA-II-MALE</t>
  </si>
  <si>
    <t>Gujgran</t>
  </si>
  <si>
    <t>Village Gujgran post box Tanda Gujrat</t>
  </si>
  <si>
    <t>Mota</t>
  </si>
  <si>
    <t>GGCMS CHAK 561 GB LUNDIANWALA</t>
  </si>
  <si>
    <t>Narwan Chak</t>
  </si>
  <si>
    <t>561gb jrw</t>
  </si>
  <si>
    <t>561gb</t>
  </si>
  <si>
    <t>657/8gb</t>
  </si>
  <si>
    <t>Shazia Rashid</t>
  </si>
  <si>
    <t>38141</t>
  </si>
  <si>
    <t>52982</t>
  </si>
  <si>
    <t>GGPS KANDUWAL</t>
  </si>
  <si>
    <t>Kanduwalsaray</t>
  </si>
  <si>
    <t>kanduwalsaray</t>
  </si>
  <si>
    <t>Kausar Ghulam</t>
  </si>
  <si>
    <t>15263</t>
  </si>
  <si>
    <t>GGPS 40/3-R</t>
  </si>
  <si>
    <t>22345</t>
  </si>
  <si>
    <t>28661</t>
  </si>
  <si>
    <t>GGES BARKI CHAK NO 16</t>
  </si>
  <si>
    <t>Barki Chak 16</t>
  </si>
  <si>
    <t>barki chak 16</t>
  </si>
  <si>
    <t>Nisbat Bashir</t>
  </si>
  <si>
    <t>42708</t>
  </si>
  <si>
    <t>GGPS DHOK KARMI</t>
  </si>
  <si>
    <t>vill Dhoke karmi</t>
  </si>
  <si>
    <t>Dhoke Karmi</t>
  </si>
  <si>
    <t>Memoona Iram</t>
  </si>
  <si>
    <t>boki</t>
  </si>
  <si>
    <t>12069</t>
  </si>
  <si>
    <t>38144</t>
  </si>
  <si>
    <t>52172</t>
  </si>
  <si>
    <t>GPS PAKKI DHARY DAKHLI CHAK NO. 33 EB</t>
  </si>
  <si>
    <t>QABOOLA 1 - MALE</t>
  </si>
  <si>
    <t>Pakki Dahari</t>
  </si>
  <si>
    <t>chak no 33/e.b</t>
  </si>
  <si>
    <t>33EB</t>
  </si>
  <si>
    <t>75EB</t>
  </si>
  <si>
    <t>15127</t>
  </si>
  <si>
    <t>GPS 92 RB-II</t>
  </si>
  <si>
    <t>BALOCHNI-MALE</t>
  </si>
  <si>
    <t>92 R B</t>
  </si>
  <si>
    <t>Chak No 92 R. B II</t>
  </si>
  <si>
    <t>92 R B II</t>
  </si>
  <si>
    <t>61 R B</t>
  </si>
  <si>
    <t>Shahbaz Ul Haq</t>
  </si>
  <si>
    <t>49370</t>
  </si>
  <si>
    <t>23623</t>
  </si>
  <si>
    <t>GGHS PEERO CHAK</t>
  </si>
  <si>
    <t>Piro Chak</t>
  </si>
  <si>
    <t>Govt Girls High School Piro Chak Daska sialkot</t>
  </si>
  <si>
    <t>15130</t>
  </si>
  <si>
    <t>18604</t>
  </si>
  <si>
    <t>GPS CHAK 245 GB-II TALVINDI</t>
  </si>
  <si>
    <t>Chak 245/GB I</t>
  </si>
  <si>
    <t>Chak 245/GB Tehsil Gojr a District Toba Tek Singh</t>
  </si>
  <si>
    <t>Chak 245 GB</t>
  </si>
  <si>
    <t>GPS MOHAR SHARIF</t>
  </si>
  <si>
    <t>P.O Mohar Sharif, Chishtian</t>
  </si>
  <si>
    <t>15044</t>
  </si>
  <si>
    <t>GPS MOZA JHANGIR</t>
  </si>
  <si>
    <t>Jhanger</t>
  </si>
  <si>
    <t>Mouza Jhanger awana p/o same abdi kenel</t>
  </si>
  <si>
    <t>Mouza Kenal</t>
  </si>
  <si>
    <t>Chak# 583 G B</t>
  </si>
  <si>
    <t>Ishtiaque Ahmed</t>
  </si>
  <si>
    <t>22983</t>
  </si>
  <si>
    <t>15137</t>
  </si>
  <si>
    <t>GGHSS MANSOOR ABAD NISHAT ABAD FSD</t>
  </si>
  <si>
    <t>Malik Pur manawla Fsd</t>
  </si>
  <si>
    <t>203RB Shamsabad</t>
  </si>
  <si>
    <t>GHSS HAJI PUR</t>
  </si>
  <si>
    <t>hajipur</t>
  </si>
  <si>
    <t>Abid Hussain Zia</t>
  </si>
  <si>
    <t>GMPS REHMANIAN</t>
  </si>
  <si>
    <t>rehmania</t>
  </si>
  <si>
    <t>Rehmania</t>
  </si>
  <si>
    <t>Hadia Iqbal</t>
  </si>
  <si>
    <t>47668</t>
  </si>
  <si>
    <t>43071</t>
  </si>
  <si>
    <t>GHS BHEEN</t>
  </si>
  <si>
    <t>vpo Bheen Tehsil  and District  Chakwal</t>
  </si>
  <si>
    <t>MUHAMMAD RASHEED</t>
  </si>
  <si>
    <t>36612</t>
  </si>
  <si>
    <t>GHS JARALA P/O DARKHANA</t>
  </si>
  <si>
    <t>P/O Abdulhakim Teh.kabirwala(KWL)</t>
  </si>
  <si>
    <t>13D</t>
  </si>
  <si>
    <t>jewan Ali</t>
  </si>
  <si>
    <t>GPS CHAK NO 101 F</t>
  </si>
  <si>
    <t>101f</t>
  </si>
  <si>
    <t>Chak 101/F Chishtian</t>
  </si>
  <si>
    <t>Chak 101/F</t>
  </si>
  <si>
    <t>Chak 98/F</t>
  </si>
  <si>
    <t>54583</t>
  </si>
  <si>
    <t>GPS NAHRIAN WALA</t>
  </si>
  <si>
    <t>Mudassar Javed</t>
  </si>
  <si>
    <t>12106</t>
  </si>
  <si>
    <t>52163</t>
  </si>
  <si>
    <t>GPS HAMEED KOT (MEHMOOD KOT)</t>
  </si>
  <si>
    <t>govt primary school Hameed kot (mehmood Kot)</t>
  </si>
  <si>
    <t>Mehdi Khan</t>
  </si>
  <si>
    <t>Tariq Saeed  Tahir</t>
  </si>
  <si>
    <t>29770</t>
  </si>
  <si>
    <t>13576</t>
  </si>
  <si>
    <t>42366</t>
  </si>
  <si>
    <t>GHS HARNAL</t>
  </si>
  <si>
    <t>GBHS HARNAL VPO HARNAL TEHSIL GUJAR KHAN RWP</t>
  </si>
  <si>
    <t>MUKHTAR HUSSAIN KAYANI</t>
  </si>
  <si>
    <t>11645</t>
  </si>
  <si>
    <t>GMPS 149/6-R EIDAY WALA</t>
  </si>
  <si>
    <t>149/6R</t>
  </si>
  <si>
    <t>chak no 149/6R(Eiday wala) Tehsil Haroonabad District Bahawalnagar</t>
  </si>
  <si>
    <t>chak no Chak149/6REiday wala</t>
  </si>
  <si>
    <t>98/6R</t>
  </si>
  <si>
    <t>GGPS 72/12-L</t>
  </si>
  <si>
    <t>72/12L</t>
  </si>
  <si>
    <t>GGPS 72/12L</t>
  </si>
  <si>
    <t>Naeem Kousar</t>
  </si>
  <si>
    <t>GGPS CHAK NO. 7/FW MAGHI WALA</t>
  </si>
  <si>
    <t>7/FW</t>
  </si>
  <si>
    <t>GGPS 7/FW Maghi wala</t>
  </si>
  <si>
    <t>Maghi Wala</t>
  </si>
  <si>
    <t>Ammara Yasmeen</t>
  </si>
  <si>
    <t>20295</t>
  </si>
  <si>
    <t>GHS CHAK 369 JB</t>
  </si>
  <si>
    <t>johda nagri</t>
  </si>
  <si>
    <t>Ck no 369 jb,gojra</t>
  </si>
  <si>
    <t>Johda Nagri</t>
  </si>
  <si>
    <t>Khakain</t>
  </si>
  <si>
    <t>GHS CHAK NO.255/EB</t>
  </si>
  <si>
    <t>Chak No 255/EB Burewala</t>
  </si>
  <si>
    <t>Chak No 255</t>
  </si>
  <si>
    <t>52867</t>
  </si>
  <si>
    <t>GGPS 47 D JEEWAN WALA</t>
  </si>
  <si>
    <t>Village 47/d jewan wala</t>
  </si>
  <si>
    <t>47/d jewan wala</t>
  </si>
  <si>
    <t>Chiplipur</t>
  </si>
  <si>
    <t>4117</t>
  </si>
  <si>
    <t>GPS CHAK TEHISLDAR</t>
  </si>
  <si>
    <t>chaveka uttar</t>
  </si>
  <si>
    <t>Chak tehsildar Bwn</t>
  </si>
  <si>
    <t>Chak tehsildar</t>
  </si>
  <si>
    <t>toba qalunder Sha</t>
  </si>
  <si>
    <t>Muhammad abdullah</t>
  </si>
  <si>
    <t>27142</t>
  </si>
  <si>
    <t>GGPS LAKHIA</t>
  </si>
  <si>
    <t>Lakhia</t>
  </si>
  <si>
    <t>Solangiawan</t>
  </si>
  <si>
    <t>Saba Mehreen</t>
  </si>
  <si>
    <t>GGHS BEOWALI</t>
  </si>
  <si>
    <t>Beowali</t>
  </si>
  <si>
    <t>P/O Beowali Dist. /Teh Gujrat</t>
  </si>
  <si>
    <t>Chak Manju</t>
  </si>
  <si>
    <t>Aziz Akhtar</t>
  </si>
  <si>
    <t>15284</t>
  </si>
  <si>
    <t>21696</t>
  </si>
  <si>
    <t>GPS EMINABAD NO.8</t>
  </si>
  <si>
    <t>kharal wala eminabad on sialkot road</t>
  </si>
  <si>
    <t>Khral Wala</t>
  </si>
  <si>
    <t>Uc Eminabad 41</t>
  </si>
  <si>
    <t>8731</t>
  </si>
  <si>
    <t>GGHS BASTI ALYANI</t>
  </si>
  <si>
    <t>Basti Alyani P/o Wadoor Thailand and District,D.G.Khan</t>
  </si>
  <si>
    <t>Basti Alyani</t>
  </si>
  <si>
    <t>MRS.IFFAT ZAHOOR</t>
  </si>
  <si>
    <t>25905</t>
  </si>
  <si>
    <t>37650</t>
  </si>
  <si>
    <t>22115</t>
  </si>
  <si>
    <t>GHS PERO SHAH</t>
  </si>
  <si>
    <t>VPO PEROSHAH</t>
  </si>
  <si>
    <t>Muhammad Yaqub</t>
  </si>
  <si>
    <t>36545</t>
  </si>
  <si>
    <t>GHS JAWIND SINGH WALA, KABIRWALA</t>
  </si>
  <si>
    <t>5-KASSI</t>
  </si>
  <si>
    <t>5-KASSI, TEHSIL KABIRWALA</t>
  </si>
  <si>
    <t>GGPS 139/10-R QADEEM, JAHANIAN</t>
  </si>
  <si>
    <t>Khow Awan Wala</t>
  </si>
  <si>
    <t>139/10r</t>
  </si>
  <si>
    <t>139/10r Old</t>
  </si>
  <si>
    <t>138/10 R</t>
  </si>
  <si>
    <t>23916</t>
  </si>
  <si>
    <t>GGPS MATELAY</t>
  </si>
  <si>
    <t>Mately</t>
  </si>
  <si>
    <t>village matelay Po box Khas Teh Daska distt sialkot</t>
  </si>
  <si>
    <t>Gulnaz Latif</t>
  </si>
  <si>
    <t>30170</t>
  </si>
  <si>
    <t>50975</t>
  </si>
  <si>
    <t>44106</t>
  </si>
  <si>
    <t>GPS CHHUMBI</t>
  </si>
  <si>
    <t>CHHUMBI</t>
  </si>
  <si>
    <t>VPO CHHUMBI</t>
  </si>
  <si>
    <t>Raja Anwar Ul Haq</t>
  </si>
  <si>
    <t>47237</t>
  </si>
  <si>
    <t>44939</t>
  </si>
  <si>
    <t>GPS CHAK 467 JB</t>
  </si>
  <si>
    <t>467jb</t>
  </si>
  <si>
    <t>Chak No 467 JB Chak jhumra Faisalabad</t>
  </si>
  <si>
    <t>CHAK NO 467 JB</t>
  </si>
  <si>
    <t>Chak No 20 JB Khanky</t>
  </si>
  <si>
    <t>42954</t>
  </si>
  <si>
    <t>GPS MAMYAL</t>
  </si>
  <si>
    <t>Blandi</t>
  </si>
  <si>
    <t>Mamyal PO Bagh Jameri Teh Kallar Syedan District Rwp</t>
  </si>
  <si>
    <t>Mamyal</t>
  </si>
  <si>
    <t>Dobran Kalan</t>
  </si>
  <si>
    <t>Abid Hussain Janjua</t>
  </si>
  <si>
    <t>3862</t>
  </si>
  <si>
    <t>GGPS BASTI GHALLU WALA</t>
  </si>
  <si>
    <t>20/Fw</t>
  </si>
  <si>
    <t>Ggps basti Ghallu wala</t>
  </si>
  <si>
    <t>Chak No 71/F</t>
  </si>
  <si>
    <t>39391</t>
  </si>
  <si>
    <t>38448</t>
  </si>
  <si>
    <t>GES CHAK NO. 37/M</t>
  </si>
  <si>
    <t>chak  no 37/m tehsil dunyapur distt.. Lodhran</t>
  </si>
  <si>
    <t>Chak No 37m</t>
  </si>
  <si>
    <t>Wazir Hussain Shah Hashmi</t>
  </si>
  <si>
    <t>GPS BHUNIAN</t>
  </si>
  <si>
    <t>Bhunian</t>
  </si>
  <si>
    <t>village Bhunian p/o Soon uc Narar tehsil Kahuta district Rawalpindi</t>
  </si>
  <si>
    <t>Muhammad Bilal Ishtiaq</t>
  </si>
  <si>
    <t>GPS BASTI MAHAJAREEN</t>
  </si>
  <si>
    <t>Roda Singh</t>
  </si>
  <si>
    <t>basti mahajreen p\o dunga bunga</t>
  </si>
  <si>
    <t>Basti Mahajareen</t>
  </si>
  <si>
    <t>19933</t>
  </si>
  <si>
    <t>GGHS RAO BAGH MAL</t>
  </si>
  <si>
    <t>Rao Bagh</t>
  </si>
  <si>
    <t>raobagh Lahore road chiniot</t>
  </si>
  <si>
    <t>Anum Fayyaz</t>
  </si>
  <si>
    <t>39956</t>
  </si>
  <si>
    <t>GGPS KOONDRAN WALI PO NOTAK</t>
  </si>
  <si>
    <t>Humoon Wala</t>
  </si>
  <si>
    <t>ggps konranwali</t>
  </si>
  <si>
    <t>Kondranwali</t>
  </si>
  <si>
    <t>Humera Nawaz</t>
  </si>
  <si>
    <t>37944</t>
  </si>
  <si>
    <t>GHSS CHOA SAIDAN SHAH</t>
  </si>
  <si>
    <t>CHOA S SHAH</t>
  </si>
  <si>
    <t>KHEWRA ROAD CHOA S SHAH</t>
  </si>
  <si>
    <t>43026</t>
  </si>
  <si>
    <t>GGPS DERI</t>
  </si>
  <si>
    <t>Nandana jatal</t>
  </si>
  <si>
    <t>village dehri p/o arazi khas tehsil kallar syedan.district rawalpindi</t>
  </si>
  <si>
    <t>Dehri</t>
  </si>
  <si>
    <t>bishandote</t>
  </si>
  <si>
    <t>Zaib-un-nissa</t>
  </si>
  <si>
    <t>25560</t>
  </si>
  <si>
    <t>GPS CHAK NO 449 TDA</t>
  </si>
  <si>
    <t>449/tda</t>
  </si>
  <si>
    <t>chak no 449</t>
  </si>
  <si>
    <t>Chak No 449</t>
  </si>
  <si>
    <t>33016</t>
  </si>
  <si>
    <t>38016</t>
  </si>
  <si>
    <t>39949</t>
  </si>
  <si>
    <t>GPS SHAH DHER</t>
  </si>
  <si>
    <t>Shahdher</t>
  </si>
  <si>
    <t>Shahdher  p/o Nurtopa Tehsil Hazro   Attock</t>
  </si>
  <si>
    <t>Khagwani</t>
  </si>
  <si>
    <t>Mohammad Mehmood Husain</t>
  </si>
  <si>
    <t>41073</t>
  </si>
  <si>
    <t>GHS LEHREE</t>
  </si>
  <si>
    <t>vpo Lehri Tehsil Kahuta Distt rawalpindi</t>
  </si>
  <si>
    <t>SHAHNAWAZ</t>
  </si>
  <si>
    <t>39663</t>
  </si>
  <si>
    <t>GES  57/12-L</t>
  </si>
  <si>
    <t>CHAK NO. 57/12-L</t>
  </si>
  <si>
    <t>MUHAMMAD TUFAIL</t>
  </si>
  <si>
    <t>7428</t>
  </si>
  <si>
    <t>GPS CHAK NO.216/9-R</t>
  </si>
  <si>
    <t>216/9R</t>
  </si>
  <si>
    <t>chak#216/9.r Fortabbas</t>
  </si>
  <si>
    <t>Chak#216/9R</t>
  </si>
  <si>
    <t>Chak#213/9R</t>
  </si>
  <si>
    <t>Muhmmad Akhter</t>
  </si>
  <si>
    <t>44233</t>
  </si>
  <si>
    <t>GPS NO. 4 MOH BASIRA BUCHAL KALAN</t>
  </si>
  <si>
    <t>vpo buchal kalan tensile kallar kahar district chakwal</t>
  </si>
  <si>
    <t>Aftab javeed</t>
  </si>
  <si>
    <t>through water tanker</t>
  </si>
  <si>
    <t>38108</t>
  </si>
  <si>
    <t>GGES CHAK NO.165/M</t>
  </si>
  <si>
    <t>165/m</t>
  </si>
  <si>
    <t>chak no. 165/m</t>
  </si>
  <si>
    <t>163/m</t>
  </si>
  <si>
    <t>Mehwish Irshad</t>
  </si>
  <si>
    <t>GPS CHAK 45/F</t>
  </si>
  <si>
    <t>Chak No. 45/F Tehsil Chishtian District Bahawalnagar</t>
  </si>
  <si>
    <t>GPS GOTH LAL</t>
  </si>
  <si>
    <t>Goth Lal</t>
  </si>
  <si>
    <t>Moza Goth Lal post office Samma Satta tehsile &amp; District Bahawalpur</t>
  </si>
  <si>
    <t>Marri Sheikh Shujra</t>
  </si>
  <si>
    <t>Muhammad Saddam Hussain</t>
  </si>
  <si>
    <t>20843</t>
  </si>
  <si>
    <t>GGPS BHAGAT GARH</t>
  </si>
  <si>
    <t>Bhagat garh GRW</t>
  </si>
  <si>
    <t>GPS LUNDA BANGI KHEL</t>
  </si>
  <si>
    <t>Londe Bangi Khel</t>
  </si>
  <si>
    <t>Lunda Bangi Khel P/O Kalabagh</t>
  </si>
  <si>
    <t>Lunda Bangi Khel</t>
  </si>
  <si>
    <t>Abdul Akbar</t>
  </si>
  <si>
    <t>39864</t>
  </si>
  <si>
    <t>GGPS GUNGA PIND</t>
  </si>
  <si>
    <t>Gunga Pind</t>
  </si>
  <si>
    <t>Village Gunga Pind p.o.&amp; Teh Hassan Abdal District Attock</t>
  </si>
  <si>
    <t>Arfi Shagufta</t>
  </si>
  <si>
    <t>38070</t>
  </si>
  <si>
    <t>25965</t>
  </si>
  <si>
    <t>38808</t>
  </si>
  <si>
    <t>GPS DHOK FATEH SARWALA</t>
  </si>
  <si>
    <t>dk.fateh fateh attock</t>
  </si>
  <si>
    <t>dk.fateh</t>
  </si>
  <si>
    <t>nusrat shaheen</t>
  </si>
  <si>
    <t>46064</t>
  </si>
  <si>
    <t>2398</t>
  </si>
  <si>
    <t>GMMS DHOK GUJAR</t>
  </si>
  <si>
    <t>Dhok Gujjar</t>
  </si>
  <si>
    <t>village Dhok gujjar p o area the c s shah distt Chakwa1986</t>
  </si>
  <si>
    <t>Resham Khan</t>
  </si>
  <si>
    <t>40206</t>
  </si>
  <si>
    <t>GGES NOGRAN</t>
  </si>
  <si>
    <t>Nougran</t>
  </si>
  <si>
    <t>village and post office nougran tehsil &amp; district jhelum</t>
  </si>
  <si>
    <t>Samina Jabeen</t>
  </si>
  <si>
    <t>GMPS CHAK 68-M</t>
  </si>
  <si>
    <t>Chak No 68/M</t>
  </si>
  <si>
    <t>GMPS Chak No 68/M</t>
  </si>
  <si>
    <t>42832</t>
  </si>
  <si>
    <t>GPS DERBAR BABA SHAHEED</t>
  </si>
  <si>
    <t>Maira Shamas</t>
  </si>
  <si>
    <t>maira shamas post office daryala Saigon Gujarkhan</t>
  </si>
  <si>
    <t>Usi Cheemian</t>
  </si>
  <si>
    <t>Parvaiz Akhter</t>
  </si>
  <si>
    <t>6302</t>
  </si>
  <si>
    <t>GES BAWATA</t>
  </si>
  <si>
    <t>bawata p/o khar fourtminroo</t>
  </si>
  <si>
    <t>Tuman Legharee</t>
  </si>
  <si>
    <t>2406</t>
  </si>
  <si>
    <t>GPS CHAK 131/6-R E</t>
  </si>
  <si>
    <t>131/6r</t>
  </si>
  <si>
    <t>131/6.r</t>
  </si>
  <si>
    <t>131 / 6r</t>
  </si>
  <si>
    <t>132/ 6r</t>
  </si>
  <si>
    <t>Rana Farhan Kanwal</t>
  </si>
  <si>
    <t>GPS SUNG</t>
  </si>
  <si>
    <t>village  sang tehs il kahuta distt  rawalpindi</t>
  </si>
  <si>
    <t>GPS CHAK NO.205/9-R</t>
  </si>
  <si>
    <t>Chak No 205/9R</t>
  </si>
  <si>
    <t>chak no 205/ 9R</t>
  </si>
  <si>
    <t>Ammar Javeed</t>
  </si>
  <si>
    <t>9817</t>
  </si>
  <si>
    <t>GPS HIDDAL WALA CHAK NO.457 TDA</t>
  </si>
  <si>
    <t>Sumra Thal Clan Janubi</t>
  </si>
  <si>
    <t>GPS hiddal Wala Sumra thal clan janobi</t>
  </si>
  <si>
    <t>Hiddal Wala</t>
  </si>
  <si>
    <t>Rashid ahmad</t>
  </si>
  <si>
    <t>17654</t>
  </si>
  <si>
    <t>GGES 86-A/12-L</t>
  </si>
  <si>
    <t>86A/12L</t>
  </si>
  <si>
    <t>chak no.86-A/12-L</t>
  </si>
  <si>
    <t>86-A-/12-L</t>
  </si>
  <si>
    <t>Tahira Faiz Ul  Hassan</t>
  </si>
  <si>
    <t>46734</t>
  </si>
  <si>
    <t>GPS UTLA PATTAN PO KALABAGH TEH. ISA KHEL</t>
  </si>
  <si>
    <t>gps Utla pattan kala bagh tehisakhel</t>
  </si>
  <si>
    <t>M/C Kalabagh</t>
  </si>
  <si>
    <t>Muhammad Iqbal Shah</t>
  </si>
  <si>
    <t>24128</t>
  </si>
  <si>
    <t>GES CHAK NO 44 FEROZWALA</t>
  </si>
  <si>
    <t>chak 44</t>
  </si>
  <si>
    <t>Zahid Anwar</t>
  </si>
  <si>
    <t>12815</t>
  </si>
  <si>
    <t>10849</t>
  </si>
  <si>
    <t>GGPS CHAK NO.180/M-A BASTI BOHRAN</t>
  </si>
  <si>
    <t>Basti Bohran</t>
  </si>
  <si>
    <t>181 murad</t>
  </si>
  <si>
    <t>181 Murad</t>
  </si>
  <si>
    <t>163 Murad</t>
  </si>
  <si>
    <t>Shakila Rani</t>
  </si>
  <si>
    <t>44305</t>
  </si>
  <si>
    <t>GGPS NATTO WALA KAHAR</t>
  </si>
  <si>
    <t>Nattowala Kahar</t>
  </si>
  <si>
    <t>GGPS Nattowala kahar</t>
  </si>
  <si>
    <t>Maryam Zahra</t>
  </si>
  <si>
    <t>GGHS PIND FATEH</t>
  </si>
  <si>
    <t>Pind Fateh</t>
  </si>
  <si>
    <t>Govt.Girls High school pind fateh</t>
  </si>
  <si>
    <t>gali jageer</t>
  </si>
  <si>
    <t>Rafia Asif</t>
  </si>
  <si>
    <t>52748</t>
  </si>
  <si>
    <t>51560</t>
  </si>
  <si>
    <t>35283</t>
  </si>
  <si>
    <t>GPS AMIN KOT MOZA KHOKHRA</t>
  </si>
  <si>
    <t>Khokhra</t>
  </si>
  <si>
    <t>basti amin kot, P/O Sahuka, Burewala</t>
  </si>
  <si>
    <t>Amin Kot</t>
  </si>
  <si>
    <t>Asif Nadeem Khan</t>
  </si>
  <si>
    <t>23674</t>
  </si>
  <si>
    <t>GGES BHAKHIAN WALA</t>
  </si>
  <si>
    <t>Bhakhian Wala</t>
  </si>
  <si>
    <t>post office and village bhakhianwala tehsil daska district sialkot</t>
  </si>
  <si>
    <t>Bhakhianwala</t>
  </si>
  <si>
    <t>10754</t>
  </si>
  <si>
    <t>9745</t>
  </si>
  <si>
    <t>GGPS CHAK NO 302 TDA</t>
  </si>
  <si>
    <t>chak 302</t>
  </si>
  <si>
    <t>Chak302</t>
  </si>
  <si>
    <t>Aoulakh Thal Kalan2</t>
  </si>
  <si>
    <t>Aysha Ramzan</t>
  </si>
  <si>
    <t>1193</t>
  </si>
  <si>
    <t>GPS CHAK NO. 271/HR EAST</t>
  </si>
  <si>
    <t>CHAK NO.271/HR</t>
  </si>
  <si>
    <t>CHAK NO. 271/HR (E)</t>
  </si>
  <si>
    <t>CHAK NO. 264/HR</t>
  </si>
  <si>
    <t>41098</t>
  </si>
  <si>
    <t>GPS KHADIOT</t>
  </si>
  <si>
    <t>village khadiot kahuta rawalpindi</t>
  </si>
  <si>
    <t>Muhammad Sarmad Idrees</t>
  </si>
  <si>
    <t>GGPS DERA TALAB WALA</t>
  </si>
  <si>
    <t>Gondlan Wala</t>
  </si>
  <si>
    <t>GGPS Dera Talab Wala</t>
  </si>
  <si>
    <t>GPS WAH KHOKHER</t>
  </si>
  <si>
    <t>Raqba Noushera</t>
  </si>
  <si>
    <t>mud baga dhandla</t>
  </si>
  <si>
    <t>Mud Baga Dhandla</t>
  </si>
  <si>
    <t>Noushera Gharbi</t>
  </si>
  <si>
    <t>Rasool Bukhsh</t>
  </si>
  <si>
    <t>9002</t>
  </si>
  <si>
    <t>18526</t>
  </si>
  <si>
    <t>GGHS CHAK 424 JB MINTGUMARY WALA</t>
  </si>
  <si>
    <t>Chak  No 424  Jb</t>
  </si>
  <si>
    <t>govt.girls high school 424 jb mintghumray wala</t>
  </si>
  <si>
    <t>chak no 424 mintghumray wala</t>
  </si>
  <si>
    <t>chak no. 431 jb</t>
  </si>
  <si>
    <t>Farzana Majeed</t>
  </si>
  <si>
    <t>GGHS BASTI MALIK MUHAMMAD IQBAL</t>
  </si>
  <si>
    <t>GGHS basti malik iqbal Musafirkhana</t>
  </si>
  <si>
    <t>Basti Malik Iqbal</t>
  </si>
  <si>
    <t>Jindo Misson</t>
  </si>
  <si>
    <t>maira Ghazal</t>
  </si>
  <si>
    <t>GPS THATHA SIKANDAR ALI</t>
  </si>
  <si>
    <t>MUNARA</t>
  </si>
  <si>
    <t>COLONY THATHA  FATEH ALI</t>
  </si>
  <si>
    <t>Nadeem Abbas</t>
  </si>
  <si>
    <t>43269</t>
  </si>
  <si>
    <t>Bhubhar</t>
  </si>
  <si>
    <t>VPO Bhubhar Tehsil &amp; Distt. Chakw
Al</t>
  </si>
  <si>
    <t>Usba Hassan</t>
  </si>
  <si>
    <t>42522</t>
  </si>
  <si>
    <t>GPS DUHMAN</t>
  </si>
  <si>
    <t>PO box barki chohan Gujar Khan</t>
  </si>
  <si>
    <t>Matwa</t>
  </si>
  <si>
    <t>33052</t>
  </si>
  <si>
    <t>22315</t>
  </si>
  <si>
    <t>34932</t>
  </si>
  <si>
    <t>GGES CHAK NO. 69/M TEH. JALALPUR PIRWALA</t>
  </si>
  <si>
    <t>Chak 69/M</t>
  </si>
  <si>
    <t>chak 69/M jppw</t>
  </si>
  <si>
    <t>Mian Pur Bely Wala</t>
  </si>
  <si>
    <t>Nuzhat Wahab</t>
  </si>
  <si>
    <t>43894</t>
  </si>
  <si>
    <t>13150</t>
  </si>
  <si>
    <t>GPS CHAK KALROO</t>
  </si>
  <si>
    <t>Chak Kakroo</t>
  </si>
  <si>
    <t>mouza chak kalroo tehsil jatoi district muzaffargarh</t>
  </si>
  <si>
    <t>Chak Kalroo</t>
  </si>
  <si>
    <t>Chak bhawan shah P/O Gulab Ali.Teh &amp; Distt Bahawal Nagar</t>
  </si>
  <si>
    <t>Muhammad Shakir</t>
  </si>
  <si>
    <t>24797</t>
  </si>
  <si>
    <t>27638</t>
  </si>
  <si>
    <t>GES PAHAR KHAN</t>
  </si>
  <si>
    <t>NOOR PUR SETHI-MALE</t>
  </si>
  <si>
    <t>Pahar Khan</t>
  </si>
  <si>
    <t>village and post office pahar khan teh kallar kahar district chakwal</t>
  </si>
  <si>
    <t>6774</t>
  </si>
  <si>
    <t>48285</t>
  </si>
  <si>
    <t>50635</t>
  </si>
  <si>
    <t>GGPS 8/14-L CHERWAN</t>
  </si>
  <si>
    <t>8/14L  CHeerwan</t>
  </si>
  <si>
    <t>Chak No.8/14L Cheerwan</t>
  </si>
  <si>
    <t>8/14L Cheerwan</t>
  </si>
  <si>
    <t>Chak 6/14L</t>
  </si>
  <si>
    <t>GPS KOTLA SAID KABIR, P/O HAJI PUR, KABIRWALA</t>
  </si>
  <si>
    <t>Kotla Said Kabir</t>
  </si>
  <si>
    <t>kotla Said Kabir Post Office Haji Pure, Teh Kabir Wala Distt KWL</t>
  </si>
  <si>
    <t>Nai Basti</t>
  </si>
  <si>
    <t>Monga Wala</t>
  </si>
  <si>
    <t>Ameer Umer</t>
  </si>
  <si>
    <t>18717</t>
  </si>
  <si>
    <t>18697</t>
  </si>
  <si>
    <t>46736</t>
  </si>
  <si>
    <t>GES KALA BAGH</t>
  </si>
  <si>
    <t>Railway colony kalabagh</t>
  </si>
  <si>
    <t>MC kalabagh</t>
  </si>
  <si>
    <t>20469</t>
  </si>
  <si>
    <t>43529</t>
  </si>
  <si>
    <t>GMPS DHOK SIAL</t>
  </si>
  <si>
    <t>Dk Sial</t>
  </si>
  <si>
    <t>dk sial</t>
  </si>
  <si>
    <t>Naureen Altaf</t>
  </si>
  <si>
    <t>11907</t>
  </si>
  <si>
    <t>51691</t>
  </si>
  <si>
    <t>GES CHAK NO. 204/9-R</t>
  </si>
  <si>
    <t>Chak 204/9-R</t>
  </si>
  <si>
    <t>chak no 204/9-R</t>
  </si>
  <si>
    <t>204/9-R</t>
  </si>
  <si>
    <t>Chak No 204/9-R</t>
  </si>
  <si>
    <t>Abid Hussain Abid</t>
  </si>
  <si>
    <t>5383</t>
  </si>
  <si>
    <t>GHS DERA KHALSA</t>
  </si>
  <si>
    <t>Dera Khalsa</t>
  </si>
  <si>
    <t>Village&amp; p/o Dera khalsa, Tehsil kallar syedan, Rawalpindi</t>
  </si>
  <si>
    <t>39649</t>
  </si>
  <si>
    <t>42512</t>
  </si>
  <si>
    <t>GPS BHAG PUR</t>
  </si>
  <si>
    <t>Bhagpur</t>
  </si>
  <si>
    <t>bhagpur</t>
  </si>
  <si>
    <t>Munir Ahmed</t>
  </si>
  <si>
    <t>GPS 143 RB I</t>
  </si>
  <si>
    <t>Chak No 143RB Tehsil Chak Jhumra District Faisalabad</t>
  </si>
  <si>
    <t>143 RB Matiyani</t>
  </si>
  <si>
    <t>10234</t>
  </si>
  <si>
    <t>GMPS BRALAN WALA</t>
  </si>
  <si>
    <t>Bralanwala mauza satiana</t>
  </si>
  <si>
    <t>Bralanwala</t>
  </si>
  <si>
    <t>Asia Naheed</t>
  </si>
  <si>
    <t>25459</t>
  </si>
  <si>
    <t>GGES CHAK NO.181/M</t>
  </si>
  <si>
    <t>181/M</t>
  </si>
  <si>
    <t>CHAK NO 181/M P/O179/M</t>
  </si>
  <si>
    <t>Maqdas Nokhaiz</t>
  </si>
  <si>
    <t>39001</t>
  </si>
  <si>
    <t>GPS MAJHIA</t>
  </si>
  <si>
    <t>Majhia</t>
  </si>
  <si>
    <t>village Majhia tehsil fateh jang district Attock</t>
  </si>
  <si>
    <t>Shahraisadullah</t>
  </si>
  <si>
    <t>Kausar Bibi</t>
  </si>
  <si>
    <t>43568</t>
  </si>
  <si>
    <t>47248</t>
  </si>
  <si>
    <t>GPS CHAK NO 59/4-R E</t>
  </si>
  <si>
    <t>Chak No 59/4R E</t>
  </si>
  <si>
    <t>Chak No 59/4R E...</t>
  </si>
  <si>
    <t>Chak No 58/4R</t>
  </si>
  <si>
    <t>GGCMS CHAK 219/WB NO.1</t>
  </si>
  <si>
    <t>219wb</t>
  </si>
  <si>
    <t>chak219wb</t>
  </si>
  <si>
    <t>Musserat Kabir</t>
  </si>
  <si>
    <t>GPS CHAK NO. 8/1-R</t>
  </si>
  <si>
    <t>Chak 8/1-R</t>
  </si>
  <si>
    <t>Chak 8/1.R Haroonabad</t>
  </si>
  <si>
    <t>8/1R</t>
  </si>
  <si>
    <t>Khawar Hayyat</t>
  </si>
  <si>
    <t>46201</t>
  </si>
  <si>
    <t>38663</t>
  </si>
  <si>
    <t>GGES CHAK 219/WB NO.2</t>
  </si>
  <si>
    <t>GGPS MODEL MOHRA AMIN</t>
  </si>
  <si>
    <t>Darkali kalan</t>
  </si>
  <si>
    <t>mohra amin</t>
  </si>
  <si>
    <t>Mohra amin</t>
  </si>
  <si>
    <t>jhungal</t>
  </si>
  <si>
    <t>Khafsa Noreen</t>
  </si>
  <si>
    <t>35016</t>
  </si>
  <si>
    <t>30586</t>
  </si>
  <si>
    <t>GGPS JANO WALI</t>
  </si>
  <si>
    <t>Basti jano wali</t>
  </si>
  <si>
    <t>Basti Jano wali</t>
  </si>
  <si>
    <t>Mahjabeenshakir</t>
  </si>
  <si>
    <t>52343</t>
  </si>
  <si>
    <t>52027</t>
  </si>
  <si>
    <t>GGES 30 EB KALAN</t>
  </si>
  <si>
    <t>30/eb</t>
  </si>
  <si>
    <t>chak no 30/eb</t>
  </si>
  <si>
    <t>34/eb</t>
  </si>
  <si>
    <t>Samreen Ashraf</t>
  </si>
  <si>
    <t>30021</t>
  </si>
  <si>
    <t>52747</t>
  </si>
  <si>
    <t>GMPS BURZI</t>
  </si>
  <si>
    <t>Mandakhek</t>
  </si>
  <si>
    <t>po mandakhel</t>
  </si>
  <si>
    <t>Burzi</t>
  </si>
  <si>
    <t>Amiran bibi</t>
  </si>
  <si>
    <t>38736</t>
  </si>
  <si>
    <t>42866</t>
  </si>
  <si>
    <t>GHS NALA MUSALMANAN</t>
  </si>
  <si>
    <t>NALA MUSALMANAN MUSALMANAN</t>
  </si>
  <si>
    <t>VILLAGE NALA MUSALMANAN, TEHSIL KALLAR SYEDAN. DISTT. RAWALPINDI</t>
  </si>
  <si>
    <t>NALA MUSALMANAN MUSALMANAN MOHRA LAMYAN</t>
  </si>
  <si>
    <t>NALA MUSALMANAN</t>
  </si>
  <si>
    <t>MUHAMMAD SHABBIR</t>
  </si>
  <si>
    <t>41070</t>
  </si>
  <si>
    <t>GHS DAKHALI</t>
  </si>
  <si>
    <t>gbhs dakhali VPO Dakhali tehsil kahuta</t>
  </si>
  <si>
    <t>SYED MUNIR HUSSAIN  SHAH</t>
  </si>
  <si>
    <t>48740</t>
  </si>
  <si>
    <t>22468</t>
  </si>
  <si>
    <t>GGPS MANDHALA</t>
  </si>
  <si>
    <t>Village Mandhala PO Jalal Pur Jattan Gujrat</t>
  </si>
  <si>
    <t>31358</t>
  </si>
  <si>
    <t>52555</t>
  </si>
  <si>
    <t>GPS CHAK NO 50/4-R NO  2</t>
  </si>
  <si>
    <t>Chak No 50/4-R South</t>
  </si>
  <si>
    <t>MC Haroonabad</t>
  </si>
  <si>
    <t>Ahmed Riaz</t>
  </si>
  <si>
    <t>27061</t>
  </si>
  <si>
    <t>GGPS SEERAY TARAR</t>
  </si>
  <si>
    <t>GGPS Seeray Tarar</t>
  </si>
  <si>
    <t>Dheeranke Lalke</t>
  </si>
  <si>
    <t>Sumara Naseer</t>
  </si>
  <si>
    <t>42355</t>
  </si>
  <si>
    <t>GHS JATLI</t>
  </si>
  <si>
    <t>jatli</t>
  </si>
  <si>
    <t>Qaisar Bashir</t>
  </si>
  <si>
    <t>41196</t>
  </si>
  <si>
    <t>GGPS GALA GLORI</t>
  </si>
  <si>
    <t>Ggps galaglori</t>
  </si>
  <si>
    <t>Galaglori</t>
  </si>
  <si>
    <t>Maria Usman</t>
  </si>
  <si>
    <t>5247</t>
  </si>
  <si>
    <t>GGPS CHAK NO.21/F.W</t>
  </si>
  <si>
    <t>Qaimpur</t>
  </si>
  <si>
    <t>ggps 21fw</t>
  </si>
  <si>
    <t>21fw</t>
  </si>
  <si>
    <t>71f</t>
  </si>
  <si>
    <t>Rizwana Iqbal</t>
  </si>
  <si>
    <t>22754</t>
  </si>
  <si>
    <t>GPS CHAK NOON</t>
  </si>
  <si>
    <t>mighyana</t>
  </si>
  <si>
    <t>buchy wala</t>
  </si>
  <si>
    <t>chaknoon</t>
  </si>
  <si>
    <t>hasnana</t>
  </si>
  <si>
    <t>Mohammad nadeem iqbal</t>
  </si>
  <si>
    <t>40931</t>
  </si>
  <si>
    <t>GPS BHEKRA</t>
  </si>
  <si>
    <t>Baikra</t>
  </si>
  <si>
    <t>village baikra p.o dina distt jhelum</t>
  </si>
  <si>
    <t>Shabbir Ahmad</t>
  </si>
  <si>
    <t>GGPS KOT BANDA</t>
  </si>
  <si>
    <t>Kot banda</t>
  </si>
  <si>
    <t>kot banda teh Daska district Sialkot</t>
  </si>
  <si>
    <t>18389</t>
  </si>
  <si>
    <t>GGES DARBAR SHAIKH ILAM DIN</t>
  </si>
  <si>
    <t>DARBAR SHAIKH ILAM DIN</t>
  </si>
  <si>
    <t>VILLAGE dARBAR SHAIKH ILAM DIN,tEHSIL CHUNIAN,DISTT KASUR</t>
  </si>
  <si>
    <t>13073</t>
  </si>
  <si>
    <t>GGES DAMMAR WALA SHUMALI NO. 1</t>
  </si>
  <si>
    <t>gges dammar wala shumali #1</t>
  </si>
  <si>
    <t>Junaida Rana</t>
  </si>
  <si>
    <t>19557</t>
  </si>
  <si>
    <t>GHS SULTAN KHEL</t>
  </si>
  <si>
    <t>sultan khel sharki</t>
  </si>
  <si>
    <t>Makerwal</t>
  </si>
  <si>
    <t>samarsible pump</t>
  </si>
  <si>
    <t>25507</t>
  </si>
  <si>
    <t>51821</t>
  </si>
  <si>
    <t>GES 147 EB</t>
  </si>
  <si>
    <t>MUHAMMAD NAGAR 1 - MALE</t>
  </si>
  <si>
    <t>Chak No 147eb</t>
  </si>
  <si>
    <t>Chak No. 147/EB Arifwala</t>
  </si>
  <si>
    <t>147/EB</t>
  </si>
  <si>
    <t>Chak No. 147/EB</t>
  </si>
  <si>
    <t>38779</t>
  </si>
  <si>
    <t>GGHS BOLIAN WAL</t>
  </si>
  <si>
    <t>VPO BOLIANWAL TEHSIL AND DISTT ATTOCK</t>
  </si>
  <si>
    <t>Gulnar begum</t>
  </si>
  <si>
    <t>GHS KALU KALAN</t>
  </si>
  <si>
    <t>kalu kalan</t>
  </si>
  <si>
    <t>vpo kalu kalan Tehsil hazro Distt Attock</t>
  </si>
  <si>
    <t>AURANGZEB</t>
  </si>
  <si>
    <t>41200</t>
  </si>
  <si>
    <t>43836</t>
  </si>
  <si>
    <t>GGPS HANESAR</t>
  </si>
  <si>
    <t>Haneser</t>
  </si>
  <si>
    <t>ggps haneser</t>
  </si>
  <si>
    <t>Dobaren Khurd</t>
  </si>
  <si>
    <t>Nadia Zubair Kayani</t>
  </si>
  <si>
    <t>GPS LAANG WALA JALALPUR</t>
  </si>
  <si>
    <t>fateh wala</t>
  </si>
  <si>
    <t>Fateh</t>
  </si>
  <si>
    <t>GGPS New Korray Sial</t>
  </si>
  <si>
    <t>JAMSHER KHURD - FEMALE</t>
  </si>
  <si>
    <t>Kory Sail</t>
  </si>
  <si>
    <t>New Koray Sial</t>
  </si>
  <si>
    <t>Arzani Pur</t>
  </si>
  <si>
    <t>Shahida Yousaf</t>
  </si>
  <si>
    <t>41259</t>
  </si>
  <si>
    <t>GGPS MASI JILLA</t>
  </si>
  <si>
    <t>Mansi</t>
  </si>
  <si>
    <t>Village Mansi Jhilla P/O Lehtrar Teh kahuta</t>
  </si>
  <si>
    <t>Mansi Jhilla</t>
  </si>
  <si>
    <t>Sadia Shahzad</t>
  </si>
  <si>
    <t>boring  mizail motor</t>
  </si>
  <si>
    <t>7046</t>
  </si>
  <si>
    <t>GPS PIND MALI</t>
  </si>
  <si>
    <t>Pind Mali</t>
  </si>
  <si>
    <t>village pindmali p o hasar tehsil hasan abdal dist attock</t>
  </si>
  <si>
    <t>36699</t>
  </si>
  <si>
    <t>20751</t>
  </si>
  <si>
    <t>GGPS LASHKARI PUR</t>
  </si>
  <si>
    <t>Lashkripur</t>
  </si>
  <si>
    <t>lashkripur gujranwala</t>
  </si>
  <si>
    <t>Tayyaba Rasheed</t>
  </si>
  <si>
    <t>18813</t>
  </si>
  <si>
    <t>38647</t>
  </si>
  <si>
    <t>GGES SARLA</t>
  </si>
  <si>
    <t>Sarla</t>
  </si>
  <si>
    <t>postbox jhandeerwah moza sarla tehsil dunyapur</t>
  </si>
  <si>
    <t>Tahira Ambreen</t>
  </si>
  <si>
    <t>GES CHAK NO 240 JB WEST</t>
  </si>
  <si>
    <t>Handlana</t>
  </si>
  <si>
    <t>chak no.240 jb</t>
  </si>
  <si>
    <t>chak no.240</t>
  </si>
  <si>
    <t>chak no 208</t>
  </si>
  <si>
    <t>GGPS KHADIM KHOSA</t>
  </si>
  <si>
    <t>Chutala</t>
  </si>
  <si>
    <t>basti sindhi wala, moza chutala</t>
  </si>
  <si>
    <t>Chah Shindi Wala</t>
  </si>
  <si>
    <t>46830</t>
  </si>
  <si>
    <t>29088</t>
  </si>
  <si>
    <t>GGPS BHIDDAN WALA</t>
  </si>
  <si>
    <t>Shaikhmehmood Wala</t>
  </si>
  <si>
    <t>Ggps Bhudhanwala teh isakhel distt mianwali</t>
  </si>
  <si>
    <t>Bhudhanwala</t>
  </si>
  <si>
    <t>Ruqaia Nawaz</t>
  </si>
  <si>
    <t>22791</t>
  </si>
  <si>
    <t>GMPS SAMMAN</t>
  </si>
  <si>
    <t>p/o box village samman district gujrat</t>
  </si>
  <si>
    <t>Samman</t>
  </si>
  <si>
    <t>23136</t>
  </si>
  <si>
    <t>31403</t>
  </si>
  <si>
    <t>GPS SHAMKE</t>
  </si>
  <si>
    <t>shamke</t>
  </si>
  <si>
    <t>Muhammad Afzal Butt</t>
  </si>
  <si>
    <t>15905</t>
  </si>
  <si>
    <t>44624</t>
  </si>
  <si>
    <t>GMPS JABA</t>
  </si>
  <si>
    <t>jaba vpo uchhri Teh jand district attock</t>
  </si>
  <si>
    <t>Fiaz Begum</t>
  </si>
  <si>
    <t>18723</t>
  </si>
  <si>
    <t>GMPS CHAK 282 JB</t>
  </si>
  <si>
    <t>Chak282 Jb</t>
  </si>
  <si>
    <t>GMPS 282 JB tehsil Gojra District T.t. Singh</t>
  </si>
  <si>
    <t>282 JB</t>
  </si>
  <si>
    <t>281 JB Dawakhari</t>
  </si>
  <si>
    <t>3806</t>
  </si>
  <si>
    <t>GGPS CHAK NO.59/F</t>
  </si>
  <si>
    <t>59/f</t>
  </si>
  <si>
    <t>GGP school 59/ f hasilpur</t>
  </si>
  <si>
    <t>89/f</t>
  </si>
  <si>
    <t>Sana Ashraf</t>
  </si>
  <si>
    <t>GGCMS KALAH KALAN</t>
  </si>
  <si>
    <t>Kallah Kalan</t>
  </si>
  <si>
    <t>ggcms kallah kalan</t>
  </si>
  <si>
    <t>Nasreen Mughal</t>
  </si>
  <si>
    <t>35800</t>
  </si>
  <si>
    <t>27091</t>
  </si>
  <si>
    <t>GHS JAHAN WALA</t>
  </si>
  <si>
    <t>post office dadu wala GHS Jahanwala teh. Kallur kot Distt. Bhakkar</t>
  </si>
  <si>
    <t>Jahanwala</t>
  </si>
  <si>
    <t>Muhammad Ashraf Khan</t>
  </si>
  <si>
    <t>GGPS CHAK NO 318 TDA</t>
  </si>
  <si>
    <t>318/tda</t>
  </si>
  <si>
    <t>chack no 318/TDA</t>
  </si>
  <si>
    <t>318/TDA</t>
  </si>
  <si>
    <t>19413</t>
  </si>
  <si>
    <t>GGES BHATIOT</t>
  </si>
  <si>
    <t>KHUNDA - FEMALE</t>
  </si>
  <si>
    <t>gges bhatiot</t>
  </si>
  <si>
    <t>Safeena Iram</t>
  </si>
  <si>
    <t>mezile motor</t>
  </si>
  <si>
    <t>43860</t>
  </si>
  <si>
    <t>54170</t>
  </si>
  <si>
    <t>49170</t>
  </si>
  <si>
    <t>41138</t>
  </si>
  <si>
    <t>GPS MATORE</t>
  </si>
  <si>
    <t>village Matore Teh Kahuta Distt Rawalpindi</t>
  </si>
  <si>
    <t>Hina Fatima</t>
  </si>
  <si>
    <t>Kallar Wali -2</t>
  </si>
  <si>
    <t>basti shah wala mouza kallar wali tahsil jatoi muzaffargarh</t>
  </si>
  <si>
    <t>4297</t>
  </si>
  <si>
    <t>7756</t>
  </si>
  <si>
    <t>GGES MAKORAY WALA</t>
  </si>
  <si>
    <t>Makoray wala</t>
  </si>
  <si>
    <t>49964</t>
  </si>
  <si>
    <t>GHS SHEEN BAGH</t>
  </si>
  <si>
    <t>SHEENBAGH BAGH</t>
  </si>
  <si>
    <t>Village Sheen Bagh Khurd Tehsil &amp; Distt Attock.</t>
  </si>
  <si>
    <t>53876</t>
  </si>
  <si>
    <t>GPS CHAK NO.150/M</t>
  </si>
  <si>
    <t>chak no.150 murad dahranwala road hasilpur</t>
  </si>
  <si>
    <t>Chak 150M</t>
  </si>
  <si>
    <t>43468</t>
  </si>
  <si>
    <t>GGPS DHOK SAJWAL</t>
  </si>
  <si>
    <t>dk sajawal p/o jand teh and distt chakwal</t>
  </si>
  <si>
    <t>Dk Sajawal</t>
  </si>
  <si>
    <t>Iqra Sabha</t>
  </si>
  <si>
    <t>35172</t>
  </si>
  <si>
    <t>31727</t>
  </si>
  <si>
    <t>GGPS SHAM KOT NAU</t>
  </si>
  <si>
    <t>Sham Kot Nau</t>
  </si>
  <si>
    <t>sham kot nau</t>
  </si>
  <si>
    <t>Jamshair Kalan</t>
  </si>
  <si>
    <t>GPS BAIT WAHI  NO:2 P/O BAHADUR PUR</t>
  </si>
  <si>
    <t>BAIT WAHI</t>
  </si>
  <si>
    <t>mauza bait wahi P/O Bahadar pur tehsile Jalalpur pir wala,multan</t>
  </si>
  <si>
    <t>DEPAL</t>
  </si>
  <si>
    <t>42883</t>
  </si>
  <si>
    <t>GHS MANGLORA</t>
  </si>
  <si>
    <t>Mangloora</t>
  </si>
  <si>
    <t>Vill. &amp; PO Mangloora, Tehsil Kallar Syedan, District Rawalpindi</t>
  </si>
  <si>
    <t>Sajid Aziz</t>
  </si>
  <si>
    <t>Electric Tube well</t>
  </si>
  <si>
    <t>40216</t>
  </si>
  <si>
    <t>GGES THATHI MUGHLAN</t>
  </si>
  <si>
    <t>Thathi Mughlan</t>
  </si>
  <si>
    <t>village thathi mughlan post office kashmir colony tehsil and distt jhelum</t>
  </si>
  <si>
    <t>Qammar Un Nisa</t>
  </si>
  <si>
    <t>51631</t>
  </si>
  <si>
    <t>40695</t>
  </si>
  <si>
    <t>39802</t>
  </si>
  <si>
    <t>GPS HASSAN ABDAL NO.2</t>
  </si>
  <si>
    <t>Hassan abdal</t>
  </si>
  <si>
    <t>Mohallah naya near bazar Hassan abdal</t>
  </si>
  <si>
    <t>TMA Hassan abdal</t>
  </si>
  <si>
    <t>Syed Manzoor Haider Shah</t>
  </si>
  <si>
    <t>24076</t>
  </si>
  <si>
    <t>31409</t>
  </si>
  <si>
    <t>GMMS REHMAT PURA FEROZWALA</t>
  </si>
  <si>
    <t>Rehmatpura</t>
  </si>
  <si>
    <t>rehmatpura, tehsil ferozewala, near imamia colony, sheikhupura</t>
  </si>
  <si>
    <t>Wandala Diyal Shah</t>
  </si>
  <si>
    <t>Muhammad Babar Aslam</t>
  </si>
  <si>
    <t>27189</t>
  </si>
  <si>
    <t>GMPS CHAK DEWAN</t>
  </si>
  <si>
    <t>Chack Dewan</t>
  </si>
  <si>
    <t>P/O Bhaka Bhattian village Chack Dewan</t>
  </si>
  <si>
    <t>Nanoana</t>
  </si>
  <si>
    <t>ABEEDA NASEEB</t>
  </si>
  <si>
    <t>36902</t>
  </si>
  <si>
    <t>GMPS HAJI DIWANA, SARAI SIDHU</t>
  </si>
  <si>
    <t>Haji Dwana</t>
  </si>
  <si>
    <t>Haji dawana tehsil kbirwala</t>
  </si>
  <si>
    <t>Haji Dawana</t>
  </si>
  <si>
    <t>Sumaira Hanif</t>
  </si>
  <si>
    <t>16370</t>
  </si>
  <si>
    <t>23866</t>
  </si>
  <si>
    <t>GGPS BHAROKAY KALAN</t>
  </si>
  <si>
    <t>bharokay kalan</t>
  </si>
  <si>
    <t>Bharokey Kalan</t>
  </si>
  <si>
    <t>Bharokey</t>
  </si>
  <si>
    <t>Abida Akhtar</t>
  </si>
  <si>
    <t>41095</t>
  </si>
  <si>
    <t>40860</t>
  </si>
  <si>
    <t>41074</t>
  </si>
  <si>
    <t>32173</t>
  </si>
  <si>
    <t>41054</t>
  </si>
  <si>
    <t>GHS THOHA KHALISA</t>
  </si>
  <si>
    <t>village and p.o thoha khalsa tehsil kahuta distt. rawalpindi</t>
  </si>
  <si>
    <t>Thohs Khalsa</t>
  </si>
  <si>
    <t>Masood Akhter</t>
  </si>
  <si>
    <t>15149</t>
  </si>
  <si>
    <t>GGPS CHAK 643 GB LUNDIANWALA</t>
  </si>
  <si>
    <t>643 G B</t>
  </si>
  <si>
    <t>chak no 643 g b</t>
  </si>
  <si>
    <t>Sattar Nagar</t>
  </si>
  <si>
    <t>644 G B</t>
  </si>
  <si>
    <t>Dure Shehwar</t>
  </si>
  <si>
    <t>13135</t>
  </si>
  <si>
    <t>GPS KOTHAY WALA</t>
  </si>
  <si>
    <t>basti Sobhay Wala Uc Shaher sultan tehsil jatoi district muzaffar garh</t>
  </si>
  <si>
    <t>Basti Sobhay Wala</t>
  </si>
  <si>
    <t>Shaher sultan</t>
  </si>
  <si>
    <t>44861</t>
  </si>
  <si>
    <t>GGHS SAGGU SHUMALI</t>
  </si>
  <si>
    <t>Saggu Shumali</t>
  </si>
  <si>
    <t>vpo saggu shumali Teh kallurkot distt Bhakkar</t>
  </si>
  <si>
    <t>Dagger Noon</t>
  </si>
  <si>
    <t>ROMANA YOUNAS</t>
  </si>
  <si>
    <t>49689</t>
  </si>
  <si>
    <t>GGPS GONDAL KOT</t>
  </si>
  <si>
    <t>Gondal Kot</t>
  </si>
  <si>
    <t>gondal kot</t>
  </si>
  <si>
    <t>Haria Wala</t>
  </si>
  <si>
    <t>Firdous Rafique</t>
  </si>
  <si>
    <t>26933</t>
  </si>
  <si>
    <t>41719</t>
  </si>
  <si>
    <t>GPS HASSAM WALA NASEER ABAD</t>
  </si>
  <si>
    <t>NAZIK NAGAR - MALE</t>
  </si>
  <si>
    <t>Thyklan Shumali</t>
  </si>
  <si>
    <t>chah norang Wala near bumb mor Multan road jalal pur Pir Wala district Multan</t>
  </si>
  <si>
    <t>Norang Wala</t>
  </si>
  <si>
    <t>GHS 95/10-R, JAHANIAN</t>
  </si>
  <si>
    <t>chak No 95/10-R</t>
  </si>
  <si>
    <t>chak No 95/10-R khanewal</t>
  </si>
  <si>
    <t>chak No 160/10-R</t>
  </si>
  <si>
    <t>40057</t>
  </si>
  <si>
    <t>GGPS CHAK NO 209/9-R EAST</t>
  </si>
  <si>
    <t>209/9 R E</t>
  </si>
  <si>
    <t>Chak no 209/9.R(E)</t>
  </si>
  <si>
    <t>209/9R E</t>
  </si>
  <si>
    <t>Asifa Irshad</t>
  </si>
  <si>
    <t>GPS CHAK 430/6-R N</t>
  </si>
  <si>
    <t>430/6R -N</t>
  </si>
  <si>
    <t>chak no 430/6r-n</t>
  </si>
  <si>
    <t>430/6R-N</t>
  </si>
  <si>
    <t>432/6r</t>
  </si>
  <si>
    <t>Muhammad Nadeem Anwar</t>
  </si>
  <si>
    <t>33880</t>
  </si>
  <si>
    <t>18824</t>
  </si>
  <si>
    <t>GPS CHAK 245 GB I</t>
  </si>
  <si>
    <t>Chak 245/GBII</t>
  </si>
  <si>
    <t>Chak 245/GBII Farooq Abad,Tehsil Gojra District Toba Tek Singh</t>
  </si>
  <si>
    <t>Chak 245/GB</t>
  </si>
  <si>
    <t>Shamas Ur Rehman</t>
  </si>
  <si>
    <t>9146</t>
  </si>
  <si>
    <t>39661</t>
  </si>
  <si>
    <t>4359</t>
  </si>
  <si>
    <t>43039</t>
  </si>
  <si>
    <t>GGPS BASANTA</t>
  </si>
  <si>
    <t>Basanta</t>
  </si>
  <si>
    <t>vill and po basanta ,tehsil kallar syedan. dist rwp</t>
  </si>
  <si>
    <t>Beshandote</t>
  </si>
  <si>
    <t>Taqdees Hijab</t>
  </si>
  <si>
    <t>GPS MC RAMZAN ABAD</t>
  </si>
  <si>
    <t>Ramzanabad</t>
  </si>
  <si>
    <t>street no 6 laiba block ramzanabad amin town fsd</t>
  </si>
  <si>
    <t>Umer Draz Bhatti</t>
  </si>
  <si>
    <t>39809</t>
  </si>
  <si>
    <t>GPS KAMRA SHARQI</t>
  </si>
  <si>
    <t>BHALAR JOGI - MALE</t>
  </si>
  <si>
    <t>Dheri Malhu</t>
  </si>
  <si>
    <t>kamra sharqi tehsil hassan abdal distt attock</t>
  </si>
  <si>
    <t>Kamra sharqi</t>
  </si>
  <si>
    <t>Pourmana</t>
  </si>
  <si>
    <t>Ghulam Habib</t>
  </si>
  <si>
    <t>37501</t>
  </si>
  <si>
    <t>GGHSS BUCHAL KHURD</t>
  </si>
  <si>
    <t>vpo buchal khurd district chakwal tehsil kallar kahar</t>
  </si>
  <si>
    <t>Rizwana  Parveen</t>
  </si>
  <si>
    <t>13663</t>
  </si>
  <si>
    <t>GGPS TALAI WALA</t>
  </si>
  <si>
    <t>ADDA TALLAI WALA JAMPUR</t>
  </si>
  <si>
    <t>ADDA TALLAI WALA</t>
  </si>
  <si>
    <t>AREESHA  ANBREEN MALIK</t>
  </si>
  <si>
    <t>39043</t>
  </si>
  <si>
    <t>GES KHARALA KALAN</t>
  </si>
  <si>
    <t>Kharala kalan</t>
  </si>
  <si>
    <t>kharala kalan</t>
  </si>
  <si>
    <t>Aujuwala</t>
  </si>
  <si>
    <t>Muhammad safdar</t>
  </si>
  <si>
    <t>17409</t>
  </si>
  <si>
    <t>GGPS CHAK NO. 262 AMEER WALA</t>
  </si>
  <si>
    <t>Chak No 262</t>
  </si>
  <si>
    <t>ggps chak no 262 ameer wala</t>
  </si>
  <si>
    <t>Ameer Wala</t>
  </si>
  <si>
    <t>Marina Shafi</t>
  </si>
  <si>
    <t>43110</t>
  </si>
  <si>
    <t>GGHS BHAGWAAL</t>
  </si>
  <si>
    <t>GGHS BHAGWAL Tehsil and District chakwal</t>
  </si>
  <si>
    <t>Nayab Rani</t>
  </si>
  <si>
    <t>40177</t>
  </si>
  <si>
    <t>GES KANTRILA</t>
  </si>
  <si>
    <t>Kantrila</t>
  </si>
  <si>
    <t>village kantrila p.o kala gujran tehsil and district Jhelum</t>
  </si>
  <si>
    <t>Rafaqat Hussain</t>
  </si>
  <si>
    <t>GMPS RAKH CHUNIAN</t>
  </si>
  <si>
    <t>Rakh Chunian</t>
  </si>
  <si>
    <t>Gmps rakh chunian</t>
  </si>
  <si>
    <t>kaniz fatima</t>
  </si>
  <si>
    <t>25519</t>
  </si>
  <si>
    <t>40134</t>
  </si>
  <si>
    <t>GPS SHAMS-UL-QURAN</t>
  </si>
  <si>
    <t>Basti noor Muhammad pati Tomi moza Dalana D.G.Kham</t>
  </si>
  <si>
    <t>Pati Tomi</t>
  </si>
  <si>
    <t>22463</t>
  </si>
  <si>
    <t>GMPS MAHROOF</t>
  </si>
  <si>
    <t>J.P.JATTAN I - FEMALE</t>
  </si>
  <si>
    <t>village maroof tehsil Gujrat</t>
  </si>
  <si>
    <t>Sook Kalaan</t>
  </si>
  <si>
    <t>39777</t>
  </si>
  <si>
    <t>37660</t>
  </si>
  <si>
    <t>31412</t>
  </si>
  <si>
    <t>GPS NATHU KOT</t>
  </si>
  <si>
    <t>Nathu Kot</t>
  </si>
  <si>
    <t>Nathu kot kala khati road Ferozewala SKP.P/O Shahadra</t>
  </si>
  <si>
    <t>GGPS CM CHANGA</t>
  </si>
  <si>
    <t>changa village tehsil daska</t>
  </si>
  <si>
    <t>Shakra Bhatti</t>
  </si>
  <si>
    <t>31780</t>
  </si>
  <si>
    <t>38718</t>
  </si>
  <si>
    <t>GGPS 39/M</t>
  </si>
  <si>
    <t>Chak39m</t>
  </si>
  <si>
    <t>GGPS39m</t>
  </si>
  <si>
    <t>Sirajwala</t>
  </si>
  <si>
    <t>Asia Barkat</t>
  </si>
  <si>
    <t>34802</t>
  </si>
  <si>
    <t>GPS HASSAN BODLA</t>
  </si>
  <si>
    <t>Hakima Wala</t>
  </si>
  <si>
    <t>chowk zahir pir, jalalpur pirwala.</t>
  </si>
  <si>
    <t>Jalalpur pirwala</t>
  </si>
  <si>
    <t>Mudassir Mehmood</t>
  </si>
  <si>
    <t>GPS CHAK NO 278 HR W</t>
  </si>
  <si>
    <t>Chak 278-HR W</t>
  </si>
  <si>
    <t>Chak 281-HR</t>
  </si>
  <si>
    <t>muhammad javed akhter</t>
  </si>
  <si>
    <t>13509</t>
  </si>
  <si>
    <t>GPS MUD GUDARA P/O DAJAL</t>
  </si>
  <si>
    <t>Mud gudara tail shumali p/o dajal teh jampur distt.rajanpur</t>
  </si>
  <si>
    <t>GGES DHOK MUGHLAN (MALIK MALA)</t>
  </si>
  <si>
    <t>Dhok Mughlan</t>
  </si>
  <si>
    <t>dhok mughlan uc malak mala</t>
  </si>
  <si>
    <t>27105</t>
  </si>
  <si>
    <t>14532</t>
  </si>
  <si>
    <t>34984</t>
  </si>
  <si>
    <t>GGPS BASTI KACHALA</t>
  </si>
  <si>
    <t>Krmo Wali</t>
  </si>
  <si>
    <t>basti tibbi sohrab moza karmuwali jalalpurpurwala</t>
  </si>
  <si>
    <t>Tibbi  Sohrab</t>
  </si>
  <si>
    <t>Karmuwali</t>
  </si>
  <si>
    <t>40227</t>
  </si>
  <si>
    <t>GMPS ALANG</t>
  </si>
  <si>
    <t>Alang</t>
  </si>
  <si>
    <t>v.p.o Alang tensile and district Jhelum</t>
  </si>
  <si>
    <t>shamila nosheen</t>
  </si>
  <si>
    <t>49731</t>
  </si>
  <si>
    <t>37277</t>
  </si>
  <si>
    <t>50992</t>
  </si>
  <si>
    <t>GPS CHAK NO 437/6-R</t>
  </si>
  <si>
    <t>Chak No 437/6R</t>
  </si>
  <si>
    <t>Chak No. 437/6R P-O Chak No. 438/6R Tehsil Haroonabad Distt: Bahawalnagar</t>
  </si>
  <si>
    <t>Chak No 438/6R</t>
  </si>
  <si>
    <t>Tariq Imran</t>
  </si>
  <si>
    <t>42464</t>
  </si>
  <si>
    <t>44288</t>
  </si>
  <si>
    <t>GGPS SHER WALA KAHAR</t>
  </si>
  <si>
    <t>Shere Wala Kahar</t>
  </si>
  <si>
    <t>vpo shere wala kahar tehsil kalar kahar district chakwal</t>
  </si>
  <si>
    <t>GHS CHAK 164 RB CHAK JHUMRA FSD</t>
  </si>
  <si>
    <t>Mahais</t>
  </si>
  <si>
    <t>GHS164RB TEHSIL CKJ FSD</t>
  </si>
  <si>
    <t>164 RB</t>
  </si>
  <si>
    <t>156 RB</t>
  </si>
  <si>
    <t>AHMED IRFAN BAJWA</t>
  </si>
  <si>
    <t>5162</t>
  </si>
  <si>
    <t>44088</t>
  </si>
  <si>
    <t>GGHS RATUCHA</t>
  </si>
  <si>
    <t>gghs ratuchha vpo ratuchha</t>
  </si>
  <si>
    <t>Saima Gulistan</t>
  </si>
  <si>
    <t>38630</t>
  </si>
  <si>
    <t>GGPS 233 WB DUNYA PUR</t>
  </si>
  <si>
    <t>Chak No 233W.B Adda Zakheera Dunyapur.</t>
  </si>
  <si>
    <t>Chak No 233WB</t>
  </si>
  <si>
    <t>Arshad Akhtar</t>
  </si>
  <si>
    <t>GGPS BABA GHORIAN</t>
  </si>
  <si>
    <t>Baba Ghorian</t>
  </si>
  <si>
    <t>Baba ghorian@gmail.com</t>
  </si>
  <si>
    <t>Jand Najar</t>
  </si>
  <si>
    <t>Andleeb khaliq</t>
  </si>
  <si>
    <t>37913</t>
  </si>
  <si>
    <t>45445</t>
  </si>
  <si>
    <t>GPS MALALI HEAD CHAK NO 177 TDA</t>
  </si>
  <si>
    <t>Dagar Wagwara</t>
  </si>
  <si>
    <t>chak No 177 / TDA Tehsil Darya Khan district Bhakkar.</t>
  </si>
  <si>
    <t>Chak No 177 / TDA</t>
  </si>
  <si>
    <t>GGPS CHAK NO.185/M</t>
  </si>
  <si>
    <t>Chak # 185m</t>
  </si>
  <si>
    <t>Chak No. 185 M Hasilpur</t>
  </si>
  <si>
    <t>185 m</t>
  </si>
  <si>
    <t>188 M</t>
  </si>
  <si>
    <t>Sundas Akram</t>
  </si>
  <si>
    <t>out of school</t>
  </si>
  <si>
    <t>39745</t>
  </si>
  <si>
    <t>GPS MUHAMMAD KHAN</t>
  </si>
  <si>
    <t>RANGLI - MALE</t>
  </si>
  <si>
    <t>v,p,o rangli tehsil jand</t>
  </si>
  <si>
    <t>Dk Muhammad Khan  Rangli</t>
  </si>
  <si>
    <t>16915</t>
  </si>
  <si>
    <t>20802</t>
  </si>
  <si>
    <t>GPS MC NO.22</t>
  </si>
  <si>
    <t>Shareef shaheed colony St 3 kalarabadi Gujranwala</t>
  </si>
  <si>
    <t>kalarabadi</t>
  </si>
  <si>
    <t>Ramzan Pura</t>
  </si>
  <si>
    <t>Asghar Javaid</t>
  </si>
  <si>
    <t>GHS KHOKHAR BALA</t>
  </si>
  <si>
    <t>Khokharbala</t>
  </si>
  <si>
    <t>VPO KHOKHAR BALA, KALLAR KAHAR CHAKWAL</t>
  </si>
  <si>
    <t>KHAIRPUR</t>
  </si>
  <si>
    <t>Hafiz Shahbaz Khan</t>
  </si>
  <si>
    <t>3863</t>
  </si>
  <si>
    <t>GPS CHAH CHANGRAN WALA</t>
  </si>
  <si>
    <t>kanjan</t>
  </si>
  <si>
    <t>chah changran wala p/o tibba naina tehsil kallur kot distt Bhakkar</t>
  </si>
  <si>
    <t>chah changran wala</t>
  </si>
  <si>
    <t>16264</t>
  </si>
  <si>
    <t>39812</t>
  </si>
  <si>
    <t>GHS PIND MEHRI</t>
  </si>
  <si>
    <t>Pind Mehri</t>
  </si>
  <si>
    <t>village pind mehri, Hassan abdal, attock</t>
  </si>
  <si>
    <t>pind mehri</t>
  </si>
  <si>
    <t>9787</t>
  </si>
  <si>
    <t>GPS CHAK NO. 363 TDA</t>
  </si>
  <si>
    <t>Govt Boys P/S chak no 363/TDA Choubara</t>
  </si>
  <si>
    <t>Chak No 363/TDA</t>
  </si>
  <si>
    <t>GPS CHAK NO.14 A-SB RISALA</t>
  </si>
  <si>
    <t>Quadrat Abad</t>
  </si>
  <si>
    <t>chak 14 A Sb risala</t>
  </si>
  <si>
    <t>14 Chak Risala A Sb</t>
  </si>
  <si>
    <t>Chak 15 Sb</t>
  </si>
  <si>
    <t>Tahir Raza Khan</t>
  </si>
  <si>
    <t>31595</t>
  </si>
  <si>
    <t>19964</t>
  </si>
  <si>
    <t>GPS BABU RAI</t>
  </si>
  <si>
    <t>AEO (M) CHINIOT NO.38</t>
  </si>
  <si>
    <t>BABU Rai</t>
  </si>
  <si>
    <t>BABU Rai Chiniot</t>
  </si>
  <si>
    <t>Salary</t>
  </si>
  <si>
    <t>Zahid Majid Amjid</t>
  </si>
  <si>
    <t>24157</t>
  </si>
  <si>
    <t>GGES KHANOANA</t>
  </si>
  <si>
    <t>mouza khanuana</t>
  </si>
  <si>
    <t>12886</t>
  </si>
  <si>
    <t>GES RAFIQUE SANJAR DERA BAKHA</t>
  </si>
  <si>
    <t>Govt E/S Sanjar Near Basti Kharik Moza Sanjar</t>
  </si>
  <si>
    <t>Basti Kharik</t>
  </si>
  <si>
    <t>46844</t>
  </si>
  <si>
    <t>29337</t>
  </si>
  <si>
    <t>GGPS DIN MOHAMMAD WALA</t>
  </si>
  <si>
    <t>Chena pora</t>
  </si>
  <si>
    <t>chena pora</t>
  </si>
  <si>
    <t>Kaloor</t>
  </si>
  <si>
    <t>Tahira Bibi</t>
  </si>
  <si>
    <t>44766</t>
  </si>
  <si>
    <t>GPS NAZAR ABAD</t>
  </si>
  <si>
    <t>Dager Awan</t>
  </si>
  <si>
    <t>Dager Awan tehsil darya khan district bhakkar</t>
  </si>
  <si>
    <t>dagar wahgora</t>
  </si>
  <si>
    <t>GES 118/10-R, JAHANIAN</t>
  </si>
  <si>
    <t>chak no. 118/10.R Jahanian</t>
  </si>
  <si>
    <t>118/10R</t>
  </si>
  <si>
    <t>117/10R</t>
  </si>
  <si>
    <t>Abdul Mussavir</t>
  </si>
  <si>
    <t>52503</t>
  </si>
  <si>
    <t>GPS TURBAT SHAH HUSSAIN</t>
  </si>
  <si>
    <t>Turbat Shah Hussain</t>
  </si>
  <si>
    <t>turbat shah hussain</t>
  </si>
  <si>
    <t>18095</t>
  </si>
  <si>
    <t>GGHS GOTH MEHRAB</t>
  </si>
  <si>
    <t>GGHS GOTH MEHRAB BWP</t>
  </si>
  <si>
    <t>Uzma Faheem</t>
  </si>
  <si>
    <t>GPS DHOK HAFIZ SAID MIR DAKHLI CHAK BHOUN</t>
  </si>
  <si>
    <t>Chakbhoun</t>
  </si>
  <si>
    <t>VPO CHAKBHOUN CHAKWAL</t>
  </si>
  <si>
    <t>Maingon</t>
  </si>
  <si>
    <t>Attia Yasmin</t>
  </si>
  <si>
    <t>44079</t>
  </si>
  <si>
    <t>GES WAULAH TEH CHOA SAIDAN SHAH</t>
  </si>
  <si>
    <t>Waulah</t>
  </si>
  <si>
    <t>VPO Waulah Tehsil Choa Saidan Shah District Chakwal</t>
  </si>
  <si>
    <t>40340</t>
  </si>
  <si>
    <t>34585</t>
  </si>
  <si>
    <t>23908</t>
  </si>
  <si>
    <t>GGPS ADAM DRAZ</t>
  </si>
  <si>
    <t>Adam Daraz</t>
  </si>
  <si>
    <t>Village Adam draz p/o Adam draz tehsil daska distt sialkot</t>
  </si>
  <si>
    <t>Mariam Zulfiqar</t>
  </si>
  <si>
    <t>44291</t>
  </si>
  <si>
    <t>GGPS BHALL P/O BHALL CHAKWAL</t>
  </si>
  <si>
    <t>village bhall P.O nurpur Tehsil Kalar Kahar District Chakwal</t>
  </si>
  <si>
    <t>35291</t>
  </si>
  <si>
    <t>43851</t>
  </si>
  <si>
    <t>GGPS CHAK DAULAT KHAN</t>
  </si>
  <si>
    <t>Chak Dolat Khan</t>
  </si>
  <si>
    <t>chak dolat khan</t>
  </si>
  <si>
    <t>Mohar Wali</t>
  </si>
  <si>
    <t>54874</t>
  </si>
  <si>
    <t>GPS NAYA KAMBOKA</t>
  </si>
  <si>
    <t>Chak No 12 Jb</t>
  </si>
  <si>
    <t>Chak no 12 jb salotrian wla chiniot</t>
  </si>
  <si>
    <t>Salotrian Wala</t>
  </si>
  <si>
    <t>Sar Wala</t>
  </si>
  <si>
    <t>Shaukat Hayat</t>
  </si>
  <si>
    <t>GGMPS WASSO WALA</t>
  </si>
  <si>
    <t>Gadai Garbi</t>
  </si>
  <si>
    <t>union council Gada Garbi</t>
  </si>
  <si>
    <t>Bhadur Wala</t>
  </si>
  <si>
    <t>Nasreen Kusar</t>
  </si>
  <si>
    <t>39793</t>
  </si>
  <si>
    <t>GHS BURHAN</t>
  </si>
  <si>
    <t>v.p.o burhan teh. hassan abdal attock</t>
  </si>
  <si>
    <t>36663</t>
  </si>
  <si>
    <t>GGES KOT MALANA, ABDUL HAKIM</t>
  </si>
  <si>
    <t>Kot Malana</t>
  </si>
  <si>
    <t>Moza Hussain Abad Awal Teh Kabir Wala Disst Khanewal</t>
  </si>
  <si>
    <t>Hussein Abad Awal</t>
  </si>
  <si>
    <t>Safia Bagum</t>
  </si>
  <si>
    <t>28735</t>
  </si>
  <si>
    <t>GPS BHEEMKEY</t>
  </si>
  <si>
    <t>Bheemkay</t>
  </si>
  <si>
    <t>Bheemkay Teh. Chunian Dist. Kasur</t>
  </si>
  <si>
    <t>42961</t>
  </si>
  <si>
    <t>GGPS HAYYAT BUKSH</t>
  </si>
  <si>
    <t>Hayyat Baksh</t>
  </si>
  <si>
    <t>Hayyat Baksh.P.O/ tehsil.kallar Syedan.DISTT.RWP</t>
  </si>
  <si>
    <t>Irfana Anbreen</t>
  </si>
  <si>
    <t>50277</t>
  </si>
  <si>
    <t>37849</t>
  </si>
  <si>
    <t>GMPS ALI SHER WAHIN JADEED, JAHANIAN</t>
  </si>
  <si>
    <t>ali sher wahin jadeed</t>
  </si>
  <si>
    <t>Ali Sher Wahin Jadeed</t>
  </si>
  <si>
    <t>Shabana Naseem</t>
  </si>
  <si>
    <t>GGPS CHAK NO 173/7-R E</t>
  </si>
  <si>
    <t>BWN</t>
  </si>
  <si>
    <t>chak no 173/7r</t>
  </si>
  <si>
    <t>173/7r</t>
  </si>
  <si>
    <t>176/7r</t>
  </si>
  <si>
    <t>29055</t>
  </si>
  <si>
    <t>45641</t>
  </si>
  <si>
    <t>GPS CHAH BROKHA</t>
  </si>
  <si>
    <t>Dagar Wahgwara</t>
  </si>
  <si>
    <t>chah brokhan wala anar shah post office &amp;tehsil darya khan district Bhakkar</t>
  </si>
  <si>
    <t>Chah Brokha</t>
  </si>
  <si>
    <t>Wahgwara</t>
  </si>
  <si>
    <t>27095</t>
  </si>
  <si>
    <t>GMPS DHARIWAL</t>
  </si>
  <si>
    <t>Naz Fatima</t>
  </si>
  <si>
    <t>44781</t>
  </si>
  <si>
    <t>GPS BASTI SARANG</t>
  </si>
  <si>
    <t>Cheena Nasaib</t>
  </si>
  <si>
    <t>basti sarang cheena nashaib p/o cheena teh&amp;disst bhakkar</t>
  </si>
  <si>
    <t>Basti Sarang</t>
  </si>
  <si>
    <t>Mulanwali</t>
  </si>
  <si>
    <t>Agha Jafar</t>
  </si>
  <si>
    <t>water pump/ hand pump</t>
  </si>
  <si>
    <t>GPS CHAK NO 11/1-R</t>
  </si>
  <si>
    <t>Chak 11/1-R</t>
  </si>
  <si>
    <t>chak no. 11/1-R</t>
  </si>
  <si>
    <t>11/1-R</t>
  </si>
  <si>
    <t>Chak 15/1-R</t>
  </si>
  <si>
    <t>42989</t>
  </si>
  <si>
    <t>GGPS MANGAL</t>
  </si>
  <si>
    <t>Mangal</t>
  </si>
  <si>
    <t>GGPS Mangal Village and P.O Mangal tehsil Kallar Syedan District Rawalpindi</t>
  </si>
  <si>
    <t>Ishrat Qayyum</t>
  </si>
  <si>
    <t>45583</t>
  </si>
  <si>
    <t>GGPS CHAK NO.14/TDA</t>
  </si>
  <si>
    <t>CHAK NO.14 TDA</t>
  </si>
  <si>
    <t>GGPS CHAK NO. 14 TDA</t>
  </si>
  <si>
    <t>CHAK  NO.14 TDA</t>
  </si>
  <si>
    <t>Bushra parveen</t>
  </si>
  <si>
    <t>7473</t>
  </si>
  <si>
    <t>48838</t>
  </si>
  <si>
    <t>GES CHAK NO. 119/6-R</t>
  </si>
  <si>
    <t>119/6r</t>
  </si>
  <si>
    <t>Chak No. 119/6r Tehsil Haroonabad District Bahawalnagar</t>
  </si>
  <si>
    <t>Muhammad Shafique</t>
  </si>
  <si>
    <t>21094</t>
  </si>
  <si>
    <t>GPS CHAK NO 492 TDA</t>
  </si>
  <si>
    <t>492tda</t>
  </si>
  <si>
    <t>492 TDA</t>
  </si>
  <si>
    <t>Khalid Mahmood Arif</t>
  </si>
  <si>
    <t>18640</t>
  </si>
  <si>
    <t>19514</t>
  </si>
  <si>
    <t>34050</t>
  </si>
  <si>
    <t>23676</t>
  </si>
  <si>
    <t>GMES PUNJ GRAIN</t>
  </si>
  <si>
    <t>Punj Grain</t>
  </si>
  <si>
    <t>GMES PUNJGRAIN</t>
  </si>
  <si>
    <t>Rukhsar Saleem</t>
  </si>
  <si>
    <t>2872</t>
  </si>
  <si>
    <t>GPS CHAK NO.37/BC</t>
  </si>
  <si>
    <t>CHAK NO. 37 BC TEHSIL SADDAR DISTRICT BWP</t>
  </si>
  <si>
    <t>CHAK N0.37 BC</t>
  </si>
  <si>
    <t>Imtiaz Afzal</t>
  </si>
  <si>
    <t>51127</t>
  </si>
  <si>
    <t>10627</t>
  </si>
  <si>
    <t>44154</t>
  </si>
  <si>
    <t>GPS AMRILA NO. 2</t>
  </si>
  <si>
    <t>Amrila</t>
  </si>
  <si>
    <t>vill Amrila,p/o lehri kakan</t>
  </si>
  <si>
    <t>Shumaila Parvez</t>
  </si>
  <si>
    <t>GMPS CHAK 310 JB I Bhopalwala</t>
  </si>
  <si>
    <t>Ch#310jb1 Ijaz305Ijaz305gmail co</t>
  </si>
  <si>
    <t>CH#310jb . bhopalwala</t>
  </si>
  <si>
    <t>Ch#310jb1 Bhopalwala</t>
  </si>
  <si>
    <t>Ch#310jb1</t>
  </si>
  <si>
    <t>Iffat Ijaz</t>
  </si>
  <si>
    <t>30704</t>
  </si>
  <si>
    <t>40264</t>
  </si>
  <si>
    <t>GGES JAGTTA</t>
  </si>
  <si>
    <t>JAGTA</t>
  </si>
  <si>
    <t>GOVT.GIRLS.ELEMENTARY SCHOOL JAGTA</t>
  </si>
  <si>
    <t>UZMA AZIZ</t>
  </si>
  <si>
    <t>46820</t>
  </si>
  <si>
    <t>GPS PALINA</t>
  </si>
  <si>
    <t>Palina</t>
  </si>
  <si>
    <t>Govt boys primary school palina</t>
  </si>
  <si>
    <t>Rasheda Kousar</t>
  </si>
  <si>
    <t>4073</t>
  </si>
  <si>
    <t>20200</t>
  </si>
  <si>
    <t>44102</t>
  </si>
  <si>
    <t>GPS KATHAN</t>
  </si>
  <si>
    <t>Khatan</t>
  </si>
  <si>
    <t>vill khatan post office ara tehsil choa saiden shah dist chakwal</t>
  </si>
  <si>
    <t>selfsource</t>
  </si>
  <si>
    <t>19617</t>
  </si>
  <si>
    <t>30385</t>
  </si>
  <si>
    <t>40868</t>
  </si>
  <si>
    <t>46997</t>
  </si>
  <si>
    <t>GGES CHAPRI NO. 1</t>
  </si>
  <si>
    <t>Post Offuce Chapri, Tehsil Essa Khel, District Mianwali</t>
  </si>
  <si>
    <t>Mehwish Noureen</t>
  </si>
  <si>
    <t>GGES HUSSAIN COLONY</t>
  </si>
  <si>
    <t>GGES HUSSAIN COLONY CTN</t>
  </si>
  <si>
    <t>Hussain COLONY</t>
  </si>
  <si>
    <t>50466</t>
  </si>
  <si>
    <t>GGPS MC NO. 3 HAFIZABAD</t>
  </si>
  <si>
    <t>usman ganj</t>
  </si>
  <si>
    <t>Qatal garha chowk hafizabad</t>
  </si>
  <si>
    <t>zakia</t>
  </si>
  <si>
    <t>27197</t>
  </si>
  <si>
    <t>39570</t>
  </si>
  <si>
    <t>GPS ATUWALI</t>
  </si>
  <si>
    <t>Attuwali</t>
  </si>
  <si>
    <t>attuwali</t>
  </si>
  <si>
    <t>Farzana Bibi Jannat</t>
  </si>
  <si>
    <t>GPS PUNJWAR</t>
  </si>
  <si>
    <t>Panjwar</t>
  </si>
  <si>
    <t>village panjwar p/o nara Tehsil kahuta district rawalpindi</t>
  </si>
  <si>
    <t>42821</t>
  </si>
  <si>
    <t>GGES NOOR DOLAL</t>
  </si>
  <si>
    <t>Village Noor Dolal Tehsil Gujar Khan</t>
  </si>
  <si>
    <t>Dhok Lamian</t>
  </si>
  <si>
    <t>34838</t>
  </si>
  <si>
    <t>GPS VAHI KHOJI P/O JUGGO WALA</t>
  </si>
  <si>
    <t>wahi khoji</t>
  </si>
  <si>
    <t>basti diwan wala p/o juggu wala</t>
  </si>
  <si>
    <t>diwan wala</t>
  </si>
  <si>
    <t>48492</t>
  </si>
  <si>
    <t>GGPS FAROOQ ABAD BIN HABIB</t>
  </si>
  <si>
    <t>GGPS Farooqabad bin habib</t>
  </si>
  <si>
    <t>farooqabad binhabib</t>
  </si>
  <si>
    <t>purana Bhalwal</t>
  </si>
  <si>
    <t>23836</t>
  </si>
  <si>
    <t>30828</t>
  </si>
  <si>
    <t>GPS CHAK NO.38/BC 5-MARLA SCHEME</t>
  </si>
  <si>
    <t>38/BC</t>
  </si>
  <si>
    <t>GPS 5 Marla Scheme Chak No 38/BC</t>
  </si>
  <si>
    <t>Muhammad Asghar Cheema</t>
  </si>
  <si>
    <t>GPS CHAK NO. 197 HB NO. 1 (A&amp;T)</t>
  </si>
  <si>
    <t>197/hb</t>
  </si>
  <si>
    <t>Chak no 197/hb Teh.fortabasa Distt. bwn</t>
  </si>
  <si>
    <t>Chak No 204/9r</t>
  </si>
  <si>
    <t>39056</t>
  </si>
  <si>
    <t>GPS DHOK JAT</t>
  </si>
  <si>
    <t>Dhoke Jatt</t>
  </si>
  <si>
    <t>gbps dhoke Jatt</t>
  </si>
  <si>
    <t>Abid Rasool</t>
  </si>
  <si>
    <t>22523</t>
  </si>
  <si>
    <t>GGPS CHAK NO.152/M</t>
  </si>
  <si>
    <t>Chak 152m</t>
  </si>
  <si>
    <t>Chak no 152m</t>
  </si>
  <si>
    <t>152/m</t>
  </si>
  <si>
    <t>79f</t>
  </si>
  <si>
    <t>Sadia Ismail</t>
  </si>
  <si>
    <t>51793</t>
  </si>
  <si>
    <t>GHS 157/EB</t>
  </si>
  <si>
    <t>157 EB</t>
  </si>
  <si>
    <t>Chak No. 157/EB</t>
  </si>
  <si>
    <t>GMPS 120/10-R, JAHANIAN</t>
  </si>
  <si>
    <t>120/10-R</t>
  </si>
  <si>
    <t>120/10-R jahanian khanewal</t>
  </si>
  <si>
    <t>Faiza Kalsoom</t>
  </si>
  <si>
    <t>27853</t>
  </si>
  <si>
    <t>53461</t>
  </si>
  <si>
    <t>51880</t>
  </si>
  <si>
    <t>52881</t>
  </si>
  <si>
    <t>39648</t>
  </si>
  <si>
    <t>GGPS DERA FAQIR SAHIB</t>
  </si>
  <si>
    <t>Dera Faqir Sahib</t>
  </si>
  <si>
    <t>vpo Basal janad Attock</t>
  </si>
  <si>
    <t>Alia Tabassum</t>
  </si>
  <si>
    <t>17076</t>
  </si>
  <si>
    <t>GMPS JINDIANA</t>
  </si>
  <si>
    <t>abadi jindiana moza khanuana</t>
  </si>
  <si>
    <t>Jindiana</t>
  </si>
  <si>
    <t>Sitana</t>
  </si>
  <si>
    <t>Misbah Noreen</t>
  </si>
  <si>
    <t>GGPS DAGAR QURESHI DARMIANI</t>
  </si>
  <si>
    <t>Daggar Quershi</t>
  </si>
  <si>
    <t>Riffat Parveen</t>
  </si>
  <si>
    <t>41060</t>
  </si>
  <si>
    <t>GGHSS MATORE</t>
  </si>
  <si>
    <t>MATORE</t>
  </si>
  <si>
    <t>VILL AND P.O MATORE TEHSIL KAHUTA DISTT.RWP.</t>
  </si>
  <si>
    <t>32125</t>
  </si>
  <si>
    <t>49034</t>
  </si>
  <si>
    <t>GPS BASHIR KOT</t>
  </si>
  <si>
    <t>8d Maroof</t>
  </si>
  <si>
    <t>Bashir kot</t>
  </si>
  <si>
    <t>8d</t>
  </si>
  <si>
    <t>31161</t>
  </si>
  <si>
    <t>12128</t>
  </si>
  <si>
    <t>44163</t>
  </si>
  <si>
    <t>GPPS DERA RAJGAN</t>
  </si>
  <si>
    <t>Dera Rajgan</t>
  </si>
  <si>
    <t>GGPS Dera Rajga</t>
  </si>
  <si>
    <t>Musharraf Attia</t>
  </si>
  <si>
    <t>37985</t>
  </si>
  <si>
    <t>GGPS GARHI GHOUS</t>
  </si>
  <si>
    <t>Garhi ghous</t>
  </si>
  <si>
    <t>moh garhi ghous  hafizabad</t>
  </si>
  <si>
    <t>Garhi Ghous</t>
  </si>
  <si>
    <t>Kubrabibi</t>
  </si>
  <si>
    <t>GGPS MAHAR SHARIF</t>
  </si>
  <si>
    <t>Maharsharif</t>
  </si>
  <si>
    <t>Javaid manzal near canal rest house sugar mill road chishtian.</t>
  </si>
  <si>
    <t>GPS CHAK NO.189/7-R</t>
  </si>
  <si>
    <t>189/7R</t>
  </si>
  <si>
    <t>Chak No.189/7R ,P/O Khichiwala,Tehsil Fort  ABBAS,District Bahawalnagar</t>
  </si>
  <si>
    <t>Chak No189/7R W</t>
  </si>
  <si>
    <t>Javid Iqbal Anjum</t>
  </si>
  <si>
    <t>39218</t>
  </si>
  <si>
    <t>GPS KHAWAJA BUKHSH</t>
  </si>
  <si>
    <t>Ablanee</t>
  </si>
  <si>
    <t>gps khawaja bukhsh</t>
  </si>
  <si>
    <t>Khawaja Buksh</t>
  </si>
  <si>
    <t>Qari Muhammad Nawaz</t>
  </si>
  <si>
    <t>34830</t>
  </si>
  <si>
    <t>GPS ABU SAEED P/O BAHADUR PUR ABO SAEED</t>
  </si>
  <si>
    <t>Abu Saeed p/o Bahadar pur</t>
  </si>
  <si>
    <t>Bahadar pur</t>
  </si>
  <si>
    <t>32484</t>
  </si>
  <si>
    <t>GHS MILLAT MORAN WALA</t>
  </si>
  <si>
    <t>Moranwala</t>
  </si>
  <si>
    <t>Village Moranwala Tehsil Ferozewala, District Sheikhupura</t>
  </si>
  <si>
    <t>39111</t>
  </si>
  <si>
    <t>GGPS KHARALA KHURD</t>
  </si>
  <si>
    <t>Kharala Khurd</t>
  </si>
  <si>
    <t>village kharala khurd teh fateh jang dis attock</t>
  </si>
  <si>
    <t>Shar-ie-sadullah</t>
  </si>
  <si>
    <t>Naila Bashir</t>
  </si>
  <si>
    <t>GGPS CHAK NO.57/F</t>
  </si>
  <si>
    <t>chak 57/f teh, Hasilpur, district Bahawalpur.</t>
  </si>
  <si>
    <t>57/F</t>
  </si>
  <si>
    <t>Robina Latif</t>
  </si>
  <si>
    <t>from water plant</t>
  </si>
  <si>
    <t>GPS SHEIKH ALI</t>
  </si>
  <si>
    <t>multan ali pur road moza sheikh Ali tehsil jatoi muzaffar Garh</t>
  </si>
  <si>
    <t>Muhammad Kashif Sial</t>
  </si>
  <si>
    <t>12450</t>
  </si>
  <si>
    <t>23909</t>
  </si>
  <si>
    <t>Gopi Pur</t>
  </si>
  <si>
    <t>GMPS Gopi pur</t>
  </si>
  <si>
    <t>Sehjo Kala</t>
  </si>
  <si>
    <t>Akhtar Bano</t>
  </si>
  <si>
    <t>GES KOT FATEH MUHAMMAD SHAH</t>
  </si>
  <si>
    <t>Kot Fateh Muhammad  Shah</t>
  </si>
  <si>
    <t>Kot Fateh Muhammad  Shah p/ o jakwala BAHAWALNAGAR</t>
  </si>
  <si>
    <t>Shafeeq Ahmad</t>
  </si>
  <si>
    <t>36862</t>
  </si>
  <si>
    <t>GPS KHOKHAR TOOCHAR</t>
  </si>
  <si>
    <t>Khukhar Toocher</t>
  </si>
  <si>
    <t>Khukhar Toocher P/O Talwandi Teh. Chunian Distt. Kasur</t>
  </si>
  <si>
    <t>Baghiana Khurd</t>
  </si>
  <si>
    <t>53197</t>
  </si>
  <si>
    <t>GPS GOHAR SHAH</t>
  </si>
  <si>
    <t>Mari Shiekh Shijra</t>
  </si>
  <si>
    <t>basti Gohar Shah</t>
  </si>
  <si>
    <t>Gohar Shah</t>
  </si>
  <si>
    <t>10082</t>
  </si>
  <si>
    <t>46141</t>
  </si>
  <si>
    <t>46821</t>
  </si>
  <si>
    <t>GGPS AZEEM ABAD</t>
  </si>
  <si>
    <t>Azeem Abad</t>
  </si>
  <si>
    <t>Raisa Eman Khan</t>
  </si>
  <si>
    <t>52204</t>
  </si>
  <si>
    <t>20679</t>
  </si>
  <si>
    <t>GMPS RAHWALI</t>
  </si>
  <si>
    <t>Govt.Girls Primary School Rahwali,Muhallah Pathana wala ,Main Bazar Rahwali,Teh n Distt Gujranwala</t>
  </si>
  <si>
    <t>Attia Adeeb</t>
  </si>
  <si>
    <t>24100</t>
  </si>
  <si>
    <t>11112</t>
  </si>
  <si>
    <t>GPS WAH LASHARI</t>
  </si>
  <si>
    <t>GANDHA LUCKY</t>
  </si>
  <si>
    <t>BASTI HAFIZ MOHAMMAD MOOSA DEYAT</t>
  </si>
  <si>
    <t>Sheikh Ata Ullah</t>
  </si>
  <si>
    <t>GGPS SHAMIR DINGA</t>
  </si>
  <si>
    <t>Shamir Dinga</t>
  </si>
  <si>
    <t>shamir dinga post office kaleki Mandi tehsil and district hafizabad</t>
  </si>
  <si>
    <t>rafia amin</t>
  </si>
  <si>
    <t>GGHS KOTLA AIMA</t>
  </si>
  <si>
    <t>Village Kotla Aima P.O Kala Gujran Tehsil Jhelum</t>
  </si>
  <si>
    <t>Kotla Aima</t>
  </si>
  <si>
    <t>Zobia Shahbaz</t>
  </si>
  <si>
    <t>42877</t>
  </si>
  <si>
    <t>GHS GAKHAR ADMAL</t>
  </si>
  <si>
    <t>Gakhar Admal</t>
  </si>
  <si>
    <t>vpo gakhar admal</t>
  </si>
  <si>
    <t>Ehtsham Afzal</t>
  </si>
  <si>
    <t>19996</t>
  </si>
  <si>
    <t>GPS LONA MODEL FORM</t>
  </si>
  <si>
    <t>pubberwala</t>
  </si>
  <si>
    <t>LONA MODEL FARM CHINIOT</t>
  </si>
  <si>
    <t>lona model farm</t>
  </si>
  <si>
    <t>Ghulam Mohayyu Din</t>
  </si>
  <si>
    <t>19125</t>
  </si>
  <si>
    <t>8192</t>
  </si>
  <si>
    <t>GGES JATOI WALA</t>
  </si>
  <si>
    <t>jatoi wala, markaz (haji ghazi) dg khan</t>
  </si>
  <si>
    <t>Jatoi wala</t>
  </si>
  <si>
    <t>Farhat Yasmin</t>
  </si>
  <si>
    <t>30917</t>
  </si>
  <si>
    <t>35009</t>
  </si>
  <si>
    <t>GPS KHUSHI MUHAMMAD WALA</t>
  </si>
  <si>
    <t>basti now a bad,moza basti lang, tehsil jalal pur pir wala,Multan</t>
  </si>
  <si>
    <t>Now Abad</t>
  </si>
  <si>
    <t>45451</t>
  </si>
  <si>
    <t>GPS CHAK NO 15 TDA</t>
  </si>
  <si>
    <t>chak No 15 tDA</t>
  </si>
  <si>
    <t>GPS Chak No 15 TDA, Tehsil Darya Khan District Bhakkar</t>
  </si>
  <si>
    <t>Chak No 15 TDA</t>
  </si>
  <si>
    <t>GMPS BUDHAY KI</t>
  </si>
  <si>
    <t>sahmal</t>
  </si>
  <si>
    <t>gmps budhyki markaz khewa jhang</t>
  </si>
  <si>
    <t>budhyki</t>
  </si>
  <si>
    <t>Ghulam Zakia</t>
  </si>
  <si>
    <t>52005</t>
  </si>
  <si>
    <t>GGCMS 38 EB</t>
  </si>
  <si>
    <t>38eb</t>
  </si>
  <si>
    <t>34eb</t>
  </si>
  <si>
    <t>Rukhshanda Anjum</t>
  </si>
  <si>
    <t>34616</t>
  </si>
  <si>
    <t>GGHS CHAK NO.89/F</t>
  </si>
  <si>
    <t>gGHS chak no.89/F</t>
  </si>
  <si>
    <t>CHAK NO.89/F</t>
  </si>
  <si>
    <t>mrs salma naz</t>
  </si>
  <si>
    <t>Ghlamu Arain</t>
  </si>
  <si>
    <t>Moaza ghulamon Arain Uc goth mehrab basti luqman noorpur</t>
  </si>
  <si>
    <t>Allah Dad Arain</t>
  </si>
  <si>
    <t>Tasneem Fatima</t>
  </si>
  <si>
    <t>17847</t>
  </si>
  <si>
    <t>38740</t>
  </si>
  <si>
    <t>GGES 383/WB</t>
  </si>
  <si>
    <t>383/wb</t>
  </si>
  <si>
    <t>chak no.383/w.b dunya pur lodhran</t>
  </si>
  <si>
    <t>Bushra Ihsan</t>
  </si>
  <si>
    <t>27096</t>
  </si>
  <si>
    <t>GGPS BUKKEN KHURD</t>
  </si>
  <si>
    <t>Bukan Hkurd</t>
  </si>
  <si>
    <t>GGPS Bukan khurd,Hafizabad</t>
  </si>
  <si>
    <t>Shagufta Sharif</t>
  </si>
  <si>
    <t>GGHS HUSSAIN KHAN WALA CHAK NO 8</t>
  </si>
  <si>
    <t>hussain khan wala ch.8</t>
  </si>
  <si>
    <t>Hussin Khan Wala</t>
  </si>
  <si>
    <t>rashida perveen</t>
  </si>
  <si>
    <t>6992</t>
  </si>
  <si>
    <t>42513</t>
  </si>
  <si>
    <t>GPS MODEL BHALOTE</t>
  </si>
  <si>
    <t>village Bhalote p o jand mehlu</t>
  </si>
  <si>
    <t>Bhalote</t>
  </si>
  <si>
    <t>50001</t>
  </si>
  <si>
    <t>GGCMS CHAK NO.19/F W</t>
  </si>
  <si>
    <t>19fw</t>
  </si>
  <si>
    <t>Old  Hsp</t>
  </si>
  <si>
    <t>Mrs Nasreen Firdous</t>
  </si>
  <si>
    <t>41005</t>
  </si>
  <si>
    <t>42998</t>
  </si>
  <si>
    <t>GGPS MOHRA JHAND</t>
  </si>
  <si>
    <t>Mora Jand</t>
  </si>
  <si>
    <t>vill mohra jand p/o bishandoat teh kallar syedan dist rwp</t>
  </si>
  <si>
    <t>Bishandoat</t>
  </si>
  <si>
    <t>Gul-e-afshan</t>
  </si>
  <si>
    <t>41121</t>
  </si>
  <si>
    <t>GPS SAMMAN</t>
  </si>
  <si>
    <t>village samman post office nara</t>
  </si>
  <si>
    <t>GGPS CHAK 248 RB NEW ABADI</t>
  </si>
  <si>
    <t>248/rb Ii</t>
  </si>
  <si>
    <t>248/rbii</t>
  </si>
  <si>
    <t>Rb/</t>
  </si>
  <si>
    <t>19703</t>
  </si>
  <si>
    <t>50606</t>
  </si>
  <si>
    <t>GGPS 34/14-L</t>
  </si>
  <si>
    <t>34/14-L</t>
  </si>
  <si>
    <t>Chak No. 34/14-L p. o 82/12-L Chichawatni District Sahiwal</t>
  </si>
  <si>
    <t>Nabila Perveen</t>
  </si>
  <si>
    <t>8193</t>
  </si>
  <si>
    <t>GGPS PEER FATEH SHAH NO. 2</t>
  </si>
  <si>
    <t>chah chally wala,</t>
  </si>
  <si>
    <t>Chally Wala</t>
  </si>
  <si>
    <t>Iram Fazal</t>
  </si>
  <si>
    <t>19485</t>
  </si>
  <si>
    <t>28910</t>
  </si>
  <si>
    <t>GGPS THEENG KHATRIAN</t>
  </si>
  <si>
    <t>theeng khatrian teh chunian district kasur po Arzani Pur</t>
  </si>
  <si>
    <t>Naveeda Iram</t>
  </si>
  <si>
    <t>10410</t>
  </si>
  <si>
    <t>39725</t>
  </si>
  <si>
    <t>44298</t>
  </si>
  <si>
    <t>GGPS MOTTON KALAN</t>
  </si>
  <si>
    <t>MATAN KALAN</t>
  </si>
  <si>
    <t>PO  SAR KALAN VILL.MATAN KALAN</t>
  </si>
  <si>
    <t>by tanker</t>
  </si>
  <si>
    <t>7609</t>
  </si>
  <si>
    <t>26183</t>
  </si>
  <si>
    <t>27097</t>
  </si>
  <si>
    <t>GGES KOT ISHAQ</t>
  </si>
  <si>
    <t>Government girls E/S Kot Ishaq tehsil and District hafizabad</t>
  </si>
  <si>
    <t>Riffat I Tahira</t>
  </si>
  <si>
    <t>44503</t>
  </si>
  <si>
    <t>40865</t>
  </si>
  <si>
    <t>48134</t>
  </si>
  <si>
    <t>GGES DEOWAL</t>
  </si>
  <si>
    <t>GES CHAK NO. 118/6-R</t>
  </si>
  <si>
    <t>Chak no.118/6.R</t>
  </si>
  <si>
    <t>GGPS CHANALI</t>
  </si>
  <si>
    <t>Chanali</t>
  </si>
  <si>
    <t>village chanali p/o basanta tehsil kallar syedan district rawalpindi</t>
  </si>
  <si>
    <t>4508</t>
  </si>
  <si>
    <t>29197</t>
  </si>
  <si>
    <t>GPS DHANDIAN WALA</t>
  </si>
  <si>
    <t>KAMMAR MUSHANI NO.1-MALE</t>
  </si>
  <si>
    <t>Dila Mir Wala</t>
  </si>
  <si>
    <t>wanda dhandian wala</t>
  </si>
  <si>
    <t>Dhandian Wala</t>
  </si>
  <si>
    <t>Amir Azam Khan</t>
  </si>
  <si>
    <t>41125</t>
  </si>
  <si>
    <t>GMPS SERI</t>
  </si>
  <si>
    <t>Seri</t>
  </si>
  <si>
    <t>village Seri,  Post office Khalol,Tehsil Kahuta, District Rawalpindi.</t>
  </si>
  <si>
    <t>Amjad Bibi</t>
  </si>
  <si>
    <t>GPS JOYYA ABAD P/O KOTLA CHAKAR</t>
  </si>
  <si>
    <t>Motha South</t>
  </si>
  <si>
    <t>basti joyya abad mouza motha u.c kotla chakar tehsil jalal pur pirwala district multan</t>
  </si>
  <si>
    <t>Joyya Abad</t>
  </si>
  <si>
    <t>Hasan Ahmad</t>
  </si>
  <si>
    <t>39922</t>
  </si>
  <si>
    <t>GHS SAMAN</t>
  </si>
  <si>
    <t>SAMAN</t>
  </si>
  <si>
    <t>VPO Saman, Tehsil Hazro Distt. Attock</t>
  </si>
  <si>
    <t>Saman</t>
  </si>
  <si>
    <t>ahmed nawaz khan</t>
  </si>
  <si>
    <t>44515</t>
  </si>
  <si>
    <t>GGES MAHOORA</t>
  </si>
  <si>
    <t>vill.mahoora p/o.gagan teh.fateh jang dist.attock</t>
  </si>
  <si>
    <t>AJAIB SULTANA</t>
  </si>
  <si>
    <t>39733</t>
  </si>
  <si>
    <t>GGES GIRDI</t>
  </si>
  <si>
    <t>JHAMAT - FEMALE</t>
  </si>
  <si>
    <t>Narran Sydan Khel</t>
  </si>
  <si>
    <t>44175</t>
  </si>
  <si>
    <t>GHS BUCHAL KALAN</t>
  </si>
  <si>
    <t>VPO Buchal Kalan</t>
  </si>
  <si>
    <t>Shakeel ahmad</t>
  </si>
  <si>
    <t>45642</t>
  </si>
  <si>
    <t>GPS CHAH SAHI WALA</t>
  </si>
  <si>
    <t>Daggar Awan</t>
  </si>
  <si>
    <t>Govt. Primary School Chah Sahi Wala Chak no 18 TDA tehsil darya khan district Bhakkar</t>
  </si>
  <si>
    <t>18TDA</t>
  </si>
  <si>
    <t>Yasir Ayaz Majeed</t>
  </si>
  <si>
    <t>39783</t>
  </si>
  <si>
    <t>GHS  FATEH ULLAH</t>
  </si>
  <si>
    <t>FATEH ULLAH</t>
  </si>
  <si>
    <t>G.T ROAD VILLAGE FATEH ULLAH</t>
  </si>
  <si>
    <t>BURHAN</t>
  </si>
  <si>
    <t>36982</t>
  </si>
  <si>
    <t>GPS GHARIB ABAD INAYAT PUR, P/O HAJI PUR, KABIRWALA</t>
  </si>
  <si>
    <t>Anayat Pur</t>
  </si>
  <si>
    <t>moza inayat pur p/0 haji pur tehsil kabir wala district khanewal</t>
  </si>
  <si>
    <t>Moonga Wala</t>
  </si>
  <si>
    <t>GES CHAK NO 466 JB EAST</t>
  </si>
  <si>
    <t>Somunder</t>
  </si>
  <si>
    <t>Chak No 466 JB East Tehsil Bhowana District Chiniot</t>
  </si>
  <si>
    <t>Chak No 466 JB</t>
  </si>
  <si>
    <t>50636</t>
  </si>
  <si>
    <t>GGCMES 112/7-R</t>
  </si>
  <si>
    <t>112/ 7 R</t>
  </si>
  <si>
    <t>112/7-r</t>
  </si>
  <si>
    <t>14901</t>
  </si>
  <si>
    <t>17446</t>
  </si>
  <si>
    <t>GGPS SHADOO WALA</t>
  </si>
  <si>
    <t>Shaduwala</t>
  </si>
  <si>
    <t>near balo shahabl</t>
  </si>
  <si>
    <t>Tahira Kanwal</t>
  </si>
  <si>
    <t>35521</t>
  </si>
  <si>
    <t>GES 37/KB</t>
  </si>
  <si>
    <t>GES 37/KB Burewala</t>
  </si>
  <si>
    <t>37/KB</t>
  </si>
  <si>
    <t>Asgher Ali</t>
  </si>
  <si>
    <t>47143</t>
  </si>
  <si>
    <t>43037</t>
  </si>
  <si>
    <t>8393</t>
  </si>
  <si>
    <t>27208</t>
  </si>
  <si>
    <t>GGPS PEER KALAY SHAH</t>
  </si>
  <si>
    <t>Peer Kaly Shah</t>
  </si>
  <si>
    <t>GGPS Peer kaly shah hfd</t>
  </si>
  <si>
    <t>Tanzeela Sharif</t>
  </si>
  <si>
    <t>24328</t>
  </si>
  <si>
    <t>51981</t>
  </si>
  <si>
    <t>GPS 76 EB DAKHLI P.O 66/ EB</t>
  </si>
  <si>
    <t>76eb Khoh Dogran Wala</t>
  </si>
  <si>
    <t>chak no. 76/EB  KHOH DOGRAN WALA.P.O 66/EB</t>
  </si>
  <si>
    <t>76/EB</t>
  </si>
  <si>
    <t>Chak No 66/EB</t>
  </si>
  <si>
    <t>44792</t>
  </si>
  <si>
    <t>Basti bahadur uc pero wala p/o muhammad pur tehsil jampur district rajan pur</t>
  </si>
  <si>
    <t>5654</t>
  </si>
  <si>
    <t>GMPS CHAK NO 97/F</t>
  </si>
  <si>
    <t>CTN -IV-FEMALE</t>
  </si>
  <si>
    <t>97 Fateh</t>
  </si>
  <si>
    <t>Chak 97/f (A.B) post office 98/f tehsil Chishtian district Bahawalnagar</t>
  </si>
  <si>
    <t>98 Fateh</t>
  </si>
  <si>
    <t>Gulshan Firdous</t>
  </si>
  <si>
    <t>20545</t>
  </si>
  <si>
    <t>GPS QILA SUNDAR SINGH</t>
  </si>
  <si>
    <t>Qila Sundar Singh</t>
  </si>
  <si>
    <t>Qila Sundar singh Noshehra Road Grw</t>
  </si>
  <si>
    <t>M Rafiq Khan</t>
  </si>
  <si>
    <t>7506</t>
  </si>
  <si>
    <t>GPS Khoora , Tehsil Choa Saidan Shah , district chakwal</t>
  </si>
  <si>
    <t>ICI water scheme</t>
  </si>
  <si>
    <t>54517</t>
  </si>
  <si>
    <t>54707</t>
  </si>
  <si>
    <t>GGPS ARAZI</t>
  </si>
  <si>
    <t>Arazi Khas</t>
  </si>
  <si>
    <t>vill and post off arazi khas.teh.kallar syedan Rwp</t>
  </si>
  <si>
    <t>Nazakat Naheed</t>
  </si>
  <si>
    <t>21916</t>
  </si>
  <si>
    <t>28958</t>
  </si>
  <si>
    <t>GGPS ATTARI VEERK</t>
  </si>
  <si>
    <t>Attari Virk</t>
  </si>
  <si>
    <t>Attari virk</t>
  </si>
  <si>
    <t>Saresar Hither</t>
  </si>
  <si>
    <t>Rubina Rasheed</t>
  </si>
  <si>
    <t>17716</t>
  </si>
  <si>
    <t>40915</t>
  </si>
  <si>
    <t>GES KUTIAM</t>
  </si>
  <si>
    <t>Kotyam</t>
  </si>
  <si>
    <t>VPO Kotyam, Tehsil Dina, District Jhelum.</t>
  </si>
  <si>
    <t>Muhammad Awais Ali</t>
  </si>
  <si>
    <t>GPS JAIR</t>
  </si>
  <si>
    <t>Jair</t>
  </si>
  <si>
    <t>GPS.Jair.f.w</t>
  </si>
  <si>
    <t>Check44</t>
  </si>
  <si>
    <t>MNadeem</t>
  </si>
  <si>
    <t>25458</t>
  </si>
  <si>
    <t>GGES CHAK NO.56/ML</t>
  </si>
  <si>
    <t>Chak No 60-61</t>
  </si>
  <si>
    <t>G G E/S 56ml.</t>
  </si>
  <si>
    <t>Dosaywala</t>
  </si>
  <si>
    <t>205tda</t>
  </si>
  <si>
    <t>RAHAT YASMIN</t>
  </si>
  <si>
    <t>22756</t>
  </si>
  <si>
    <t>48346</t>
  </si>
  <si>
    <t>46493</t>
  </si>
  <si>
    <t>GPS CHAK NO.7 ML</t>
  </si>
  <si>
    <t>Chak NO 7 ML</t>
  </si>
  <si>
    <t>Chak No 7 ML</t>
  </si>
  <si>
    <t>ChakNo 7ML</t>
  </si>
  <si>
    <t>Zill E Hasnain Shakir</t>
  </si>
  <si>
    <t>22175</t>
  </si>
  <si>
    <t>GGHS MUSLIM PARDA GUJRAT</t>
  </si>
  <si>
    <t>mohalla amin abad  opposite imam bargha  gujrat</t>
  </si>
  <si>
    <t>mohalla amin abad gujrat</t>
  </si>
  <si>
    <t>union council</t>
  </si>
  <si>
    <t>MAIMOONA TOCASER</t>
  </si>
  <si>
    <t>GPS 141 EB</t>
  </si>
  <si>
    <t>141EB</t>
  </si>
  <si>
    <t>chak no 141EB, Arifwala</t>
  </si>
  <si>
    <t>151EB</t>
  </si>
  <si>
    <t>6013</t>
  </si>
  <si>
    <t>27094</t>
  </si>
  <si>
    <t>GGPS BHONDA KALAN</t>
  </si>
  <si>
    <t>Dera Warriachn</t>
  </si>
  <si>
    <t>Dera warriachn p.o kolo tarar tehsil and district hafizabad</t>
  </si>
  <si>
    <t>Bhonda Kalan</t>
  </si>
  <si>
    <t>MARYAM ASHRAF</t>
  </si>
  <si>
    <t>43035</t>
  </si>
  <si>
    <t>GGPS HADWALA</t>
  </si>
  <si>
    <t>Hadwala</t>
  </si>
  <si>
    <t>village hadwala p.o bashondat teh kallar syeden dist rawalpindi dist rawalpindi</t>
  </si>
  <si>
    <t>Bashondat</t>
  </si>
  <si>
    <t>GPS DERA RABBANI WALA</t>
  </si>
  <si>
    <t>GPS Dera Rabbani wala</t>
  </si>
  <si>
    <t>Awan Abad</t>
  </si>
  <si>
    <t>GPS CHAK NO 12/1-R</t>
  </si>
  <si>
    <t>Chak12/1R</t>
  </si>
  <si>
    <t>GOVT P/S12/1.R</t>
  </si>
  <si>
    <t>Chak No12/1R</t>
  </si>
  <si>
    <t>Chak No15/1R</t>
  </si>
  <si>
    <t>BARKAT ALI</t>
  </si>
  <si>
    <t>GPS TIRSIKA</t>
  </si>
  <si>
    <t>tirsikka</t>
  </si>
  <si>
    <t>village.tirsikka p/o sian</t>
  </si>
  <si>
    <t>M Tahir Aziz</t>
  </si>
  <si>
    <t>16193</t>
  </si>
  <si>
    <t>GPS MUNSHIAN WALA</t>
  </si>
  <si>
    <t>Dagger Awan</t>
  </si>
  <si>
    <t>Chalk No 18 TDA</t>
  </si>
  <si>
    <t>Chak No18 TDA</t>
  </si>
  <si>
    <t>Hafeez ullah Khan</t>
  </si>
  <si>
    <t>36711</t>
  </si>
  <si>
    <t>GES KOT MULCHAND, KABIRWALA</t>
  </si>
  <si>
    <t>kotmulchand</t>
  </si>
  <si>
    <t>e tehsil kabirwala dist khanewal</t>
  </si>
  <si>
    <t>shamkot</t>
  </si>
  <si>
    <t>24827</t>
  </si>
  <si>
    <t>10093</t>
  </si>
  <si>
    <t>GPS CHAK 209/9-R WEST</t>
  </si>
  <si>
    <t>chak no 209/9R W</t>
  </si>
  <si>
    <t>209/9r</t>
  </si>
  <si>
    <t>GPS CHAK 50/F</t>
  </si>
  <si>
    <t>CTN-VII-MALE</t>
  </si>
  <si>
    <t>50/F</t>
  </si>
  <si>
    <t>Chak No. 50/F Tehsil Chishtian District Bahawalnagar</t>
  </si>
  <si>
    <t>Chak 54/F</t>
  </si>
  <si>
    <t>12273</t>
  </si>
  <si>
    <t>38723</t>
  </si>
  <si>
    <t>GGCMS 369/WB</t>
  </si>
  <si>
    <t>GGCMS chak no 369 WB</t>
  </si>
  <si>
    <t>SUMAIRA NASIM</t>
  </si>
  <si>
    <t>50128</t>
  </si>
  <si>
    <t>34855</t>
  </si>
  <si>
    <t>GPS BASTI BANDRAN MOZA SHUJAAT PUR</t>
  </si>
  <si>
    <t>Shujad Pur</t>
  </si>
  <si>
    <t>Basti Bandran(basti din pur) Tehsil jalalpur pirwala</t>
  </si>
  <si>
    <t>Shahzad Ur Rehman</t>
  </si>
  <si>
    <t>39525</t>
  </si>
  <si>
    <t>GPS DHOK MANJOKHA</t>
  </si>
  <si>
    <t>po jhamat.vlg manjokha</t>
  </si>
  <si>
    <t>Sahib Un Nisa</t>
  </si>
  <si>
    <t>7333</t>
  </si>
  <si>
    <t>40154</t>
  </si>
  <si>
    <t>GPS MC BOARDING MOHALLAH JHELUM</t>
  </si>
  <si>
    <t>near govt ch iltaf high school</t>
  </si>
  <si>
    <t>Dhoke Jumma</t>
  </si>
  <si>
    <t>Naveed Anwar</t>
  </si>
  <si>
    <t>4808</t>
  </si>
  <si>
    <t>6678</t>
  </si>
  <si>
    <t>43001</t>
  </si>
  <si>
    <t>GGPS MOHRA NAJAR</t>
  </si>
  <si>
    <t>Mohra Najar</t>
  </si>
  <si>
    <t>Village Mohra Najar, PO Bishandote, Tehsil Kallar Syedan, District Rawalpindi.</t>
  </si>
  <si>
    <t>Bishandote</t>
  </si>
  <si>
    <t>Sobia Sajid</t>
  </si>
  <si>
    <t>17145</t>
  </si>
  <si>
    <t>GPS O BLOCK ARIFWALA</t>
  </si>
  <si>
    <t>O Block</t>
  </si>
  <si>
    <t>43 O Block, Arifwala</t>
  </si>
  <si>
    <t>Zulfiqar AHMAD</t>
  </si>
  <si>
    <t>5461</t>
  </si>
  <si>
    <t>35307</t>
  </si>
  <si>
    <t>GHS 273 EB</t>
  </si>
  <si>
    <t>273/EB</t>
  </si>
  <si>
    <t>chak no 273/EB Tehsil Burewala District vehari</t>
  </si>
  <si>
    <t>283/EB</t>
  </si>
  <si>
    <t>Muhammad Naveed Ramzan</t>
  </si>
  <si>
    <t>3681</t>
  </si>
  <si>
    <t>GGCMS MODEL SAJJADA</t>
  </si>
  <si>
    <t>Sajjada</t>
  </si>
  <si>
    <t>sajjada p/o kot hassan khan tehsil n district Hafizabad</t>
  </si>
  <si>
    <t>Ameena Kausar</t>
  </si>
  <si>
    <t>54869</t>
  </si>
  <si>
    <t>GMPS Sharqi 3 Rahwali</t>
  </si>
  <si>
    <t>Sharqi 3</t>
  </si>
  <si>
    <t>Trigri Road Rahwali</t>
  </si>
  <si>
    <t>Rahwali sharqi</t>
  </si>
  <si>
    <t>Rahwali Sharqi</t>
  </si>
  <si>
    <t>zahida parveen</t>
  </si>
  <si>
    <t>GPS CHAK NO 10/1-R E</t>
  </si>
  <si>
    <t>Chak 10/1-R E</t>
  </si>
  <si>
    <t>chak no. 10/1-R E</t>
  </si>
  <si>
    <t>Chak No 10/1-R E</t>
  </si>
  <si>
    <t>15/1-R</t>
  </si>
  <si>
    <t>M Shareef</t>
  </si>
  <si>
    <t>Rubina Adulmajeed</t>
  </si>
  <si>
    <t>43831</t>
  </si>
  <si>
    <t>48366</t>
  </si>
  <si>
    <t>GPS DERA RAWAN</t>
  </si>
  <si>
    <t>near dera rawan salam</t>
  </si>
  <si>
    <t>Hasnain Iqbal</t>
  </si>
  <si>
    <t>6007</t>
  </si>
  <si>
    <t>44325</t>
  </si>
  <si>
    <t>GHS DAJAL</t>
  </si>
  <si>
    <t>Govt.Higher secondary School Dajal Bhakkar</t>
  </si>
  <si>
    <t>Kachi shahani</t>
  </si>
  <si>
    <t>Ihsan Ullah Tahir</t>
  </si>
  <si>
    <t>25039</t>
  </si>
  <si>
    <t>GPS DERA NOOR MUHAMMAD</t>
  </si>
  <si>
    <t>Chak 62f</t>
  </si>
  <si>
    <t>GPS Dera Noor Muhammad</t>
  </si>
  <si>
    <t>Dear Noor Muhammad</t>
  </si>
  <si>
    <t>Baldia Hasilpur</t>
  </si>
  <si>
    <t>Misbah Akram</t>
  </si>
  <si>
    <t>GGPS CM SOHAWA DASKA</t>
  </si>
  <si>
    <t>Ghuzala Shaheen</t>
  </si>
  <si>
    <t>52504</t>
  </si>
  <si>
    <t>GPS NEHAL MAHAR</t>
  </si>
  <si>
    <t>nehal mahar</t>
  </si>
  <si>
    <t>12391</t>
  </si>
  <si>
    <t>9764</t>
  </si>
  <si>
    <t>GPS CHAK NO 348 TDA</t>
  </si>
  <si>
    <t>Chak No 348</t>
  </si>
  <si>
    <t>Chak No. 348 TDA</t>
  </si>
  <si>
    <t>RAFIQABAD</t>
  </si>
  <si>
    <t>Habib ur REHMAN</t>
  </si>
  <si>
    <t>31934</t>
  </si>
  <si>
    <t>19796</t>
  </si>
  <si>
    <t>GGPS GHULAM MUHAMMAD PATHAN</t>
  </si>
  <si>
    <t>Nitherky</t>
  </si>
  <si>
    <t>Abadi Ghulam Muhammad Pathan Tehsil Bhowana District Chiniot</t>
  </si>
  <si>
    <t>Abadi Ghulam Muhammad Pathan</t>
  </si>
  <si>
    <t>CHAK#195JB</t>
  </si>
  <si>
    <t>Bilqees akhtar</t>
  </si>
  <si>
    <t>18587</t>
  </si>
  <si>
    <t>GPS CHAK 373 JB</t>
  </si>
  <si>
    <t>chak no 373jb</t>
  </si>
  <si>
    <t>373 J B</t>
  </si>
  <si>
    <t>Chak 372 Jb</t>
  </si>
  <si>
    <t>GES RATALA</t>
  </si>
  <si>
    <t>Ratala</t>
  </si>
  <si>
    <t>vpo ratala.gujar khan.rawalpindi</t>
  </si>
  <si>
    <t>28523</t>
  </si>
  <si>
    <t>40036</t>
  </si>
  <si>
    <t>GGPS QIBLA BANDI</t>
  </si>
  <si>
    <t>GgpsQibla bandi tehsil hazro</t>
  </si>
  <si>
    <t>Qibla bandi</t>
  </si>
  <si>
    <t>21801</t>
  </si>
  <si>
    <t>46693</t>
  </si>
  <si>
    <t>GPS SARWAR KHEL ISA KHEL</t>
  </si>
  <si>
    <t>Sarwarkhel</t>
  </si>
  <si>
    <t>p/o khaglanwala village sarwarkhel</t>
  </si>
  <si>
    <t>47514</t>
  </si>
  <si>
    <t>4190</t>
  </si>
  <si>
    <t>GGPS NO. 1 JHELUM</t>
  </si>
  <si>
    <t>Bagh Mohallah</t>
  </si>
  <si>
    <t>Bagh Mohallah Jhelum</t>
  </si>
  <si>
    <t>Shabnam Sarfaraz</t>
  </si>
  <si>
    <t>18084</t>
  </si>
  <si>
    <t>26497</t>
  </si>
  <si>
    <t>42962</t>
  </si>
  <si>
    <t>GGPS ANCHOHA</t>
  </si>
  <si>
    <t>village anchoha post office sar subha shah tehsil Kallar syedan distt rwp</t>
  </si>
  <si>
    <t>Robia Sadaf</t>
  </si>
  <si>
    <t>28328</t>
  </si>
  <si>
    <t>4196</t>
  </si>
  <si>
    <t>41141</t>
  </si>
  <si>
    <t>GMPS AIL</t>
  </si>
  <si>
    <t>moza sumbal p.o baghar sharif tehsil kahuta</t>
  </si>
  <si>
    <t>Sumbal Ail</t>
  </si>
  <si>
    <t>GPS CHAK NO 89/5-R</t>
  </si>
  <si>
    <t>Chak No 89/5R</t>
  </si>
  <si>
    <t>chak no 89/5.R</t>
  </si>
  <si>
    <t>Rukhshanda Noreen</t>
  </si>
  <si>
    <t>50624</t>
  </si>
  <si>
    <t>GGPS 90-A/12-L</t>
  </si>
  <si>
    <t>90A/12 L</t>
  </si>
  <si>
    <t>90A</t>
  </si>
  <si>
    <t>88/12L</t>
  </si>
  <si>
    <t>Raheela Kousar</t>
  </si>
  <si>
    <t>43584</t>
  </si>
  <si>
    <t>GGPS SABA ZER</t>
  </si>
  <si>
    <t>Saba Zer</t>
  </si>
  <si>
    <t>village Saba zair p,.o dhuman teh&amp; distt chakwal</t>
  </si>
  <si>
    <t>Mamoona Begum</t>
  </si>
  <si>
    <t>GPS MOHRI (THATTA)</t>
  </si>
  <si>
    <t>Dhoke Mohri Thatta</t>
  </si>
  <si>
    <t>GPS Mohri thatta P/O thatta tehsil jand  district attock</t>
  </si>
  <si>
    <t>Mohri Thatta</t>
  </si>
  <si>
    <t>4208</t>
  </si>
  <si>
    <t>GES MIFTAH-UL-ALOOM HASILPUR</t>
  </si>
  <si>
    <t>Chishtian road hasilpur</t>
  </si>
  <si>
    <t>36898</t>
  </si>
  <si>
    <t>GGPS CHOPAR HATTA WEST, SARAI SIDHU</t>
  </si>
  <si>
    <t>Choperhatta</t>
  </si>
  <si>
    <t>bussti choperhatta</t>
  </si>
  <si>
    <t>6737</t>
  </si>
  <si>
    <t>39858</t>
  </si>
  <si>
    <t>GGCMS CHAK NO 36/F</t>
  </si>
  <si>
    <t>Chak 36/f</t>
  </si>
  <si>
    <t>GGCMS 36/F dakkhana chak 38/f tehsil.Chishtian  district.Bahawalnagar</t>
  </si>
  <si>
    <t>36/f</t>
  </si>
  <si>
    <t>Tahira Shafi</t>
  </si>
  <si>
    <t>GGPS BARA</t>
  </si>
  <si>
    <t>village bara p.o.box doberan khurd TEH KAHUTA DISTT RAWALPINDI</t>
  </si>
  <si>
    <t>43042</t>
  </si>
  <si>
    <t>GGPS BISHANDOT</t>
  </si>
  <si>
    <t>ggps bishandot Teh kallar syedan distt rawalpindi</t>
  </si>
  <si>
    <t>GPS CHAK NO 442/6-R</t>
  </si>
  <si>
    <t>442/6R</t>
  </si>
  <si>
    <t>442/6R Tehsil Haroonabad District Bahawalnagar</t>
  </si>
  <si>
    <t>438/6R West</t>
  </si>
  <si>
    <t>38799</t>
  </si>
  <si>
    <t>GGHS MARI KANJOOR</t>
  </si>
  <si>
    <t>VPO Mari Kanjoor,Tehsil &amp; dist.Attock</t>
  </si>
  <si>
    <t>Sheen bagh</t>
  </si>
  <si>
    <t>izzat bibi</t>
  </si>
  <si>
    <t>7571</t>
  </si>
  <si>
    <t>43537</t>
  </si>
  <si>
    <t>GGPS ALWAL</t>
  </si>
  <si>
    <t>Alawal</t>
  </si>
  <si>
    <t>vill Alawal teh and disst chakwal</t>
  </si>
  <si>
    <t>8323</t>
  </si>
  <si>
    <t>8696</t>
  </si>
  <si>
    <t>GGMPS KHANAN WALA</t>
  </si>
  <si>
    <t>govt model p/s khanan wala</t>
  </si>
  <si>
    <t>Ludkay Wala</t>
  </si>
  <si>
    <t>Paiga</t>
  </si>
  <si>
    <t>GGPS CHAK NO.155/M-A</t>
  </si>
  <si>
    <t>155/mA</t>
  </si>
  <si>
    <t>chak no 155/m_A hasilpur</t>
  </si>
  <si>
    <t>13128</t>
  </si>
  <si>
    <t>GES SHAHER SULTAN NO. 1</t>
  </si>
  <si>
    <t>ward no 4 shaher sultan tehsil jatoi</t>
  </si>
  <si>
    <t>Shahre Sultan</t>
  </si>
  <si>
    <t>M/c Shaher Sultan</t>
  </si>
  <si>
    <t>19758</t>
  </si>
  <si>
    <t>GPS KOT KHUDA BUKHSH</t>
  </si>
  <si>
    <t>Aljamia</t>
  </si>
  <si>
    <t>aljamia</t>
  </si>
  <si>
    <t>Qabulla</t>
  </si>
  <si>
    <t>19764</t>
  </si>
  <si>
    <t>24258</t>
  </si>
  <si>
    <t>42993</t>
  </si>
  <si>
    <t>GGPS MIRA SAKRANA</t>
  </si>
  <si>
    <t>Sakrana</t>
  </si>
  <si>
    <t>Government Girls Primary School Maira Sakrana</t>
  </si>
  <si>
    <t>Maira Sakrana</t>
  </si>
  <si>
    <t>GGPS CHAK 45/3-R</t>
  </si>
  <si>
    <t>45/3R</t>
  </si>
  <si>
    <t>chak no 45/3-R</t>
  </si>
  <si>
    <t>45/3-R</t>
  </si>
  <si>
    <t>23/24 lalaki</t>
  </si>
  <si>
    <t>FOZIA ANJUM</t>
  </si>
  <si>
    <t>27201</t>
  </si>
  <si>
    <t>GGPS NALI</t>
  </si>
  <si>
    <t>Nali</t>
  </si>
  <si>
    <t>nali khurd</t>
  </si>
  <si>
    <t>Nali Khurd</t>
  </si>
  <si>
    <t>Kot Hasan Khan</t>
  </si>
  <si>
    <t>Faiza Saif</t>
  </si>
  <si>
    <t>40754</t>
  </si>
  <si>
    <t>39754</t>
  </si>
  <si>
    <t>GHSS LAB EXCELLENT (WITH QAED CHINOT)</t>
  </si>
  <si>
    <t>City Chniot</t>
  </si>
  <si>
    <t>Tehsil chok lahore road chiniot</t>
  </si>
  <si>
    <t>23901</t>
  </si>
  <si>
    <t>GGPS GUJAR KULAH</t>
  </si>
  <si>
    <t>Gujjar Kullah</t>
  </si>
  <si>
    <t>Gujjar Kulla</t>
  </si>
  <si>
    <t>ATTIA MUNAWAR</t>
  </si>
  <si>
    <t>26940</t>
  </si>
  <si>
    <t>40173</t>
  </si>
  <si>
    <t>GPS BHATIAL</t>
  </si>
  <si>
    <t>Bhatial</t>
  </si>
  <si>
    <t>GPS BHATIA L village bhatial Tehsil and District Jhelum</t>
  </si>
  <si>
    <t>Tayyaba Bashir</t>
  </si>
  <si>
    <t>38276</t>
  </si>
  <si>
    <t>GGPS CHAK NO.183/M</t>
  </si>
  <si>
    <t>Chak 183/m</t>
  </si>
  <si>
    <t>ggps 183/m p/o 186/m tehsil  Hasilphr Dist bwp</t>
  </si>
  <si>
    <t>183/m</t>
  </si>
  <si>
    <t>Amber Akmal</t>
  </si>
  <si>
    <t>17043</t>
  </si>
  <si>
    <t>GPS BASTI LAL KHAN</t>
  </si>
  <si>
    <t>sarwar colony</t>
  </si>
  <si>
    <t>Sarwar Colony</t>
  </si>
  <si>
    <t>Chak Ghumnana</t>
  </si>
  <si>
    <t>Ameer Abdullah Umar</t>
  </si>
  <si>
    <t>19724</t>
  </si>
  <si>
    <t>GGHS CHAK NO 223 JB</t>
  </si>
  <si>
    <t>ramana</t>
  </si>
  <si>
    <t>Chak no 223jb tehsil bhowana</t>
  </si>
  <si>
    <t>chak no 190 jb arbian</t>
  </si>
  <si>
    <t>Riffat Ismail</t>
  </si>
  <si>
    <t>42350</t>
  </si>
  <si>
    <t>GHS BHADANA</t>
  </si>
  <si>
    <t>village bhadana p.o bhadana tehsil gujar Khan district rawalpidni</t>
  </si>
  <si>
    <t>jahangir afzal</t>
  </si>
  <si>
    <t>38527</t>
  </si>
  <si>
    <t>38139</t>
  </si>
  <si>
    <t>GPS CHAK NO.12/BC SOUTH</t>
  </si>
  <si>
    <t>12 BC South</t>
  </si>
  <si>
    <t>chak 12 BC south bahawalpur</t>
  </si>
  <si>
    <t>34841</t>
  </si>
  <si>
    <t>GPS MEHR DAD P/O KOTLA CHAKAR JPP</t>
  </si>
  <si>
    <t>Motha Shumali</t>
  </si>
  <si>
    <t>Basti Koray wala moza motha shumali</t>
  </si>
  <si>
    <t>Koray wala</t>
  </si>
  <si>
    <t>GPS CHAK NO. 128 JB EAST</t>
  </si>
  <si>
    <t>Chak127 Jb</t>
  </si>
  <si>
    <t>Chak 127</t>
  </si>
  <si>
    <t>Ahmad Jawad Zafar</t>
  </si>
  <si>
    <t>35396</t>
  </si>
  <si>
    <t>54841</t>
  </si>
  <si>
    <t>4802</t>
  </si>
  <si>
    <t>GHS CHAK 231/9-R</t>
  </si>
  <si>
    <t>CHAK 231-9R</t>
  </si>
  <si>
    <t>GHS CHAK 231-9R, POST OFFICE SAME</t>
  </si>
  <si>
    <t>CHAK 209-9R</t>
  </si>
  <si>
    <t>4803</t>
  </si>
  <si>
    <t>GPS NIKKA DOULTANA (De-consolidated April-2016)</t>
  </si>
  <si>
    <t>Nikka Doultana</t>
  </si>
  <si>
    <t>GPS Nikka Doultana jhang</t>
  </si>
  <si>
    <t>3296</t>
  </si>
  <si>
    <t>4804</t>
  </si>
  <si>
    <t>42897</t>
  </si>
  <si>
    <t>GGHS SAINTHA</t>
  </si>
  <si>
    <t>sakote</t>
  </si>
  <si>
    <t>gghs saintha kallar syedan</t>
  </si>
  <si>
    <t>doberen kalan</t>
  </si>
  <si>
    <t>22407</t>
  </si>
  <si>
    <t>GPS KOT QUTAB DIN</t>
  </si>
  <si>
    <t>Kot Qutab Din</t>
  </si>
  <si>
    <t>Kot Qutab Din  Tehsil &amp; District Gujrat</t>
  </si>
  <si>
    <t>Jassoki</t>
  </si>
  <si>
    <t>Nadia Zafar</t>
  </si>
  <si>
    <t>9676</t>
  </si>
  <si>
    <t>4807</t>
  </si>
  <si>
    <t>52749</t>
  </si>
  <si>
    <t>GMPS FATIANA</t>
  </si>
  <si>
    <t>fatiana</t>
  </si>
  <si>
    <t>dhulyana</t>
  </si>
  <si>
    <t>Nasir Mahmood Shah</t>
  </si>
  <si>
    <t>46640</t>
  </si>
  <si>
    <t>GES SHIEKH ABAD</t>
  </si>
  <si>
    <t>Maseet Wala</t>
  </si>
  <si>
    <t>ges sheikhabad</t>
  </si>
  <si>
    <t>Sheikhabad</t>
  </si>
  <si>
    <t>Abdul Majeed Khan</t>
  </si>
  <si>
    <t>GES GOTH MEHROO</t>
  </si>
  <si>
    <t>MUSAFAR KHANA - MALE</t>
  </si>
  <si>
    <t>Goth Mehroo Bahawalpur</t>
  </si>
  <si>
    <t>Jindo Missan</t>
  </si>
  <si>
    <t>4815</t>
  </si>
  <si>
    <t>54581</t>
  </si>
  <si>
    <t>GPS MELOANA</t>
  </si>
  <si>
    <t>meloana</t>
  </si>
  <si>
    <t>village Meloana p/o khanqah dogran tehsil and district Hafizabad</t>
  </si>
  <si>
    <t>Meloana</t>
  </si>
  <si>
    <t>Muhammad Usman Ilyas</t>
  </si>
  <si>
    <t>39885</t>
  </si>
  <si>
    <t>GPS GHAR (PIND MEHRI)</t>
  </si>
  <si>
    <t>Gaar</t>
  </si>
  <si>
    <t>GPS Ghar Tehsil Hassanabdal</t>
  </si>
  <si>
    <t>Basharat Khan</t>
  </si>
  <si>
    <t>20339</t>
  </si>
  <si>
    <t>4819</t>
  </si>
  <si>
    <t>50180</t>
  </si>
  <si>
    <t>GES  112/12-L</t>
  </si>
  <si>
    <t>112/12-L</t>
  </si>
  <si>
    <t>Chak 112/12.L</t>
  </si>
  <si>
    <t>112/12 L</t>
  </si>
  <si>
    <t>110/12 L</t>
  </si>
  <si>
    <t>Yasir  Aslam</t>
  </si>
  <si>
    <t>50433</t>
  </si>
  <si>
    <t>GGHS CHAK NO.112 EB</t>
  </si>
  <si>
    <t>112/EB</t>
  </si>
  <si>
    <t>Chak no 112/eb burewala</t>
  </si>
  <si>
    <t>112/eb</t>
  </si>
  <si>
    <t>124/eb</t>
  </si>
  <si>
    <t>anum rasheed</t>
  </si>
  <si>
    <t>11410</t>
  </si>
  <si>
    <t>GGPS KHALIL ABAD</t>
  </si>
  <si>
    <t>GGPS KHALIL ABAD BASTI NOORAY WALA</t>
  </si>
  <si>
    <t>NOORY WALA</t>
  </si>
  <si>
    <t>subia alam</t>
  </si>
  <si>
    <t>GGPS PINJWAL</t>
  </si>
  <si>
    <t>Government girls primary school panjwal</t>
  </si>
  <si>
    <t>16235</t>
  </si>
  <si>
    <t>52282</t>
  </si>
  <si>
    <t>19889</t>
  </si>
  <si>
    <t>GPS CHAK NO 184 JB WEST</t>
  </si>
  <si>
    <t>chak no 184 west jadeed colony</t>
  </si>
  <si>
    <t>184 West Jadeed</t>
  </si>
  <si>
    <t>4834</t>
  </si>
  <si>
    <t>GGES CHAK NO.193/M</t>
  </si>
  <si>
    <t>193 M</t>
  </si>
  <si>
    <t>193/M Hasilpur</t>
  </si>
  <si>
    <t>192 M</t>
  </si>
  <si>
    <t>Tasleem Zafar</t>
  </si>
  <si>
    <t>4836</t>
  </si>
  <si>
    <t>22411</t>
  </si>
  <si>
    <t>GPS LANGAY</t>
  </si>
  <si>
    <t>post office langay tehsil and district gujrat</t>
  </si>
  <si>
    <t>Haq nawaz</t>
  </si>
  <si>
    <t>28212</t>
  </si>
  <si>
    <t>GMPS BASTI LUNGER</t>
  </si>
  <si>
    <t>Basti Lunger</t>
  </si>
  <si>
    <t>Rozina Manzoor</t>
  </si>
  <si>
    <t>3461</t>
  </si>
  <si>
    <t>GGHS CHAK NO 169/7-R</t>
  </si>
  <si>
    <t>169/7r</t>
  </si>
  <si>
    <t>GGHS 169/7R tehsil fort abbas district Bahawalnagar</t>
  </si>
  <si>
    <t>Chak No 169/7R P/O Kichi Wala Tehsil Fort Abbas Di</t>
  </si>
  <si>
    <t>GPS CHAK NO 60 61 TDA</t>
  </si>
  <si>
    <t>CHAK 60-61 TDA</t>
  </si>
  <si>
    <t>Chak No. 60-61 TDA Tehsil &amp; Disst. Bhakkar</t>
  </si>
  <si>
    <t>60-61 ML</t>
  </si>
  <si>
    <t>Muhammad Mazhar Farooq Saeed</t>
  </si>
  <si>
    <t>52127</t>
  </si>
  <si>
    <t>46947</t>
  </si>
  <si>
    <t>GGPS LADHU KHEL</t>
  </si>
  <si>
    <t>Village Ladhukhel,markaz Sultankhel Number 2, Tehsil Isakhel, District Mianwali</t>
  </si>
  <si>
    <t>Ladhukhel</t>
  </si>
  <si>
    <t>Faryal Fatima</t>
  </si>
  <si>
    <t>47313</t>
  </si>
  <si>
    <t>22713</t>
  </si>
  <si>
    <t>50297</t>
  </si>
  <si>
    <t>GPS 33/12-L</t>
  </si>
  <si>
    <t>33/12L</t>
  </si>
  <si>
    <t>Chak no 33/12.L Tehsil chichawatni District sahiwal</t>
  </si>
  <si>
    <t>Chak No 44/12L</t>
  </si>
  <si>
    <t>Imran Shahzad</t>
  </si>
  <si>
    <t>39741</t>
  </si>
  <si>
    <t>GGPS RUKHWAN</t>
  </si>
  <si>
    <t>village Rukhwan PO Makhad Jand Attock</t>
  </si>
  <si>
    <t>AMREEN Bi Bi</t>
  </si>
  <si>
    <t>23347</t>
  </si>
  <si>
    <t>GPS CHAK NO. 75/4-R</t>
  </si>
  <si>
    <t>Chak no 75 4R</t>
  </si>
  <si>
    <t>Chak No.75/4R.  Teh. Haroon Abad Distt. Bahawal Nagar</t>
  </si>
  <si>
    <t>Chak No 75/4R</t>
  </si>
  <si>
    <t>MC Haroon Abad</t>
  </si>
  <si>
    <t>Majid Hussain Bajwa</t>
  </si>
  <si>
    <t>GPS DAJAL NO. 4</t>
  </si>
  <si>
    <t>Dajal Khas</t>
  </si>
  <si>
    <t>mohallah jall wala near awaisa park dajal tehsil jampur distt rajanpur</t>
  </si>
  <si>
    <t>Ameer Umar</t>
  </si>
  <si>
    <t>52561</t>
  </si>
  <si>
    <t>GPS HARRY KAY KALAN</t>
  </si>
  <si>
    <t>Harray Kay Kalan</t>
  </si>
  <si>
    <t>GPS Harray Kay Kalan</t>
  </si>
  <si>
    <t>Shamad</t>
  </si>
  <si>
    <t>27773</t>
  </si>
  <si>
    <t>GHS RANG PUR</t>
  </si>
  <si>
    <t>basti mehmood abad mouza rangpur p/o sama data t/d bahawal pur</t>
  </si>
  <si>
    <t>Basti Mehmood Abad</t>
  </si>
  <si>
    <t>18752</t>
  </si>
  <si>
    <t>GGCMES CHAK 156 GB PADRI</t>
  </si>
  <si>
    <t>Padri 156 Gb Gojra</t>
  </si>
  <si>
    <t>chak nbr 156 gb Gojra</t>
  </si>
  <si>
    <t>Padri</t>
  </si>
  <si>
    <t>158 Gb Gojra</t>
  </si>
  <si>
    <t>mussarat sharif</t>
  </si>
  <si>
    <t>GPS CHAH HAKEEM WALA</t>
  </si>
  <si>
    <t>Chak 15/FW</t>
  </si>
  <si>
    <t>Bssti Musafir Shah Chak 15/FW Tehsil Hasilpur</t>
  </si>
  <si>
    <t>Chak 58/F</t>
  </si>
  <si>
    <t>GGPS PATHAN WALA</t>
  </si>
  <si>
    <t>pathan wala</t>
  </si>
  <si>
    <t>Haji Gazi</t>
  </si>
  <si>
    <t>Rubina Aslam</t>
  </si>
  <si>
    <t>3517</t>
  </si>
  <si>
    <t>43025</t>
  </si>
  <si>
    <t>GGPS SHER SHAHI</t>
  </si>
  <si>
    <t>Darkali Sher Shahi</t>
  </si>
  <si>
    <t>vill &amp; p/o govt girls primary school darkali sher shahi Teh kallar syedan Distt RWP</t>
  </si>
  <si>
    <t>Andleeb Kanwal</t>
  </si>
  <si>
    <t>151757</t>
  </si>
  <si>
    <t>52934</t>
  </si>
  <si>
    <t>GMMS KOTHA JHANG SHESHAM</t>
  </si>
  <si>
    <t>Kotha Jhang Shisham</t>
  </si>
  <si>
    <t>kotha jhang shisham</t>
  </si>
  <si>
    <t>1 Sp Wasawe Wala</t>
  </si>
  <si>
    <t>44097</t>
  </si>
  <si>
    <t>GPS TAKWAN</t>
  </si>
  <si>
    <t>Takwan</t>
  </si>
  <si>
    <t>Government Primary School Takwan</t>
  </si>
  <si>
    <t>23350</t>
  </si>
  <si>
    <t>48204</t>
  </si>
  <si>
    <t>GPS CHAH BHATTIAN WALA</t>
  </si>
  <si>
    <t>Chak 9 ML</t>
  </si>
  <si>
    <t>chah bhattian chak 9 ml bhalwal sargodha</t>
  </si>
  <si>
    <t>Chah Bhattian</t>
  </si>
  <si>
    <t>CHAK NO 10 ML</t>
  </si>
  <si>
    <t>Muhammad Sarfraz Gondal</t>
  </si>
  <si>
    <t>38741</t>
  </si>
  <si>
    <t>GGPS 385/W.B</t>
  </si>
  <si>
    <t>385 Wb</t>
  </si>
  <si>
    <t>chak 385.wb</t>
  </si>
  <si>
    <t>385wb</t>
  </si>
  <si>
    <t>384wb</t>
  </si>
  <si>
    <t>NAJMA NAEEM AKHTar</t>
  </si>
  <si>
    <t>GPS MUNIR NAGAR P/O DAJAL</t>
  </si>
  <si>
    <t>HANBHI</t>
  </si>
  <si>
    <t>BASTI MUNIR NAGAR MAUZA HANBHI</t>
  </si>
  <si>
    <t>MUNIR NAGAR</t>
  </si>
  <si>
    <t>Malik Shakeel Ahmad</t>
  </si>
  <si>
    <t>GGPS CHAK NO.64/F</t>
  </si>
  <si>
    <t>64f</t>
  </si>
  <si>
    <t>64/f colony Hasilpur</t>
  </si>
  <si>
    <t>51955</t>
  </si>
  <si>
    <t>GGES MUZAFFAR NAU</t>
  </si>
  <si>
    <t>Muzaffar Nou</t>
  </si>
  <si>
    <t>muzaffar nou po box vanike tarar teh&amp;dist Hfd</t>
  </si>
  <si>
    <t>Kot Syed Muhammad</t>
  </si>
  <si>
    <t>Attia Riaz</t>
  </si>
  <si>
    <t>GGPS QADIR COLONY</t>
  </si>
  <si>
    <t>Qadir Colony</t>
  </si>
  <si>
    <t>rukhsana shamim</t>
  </si>
  <si>
    <t>32732</t>
  </si>
  <si>
    <t>42406</t>
  </si>
  <si>
    <t>GES GHICK BUDHAL</t>
  </si>
  <si>
    <t>Ghick Budhal</t>
  </si>
  <si>
    <t>Vill &amp; p/o Ghick budhal Teh Gujar Khan</t>
  </si>
  <si>
    <t>Kanyat Khalil</t>
  </si>
  <si>
    <t>Muhammad Waseem Shoukat</t>
  </si>
  <si>
    <t>7249</t>
  </si>
  <si>
    <t>23907</t>
  </si>
  <si>
    <t>GGES LAKRA KALAN</t>
  </si>
  <si>
    <t>Lakra Kalan</t>
  </si>
  <si>
    <t>lakra kalan</t>
  </si>
  <si>
    <t>Tanveer Kauser</t>
  </si>
  <si>
    <t>28737</t>
  </si>
  <si>
    <t>GES HERSA NOSHEHRA</t>
  </si>
  <si>
    <t>Harsa Noshera</t>
  </si>
  <si>
    <t>Harsa noshera</t>
  </si>
  <si>
    <t>Nadim Ul Hasan</t>
  </si>
  <si>
    <t>14182</t>
  </si>
  <si>
    <t>38907</t>
  </si>
  <si>
    <t>GGPS BOORA</t>
  </si>
  <si>
    <t>Village boora post office sanjwal distt attock</t>
  </si>
  <si>
    <t>Bibi Zarqa Jabeen</t>
  </si>
  <si>
    <t>33313</t>
  </si>
  <si>
    <t>GPS CHAK NO.47/3-R</t>
  </si>
  <si>
    <t>Chak 47/3-R</t>
  </si>
  <si>
    <t>chak no. 47/3-R</t>
  </si>
  <si>
    <t>Chak No 47/3-R</t>
  </si>
  <si>
    <t>Muhammad Tauseef Ashfaq</t>
  </si>
  <si>
    <t>GHS PHALINA</t>
  </si>
  <si>
    <t>vill and Po Phalina Tehsil kallar syedan rwp</t>
  </si>
  <si>
    <t>Phalina</t>
  </si>
  <si>
    <t>MC KALLAR SYEDAN</t>
  </si>
  <si>
    <t>MUHAMMAD RAZA VAINCE</t>
  </si>
  <si>
    <t>41048</t>
  </si>
  <si>
    <t>GHS MATORE</t>
  </si>
  <si>
    <t>village and post office matore tehsil kahuta distt rwp.</t>
  </si>
  <si>
    <t>Zafran Ahmed</t>
  </si>
  <si>
    <t>40145</t>
  </si>
  <si>
    <t>52344</t>
  </si>
  <si>
    <t>GGES CHAK 3 SP</t>
  </si>
  <si>
    <t>Noor Zafar</t>
  </si>
  <si>
    <t>46616</t>
  </si>
  <si>
    <t>43050</t>
  </si>
  <si>
    <t>GPS MANMORE</t>
  </si>
  <si>
    <t>Nalamuslmana</t>
  </si>
  <si>
    <t>manmore</t>
  </si>
  <si>
    <t>Manmore</t>
  </si>
  <si>
    <t>water carrier</t>
  </si>
  <si>
    <t>9857</t>
  </si>
  <si>
    <t>GPS CHAK 441 TDA</t>
  </si>
  <si>
    <t>Chak no 441/TDA</t>
  </si>
  <si>
    <t>Chak no 441 tda Tehsil  Choubara Layyah</t>
  </si>
  <si>
    <t>Saharan 452/tda</t>
  </si>
  <si>
    <t>6537</t>
  </si>
  <si>
    <t>4851</t>
  </si>
  <si>
    <t>GPS CHAK NO 213/F</t>
  </si>
  <si>
    <t>Chak No 213/F</t>
  </si>
  <si>
    <t>chak no 213/F</t>
  </si>
  <si>
    <t>Chak No 95/F</t>
  </si>
  <si>
    <t>28665</t>
  </si>
  <si>
    <t>GGES NIANWAL KHALISA</t>
  </si>
  <si>
    <t>Nain Wal Khalsa</t>
  </si>
  <si>
    <t>nain wal khalsa</t>
  </si>
  <si>
    <t>Jashair Khurd</t>
  </si>
  <si>
    <t>naheed akhtar</t>
  </si>
  <si>
    <t>10826</t>
  </si>
  <si>
    <t>46924</t>
  </si>
  <si>
    <t>39899</t>
  </si>
  <si>
    <t>GHS HAZRO NO.1</t>
  </si>
  <si>
    <t>hazro</t>
  </si>
  <si>
    <t>Dr JAVED MEHMOOD MALIK</t>
  </si>
  <si>
    <t>36941</t>
  </si>
  <si>
    <t>GMPS JAN MUHAMMAD WALA ABDUL HAKIM</t>
  </si>
  <si>
    <t>Husain Abad Sani</t>
  </si>
  <si>
    <t>GMPS jan muhammad wala moza husain abad sani station jan muhammad wala tehsl kabirwala district khanewal</t>
  </si>
  <si>
    <t>Shakila Amir</t>
  </si>
  <si>
    <t>32115</t>
  </si>
  <si>
    <t>26975</t>
  </si>
  <si>
    <t>GES ALLOUD DIN KALAN</t>
  </si>
  <si>
    <t>Allod Din Kalan</t>
  </si>
  <si>
    <t>Allou din kalan</t>
  </si>
  <si>
    <t>Alloud Din Kalan</t>
  </si>
  <si>
    <t>39892</t>
  </si>
  <si>
    <t>GPS BHOI GAR</t>
  </si>
  <si>
    <t>Bhoigar</t>
  </si>
  <si>
    <t>bhoigar hassan abdal</t>
  </si>
  <si>
    <t>Pindmehri</t>
  </si>
  <si>
    <t>GGPS CHAK NO. 43</t>
  </si>
  <si>
    <t>Chak 43</t>
  </si>
  <si>
    <t>ggps Chak 43 p/o Chak 44 tehsil ferozwala district sheikhupura</t>
  </si>
  <si>
    <t>Chak43</t>
  </si>
  <si>
    <t>Chak No 44</t>
  </si>
  <si>
    <t>Warda Shahbaz</t>
  </si>
  <si>
    <t>52096</t>
  </si>
  <si>
    <t>GGCMES CHAK NO 19 KB</t>
  </si>
  <si>
    <t>19 Kb</t>
  </si>
  <si>
    <t>chak no 19 kb tehsil arifwala district pakpattan</t>
  </si>
  <si>
    <t>Chak 19 Kb</t>
  </si>
  <si>
    <t>18 Kb</t>
  </si>
  <si>
    <t>Sana Khald</t>
  </si>
  <si>
    <t>15427</t>
  </si>
  <si>
    <t>GGHS NO.2 JARANWALA</t>
  </si>
  <si>
    <t>Jaranwalz</t>
  </si>
  <si>
    <t>GGHS NO.2  main cenema chowk Jaranwala</t>
  </si>
  <si>
    <t>Lakkar Mandi</t>
  </si>
  <si>
    <t>16819</t>
  </si>
  <si>
    <t>GMPS MATTAYKE NAGRA</t>
  </si>
  <si>
    <t>Matayke Nagra</t>
  </si>
  <si>
    <t>GMPSMattayke nagra</t>
  </si>
  <si>
    <t>Mataykenagra</t>
  </si>
  <si>
    <t>Saima Rehmat</t>
  </si>
  <si>
    <t>22378</t>
  </si>
  <si>
    <t>GGPS KUND</t>
  </si>
  <si>
    <t>mohallah utti bun vpo mithial tehsil jand district attock</t>
  </si>
  <si>
    <t>Asma Amanat</t>
  </si>
  <si>
    <t>51646</t>
  </si>
  <si>
    <t>GGPS MIRGALA KHALSA</t>
  </si>
  <si>
    <t>Pher Hali</t>
  </si>
  <si>
    <t>mirgala khalsa PO Choa khalsa Teh Kallar syedan</t>
  </si>
  <si>
    <t>Mirgala Khalsa</t>
  </si>
  <si>
    <t>Choa Khalsa</t>
  </si>
  <si>
    <t>20286</t>
  </si>
  <si>
    <t>44158</t>
  </si>
  <si>
    <t>GPS KHAJULA</t>
  </si>
  <si>
    <t>khajula</t>
  </si>
  <si>
    <t>v&amp; post office khajula tehsil css diett chakwal</t>
  </si>
  <si>
    <t>lehr sultan pur</t>
  </si>
  <si>
    <t>Anjum Zia</t>
  </si>
  <si>
    <t>GHS CHAK NO 195 JB</t>
  </si>
  <si>
    <t>Chak No 195</t>
  </si>
  <si>
    <t>Chak No 195 Tehsil Bhowana, district Chiniot</t>
  </si>
  <si>
    <t>GPS KAJLI</t>
  </si>
  <si>
    <t>Dakhlijand Khnzada Jandkhanzada</t>
  </si>
  <si>
    <t>vpo kajli teh &amp; distt chakwal</t>
  </si>
  <si>
    <t>Kajli</t>
  </si>
  <si>
    <t>11262</t>
  </si>
  <si>
    <t>22779</t>
  </si>
  <si>
    <t>GGCMS HAJI GHAZI GHARBI</t>
  </si>
  <si>
    <t>sadian shah Haji Ghazi Gharbi</t>
  </si>
  <si>
    <t>Sadian Shah</t>
  </si>
  <si>
    <t>UNEEZA BATOOL</t>
  </si>
  <si>
    <t>52885</t>
  </si>
  <si>
    <t>27098</t>
  </si>
  <si>
    <t>GMPS RAJA TARAR</t>
  </si>
  <si>
    <t>Raja Tarar</t>
  </si>
  <si>
    <t>raja tarar tehsil &amp; district hafizabad</t>
  </si>
  <si>
    <t>Kot Sayd Muhammad</t>
  </si>
  <si>
    <t>Maryam Atta</t>
  </si>
  <si>
    <t>GGES CHAK NO. 44/F</t>
  </si>
  <si>
    <t>CTN -II-FEMALE</t>
  </si>
  <si>
    <t>chak no 44 / f chishtian</t>
  </si>
  <si>
    <t>44/F</t>
  </si>
  <si>
    <t>6865</t>
  </si>
  <si>
    <t>29410</t>
  </si>
  <si>
    <t>22542</t>
  </si>
  <si>
    <t>GMPS SURKIAN</t>
  </si>
  <si>
    <t>Surkian</t>
  </si>
  <si>
    <t>surkian</t>
  </si>
  <si>
    <t>Amrozia Nazir</t>
  </si>
  <si>
    <t>17242</t>
  </si>
  <si>
    <t>GPS CHAK NO. 266 JB</t>
  </si>
  <si>
    <t>CHAK NO 266 JB</t>
  </si>
  <si>
    <t>CHAK NO 265 JB</t>
  </si>
  <si>
    <t>14989</t>
  </si>
  <si>
    <t>GGPS BHALOANA (THATHA NARO)</t>
  </si>
  <si>
    <t>Thatha Naroo</t>
  </si>
  <si>
    <t>Thatha Naroo PO Kassoki Hafizabad</t>
  </si>
  <si>
    <t>Bhaloana</t>
  </si>
  <si>
    <t>Asifa Nagina</t>
  </si>
  <si>
    <t>GHS DERA BAKHA</t>
  </si>
  <si>
    <t>SAnjar</t>
  </si>
  <si>
    <t>GHS Dera Bakha</t>
  </si>
  <si>
    <t>GGPS 46/3-R</t>
  </si>
  <si>
    <t>46/3r AB</t>
  </si>
  <si>
    <t>Govt Model primary School 46 3r AB</t>
  </si>
  <si>
    <t>46 3 R AB</t>
  </si>
  <si>
    <t>23-24</t>
  </si>
  <si>
    <t>Razia Barka Ali</t>
  </si>
  <si>
    <t>GGPS PINDI</t>
  </si>
  <si>
    <t>Pindi p/o dhutty tehsil chunian district kasur</t>
  </si>
  <si>
    <t>Aki  Kay Rasool Pur</t>
  </si>
  <si>
    <t>50582</t>
  </si>
  <si>
    <t>GGPS DHARMA</t>
  </si>
  <si>
    <t>DHARMA</t>
  </si>
  <si>
    <t>chak 116/7cr.. moza dharma ccw</t>
  </si>
  <si>
    <t>116/7CR</t>
  </si>
  <si>
    <t>Kiran Amin</t>
  </si>
  <si>
    <t>GGPS MC NO. 28 GUJRANWALA</t>
  </si>
  <si>
    <t>Kazafi Road Garjakh</t>
  </si>
  <si>
    <t>Muhallah Abbas pura gali no 1 kazafi road garjakh Grw</t>
  </si>
  <si>
    <t>Farida Bano</t>
  </si>
  <si>
    <t>51888</t>
  </si>
  <si>
    <t>42685</t>
  </si>
  <si>
    <t>39786</t>
  </si>
  <si>
    <t>GES CADET COLLEGE HASSANABDAL</t>
  </si>
  <si>
    <t>TMA Hassan Abdal</t>
  </si>
  <si>
    <t>GES.CADET COLLEGE HASSAN ABDAL</t>
  </si>
  <si>
    <t>Mumraiz Khan</t>
  </si>
  <si>
    <t>tube well supply</t>
  </si>
  <si>
    <t>GPS CHAK NO.145/M</t>
  </si>
  <si>
    <t>chak 145/m</t>
  </si>
  <si>
    <t>chak no 145/m</t>
  </si>
  <si>
    <t>145/m</t>
  </si>
  <si>
    <t>ifra kanwal</t>
  </si>
  <si>
    <t>4108</t>
  </si>
  <si>
    <t>31496</t>
  </si>
  <si>
    <t>GPS MOHALLA NOOR SHAH</t>
  </si>
  <si>
    <t>Kot Abdul Malik</t>
  </si>
  <si>
    <t>scheme no 3 mohallah noor shah kot abdul malik</t>
  </si>
  <si>
    <t>Mohallah Noor Shah</t>
  </si>
  <si>
    <t>amjid hussain</t>
  </si>
  <si>
    <t>4109</t>
  </si>
  <si>
    <t>51792</t>
  </si>
  <si>
    <t>GHS 66/EB ARIFWALA</t>
  </si>
  <si>
    <t>66/EB</t>
  </si>
  <si>
    <t>GHS 66/EB Arifwala, Distt. Pakpattan</t>
  </si>
  <si>
    <t>Chak 66/EB</t>
  </si>
  <si>
    <t>Tahir Farooq Zia</t>
  </si>
  <si>
    <t>GPS CHAK NO 377 TDA</t>
  </si>
  <si>
    <t>Chak 377/TDA</t>
  </si>
  <si>
    <t>6976</t>
  </si>
  <si>
    <t>20021</t>
  </si>
  <si>
    <t>18536</t>
  </si>
  <si>
    <t>GHS CHAK 281 JB DAWAKHARY</t>
  </si>
  <si>
    <t>281jb</t>
  </si>
  <si>
    <t>Chak  281 JB,Gojra</t>
  </si>
  <si>
    <t>Chak  281 JB</t>
  </si>
  <si>
    <t>Ghulam Jillani</t>
  </si>
  <si>
    <t>52679</t>
  </si>
  <si>
    <t>GGPS CHAK AHMED YAR</t>
  </si>
  <si>
    <t>ChakAhmad Yar</t>
  </si>
  <si>
    <t>ChakAhmad Yar post office Basir pur thesil depalpur district,okara</t>
  </si>
  <si>
    <t>Klasson Hameed</t>
  </si>
  <si>
    <t>Farah Ishaq</t>
  </si>
  <si>
    <t>43939</t>
  </si>
  <si>
    <t>4121</t>
  </si>
  <si>
    <t>48192</t>
  </si>
  <si>
    <t>GPS CHAK NO.5 NB</t>
  </si>
  <si>
    <t>Chak 5 Nb</t>
  </si>
  <si>
    <t>chak 5 nb tehsil bhalwal disst sargodha</t>
  </si>
  <si>
    <t>Muhammad  Asghar   Mahmood</t>
  </si>
  <si>
    <t>43787</t>
  </si>
  <si>
    <t>39907</t>
  </si>
  <si>
    <t>GHS BARAZAI</t>
  </si>
  <si>
    <t>Barazai</t>
  </si>
  <si>
    <t>vpobarazai</t>
  </si>
  <si>
    <t>Malakmala</t>
  </si>
  <si>
    <t>Muhammad  Afsar</t>
  </si>
  <si>
    <t>GPS CHAK NO.146/M-A</t>
  </si>
  <si>
    <t>Dari Gillan wali</t>
  </si>
  <si>
    <t>146MA Hasilpur</t>
  </si>
  <si>
    <t>146M</t>
  </si>
  <si>
    <t>188M</t>
  </si>
  <si>
    <t>GGES CHAK NO. 34/F</t>
  </si>
  <si>
    <t>34/f</t>
  </si>
  <si>
    <t>Chak no 34/f,P.O Same,Tehsil CTN, District BWN</t>
  </si>
  <si>
    <t>28/g</t>
  </si>
  <si>
    <t>Anila Anjum</t>
  </si>
  <si>
    <t>13653</t>
  </si>
  <si>
    <t>GGPS BASTI SONHARA</t>
  </si>
  <si>
    <t>GGPS  BASTI SONHARA</t>
  </si>
  <si>
    <t>43111</t>
  </si>
  <si>
    <t>45393</t>
  </si>
  <si>
    <t>GES CHAK NO 17 TDA</t>
  </si>
  <si>
    <t>DAGGAR LEEL</t>
  </si>
  <si>
    <t>GES CHAK NO 17 TDA, P/O SARWAR ABAD, TEHSIL DARYA KHAN, DIST BHAKKAR.</t>
  </si>
  <si>
    <t>Chak No 17TDA</t>
  </si>
  <si>
    <t>DAGGAR WAGHWRA WAHGWARA</t>
  </si>
  <si>
    <t>46766</t>
  </si>
  <si>
    <t>GPS KUTKI THAL</t>
  </si>
  <si>
    <t>Dist. Mianwali Teh Issa khel p/o Kamar mushani vill. Kutki thal</t>
  </si>
  <si>
    <t>Kutki thal</t>
  </si>
  <si>
    <t>Hamidullah Khan</t>
  </si>
  <si>
    <t>20712</t>
  </si>
  <si>
    <t>GGPS KOTLI SABU</t>
  </si>
  <si>
    <t>Kotli Sabu</t>
  </si>
  <si>
    <t>GGPS kotli sabu</t>
  </si>
  <si>
    <t>Talwandi Kajoorwali</t>
  </si>
  <si>
    <t>Shama Riyast</t>
  </si>
  <si>
    <t>17804</t>
  </si>
  <si>
    <t>11316</t>
  </si>
  <si>
    <t>39862</t>
  </si>
  <si>
    <t>GMPS MOHARI</t>
  </si>
  <si>
    <t>village Mohri p/o ganga pind teh Hassan Abdal district Attock</t>
  </si>
  <si>
    <t>22843</t>
  </si>
  <si>
    <t>GES CHAK NO 133 JB</t>
  </si>
  <si>
    <t>Bahadri Wala</t>
  </si>
  <si>
    <t>Chak no 133 jb chiniot</t>
  </si>
  <si>
    <t>Chak No 133</t>
  </si>
  <si>
    <t>Muhammad Rafique Tahir</t>
  </si>
  <si>
    <t>27167</t>
  </si>
  <si>
    <t>GGPS CHAK GUJRAN KHURD</t>
  </si>
  <si>
    <t>Chack Gujran Khurd</t>
  </si>
  <si>
    <t>chack Gujran Khurd Tehsil distt hafizabad</t>
  </si>
  <si>
    <t>Marium Naseer</t>
  </si>
  <si>
    <t>4642</t>
  </si>
  <si>
    <t>GMPS 159/10-R QADEEM, JAHANIAN</t>
  </si>
  <si>
    <t>159/10-R Qadeem</t>
  </si>
  <si>
    <t>Govt Model Primary School chak#159/10-R qadeem</t>
  </si>
  <si>
    <t>160/10-R</t>
  </si>
  <si>
    <t>Aniqakhan</t>
  </si>
  <si>
    <t>8733</t>
  </si>
  <si>
    <t>GGHS MODEL TOWN</t>
  </si>
  <si>
    <t>model town bl x, d g khan</t>
  </si>
  <si>
    <t>mutmain rahat</t>
  </si>
  <si>
    <t>4647</t>
  </si>
  <si>
    <t>28853</t>
  </si>
  <si>
    <t>GGPS CHAH TOOTAN WALA</t>
  </si>
  <si>
    <t>Behrwal</t>
  </si>
  <si>
    <t>CHAH TOOTAN WALA</t>
  </si>
  <si>
    <t>Chah tootan wala</t>
  </si>
  <si>
    <t>KANDOO KHARA</t>
  </si>
  <si>
    <t>Sureyya Kalsoom</t>
  </si>
  <si>
    <t>GMPS KOT BABAL</t>
  </si>
  <si>
    <t>Kot Babal</t>
  </si>
  <si>
    <t>kot babal</t>
  </si>
  <si>
    <t>Kot  Babal</t>
  </si>
  <si>
    <t>Manzoora Hamid</t>
  </si>
  <si>
    <t>GGPS CHAK NO.20/F.W-B</t>
  </si>
  <si>
    <t>20 Fw B</t>
  </si>
  <si>
    <t>chak no 20 f.w 20 b</t>
  </si>
  <si>
    <t>Chak No 20fw B</t>
  </si>
  <si>
    <t>24-71 F</t>
  </si>
  <si>
    <t>52084</t>
  </si>
  <si>
    <t>GGPS FARID SHAH</t>
  </si>
  <si>
    <t>GGPS Farid Shah</t>
  </si>
  <si>
    <t>Arazi Dilawer</t>
  </si>
  <si>
    <t>40958</t>
  </si>
  <si>
    <t>GGPS AIMA BARI</t>
  </si>
  <si>
    <t>Aima Bari</t>
  </si>
  <si>
    <t>Po Maira</t>
  </si>
  <si>
    <t>Danyala</t>
  </si>
  <si>
    <t>Ifra Akhter</t>
  </si>
  <si>
    <t>11421</t>
  </si>
  <si>
    <t>GGES BAROHI BALA</t>
  </si>
  <si>
    <t>BAROHI</t>
  </si>
  <si>
    <t>Post Office and village barohi TEHSIL KAHUTA DISTRICT RAWALPINDI</t>
  </si>
  <si>
    <t>NARAR</t>
  </si>
  <si>
    <t>SHAMMA Naz</t>
  </si>
  <si>
    <t>22329</t>
  </si>
  <si>
    <t>GHS DARYALA SEIGON</t>
  </si>
  <si>
    <t>daryala segon</t>
  </si>
  <si>
    <t>village &amp; p/O daryala segon tehsil gujjar khan dist rawalpindi</t>
  </si>
  <si>
    <t>Raqeeb Ahmed</t>
  </si>
  <si>
    <t>27067</t>
  </si>
  <si>
    <t>16904</t>
  </si>
  <si>
    <t>GGES BAHAK AHAMD YAR</t>
  </si>
  <si>
    <t>Behak Ahmad Yar</t>
  </si>
  <si>
    <t>GGES  Behak Ahmad Yar</t>
  </si>
  <si>
    <t>GPS JASSOKI</t>
  </si>
  <si>
    <t>NAZIA FARDUS</t>
  </si>
  <si>
    <t>39788</t>
  </si>
  <si>
    <t>GHS KOT SUNDKI</t>
  </si>
  <si>
    <t>pO kot sundki,Tehsil Hassan abdal,distt attock</t>
  </si>
  <si>
    <t>kot Sundki</t>
  </si>
  <si>
    <t>rafaqat ali</t>
  </si>
  <si>
    <t>14025</t>
  </si>
  <si>
    <t>4691</t>
  </si>
  <si>
    <t>GGES HAFIZ ABAD</t>
  </si>
  <si>
    <t>Sabiha Begum</t>
  </si>
  <si>
    <t>52539</t>
  </si>
  <si>
    <t>GPS MAHMON KEY NEW ABAD</t>
  </si>
  <si>
    <t>Mahmon Key Nou Abad</t>
  </si>
  <si>
    <t>mahmon key nou abad</t>
  </si>
  <si>
    <t>Fried Pur Sohag</t>
  </si>
  <si>
    <t>Atta ul Mustafa</t>
  </si>
  <si>
    <t>11030</t>
  </si>
  <si>
    <t>11085</t>
  </si>
  <si>
    <t>13345</t>
  </si>
  <si>
    <t>GPS NEW ASIR WALA</t>
  </si>
  <si>
    <t>basti chaudhery  Asgher Ali moza kot ratta jatoi</t>
  </si>
  <si>
    <t>Basti Chaudhery  Asgher Ali</t>
  </si>
  <si>
    <t>Muhammad Madni</t>
  </si>
  <si>
    <t>11129</t>
  </si>
  <si>
    <t>22408</t>
  </si>
  <si>
    <t>GPS DHARO WALA</t>
  </si>
  <si>
    <t>Govt primary school Dharowal, gujrat</t>
  </si>
  <si>
    <t>Mahtab Azam</t>
  </si>
  <si>
    <t>8570</t>
  </si>
  <si>
    <t>44190</t>
  </si>
  <si>
    <t>GGES REHNA SADAAT</t>
  </si>
  <si>
    <t>Rehna Sadaat</t>
  </si>
  <si>
    <t>vpo rehnasadaat</t>
  </si>
  <si>
    <t>Nasira Bibi</t>
  </si>
  <si>
    <t>49940</t>
  </si>
  <si>
    <t>GGPS DARYAL</t>
  </si>
  <si>
    <t>KALLAR SYEDAN - FEMALE</t>
  </si>
  <si>
    <t>vill and post office Daryal</t>
  </si>
  <si>
    <t>MC Kallar</t>
  </si>
  <si>
    <t>Maryam Azad</t>
  </si>
  <si>
    <t>26420</t>
  </si>
  <si>
    <t>8753</t>
  </si>
  <si>
    <t>GGPS HAJI GHAZI SHARQI</t>
  </si>
  <si>
    <t>basti abbas abad haji ghazi sharqi dera ghazi khan</t>
  </si>
  <si>
    <t>Basti Abbas Abad</t>
  </si>
  <si>
    <t>Umbreen zahra</t>
  </si>
  <si>
    <t>28723</t>
  </si>
  <si>
    <t>GPS KANDOO RANGAR</t>
  </si>
  <si>
    <t>KANDOO RANGAR RANGAR</t>
  </si>
  <si>
    <t>KANDOO RANGAR</t>
  </si>
  <si>
    <t>Mohammad Ahmad</t>
  </si>
  <si>
    <t>37011</t>
  </si>
  <si>
    <t>36653</t>
  </si>
  <si>
    <t>Chak  Qazi</t>
  </si>
  <si>
    <t>village @p/o chak qazi</t>
  </si>
  <si>
    <t>Chak Qazi</t>
  </si>
  <si>
    <t>38726</t>
  </si>
  <si>
    <t>GGCMS 365/WB</t>
  </si>
  <si>
    <t>chak no.365w.b East tehsil Dunyapur distt. Lodhran</t>
  </si>
  <si>
    <t>365wb</t>
  </si>
  <si>
    <t>Naveed Afzal</t>
  </si>
  <si>
    <t>40165</t>
  </si>
  <si>
    <t>GPS PORILA</t>
  </si>
  <si>
    <t>Poreela</t>
  </si>
  <si>
    <t>GPS poreela p/o maira tehsil dina</t>
  </si>
  <si>
    <t>NAEEM INAYAT</t>
  </si>
  <si>
    <t>47162</t>
  </si>
  <si>
    <t>18793</t>
  </si>
  <si>
    <t>GHS CHAK SARKARI</t>
  </si>
  <si>
    <t>CHAK SADIQ NAGAR (CHAK SARKARI) PO SAME TEHSIL AND DISTT BAHAWALNAGAR</t>
  </si>
  <si>
    <t>CHAK SADIQ NAGAR (CHAK SARKARI)</t>
  </si>
  <si>
    <t>26263</t>
  </si>
  <si>
    <t>23832</t>
  </si>
  <si>
    <t>GGPS DASKA KOT NO.2</t>
  </si>
  <si>
    <t>daska Kot no 2</t>
  </si>
  <si>
    <t>Daska Kot</t>
  </si>
  <si>
    <t>Naseem kousar</t>
  </si>
  <si>
    <t>8875</t>
  </si>
  <si>
    <t>20409</t>
  </si>
  <si>
    <t>GHS PUBLIC CIVIL LINE GUJRANWALA</t>
  </si>
  <si>
    <t>CIVIL LINE ,GUJRANWALA</t>
  </si>
  <si>
    <t>27301</t>
  </si>
  <si>
    <t>18558</t>
  </si>
  <si>
    <t>GGHES CHAK 157 GB</t>
  </si>
  <si>
    <t>157 Gb</t>
  </si>
  <si>
    <t>157 gb</t>
  </si>
  <si>
    <t>158 Gb</t>
  </si>
  <si>
    <t>Samia Rehana</t>
  </si>
  <si>
    <t>6016</t>
  </si>
  <si>
    <t>22387</t>
  </si>
  <si>
    <t>1753</t>
  </si>
  <si>
    <t>46870</t>
  </si>
  <si>
    <t>GGPS MANJA GHUNDI POSS</t>
  </si>
  <si>
    <t>Village Manjha Ghundi Poss, Tola Bangi Khel, Isa Khel</t>
  </si>
  <si>
    <t>Manjha Ghundi Poss</t>
  </si>
  <si>
    <t>Perveen Begum</t>
  </si>
  <si>
    <t>39817</t>
  </si>
  <si>
    <t>GPS GAR JALLO</t>
  </si>
  <si>
    <t>gar</t>
  </si>
  <si>
    <t>gar kohlia tehsil hassan abdal district attock</t>
  </si>
  <si>
    <t>Gar</t>
  </si>
  <si>
    <t>syed gulfam husain shah</t>
  </si>
  <si>
    <t>through motor from girls school</t>
  </si>
  <si>
    <t>44775</t>
  </si>
  <si>
    <t>22409</t>
  </si>
  <si>
    <t>GPS KOT GHULAM</t>
  </si>
  <si>
    <t>kot ghulam</t>
  </si>
  <si>
    <t>mahmood kay Shadiwal Shadiwal</t>
  </si>
  <si>
    <t>HUMAIRA NAZ</t>
  </si>
  <si>
    <t>25016</t>
  </si>
  <si>
    <t>GPS CHAK NO 327/HR</t>
  </si>
  <si>
    <t>chak 327/HR Teh fortabbas dist. Bahawalnagar</t>
  </si>
  <si>
    <t>Muhammad Asrar Hussain</t>
  </si>
  <si>
    <t>38919</t>
  </si>
  <si>
    <t>GGPS DHOK KISRAN</t>
  </si>
  <si>
    <t>ggps dk. Kisran</t>
  </si>
  <si>
    <t>Dk Kisran</t>
  </si>
  <si>
    <t>Humara Ismail</t>
  </si>
  <si>
    <t>8922</t>
  </si>
  <si>
    <t>4737</t>
  </si>
  <si>
    <t>GPS MASOO WALA</t>
  </si>
  <si>
    <t>chah masoo wala</t>
  </si>
  <si>
    <t>Masso Wala</t>
  </si>
  <si>
    <t>51877</t>
  </si>
  <si>
    <t>GPS CHAK NO. 41 EB</t>
  </si>
  <si>
    <t>41/EB</t>
  </si>
  <si>
    <t>41/EB P/O &amp; tehsil: Arifwala District: pakpattan</t>
  </si>
  <si>
    <t>18796</t>
  </si>
  <si>
    <t>13691</t>
  </si>
  <si>
    <t>GGPS MUD YARAY WALA</t>
  </si>
  <si>
    <t>BASTI YARRAY WALI TEHSIL JAMPUR DISTRICT RAJANPUR</t>
  </si>
  <si>
    <t>BASTI YARRAY WALI</t>
  </si>
  <si>
    <t>GGES CHAK NORANG</t>
  </si>
  <si>
    <t>MIAN MAIR-FEMALE</t>
  </si>
  <si>
    <t>Chaknaurang</t>
  </si>
  <si>
    <t>gges chaknaurang teh&amp;distt chakwal</t>
  </si>
  <si>
    <t>Hr Chardhab</t>
  </si>
  <si>
    <t>naeema zamir akhter</t>
  </si>
  <si>
    <t>40185</t>
  </si>
  <si>
    <t>GPS RAKH RAWAN</t>
  </si>
  <si>
    <t>Rakhranwan</t>
  </si>
  <si>
    <t>village Rakhranwan Post office jandila Jhelum</t>
  </si>
  <si>
    <t>Muhammad Zafran</t>
  </si>
  <si>
    <t>21505</t>
  </si>
  <si>
    <t>44217</t>
  </si>
  <si>
    <t>GPS USMAN PUR</t>
  </si>
  <si>
    <t>Gps usmanpur bhoun</t>
  </si>
  <si>
    <t>Tehmeena Kanwal</t>
  </si>
  <si>
    <t>48149</t>
  </si>
  <si>
    <t>24754</t>
  </si>
  <si>
    <t>GES MANGRAIJA</t>
  </si>
  <si>
    <t>Mangraija</t>
  </si>
  <si>
    <t>Mouza Mangraija</t>
  </si>
  <si>
    <t>Muhammad Tariq Naeem</t>
  </si>
  <si>
    <t>43009</t>
  </si>
  <si>
    <t>GGPS PHALINA</t>
  </si>
  <si>
    <t>vpo Phalina teh Kallar distt Rwp</t>
  </si>
  <si>
    <t>Darkali Mamori</t>
  </si>
  <si>
    <t>NAZIMA SHAHEEN</t>
  </si>
  <si>
    <t>19990</t>
  </si>
  <si>
    <t>4758</t>
  </si>
  <si>
    <t>17226</t>
  </si>
  <si>
    <t>GPS KOT BEHRAM</t>
  </si>
  <si>
    <t>Kot behram</t>
  </si>
  <si>
    <t>kot behram p.o pir kot sadhana</t>
  </si>
  <si>
    <t>Muhammad Yousuf Shahid</t>
  </si>
  <si>
    <t>14649</t>
  </si>
  <si>
    <t>GES QUAID MODEL ABDULAHPUR FSD</t>
  </si>
  <si>
    <t>ABDULLAH Pur</t>
  </si>
  <si>
    <t>street#19 abdullah pur fsd</t>
  </si>
  <si>
    <t>ABDULLAH Pur Fsd</t>
  </si>
  <si>
    <t>34858</t>
  </si>
  <si>
    <t>GPS MANIK WALI MUZA BEHLI SHARIF P/O GHAZI PUR</t>
  </si>
  <si>
    <t>Behli Sharif</t>
  </si>
  <si>
    <t>basti Manik wali mouza behli Sharif p o ghazi pur</t>
  </si>
  <si>
    <t>Manik Wali</t>
  </si>
  <si>
    <t>39884</t>
  </si>
  <si>
    <t>GPS TARKHAN MOHRA</t>
  </si>
  <si>
    <t>Bhedian</t>
  </si>
  <si>
    <t>govt boys primary school tarkhan mohra</t>
  </si>
  <si>
    <t>Tarkhan Mohra</t>
  </si>
  <si>
    <t>Waheed akhtar</t>
  </si>
  <si>
    <t>33973</t>
  </si>
  <si>
    <t>44040</t>
  </si>
  <si>
    <t>48704</t>
  </si>
  <si>
    <t>GPS CHAK NO.1 NB HAYAT ROAD PHULARWAN</t>
  </si>
  <si>
    <t>Chak # 1NB Hayat road Phularwan</t>
  </si>
  <si>
    <t>38757</t>
  </si>
  <si>
    <t>GPS DHOK BAGHAN</t>
  </si>
  <si>
    <t>Dhoke Baghan</t>
  </si>
  <si>
    <t>Village dhok bagan po hattar tehsil Fateh jang district attock</t>
  </si>
  <si>
    <t>46207</t>
  </si>
  <si>
    <t>18706</t>
  </si>
  <si>
    <t>50626</t>
  </si>
  <si>
    <t>GGPS 93/12-L</t>
  </si>
  <si>
    <t>chak no 93/12.L</t>
  </si>
  <si>
    <t>Waheeda Javed</t>
  </si>
  <si>
    <t>32207</t>
  </si>
  <si>
    <t>54666</t>
  </si>
  <si>
    <t>45389</t>
  </si>
  <si>
    <t>GGHS KOHAWARR KALAN</t>
  </si>
  <si>
    <t>GGHS KOHAWAR KALAN</t>
  </si>
  <si>
    <t>SAEEDA NASREEN</t>
  </si>
  <si>
    <t>41117</t>
  </si>
  <si>
    <t>GMPS PIRWALA</t>
  </si>
  <si>
    <t>Pirwala</t>
  </si>
  <si>
    <t>village pirwala post office kahlol teh kahuta dist rawalpindi</t>
  </si>
  <si>
    <t>sumaira habibn</t>
  </si>
  <si>
    <t>GHS MISSA KHASWAL</t>
  </si>
  <si>
    <t>missa kaswal</t>
  </si>
  <si>
    <t>post office missa kaswal,tehsil gujar khan,dist.rwp</t>
  </si>
  <si>
    <t>jerro ratial</t>
  </si>
  <si>
    <t>tARIQ MAHMOOD BHATTI</t>
  </si>
  <si>
    <t>GES CHAK NO.10/1-R (W)</t>
  </si>
  <si>
    <t>Chak No 10/1-R W</t>
  </si>
  <si>
    <t>chak no.  10/1-R (W)</t>
  </si>
  <si>
    <t>Chak no  10/1-R W</t>
  </si>
  <si>
    <t>Muhammad Iqbal Hussain</t>
  </si>
  <si>
    <t>46213</t>
  </si>
  <si>
    <t>GPS KHARKAN</t>
  </si>
  <si>
    <t>Kharkan</t>
  </si>
  <si>
    <t>Mouza Kharkan</t>
  </si>
  <si>
    <t>11488</t>
  </si>
  <si>
    <t>44172</t>
  </si>
  <si>
    <t>GHS MUNARA</t>
  </si>
  <si>
    <t>vpo Munara, teh. kallar kahar dist chakwal</t>
  </si>
  <si>
    <t>Nauman Tariq</t>
  </si>
  <si>
    <t>GES CHAK NO.2/BC (W)</t>
  </si>
  <si>
    <t>Chak no. 2bcw tehsil &amp; district BahawalPur</t>
  </si>
  <si>
    <t>Chak No 2/ BC W</t>
  </si>
  <si>
    <t>Chak No 38/BC</t>
  </si>
  <si>
    <t>Muhammad Riaz Ch</t>
  </si>
  <si>
    <t>47349</t>
  </si>
  <si>
    <t>GPS CHAK NO.63/F</t>
  </si>
  <si>
    <t>Baldia Hasilput</t>
  </si>
  <si>
    <t>Chak no 63F</t>
  </si>
  <si>
    <t>Chak No 63 F</t>
  </si>
  <si>
    <t>28933</t>
  </si>
  <si>
    <t>GGPS MASTOO WAL</t>
  </si>
  <si>
    <t>Mastowal</t>
  </si>
  <si>
    <t>mastowal post office arzani por</t>
  </si>
  <si>
    <t>Jamshair Khurd</t>
  </si>
  <si>
    <t>Fazeelat Perveen</t>
  </si>
  <si>
    <t>44013</t>
  </si>
  <si>
    <t>46741</t>
  </si>
  <si>
    <t>GPS MELA</t>
  </si>
  <si>
    <t>Kuchh Tunder khel</t>
  </si>
  <si>
    <t>GPS Mela bangi khel</t>
  </si>
  <si>
    <t>Mela Bangi Khel</t>
  </si>
  <si>
    <t>Kot Chandana</t>
  </si>
  <si>
    <t>GPS BARYAH</t>
  </si>
  <si>
    <t>Batli</t>
  </si>
  <si>
    <t>vill. baryah tehsil kahuta district Rawalpindi</t>
  </si>
  <si>
    <t>Baryah</t>
  </si>
  <si>
    <t>Ansar Adib</t>
  </si>
  <si>
    <t>From neighbourer houses</t>
  </si>
  <si>
    <t>10246</t>
  </si>
  <si>
    <t>GES CHAK NO.175 TDA</t>
  </si>
  <si>
    <t>chak no 175 tda</t>
  </si>
  <si>
    <t>anarshah</t>
  </si>
  <si>
    <t>Daud Qadir</t>
  </si>
  <si>
    <t>3954</t>
  </si>
  <si>
    <t>GPS ISLAM NAGAR</t>
  </si>
  <si>
    <t>p\ o Haveli lakha Islam nagar tehsil depal pur (okakra)</t>
  </si>
  <si>
    <t>Muhammad Jhangir</t>
  </si>
  <si>
    <t>GES KHUKHA</t>
  </si>
  <si>
    <t>village khukha tehsil dina distt jhelum</t>
  </si>
  <si>
    <t>Qulab Abbas</t>
  </si>
  <si>
    <t>GES ZEENAT MILLS FSD</t>
  </si>
  <si>
    <t>ali town</t>
  </si>
  <si>
    <t>govt e/s zeenat mills sargodha road faisalabad</t>
  </si>
  <si>
    <t>syed mujahid ali shah</t>
  </si>
  <si>
    <t>27193</t>
  </si>
  <si>
    <t>GGPS BACHA NOU</t>
  </si>
  <si>
    <t>bacha nou</t>
  </si>
  <si>
    <t>bacha nou p/o kott hassan khan distt.hafizabad</t>
  </si>
  <si>
    <t>nanoana</t>
  </si>
  <si>
    <t>Sadaf Nisar</t>
  </si>
  <si>
    <t>32230</t>
  </si>
  <si>
    <t>GPS LASKANI WALA</t>
  </si>
  <si>
    <t>Basti Laskani Moua Bhindi Korai Tehsil Jatoi District Muzaffargarh</t>
  </si>
  <si>
    <t>GGPS BASAL NO.1</t>
  </si>
  <si>
    <t>Parakanda</t>
  </si>
  <si>
    <t>vpo basal moh para kanda teh jand dist attock.</t>
  </si>
  <si>
    <t>Gulfreen Bibi</t>
  </si>
  <si>
    <t>48372</t>
  </si>
  <si>
    <t>23895</t>
  </si>
  <si>
    <t>GMPS DOBURJI VIRKAN</t>
  </si>
  <si>
    <t>Doburji Virkan</t>
  </si>
  <si>
    <t>doburji virkan</t>
  </si>
  <si>
    <t>iram munawar</t>
  </si>
  <si>
    <t>14860</t>
  </si>
  <si>
    <t>39943</t>
  </si>
  <si>
    <t>11038</t>
  </si>
  <si>
    <t>28905</t>
  </si>
  <si>
    <t>3978</t>
  </si>
  <si>
    <t>GGPS WARD NO. 6 FAQIR WALI</t>
  </si>
  <si>
    <t>Ward No 6</t>
  </si>
  <si>
    <t>ward no 6 faqirwali</t>
  </si>
  <si>
    <t>MC Faqirwali</t>
  </si>
  <si>
    <t>44202</t>
  </si>
  <si>
    <t>GPS DHOK AWAN</t>
  </si>
  <si>
    <t>dhakhli ratta Sharif p.o ratta tehsil kallar kahar distt chakwal</t>
  </si>
  <si>
    <t>Ratta Sharif</t>
  </si>
  <si>
    <t>GPS NUSRAT WALA</t>
  </si>
  <si>
    <t>Nawn kot</t>
  </si>
  <si>
    <t>Darbar MAI walayat</t>
  </si>
  <si>
    <t>Nusrat wala</t>
  </si>
  <si>
    <t>Nawan kot</t>
  </si>
  <si>
    <t>GPS GHANI PURA</t>
  </si>
  <si>
    <t>ghani pura p/o madrisa teh and disst .bahawal nagar</t>
  </si>
  <si>
    <t>Ghani Pura</t>
  </si>
  <si>
    <t>GGPS PINDORI CHAUDRIAN</t>
  </si>
  <si>
    <t>GGPS pindori chaudrian village pindori chaudrian p\o Chowk tensile kallar syedan</t>
  </si>
  <si>
    <t>Pindori Chaudrian</t>
  </si>
  <si>
    <t>28869</t>
  </si>
  <si>
    <t>GGPS BEHARI PUR</t>
  </si>
  <si>
    <t>Ggps Behari Pur Tehsil Chunian District Kasur</t>
  </si>
  <si>
    <t>Samia Sarfraz</t>
  </si>
  <si>
    <t>18829</t>
  </si>
  <si>
    <t>GPS TANZEEM AHYA-UL-ALOOM</t>
  </si>
  <si>
    <t>Choongi No 4 Hasilpur</t>
  </si>
  <si>
    <t>CHOONGI NO.4 GHAREEB MAHALLA, HASILPUR</t>
  </si>
  <si>
    <t>BALDIA HASILPUR</t>
  </si>
  <si>
    <t>Mubasher Hussain</t>
  </si>
  <si>
    <t>GPS CHAHMALL</t>
  </si>
  <si>
    <t>Chah Mal</t>
  </si>
  <si>
    <t>Village Chah Mal Post Office Dhoda Tehsil and District Chakwal</t>
  </si>
  <si>
    <t>39873</t>
  </si>
  <si>
    <t>GMPS BAFAD</t>
  </si>
  <si>
    <t>Bafad</t>
  </si>
  <si>
    <t>Govt. model primary school Bafad</t>
  </si>
  <si>
    <t>Asma Ghazala</t>
  </si>
  <si>
    <t>46650</t>
  </si>
  <si>
    <t>GES TORE KHOI</t>
  </si>
  <si>
    <t>pos bangi khel sharqi</t>
  </si>
  <si>
    <t>Govt Elementary School Tore Kohi post office kalabagh teh Isa khel mianwali</t>
  </si>
  <si>
    <t>Tore Khoi</t>
  </si>
  <si>
    <t>Faisal Aftab</t>
  </si>
  <si>
    <t>village well</t>
  </si>
  <si>
    <t>GGPS NOOR ALLAH DAD</t>
  </si>
  <si>
    <t>AEO (W) BHOWANA NO.22</t>
  </si>
  <si>
    <t>Noor Allah dad</t>
  </si>
  <si>
    <t>moza noor Allah dad</t>
  </si>
  <si>
    <t>Noor Allah Dad</t>
  </si>
  <si>
    <t>4011</t>
  </si>
  <si>
    <t>36563</t>
  </si>
  <si>
    <t>GGHS 8-KASSI, KOT MULCHAND, KABIRWALA</t>
  </si>
  <si>
    <t>8-kassi</t>
  </si>
  <si>
    <t>GGHS KOT MULCHAND 8-KASSI, KBL</t>
  </si>
  <si>
    <t>KOT MULCHAND 8-KASSI</t>
  </si>
  <si>
    <t>JAMES ABAD</t>
  </si>
  <si>
    <t>ALIA NIKHAT</t>
  </si>
  <si>
    <t>27058</t>
  </si>
  <si>
    <t>GGPS HABIB GANJ</t>
  </si>
  <si>
    <t>Habib Gunj</t>
  </si>
  <si>
    <t>Darbar road mohala habib gunj</t>
  </si>
  <si>
    <t>shahnaz akhter</t>
  </si>
  <si>
    <t>GPS 76 EB</t>
  </si>
  <si>
    <t>Chack No 76/EB</t>
  </si>
  <si>
    <t>Chack No 66/EB</t>
  </si>
  <si>
    <t>Asif Nadeem</t>
  </si>
  <si>
    <t>45633</t>
  </si>
  <si>
    <t>45450</t>
  </si>
  <si>
    <t>GPS CHAK NO 14 B TDA</t>
  </si>
  <si>
    <t>Dagger Wahghwara  Wahghwara Sharqi</t>
  </si>
  <si>
    <t>GPS  CHAK  No  14 B TDA</t>
  </si>
  <si>
    <t>Chah Tayyab</t>
  </si>
  <si>
    <t>Dagger Wahghwara</t>
  </si>
  <si>
    <t>Abdur Rasheed</t>
  </si>
  <si>
    <t>32758</t>
  </si>
  <si>
    <t>22091</t>
  </si>
  <si>
    <t>GHS MOIN UD DIN PUR</t>
  </si>
  <si>
    <t>moin ud din pur</t>
  </si>
  <si>
    <t>village moin ud din pur tehsil and district gujrat</t>
  </si>
  <si>
    <t>48554</t>
  </si>
  <si>
    <t>GHSS LAL SOHANRA</t>
  </si>
  <si>
    <t>Bilal Nagar Lal Sohanra</t>
  </si>
  <si>
    <t>Chak 38 BC</t>
  </si>
  <si>
    <t>52713</t>
  </si>
  <si>
    <t>GGES CHAK NO. 24/D</t>
  </si>
  <si>
    <t>24 D</t>
  </si>
  <si>
    <t>24D</t>
  </si>
  <si>
    <t>Rubab Asim Ch</t>
  </si>
  <si>
    <t>24658</t>
  </si>
  <si>
    <t>7217</t>
  </si>
  <si>
    <t>45784</t>
  </si>
  <si>
    <t>54762</t>
  </si>
  <si>
    <t>GGPS Ganjipur Moza Qutabpur</t>
  </si>
  <si>
    <t>basti Ganji pur</t>
  </si>
  <si>
    <t>Basti Ganji Pur</t>
  </si>
  <si>
    <t>Bushra Islam</t>
  </si>
  <si>
    <t>42862</t>
  </si>
  <si>
    <t>GHS DHAMALI</t>
  </si>
  <si>
    <t>Dhamali</t>
  </si>
  <si>
    <t>village post office dhamali Tehsil Kallar Syeda Distt. Rawalpindi.</t>
  </si>
  <si>
    <t>HAMAYAUN QURESHI</t>
  </si>
  <si>
    <t>18814</t>
  </si>
  <si>
    <t>42320</t>
  </si>
  <si>
    <t>50406</t>
  </si>
  <si>
    <t>GPS ADDA KASSOWAL</t>
  </si>
  <si>
    <t>11812L</t>
  </si>
  <si>
    <t>118/12-L</t>
  </si>
  <si>
    <t>37446</t>
  </si>
  <si>
    <t>GPS CHAK NO 14 JB KARLO</t>
  </si>
  <si>
    <t>chak no 14 j .b kalru tehsil and district Chiniot</t>
  </si>
  <si>
    <t>22570</t>
  </si>
  <si>
    <t>17232</t>
  </si>
  <si>
    <t>GPS CHAK NO 231 JB</t>
  </si>
  <si>
    <t>Kamoka</t>
  </si>
  <si>
    <t>chak no 231 post office chak no 232 jhang</t>
  </si>
  <si>
    <t>Chak No231</t>
  </si>
  <si>
    <t>Chak No 159/Sipra</t>
  </si>
  <si>
    <t>Almas Ali</t>
  </si>
  <si>
    <t>14177</t>
  </si>
  <si>
    <t>42672</t>
  </si>
  <si>
    <t>GGPS DHOK MUGHLAN</t>
  </si>
  <si>
    <t>Dhak khana dulmi tamma village dhoke mughlan teh Gujar Khan distt rwp</t>
  </si>
  <si>
    <t>dhoke Mughlan</t>
  </si>
  <si>
    <t>Gulyana</t>
  </si>
  <si>
    <t>38693</t>
  </si>
  <si>
    <t>GGPS 45/M NO.2</t>
  </si>
  <si>
    <t>45m</t>
  </si>
  <si>
    <t>Chack 45M Teh Dunyapur Disst Lodhran</t>
  </si>
  <si>
    <t>Zarqa Shaheen</t>
  </si>
  <si>
    <t>43554</t>
  </si>
  <si>
    <t>GGPS DHOK HASOLIAH</t>
  </si>
  <si>
    <t>Dhoke Hasolian</t>
  </si>
  <si>
    <t>village dhoke hasolian post office hasola</t>
  </si>
  <si>
    <t>Zill-e-huma Javed</t>
  </si>
  <si>
    <t>44196</t>
  </si>
  <si>
    <t>27030</t>
  </si>
  <si>
    <t>GMPS THATTA DEWKA</t>
  </si>
  <si>
    <t>Thattha Dewaka</t>
  </si>
  <si>
    <t>post office dheeranke lalke,village thattha dewoka</t>
  </si>
  <si>
    <t>40074</t>
  </si>
  <si>
    <t>GGHS CHOTALA</t>
  </si>
  <si>
    <t>VPO Chotala Tehsil and District Jhelum</t>
  </si>
  <si>
    <t>Yasmeen Younas</t>
  </si>
  <si>
    <t>52573</t>
  </si>
  <si>
    <t>GPS KOT MUHAMMAD NAWAZ</t>
  </si>
  <si>
    <t>Baba Khaim Singh</t>
  </si>
  <si>
    <t>kot Muhammad nawaz,haveli, shamad raod ,teh.depalpur,dist.okara</t>
  </si>
  <si>
    <t>Kot Muhammad Nawaz</t>
  </si>
  <si>
    <t>Meher Sha Khaga</t>
  </si>
  <si>
    <t>21178</t>
  </si>
  <si>
    <t>39558</t>
  </si>
  <si>
    <t>GPS DHOK HAFIZ ABAD</t>
  </si>
  <si>
    <t>Dhoke Hafiz Abad</t>
  </si>
  <si>
    <t>VPO Dhoke Hafiz Abad</t>
  </si>
  <si>
    <t>Ahmed Khan</t>
  </si>
  <si>
    <t>9839</t>
  </si>
  <si>
    <t>GPS TARKI WALA</t>
  </si>
  <si>
    <t>murkaz bibalwala teh.choubara .distt.layyah</t>
  </si>
  <si>
    <t>22664</t>
  </si>
  <si>
    <t>GGCMPS CHAH MUGHLAN</t>
  </si>
  <si>
    <t>Chah Mughlan</t>
  </si>
  <si>
    <t>chah mughlan tehsil&amp;distt Gujrat</t>
  </si>
  <si>
    <t>Mangowal Gharbi</t>
  </si>
  <si>
    <t>35779</t>
  </si>
  <si>
    <t>44998</t>
  </si>
  <si>
    <t>41235</t>
  </si>
  <si>
    <t>GGPS LATORI SYEDAN</t>
  </si>
  <si>
    <t>Latori Syedan</t>
  </si>
  <si>
    <t>Latori Syedan, P.O Mator, tehsil Kahuta ,Distt Rwp</t>
  </si>
  <si>
    <t>Ujala Rashid</t>
  </si>
  <si>
    <t>5351</t>
  </si>
  <si>
    <t>28651</t>
  </si>
  <si>
    <t>GGES TRADAY WALA CHAK NO. 13</t>
  </si>
  <si>
    <t>Jodh singh ch 13</t>
  </si>
  <si>
    <t>jodh singh ch 13 tehsil chunian distt kasur</t>
  </si>
  <si>
    <t>Tready Wala Ch# 13</t>
  </si>
  <si>
    <t>Asma Mubeen</t>
  </si>
  <si>
    <t>36763</t>
  </si>
  <si>
    <t>GPS CHAK NO.164/M</t>
  </si>
  <si>
    <t>164m</t>
  </si>
  <si>
    <t>chak 164m</t>
  </si>
  <si>
    <t>163m</t>
  </si>
  <si>
    <t>Fakhra Kalsoom</t>
  </si>
  <si>
    <t>31426</t>
  </si>
  <si>
    <t>GPS CHAK NO 45</t>
  </si>
  <si>
    <t>Chak No 45</t>
  </si>
  <si>
    <t>Chak No.45,Tensile Ferozewala,District Sheikhupura.</t>
  </si>
  <si>
    <t>27155</t>
  </si>
  <si>
    <t>GGPS RAKH PINDI JALOL</t>
  </si>
  <si>
    <t>Rakh Pindi Jalol</t>
  </si>
  <si>
    <t>Rakh Pindi jalol p/O Kot hassan khan</t>
  </si>
  <si>
    <t>Rakh PindiJalol</t>
  </si>
  <si>
    <t>Razia Bagum</t>
  </si>
  <si>
    <t>32948</t>
  </si>
  <si>
    <t>GPS 117/12-L</t>
  </si>
  <si>
    <t>117/12L</t>
  </si>
  <si>
    <t>chak no#117/12L</t>
  </si>
  <si>
    <t>GES DHOSE</t>
  </si>
  <si>
    <t>Dhose</t>
  </si>
  <si>
    <t>dhose</t>
  </si>
  <si>
    <t>chunian hithar</t>
  </si>
  <si>
    <t>Zeeshan Inayat</t>
  </si>
  <si>
    <t>43179</t>
  </si>
  <si>
    <t>38771</t>
  </si>
  <si>
    <t>GHS KAMRA KALAN</t>
  </si>
  <si>
    <t>Mirpur Hussain</t>
  </si>
  <si>
    <t>Govt boys high school kamra kalan Tehsil &amp; District Attock</t>
  </si>
  <si>
    <t>kamra kalan</t>
  </si>
  <si>
    <t>kamra</t>
  </si>
  <si>
    <t>Saqib Mehmood</t>
  </si>
  <si>
    <t>GGPS CHAK NO. 115/6-R</t>
  </si>
  <si>
    <t>Chack 115/6R</t>
  </si>
  <si>
    <t>chack no. 115/6R</t>
  </si>
  <si>
    <t>Chak 115/6R</t>
  </si>
  <si>
    <t>Gulnar Abbas</t>
  </si>
  <si>
    <t>19817</t>
  </si>
  <si>
    <t>GGPS CHAK NO 194 JB</t>
  </si>
  <si>
    <t>SIAL WALA CHAK NO# 194 TEH. BHAWANA</t>
  </si>
  <si>
    <t>SIAL WALA</t>
  </si>
  <si>
    <t>BHULLO</t>
  </si>
  <si>
    <t>ADEELA KHATOON</t>
  </si>
  <si>
    <t>12030</t>
  </si>
  <si>
    <t>25441</t>
  </si>
  <si>
    <t>4552</t>
  </si>
  <si>
    <t>44253</t>
  </si>
  <si>
    <t>GPS SARDHI</t>
  </si>
  <si>
    <t>Sardhi</t>
  </si>
  <si>
    <t>GPS Sardhi teh k.kahar dist.chakwal</t>
  </si>
  <si>
    <t>49431</t>
  </si>
  <si>
    <t>44872</t>
  </si>
  <si>
    <t>GGPS MOHRA MEHAL</t>
  </si>
  <si>
    <t>Mohra Mehal</t>
  </si>
  <si>
    <t>village Mohra mehal p.o missa kaswal</t>
  </si>
  <si>
    <t>25238</t>
  </si>
  <si>
    <t>GGPS SOHAWA NO.2</t>
  </si>
  <si>
    <t>ggps sohawa no 2</t>
  </si>
  <si>
    <t>GGPS 389/W.B GARBI</t>
  </si>
  <si>
    <t>GGPS Chack nombr 389WB garbi</t>
  </si>
  <si>
    <t>389 WB Gharbi</t>
  </si>
  <si>
    <t>FOZIA IBRAHIM</t>
  </si>
  <si>
    <t>GGHS KALA DEV</t>
  </si>
  <si>
    <t>KALA DEV</t>
  </si>
  <si>
    <t>VILLAGE AND P O KALA DEV JHELUM</t>
  </si>
  <si>
    <t>51077</t>
  </si>
  <si>
    <t>48115</t>
  </si>
  <si>
    <t>GES CHABBA PURANA</t>
  </si>
  <si>
    <t>vpo chabba purana Teh. Bhalwal Distt. Sargodha</t>
  </si>
  <si>
    <t>8452</t>
  </si>
  <si>
    <t>GES CHURA LAKHVERA MANEKA</t>
  </si>
  <si>
    <t>Chura Lakhvera   Mane Ka</t>
  </si>
  <si>
    <t>chura lakhwera maneka, haveli lakha depalpur</t>
  </si>
  <si>
    <t>chura lakhwera maneka</t>
  </si>
  <si>
    <t>shahmad</t>
  </si>
  <si>
    <t>16947</t>
  </si>
  <si>
    <t>GGES JOGIAN WALA</t>
  </si>
  <si>
    <t>Mighiana</t>
  </si>
  <si>
    <t>basti lakhi wali moh.bhabhrana jhang</t>
  </si>
  <si>
    <t>Basti Lakhi Wali</t>
  </si>
  <si>
    <t>WARD NO</t>
  </si>
  <si>
    <t>GGPS DAD POTRA</t>
  </si>
  <si>
    <t>mouza wahi Hussain ada Khan pur nouranga tehsil and district bahawalpur</t>
  </si>
  <si>
    <t>39917</t>
  </si>
  <si>
    <t>GHS MUSSA</t>
  </si>
  <si>
    <t>Musa Khudlathi</t>
  </si>
  <si>
    <t>GBHS Musa. Tehsil Hazro District attock.</t>
  </si>
  <si>
    <t>10313</t>
  </si>
  <si>
    <t>GMPS CHAK NO 100/F</t>
  </si>
  <si>
    <t>100 F</t>
  </si>
  <si>
    <t>Chak No.100/F tehsil chishtian dist.Bahawalnagar</t>
  </si>
  <si>
    <t>Chak No100/F</t>
  </si>
  <si>
    <t>GGPS TOTA</t>
  </si>
  <si>
    <t>tota</t>
  </si>
  <si>
    <t>ggps tota p.o/ teh kallar syedan Rawalpindi</t>
  </si>
  <si>
    <t>kallar syedan</t>
  </si>
  <si>
    <t>50123</t>
  </si>
  <si>
    <t>GHS 53/12-L</t>
  </si>
  <si>
    <t>53/12.L</t>
  </si>
  <si>
    <t>GHS 53/12.L Chichawatni sahiwal</t>
  </si>
  <si>
    <t>chak no. 54/12.L</t>
  </si>
  <si>
    <t>Amjad raza</t>
  </si>
  <si>
    <t>43839</t>
  </si>
  <si>
    <t>38717</t>
  </si>
  <si>
    <t>GGCMS 388/WB</t>
  </si>
  <si>
    <t>chak no. 388/wb tehsil dunyapur</t>
  </si>
  <si>
    <t>Chak No388</t>
  </si>
  <si>
    <t>Makhddom Aali</t>
  </si>
  <si>
    <t>SHAHEEN TABASSUM</t>
  </si>
  <si>
    <t>GPS CHAK NO 429/6-R E</t>
  </si>
  <si>
    <t>429/6r</t>
  </si>
  <si>
    <t>chak no 429 6r east</t>
  </si>
  <si>
    <t>Muhammad Tayyab Tahir</t>
  </si>
  <si>
    <t>GMPS CHAK NO 329 HR</t>
  </si>
  <si>
    <t>329 H/R</t>
  </si>
  <si>
    <t>GMPS 329 hr</t>
  </si>
  <si>
    <t>329 H /R</t>
  </si>
  <si>
    <t>330 Hr</t>
  </si>
  <si>
    <t>Gulshan Jabeen Ashraf</t>
  </si>
  <si>
    <t>GPS CHAK NO.84/F-A</t>
  </si>
  <si>
    <t>chak 89/f</t>
  </si>
  <si>
    <t>GPS Chak No 84/F-A</t>
  </si>
  <si>
    <t>chak no 84/f-a</t>
  </si>
  <si>
    <t>ALLAH BUKHSH</t>
  </si>
  <si>
    <t>GMPS MIRKO</t>
  </si>
  <si>
    <t>MIRKOH</t>
  </si>
  <si>
    <t>MIRKOH p/o Dhadhu basra Teh. Daska Distt. Sialkot</t>
  </si>
  <si>
    <t>Mundaki Goraya</t>
  </si>
  <si>
    <t>Shakeela Akhtar</t>
  </si>
  <si>
    <t>36905</t>
  </si>
  <si>
    <t>GES MARI MEER MUHAMMAD</t>
  </si>
  <si>
    <t>Mari Meer Muhammad</t>
  </si>
  <si>
    <t>mari meer Muhammad</t>
  </si>
  <si>
    <t>Muhammad Irfan Shah</t>
  </si>
  <si>
    <t>18193</t>
  </si>
  <si>
    <t>48039</t>
  </si>
  <si>
    <t>41030</t>
  </si>
  <si>
    <t>GPS  SHEIKHU PUR</t>
  </si>
  <si>
    <t>Sheikhpur</t>
  </si>
  <si>
    <t>Villl Sheikhupur, PO Ladhar Tehsil Dina</t>
  </si>
  <si>
    <t>Nabeela Tabussam</t>
  </si>
  <si>
    <t>48599</t>
  </si>
  <si>
    <t>28290</t>
  </si>
  <si>
    <t>47381</t>
  </si>
  <si>
    <t>44289</t>
  </si>
  <si>
    <t>GGPS WADI AIMA WASNAL</t>
  </si>
  <si>
    <t>Wadi Aima</t>
  </si>
  <si>
    <t>village wadi aima,po wasnal,teh kallar kahar,distt chakwal</t>
  </si>
  <si>
    <t>FARHAT RIAZ</t>
  </si>
  <si>
    <t>13063</t>
  </si>
  <si>
    <t>GGHS MIR HAZAR KHAN</t>
  </si>
  <si>
    <t>moza warian wala mir hazar khan</t>
  </si>
  <si>
    <t>Mir Hazar</t>
  </si>
  <si>
    <t>Halima Bibi</t>
  </si>
  <si>
    <t>29482</t>
  </si>
  <si>
    <t>35720</t>
  </si>
  <si>
    <t>19750</t>
  </si>
  <si>
    <t>GPS NO 1 BHOWANA</t>
  </si>
  <si>
    <t>Mohalla Aziz abad Bhowana</t>
  </si>
  <si>
    <t>MC 44</t>
  </si>
  <si>
    <t>Wajid Ali</t>
  </si>
  <si>
    <t>43021</t>
  </si>
  <si>
    <t>GGPS CHAKYAL HARDU</t>
  </si>
  <si>
    <t>Chakyal Hardu</t>
  </si>
  <si>
    <t>Village Chakyal hardu p /o samote teh Kallar syedan distt rawalpindi</t>
  </si>
  <si>
    <t>20601</t>
  </si>
  <si>
    <t>GPS THATHA DAD</t>
  </si>
  <si>
    <t>Thathadad</t>
  </si>
  <si>
    <t>thathadad post office gakjhar Mandi thesil and district Gujranwala</t>
  </si>
  <si>
    <t>Talwandi Khajor Wali</t>
  </si>
  <si>
    <t>Nasir Mehmod</t>
  </si>
  <si>
    <t>17274</t>
  </si>
  <si>
    <t>GPS CHAK NO 230 JB</t>
  </si>
  <si>
    <t>Shikhana</t>
  </si>
  <si>
    <t>Chak No 230 jb jhang</t>
  </si>
  <si>
    <t>Wairh Sipra</t>
  </si>
  <si>
    <t>M Tauseef Ashfaq</t>
  </si>
  <si>
    <t>GPS SULTAN KHAIL</t>
  </si>
  <si>
    <t>Kundyari</t>
  </si>
  <si>
    <t>vill.sultankhail Teh. kallar sayedan p/o sakoot uc Doberan Kalan district rawalpindi.</t>
  </si>
  <si>
    <t>Sultan Khail</t>
  </si>
  <si>
    <t>Doberun</t>
  </si>
  <si>
    <t>Mirza Yasir Mehmood</t>
  </si>
  <si>
    <t>GPS 105 EB ARIFWALA</t>
  </si>
  <si>
    <t>105/EB</t>
  </si>
  <si>
    <t>chak# 105/EB Qaboola Teh. Arifwala Distt. Pakpattan</t>
  </si>
  <si>
    <t>Chak# 105/EB</t>
  </si>
  <si>
    <t>MehdI Khan</t>
  </si>
  <si>
    <t>GGPS 26/3-R (W)</t>
  </si>
  <si>
    <t>26 3/r w</t>
  </si>
  <si>
    <t>GGPS 26 3/r THS.hnd DISTRICT.bwn</t>
  </si>
  <si>
    <t>26 3/r   w</t>
  </si>
  <si>
    <t>43599</t>
  </si>
  <si>
    <t>GPS DHOK KARAM SHAH</t>
  </si>
  <si>
    <t>Dhoke Karam Shah</t>
  </si>
  <si>
    <t>Har Chahar Dhab</t>
  </si>
  <si>
    <t>Shabana Shaheen</t>
  </si>
  <si>
    <t>30729</t>
  </si>
  <si>
    <t>30613</t>
  </si>
  <si>
    <t>45512</t>
  </si>
  <si>
    <t>GPS CHAKIAN (BASAL)</t>
  </si>
  <si>
    <t>dhok chakian vpo basal tehsil jand district attock</t>
  </si>
  <si>
    <t>Imdad Ali Khan</t>
  </si>
  <si>
    <t>27139</t>
  </si>
  <si>
    <t>16975</t>
  </si>
  <si>
    <t>GGES JAIDKEY</t>
  </si>
  <si>
    <t>jaidke</t>
  </si>
  <si>
    <t>umekalsoom</t>
  </si>
  <si>
    <t>43224</t>
  </si>
  <si>
    <t>5134</t>
  </si>
  <si>
    <t>41228</t>
  </si>
  <si>
    <t>GGPS KHADIOT</t>
  </si>
  <si>
    <t>village Khadiot Tehsil Kahuta District Rawalpindi</t>
  </si>
  <si>
    <t>Mahpara Ahsan</t>
  </si>
  <si>
    <t>24420</t>
  </si>
  <si>
    <t>22402</t>
  </si>
  <si>
    <t>GPS CHAK DHILU NO. 1</t>
  </si>
  <si>
    <t>Chak dhilu</t>
  </si>
  <si>
    <t>village chak dhilu no. I post office jheuranwali tehsil and District gujrat</t>
  </si>
  <si>
    <t>Chak Dhilu no I</t>
  </si>
  <si>
    <t>Jheuranwali</t>
  </si>
  <si>
    <t>Maryyam Akram</t>
  </si>
  <si>
    <t>54600</t>
  </si>
  <si>
    <t>18033</t>
  </si>
  <si>
    <t>GES CHAK NO.315 EB</t>
  </si>
  <si>
    <t>chak no 315 Tehsil Burewala District vehari</t>
  </si>
  <si>
    <t>chak no 315/EB BUREWALA</t>
  </si>
  <si>
    <t>Dewan sahib</t>
  </si>
  <si>
    <t>39963</t>
  </si>
  <si>
    <t>GPS GARHI MATTANI</t>
  </si>
  <si>
    <t>Garhi Mattani</t>
  </si>
  <si>
    <t>VPO garhi mattani Tehsil Hazro District attock</t>
  </si>
  <si>
    <t>Muhammad Ibrar Siddiqui</t>
  </si>
  <si>
    <t>11655</t>
  </si>
  <si>
    <t>44113</t>
  </si>
  <si>
    <t>GPS BROOTA</t>
  </si>
  <si>
    <t>baroota</t>
  </si>
  <si>
    <t>village and post office broota tehsil kallar syedan</t>
  </si>
  <si>
    <t>Muhammad shafique</t>
  </si>
  <si>
    <t>9850</t>
  </si>
  <si>
    <t>GPS MEHMOOD SAHARAN WALA P/O NAWAN KOT</t>
  </si>
  <si>
    <t>chah mehmood saharan wala</t>
  </si>
  <si>
    <t>Mehmood Saharan Wala</t>
  </si>
  <si>
    <t>35526</t>
  </si>
  <si>
    <t>31591</t>
  </si>
  <si>
    <t>40104</t>
  </si>
  <si>
    <t>GGHS LANGER PUR</t>
  </si>
  <si>
    <t>Langerpur</t>
  </si>
  <si>
    <t>village and p.o langerpur</t>
  </si>
  <si>
    <t>Shaheen Nazly</t>
  </si>
  <si>
    <t>27925</t>
  </si>
  <si>
    <t>GES KOT NOOR SHAH</t>
  </si>
  <si>
    <t>Kot Noor Shah</t>
  </si>
  <si>
    <t>Kot Noor Shah 10 km Lahore Sharqpur Road Near Faizpur Interchange Tehsil Ferozewala SKP</t>
  </si>
  <si>
    <t>48610</t>
  </si>
  <si>
    <t>GGES RAJA GHUMAN</t>
  </si>
  <si>
    <t>GGES RajaGhuman</t>
  </si>
  <si>
    <t>RajaGhuman</t>
  </si>
  <si>
    <t>Anees Alam</t>
  </si>
  <si>
    <t>48574</t>
  </si>
  <si>
    <t>24539</t>
  </si>
  <si>
    <t>GHS CHAK NO.32/BC</t>
  </si>
  <si>
    <t>CHAK NO 33/BC TIBBI SADIQ ABAD</t>
  </si>
  <si>
    <t>CHAK NO 33/BC</t>
  </si>
  <si>
    <t>CHAK NO 4/BC</t>
  </si>
  <si>
    <t>MUHAMMAD RAZA HASSAN</t>
  </si>
  <si>
    <t>38662</t>
  </si>
  <si>
    <t>GPS MUNAWAR PURA-WEST</t>
  </si>
  <si>
    <t>Nawaspura</t>
  </si>
  <si>
    <t>GPS Munawarpura Chak jaito Bahawalnagar</t>
  </si>
  <si>
    <t>Chak Jaito</t>
  </si>
  <si>
    <t>Barish Ali</t>
  </si>
  <si>
    <t>19707</t>
  </si>
  <si>
    <t>GHS DARBAR DHONDAY SHAH</t>
  </si>
  <si>
    <t>SULEMAN</t>
  </si>
  <si>
    <t>GHS DARBAR DHUNDAY SHAH, MOUZA SULEMAN, P/O SAME, TEHSIL BHOWANA, DISTRICT CHINIOT.</t>
  </si>
  <si>
    <t>DARBAR DHUNDAY SHAH</t>
  </si>
  <si>
    <t>THATTA MUHAMMAD SHAH</t>
  </si>
  <si>
    <t>GGES 112/6-R</t>
  </si>
  <si>
    <t>112 6-r</t>
  </si>
  <si>
    <t>chak #112 / 6 - r.</t>
  </si>
  <si>
    <t>118 / 6-r</t>
  </si>
  <si>
    <t>Shagufta Ashraf</t>
  </si>
  <si>
    <t>9588</t>
  </si>
  <si>
    <t>52061</t>
  </si>
  <si>
    <t>GGES CHAK NO 25 EB</t>
  </si>
  <si>
    <t>25/eb</t>
  </si>
  <si>
    <t>G. G. E. S 25 EB</t>
  </si>
  <si>
    <t>Chak No 25/eb</t>
  </si>
  <si>
    <t>23460</t>
  </si>
  <si>
    <t>43002</t>
  </si>
  <si>
    <t>GGPS MOHRI SINGAL</t>
  </si>
  <si>
    <t>Gadhar</t>
  </si>
  <si>
    <t>Vill gadhar p/o choa khalsa</t>
  </si>
  <si>
    <t>Chao Khalsa</t>
  </si>
  <si>
    <t>Rabia Arshad</t>
  </si>
  <si>
    <t>34931</t>
  </si>
  <si>
    <t>GMPS JANAY WALA TEH. JALALPUR PIRWALA</t>
  </si>
  <si>
    <t>GMPS JANAY WALA TEHSIL JALAL PUR PIR WALA</t>
  </si>
  <si>
    <t>Janay Wala</t>
  </si>
  <si>
    <t>Irsa Batool</t>
  </si>
  <si>
    <t>41231</t>
  </si>
  <si>
    <t>GGES KHUNIAN</t>
  </si>
  <si>
    <t>village &amp; p/o khuian  Tehsil kahuta District  Rawalpindi</t>
  </si>
  <si>
    <t>Sadaf Saleem</t>
  </si>
  <si>
    <t>19490</t>
  </si>
  <si>
    <t>23427</t>
  </si>
  <si>
    <t>44864</t>
  </si>
  <si>
    <t>GGHS RAKH GHULAMAN 22 ML</t>
  </si>
  <si>
    <t>Ggmhs Rakh Ghulaman 22 ml</t>
  </si>
  <si>
    <t>22 Ml</t>
  </si>
  <si>
    <t>Balquees Akhtar</t>
  </si>
  <si>
    <t>27036</t>
  </si>
  <si>
    <t>PIPAL WALA</t>
  </si>
  <si>
    <t>VILLAGE PIPAL WALA</t>
  </si>
  <si>
    <t>MUZAMMIL YASMIN</t>
  </si>
  <si>
    <t>11695</t>
  </si>
  <si>
    <t>3432</t>
  </si>
  <si>
    <t>GMMS DHOK SAIDAN P/O MANAKPUR</t>
  </si>
  <si>
    <t>Dk Syedan</t>
  </si>
  <si>
    <t>village Dhok syedan post office Kallar kahar Distt Chakwal</t>
  </si>
  <si>
    <t>GGPS DHOK QADA</t>
  </si>
  <si>
    <t>Dhoke Qada</t>
  </si>
  <si>
    <t>vill Dhoke Qada PO Chohan Teh Distt Chakwal</t>
  </si>
  <si>
    <t>sobia rafiq</t>
  </si>
  <si>
    <t>GGES WARD NO.12</t>
  </si>
  <si>
    <t>G.G. E/S Ward no.12</t>
  </si>
  <si>
    <t>Riaz Colony</t>
  </si>
  <si>
    <t>Rangeela Shah</t>
  </si>
  <si>
    <t>5194</t>
  </si>
  <si>
    <t>GPS DULMI TUMMA</t>
  </si>
  <si>
    <t>Dulmi Tumma</t>
  </si>
  <si>
    <t>village &amp; PO dulmi tumma</t>
  </si>
  <si>
    <t>11171</t>
  </si>
  <si>
    <t>9696</t>
  </si>
  <si>
    <t>GES BHALIAN</t>
  </si>
  <si>
    <t>chah bhalian p/o nawan kot tehsile choubara dusty layyah</t>
  </si>
  <si>
    <t>Bhalian</t>
  </si>
  <si>
    <t>MUHAMMAD ASHFAQ HUSSAIN</t>
  </si>
  <si>
    <t>37902</t>
  </si>
  <si>
    <t>GGPS 153/10-R JADEED , JAHANIAN</t>
  </si>
  <si>
    <t>Basti Arayan</t>
  </si>
  <si>
    <t>GGPS 153/10 R Jadeed Jahania</t>
  </si>
  <si>
    <t>153/10 R</t>
  </si>
  <si>
    <t>157/10 R</t>
  </si>
  <si>
    <t>24246</t>
  </si>
  <si>
    <t>54534</t>
  </si>
  <si>
    <t>chak noor shah</t>
  </si>
  <si>
    <t>Nama Jindey Ka</t>
  </si>
  <si>
    <t>22405</t>
  </si>
  <si>
    <t>GPS CHAK DHILLU NO.2</t>
  </si>
  <si>
    <t>Chak Dillu 2</t>
  </si>
  <si>
    <t>p.o box Dahrowall Tahsil and district gujraat</t>
  </si>
  <si>
    <t>Chack dillu 2</t>
  </si>
  <si>
    <t>Nosheen Ashraf</t>
  </si>
  <si>
    <t>39915</t>
  </si>
  <si>
    <t>GHS HAZRO NO.2</t>
  </si>
  <si>
    <t>GBHS No. 2 Hazro</t>
  </si>
  <si>
    <t>116960</t>
  </si>
  <si>
    <t>43015</t>
  </si>
  <si>
    <t>GGMPS SIALI UMMER KHAN</t>
  </si>
  <si>
    <t>Siahli Umer Khan</t>
  </si>
  <si>
    <t>siahli umer Khan</t>
  </si>
  <si>
    <t>NAHIDA  KOUSAR</t>
  </si>
  <si>
    <t>GHS CHAK NO. 95/F</t>
  </si>
  <si>
    <t>GHS Chak No 95/F</t>
  </si>
  <si>
    <t>Chak 95/F</t>
  </si>
  <si>
    <t>35131</t>
  </si>
  <si>
    <t>GGHS CHAK NO.215 EB</t>
  </si>
  <si>
    <t>215EB</t>
  </si>
  <si>
    <t>chak no 215 EB tehsil burewala district vehari</t>
  </si>
  <si>
    <t>Chak No 215 EB</t>
  </si>
  <si>
    <t>Saba Bashir</t>
  </si>
  <si>
    <t>39693</t>
  </si>
  <si>
    <t>GMPS PATHAN MAR</t>
  </si>
  <si>
    <t>Uchri</t>
  </si>
  <si>
    <t>teh jand dist attock pathanmar</t>
  </si>
  <si>
    <t>Pathanmar</t>
  </si>
  <si>
    <t>Nasreen Jan</t>
  </si>
  <si>
    <t>39150</t>
  </si>
  <si>
    <t>GGPS DHOK SEELO</t>
  </si>
  <si>
    <t>Dhoke sello</t>
  </si>
  <si>
    <t>village post office Dhok Sello</t>
  </si>
  <si>
    <t>Ajwala</t>
  </si>
  <si>
    <t>Um-E-Arbab</t>
  </si>
  <si>
    <t>GGPS NO. 3 MOH WEST B/KALAN</t>
  </si>
  <si>
    <t>Sobia Suleman</t>
  </si>
  <si>
    <t>45418</t>
  </si>
  <si>
    <t>23928</t>
  </si>
  <si>
    <t>GMES RACHARA</t>
  </si>
  <si>
    <t>Rachara</t>
  </si>
  <si>
    <t>vill  Rachara  Teh  Daska  Distt Sialkot</t>
  </si>
  <si>
    <t>41128</t>
  </si>
  <si>
    <t>GMPS SOON</t>
  </si>
  <si>
    <t>Soon</t>
  </si>
  <si>
    <t>village and PO soon Tehsil Kahuta district Rawalpindi</t>
  </si>
  <si>
    <t>Samina Balqis</t>
  </si>
  <si>
    <t>GGES BASTI SADAR DIN SHAH</t>
  </si>
  <si>
    <t>Wahi Sha Muhammad</t>
  </si>
  <si>
    <t>basti sadar din sha nurpur nuranga</t>
  </si>
  <si>
    <t>Sadar Din Sha</t>
  </si>
  <si>
    <t>Fazeelat Saleem</t>
  </si>
  <si>
    <t>Village Hafizwala GPO Bahawalnagar</t>
  </si>
  <si>
    <t>Shamshad Parveen Parveen</t>
  </si>
  <si>
    <t>52707</t>
  </si>
  <si>
    <t>GGPS DERA BASTAN SHAH</t>
  </si>
  <si>
    <t>village Dera Bastan shah</t>
  </si>
  <si>
    <t>Bastan Shah</t>
  </si>
  <si>
    <t>Phulrwan Wazir K</t>
  </si>
  <si>
    <t>Zeenat MANZOOR</t>
  </si>
  <si>
    <t>28017</t>
  </si>
  <si>
    <t>GGPS DEHDAR SHAMALI</t>
  </si>
  <si>
    <t>Dehdar shumali</t>
  </si>
  <si>
    <t>village Dehdar shumali p/o Hajiwala Gujrat</t>
  </si>
  <si>
    <t>Hifsa Zubair Ch</t>
  </si>
  <si>
    <t>11433</t>
  </si>
  <si>
    <t>GPS CHAK NO 138 JB</t>
  </si>
  <si>
    <t>chak no 153 jb chiniot</t>
  </si>
  <si>
    <t>Chak No 138 Haral</t>
  </si>
  <si>
    <t>Muhammad Younus Naeem</t>
  </si>
  <si>
    <t>4079</t>
  </si>
  <si>
    <t>23997</t>
  </si>
  <si>
    <t>GES CHAK NO. 11/M DUNPUR</t>
  </si>
  <si>
    <t>Chak No 11/M</t>
  </si>
  <si>
    <t>Chak No 11/M  Tehseel dunyapur district lodhran</t>
  </si>
  <si>
    <t>9486</t>
  </si>
  <si>
    <t>5357</t>
  </si>
  <si>
    <t>13259</t>
  </si>
  <si>
    <t>GGES BASTI JANGLA</t>
  </si>
  <si>
    <t>basti jangla</t>
  </si>
  <si>
    <t>GGES GAGA KALAN</t>
  </si>
  <si>
    <t>Gaga Kalan</t>
  </si>
  <si>
    <t>gaga kalan</t>
  </si>
  <si>
    <t>38735</t>
  </si>
  <si>
    <t>GGPS 43/M</t>
  </si>
  <si>
    <t>Chak 43M</t>
  </si>
  <si>
    <t>chak no 43m tehsil dunya pur district lodhran</t>
  </si>
  <si>
    <t>43M</t>
  </si>
  <si>
    <t>Saneela Rafiq</t>
  </si>
  <si>
    <t>50504</t>
  </si>
  <si>
    <t>GGPS 114/7-R AMIR PUR</t>
  </si>
  <si>
    <t>114/7 R</t>
  </si>
  <si>
    <t>CHACK NO 114/7 R Amir Pur</t>
  </si>
  <si>
    <t>114/7 R Amir Pur</t>
  </si>
  <si>
    <t>113/7 R</t>
  </si>
  <si>
    <t>FARZANA KAUSAR</t>
  </si>
  <si>
    <t>44368</t>
  </si>
  <si>
    <t>GGES PIR ASHAB</t>
  </si>
  <si>
    <t>peer ashab</t>
  </si>
  <si>
    <t>sakana peerashab P/ O Razai shah shumali Bhakkar</t>
  </si>
  <si>
    <t>Mrs Shgufta Ara</t>
  </si>
  <si>
    <t>11509</t>
  </si>
  <si>
    <t>18772</t>
  </si>
  <si>
    <t>GGPS CHAK 365 JB BILAL PARK</t>
  </si>
  <si>
    <t>ggps 365/jb gojra</t>
  </si>
  <si>
    <t>39395</t>
  </si>
  <si>
    <t>16927</t>
  </si>
  <si>
    <t>GES JHARKI</t>
  </si>
  <si>
    <t>Jharki</t>
  </si>
  <si>
    <t>Moza jharki</t>
  </si>
  <si>
    <t>FAROOQ AHMAD</t>
  </si>
  <si>
    <t>50893</t>
  </si>
  <si>
    <t>46347</t>
  </si>
  <si>
    <t>44905</t>
  </si>
  <si>
    <t>GPS JANDAN WALA NO.1</t>
  </si>
  <si>
    <t>Jandan wala</t>
  </si>
  <si>
    <t>Chanan Din</t>
  </si>
  <si>
    <t>5386</t>
  </si>
  <si>
    <t>GHS CHAK NO 221 JB DHOGHRA</t>
  </si>
  <si>
    <t>chak no. 221 jb</t>
  </si>
  <si>
    <t>Chak No. 221 JB Teh. Bhawana Distt. Chiniot</t>
  </si>
  <si>
    <t>Doghra</t>
  </si>
  <si>
    <t>Arbi Wala</t>
  </si>
  <si>
    <t>Mohammad Shahid Afzaal</t>
  </si>
  <si>
    <t>36617</t>
  </si>
  <si>
    <t>5389</t>
  </si>
  <si>
    <t>3827</t>
  </si>
  <si>
    <t>GGPS CHAK KATORA</t>
  </si>
  <si>
    <t>chack katora</t>
  </si>
  <si>
    <t>Hasilpur Old</t>
  </si>
  <si>
    <t>39803</t>
  </si>
  <si>
    <t>GPS HASSAN ABDAL NO.3</t>
  </si>
  <si>
    <t>GPS Hassanabdal No 3.Mohala Maher Abad.</t>
  </si>
  <si>
    <t>TMA Hassanabdal</t>
  </si>
  <si>
    <t>QAISAR ZEESHAN</t>
  </si>
  <si>
    <t>27062</t>
  </si>
  <si>
    <t>GGPS BAWARAY NOU</t>
  </si>
  <si>
    <t>BAWARAY NOU</t>
  </si>
  <si>
    <t>Misbah Ashraf</t>
  </si>
  <si>
    <t>43047</t>
  </si>
  <si>
    <t>GMPS DHAMNOHA</t>
  </si>
  <si>
    <t>Kahli Dhamnoha</t>
  </si>
  <si>
    <t>vill.dhamnoha p/o siahli umar khan teh.kallar sayedan distt Rawalpindi</t>
  </si>
  <si>
    <t>Dhamnoha</t>
  </si>
  <si>
    <t>TAYYABA AFZAL KYANI</t>
  </si>
  <si>
    <t>17812</t>
  </si>
  <si>
    <t>GPS SATTOKI HITHAR</t>
  </si>
  <si>
    <t>Sattoki Hithar</t>
  </si>
  <si>
    <t>Muhammad Yahya</t>
  </si>
  <si>
    <t>GGHS SAGRI</t>
  </si>
  <si>
    <t>VILL &amp; P.O SAGRI TEHSIL DINA DISTRICT JHELUM</t>
  </si>
  <si>
    <t>RIFFAT UN NISA</t>
  </si>
  <si>
    <t>bORING</t>
  </si>
  <si>
    <t>GMPS MALIK WALA</t>
  </si>
  <si>
    <t>govt girls primary school malik wala</t>
  </si>
  <si>
    <t>Nazia Sharif</t>
  </si>
  <si>
    <t>52739</t>
  </si>
  <si>
    <t>GMPS JANDRAN KHURD</t>
  </si>
  <si>
    <t>Kot Slamat</t>
  </si>
  <si>
    <t>Jandran Khurd hujra Shah Muqeem okara</t>
  </si>
  <si>
    <t>Jandran Khurd</t>
  </si>
  <si>
    <t>Jhujh Khalan</t>
  </si>
  <si>
    <t>Hanifa BiBi</t>
  </si>
  <si>
    <t>13814</t>
  </si>
  <si>
    <t>GPS SALEEM PURA</t>
  </si>
  <si>
    <t>Moza Tal Shumali P.O Dajal</t>
  </si>
  <si>
    <t>Jogyani</t>
  </si>
  <si>
    <t>GPS WADOWALA</t>
  </si>
  <si>
    <t>Wadowala</t>
  </si>
  <si>
    <t>Gbps wadowala</t>
  </si>
  <si>
    <t>Qurrat Ul Ain</t>
  </si>
  <si>
    <t>30907</t>
  </si>
  <si>
    <t>39791</t>
  </si>
  <si>
    <t>GHS BHOI GHAR</t>
  </si>
  <si>
    <t>Bhoi Gar</t>
  </si>
  <si>
    <t>govt high school bhoigar Tehsil hassanabdal district attock</t>
  </si>
  <si>
    <t>Irfan Aslam</t>
  </si>
  <si>
    <t>37673</t>
  </si>
  <si>
    <t>42885</t>
  </si>
  <si>
    <t>GHS PIND BENSO</t>
  </si>
  <si>
    <t>Pind Bainso</t>
  </si>
  <si>
    <t>GBHS pind bainso</t>
  </si>
  <si>
    <t>Nala Musalmanan</t>
  </si>
  <si>
    <t>36615</t>
  </si>
  <si>
    <t>40849</t>
  </si>
  <si>
    <t>GHS BAN SHAHEED</t>
  </si>
  <si>
    <t>BANSHAHEED</t>
  </si>
  <si>
    <t>GOVT HIGH SCHOOL BANSHAHEED JHELUM</t>
  </si>
  <si>
    <t>ALLAH Ditta</t>
  </si>
  <si>
    <t>52115</t>
  </si>
  <si>
    <t>GGPS NOORA ARAIN</t>
  </si>
  <si>
    <t>Noora  Araien</t>
  </si>
  <si>
    <t>Basti noora araien</t>
  </si>
  <si>
    <t>Noora Araien</t>
  </si>
  <si>
    <t>Nafisa Ittrat</t>
  </si>
  <si>
    <t>GPS BAN MIRALI</t>
  </si>
  <si>
    <t>ban mirali tehsil and district jhang</t>
  </si>
  <si>
    <t>Adhaba</t>
  </si>
  <si>
    <t>Mir Afzal khan</t>
  </si>
  <si>
    <t>16963</t>
  </si>
  <si>
    <t>38634</t>
  </si>
  <si>
    <t>GGPS 31 M NO 2</t>
  </si>
  <si>
    <t>Chak No.31/M Basti Shor Kot Dunyapur District Lodhran</t>
  </si>
  <si>
    <t>Chak No.31/M</t>
  </si>
  <si>
    <t>Chak No.35/M</t>
  </si>
  <si>
    <t>Nafees Mustafa</t>
  </si>
  <si>
    <t>GGES CHAK NO.187/M</t>
  </si>
  <si>
    <t>Chonawala</t>
  </si>
  <si>
    <t>gges187/m</t>
  </si>
  <si>
    <t>187/M</t>
  </si>
  <si>
    <t>Safia Kousar</t>
  </si>
  <si>
    <t>GGES QAIM WALA</t>
  </si>
  <si>
    <t>Qaim wala</t>
  </si>
  <si>
    <t>p/o mamoori qaim wala D G KHAN</t>
  </si>
  <si>
    <t>28875</t>
  </si>
  <si>
    <t>GGPS MAI RABO</t>
  </si>
  <si>
    <t>MAi rabo</t>
  </si>
  <si>
    <t>Mai rabo tehsil chunian distt kasur</t>
  </si>
  <si>
    <t>Mai rabo</t>
  </si>
  <si>
    <t>Ayesha Shafique</t>
  </si>
  <si>
    <t>20296</t>
  </si>
  <si>
    <t>17296</t>
  </si>
  <si>
    <t>19885</t>
  </si>
  <si>
    <t>51979</t>
  </si>
  <si>
    <t>GPS 74 EB ARIF WALA</t>
  </si>
  <si>
    <t>74 EB</t>
  </si>
  <si>
    <t>chak no.74eb p/o chak no.66 eb. tehsil. arif wala pakpattan</t>
  </si>
  <si>
    <t>74EB</t>
  </si>
  <si>
    <t>22494</t>
  </si>
  <si>
    <t>17273</t>
  </si>
  <si>
    <t>23905</t>
  </si>
  <si>
    <t>GGPS CHANGAN WALI</t>
  </si>
  <si>
    <t>Changing Wali</t>
  </si>
  <si>
    <t>Ggps changing wali trail daska district sialkot</t>
  </si>
  <si>
    <t>25804</t>
  </si>
  <si>
    <t>41661</t>
  </si>
  <si>
    <t>GPS ISMAEL ABAD</t>
  </si>
  <si>
    <t>Derawarwah</t>
  </si>
  <si>
    <t>Basti tariqabad</t>
  </si>
  <si>
    <t>Muhammad Afraz Ali</t>
  </si>
  <si>
    <t>54764</t>
  </si>
  <si>
    <t>GGPS 142/M-A</t>
  </si>
  <si>
    <t>Hasilpur Markaz</t>
  </si>
  <si>
    <t>Chak No 142M.A Tehsil Hasil Pur Distt Bwp</t>
  </si>
  <si>
    <t>Chak 142M-A</t>
  </si>
  <si>
    <t>Sumaira Yaqoob</t>
  </si>
  <si>
    <t>17749</t>
  </si>
  <si>
    <t>GPS KAZIM ABAD CHAH  ARY WALA</t>
  </si>
  <si>
    <t>Theklan Shumali</t>
  </si>
  <si>
    <t>chah ary wala mouza theklan shumali p/o Haveli lang tehsil jalalpur pir wala Multan</t>
  </si>
  <si>
    <t>Chah Ary Wala</t>
  </si>
  <si>
    <t>GGHS NO. 4 MC FATEH JANG</t>
  </si>
  <si>
    <t>near TMA building Karam khan road fateh jang</t>
  </si>
  <si>
    <t>Fateh jang-02</t>
  </si>
  <si>
    <t>Rukhsana Amin</t>
  </si>
  <si>
    <t>GGPS MALAK MALA</t>
  </si>
  <si>
    <t>VPO Malak mala</t>
  </si>
  <si>
    <t>Underground</t>
  </si>
  <si>
    <t>36106</t>
  </si>
  <si>
    <t>22735</t>
  </si>
  <si>
    <t>GGES SERVICE INDUSTRY</t>
  </si>
  <si>
    <t>GGES SERVICEINDUSTRY BAGHDAD COLONY GUJRAT</t>
  </si>
  <si>
    <t>Raheela Naz</t>
  </si>
  <si>
    <t>GGPS FAZAL BIBI GALLA MEHAR NOOR WALA</t>
  </si>
  <si>
    <t>Mian Sansi road</t>
  </si>
  <si>
    <t>Gala Maher noor wala muhala islam Pura street no 07</t>
  </si>
  <si>
    <t>Chah Malian Wala</t>
  </si>
  <si>
    <t>42945</t>
  </si>
  <si>
    <t>GPS KALLAR BADHAL</t>
  </si>
  <si>
    <t>Kallar Badhal</t>
  </si>
  <si>
    <t>viill  Mora phadyal kallar Badhal  p o. &amp;Tehsil  KALLAR syedan  Diistt Rawalpindi</t>
  </si>
  <si>
    <t>Mohra Phadyal</t>
  </si>
  <si>
    <t>Mc Kallar Syedan</t>
  </si>
  <si>
    <t>52745</t>
  </si>
  <si>
    <t>GMPS NAWAB KOT</t>
  </si>
  <si>
    <t>GMPS Nawabkot</t>
  </si>
  <si>
    <t>Nawabkot</t>
  </si>
  <si>
    <t>Uzma Ashraf</t>
  </si>
  <si>
    <t>29005</t>
  </si>
  <si>
    <t>GMPS UMAR BAGGA</t>
  </si>
  <si>
    <t>Umar Bagga</t>
  </si>
  <si>
    <t>G.M.P/S Umar bagga</t>
  </si>
  <si>
    <t>14822</t>
  </si>
  <si>
    <t>14599</t>
  </si>
  <si>
    <t>34378</t>
  </si>
  <si>
    <t>50394</t>
  </si>
  <si>
    <t>GPS 118/12-L</t>
  </si>
  <si>
    <t>118/12-l</t>
  </si>
  <si>
    <t>118/1-l</t>
  </si>
  <si>
    <t>SYED MUDASSAR HUSSAIN SHAH</t>
  </si>
  <si>
    <t>6424</t>
  </si>
  <si>
    <t>40167</t>
  </si>
  <si>
    <t>GPS THATTI MUGHLAN</t>
  </si>
  <si>
    <t>Vill Thathi Mughlan P.O.Kashmir Colony Tehsil &amp; District Jhelum</t>
  </si>
  <si>
    <t>Aneela Mehwish</t>
  </si>
  <si>
    <t>14084</t>
  </si>
  <si>
    <t>GPS SUKHRAM PURA</t>
  </si>
  <si>
    <t>Sukhrampura</t>
  </si>
  <si>
    <t>sukhrampura</t>
  </si>
  <si>
    <t>Malik Pura</t>
  </si>
  <si>
    <t>GGES TIBBA SHARIF</t>
  </si>
  <si>
    <t>GGESTibba Sharif trag p/o trag</t>
  </si>
  <si>
    <t>Javeria Naz</t>
  </si>
  <si>
    <t>5547</t>
  </si>
  <si>
    <t>GPS CHAK NO.26/BC</t>
  </si>
  <si>
    <t>26bc</t>
  </si>
  <si>
    <t>GPS Chak No. 26 bc</t>
  </si>
  <si>
    <t>Chack No 24bc</t>
  </si>
  <si>
    <t>41188</t>
  </si>
  <si>
    <t>GMPS DANLEHARI</t>
  </si>
  <si>
    <t>Dhan Lehri</t>
  </si>
  <si>
    <t>Village Dhan lehri post office Bandhya</t>
  </si>
  <si>
    <t>Shabnam Arif</t>
  </si>
  <si>
    <t>5083</t>
  </si>
  <si>
    <t>18583</t>
  </si>
  <si>
    <t>GGES 110/6-R</t>
  </si>
  <si>
    <t>110 6/ r</t>
  </si>
  <si>
    <t>GGES 110 6/r</t>
  </si>
  <si>
    <t>110 6/r</t>
  </si>
  <si>
    <t>109 6/r</t>
  </si>
  <si>
    <t>Sajida Ghulam Muhammad</t>
  </si>
  <si>
    <t>GPS PATTI GADI</t>
  </si>
  <si>
    <t>Patti Gadi</t>
  </si>
  <si>
    <t>barian wala muaza patti gadi</t>
  </si>
  <si>
    <t>Barian Wala</t>
  </si>
  <si>
    <t>43131</t>
  </si>
  <si>
    <t>GHS JANDIAL FAIZULLAH</t>
  </si>
  <si>
    <t>JANDIAL Faizullah Faizullah FAIZULLAH</t>
  </si>
  <si>
    <t>VILL.JANDIAL FAIZULLAH PO TAKIA SHAH MURAD CHAKWAL</t>
  </si>
  <si>
    <t>JANDIAL FAIZULLAH</t>
  </si>
  <si>
    <t>CHOA GANJ ALI  SHAH</t>
  </si>
  <si>
    <t>SHOAIB IFTIKHAR</t>
  </si>
  <si>
    <t>51954</t>
  </si>
  <si>
    <t>23873</t>
  </si>
  <si>
    <t>GGPS KALLAH KHURD</t>
  </si>
  <si>
    <t>Kallah Khurd</t>
  </si>
  <si>
    <t>Faryal Jane</t>
  </si>
  <si>
    <t>28842</t>
  </si>
  <si>
    <t>GPS HERCHOKI HITTAR</t>
  </si>
  <si>
    <t>Herchoki Hithar</t>
  </si>
  <si>
    <t>Mokal p/o mokal tehsil chunian district kasur</t>
  </si>
  <si>
    <t>GPS TOTA</t>
  </si>
  <si>
    <t>Tota</t>
  </si>
  <si>
    <t>Villege Tota p.o &amp; Tehsil Kallar Syedan Rawalpindi</t>
  </si>
  <si>
    <t>M Younis Abbasi</t>
  </si>
  <si>
    <t>22051</t>
  </si>
  <si>
    <t>44182</t>
  </si>
  <si>
    <t>GGHS KHAIR PUR</t>
  </si>
  <si>
    <t>vpo khair pur teh kallar kahar distt chakwal</t>
  </si>
  <si>
    <t>Mehboob sultana</t>
  </si>
  <si>
    <t>GES CHAK 4/FW</t>
  </si>
  <si>
    <t>4/fW</t>
  </si>
  <si>
    <t>4/FW</t>
  </si>
  <si>
    <t>city ward</t>
  </si>
  <si>
    <t>Muhammad Zeshan Akhtar  Baig</t>
  </si>
  <si>
    <t>46795</t>
  </si>
  <si>
    <t>36778</t>
  </si>
  <si>
    <t>GPS 15/D NORTH, P/O 25 PUL, ABDUL HAKIM</t>
  </si>
  <si>
    <t>15d</t>
  </si>
  <si>
    <t>chak 15d darkhana</t>
  </si>
  <si>
    <t>Chak 15D</t>
  </si>
  <si>
    <t>26360</t>
  </si>
  <si>
    <t>GGPS 360/WB</t>
  </si>
  <si>
    <t>khoi wala ,Chak no. 360/wb tehsil dunyapur, district lodhran</t>
  </si>
  <si>
    <t>Khoi Wala</t>
  </si>
  <si>
    <t>52939</t>
  </si>
  <si>
    <t>GMMS CHAK BILLI MAR</t>
  </si>
  <si>
    <t>BILIMAR</t>
  </si>
  <si>
    <t>GMMS BILLIMAR  FARID ABAD BILLIMAR P.O Haveli Lakha Tehsil Depalpur District Okara</t>
  </si>
  <si>
    <t>BILLMAR</t>
  </si>
  <si>
    <t>41171</t>
  </si>
  <si>
    <t>GMPS BUNDIA</t>
  </si>
  <si>
    <t>Bandhia</t>
  </si>
  <si>
    <t>village &amp;p\o bandhia tehsil kahuta</t>
  </si>
  <si>
    <t>sumaita tariq</t>
  </si>
  <si>
    <t>32062</t>
  </si>
  <si>
    <t>39923</t>
  </si>
  <si>
    <t>GHS FORMULI</t>
  </si>
  <si>
    <t>formuli</t>
  </si>
  <si>
    <t>village and post office formuli</t>
  </si>
  <si>
    <t>29454</t>
  </si>
  <si>
    <t>54756</t>
  </si>
  <si>
    <t>4519</t>
  </si>
  <si>
    <t>44867</t>
  </si>
  <si>
    <t>GHS SOHA JHUNJ</t>
  </si>
  <si>
    <t>SOHA JHUNJ</t>
  </si>
  <si>
    <t>CHAK 63DB</t>
  </si>
  <si>
    <t>SADAR NAEEM KHAN</t>
  </si>
  <si>
    <t>9821</t>
  </si>
  <si>
    <t>GPS WASAYA WALA</t>
  </si>
  <si>
    <t>Gadai Sharqi</t>
  </si>
  <si>
    <t>Chah Khar Wala</t>
  </si>
  <si>
    <t>Muhammad Zaigham Abbas</t>
  </si>
  <si>
    <t>42653</t>
  </si>
  <si>
    <t>GGMPS PHARAWAL SARU KHAN</t>
  </si>
  <si>
    <t>Pharwal Saru Khan</t>
  </si>
  <si>
    <t>Vill Pharwal Saru Khan</t>
  </si>
  <si>
    <t>samira nosheen</t>
  </si>
  <si>
    <t>28278</t>
  </si>
  <si>
    <t>20494</t>
  </si>
  <si>
    <t>7879</t>
  </si>
  <si>
    <t>GPS BHATTI WALA</t>
  </si>
  <si>
    <t>thairi, Drahma, Dera ghazi khan</t>
  </si>
  <si>
    <t>Thairi</t>
  </si>
  <si>
    <t>Muhammad Inam Rabbani</t>
  </si>
  <si>
    <t>41178</t>
  </si>
  <si>
    <t>GGPS BRATHAIAN</t>
  </si>
  <si>
    <t>Brathaian</t>
  </si>
  <si>
    <t>Village Brathaian, punjar, kahuta, r.w.p</t>
  </si>
  <si>
    <t>Rubina Akhtar</t>
  </si>
  <si>
    <t>GGCMES BILAL NAGAR</t>
  </si>
  <si>
    <t>Chak 38bc</t>
  </si>
  <si>
    <t>Basti Bilal Nagar</t>
  </si>
  <si>
    <t>Basti bilal Nagar</t>
  </si>
  <si>
    <t>Ghazala Tabasum</t>
  </si>
  <si>
    <t>31861</t>
  </si>
  <si>
    <t>38670</t>
  </si>
  <si>
    <t>GGPS JAMALA</t>
  </si>
  <si>
    <t>moaza jamala</t>
  </si>
  <si>
    <t>Ladha Boher</t>
  </si>
  <si>
    <t>Nilam Jameel</t>
  </si>
  <si>
    <t>28902</t>
  </si>
  <si>
    <t>GGPS CHAH WATOOWAN WALA</t>
  </si>
  <si>
    <t>Chah Wattowan Wala</t>
  </si>
  <si>
    <t>Chah wattowan wala</t>
  </si>
  <si>
    <t>Chunian Hatar</t>
  </si>
  <si>
    <t>Manzoor Tabusam</t>
  </si>
  <si>
    <t>13402</t>
  </si>
  <si>
    <t>28962</t>
  </si>
  <si>
    <t>38938</t>
  </si>
  <si>
    <t>GHSS KOT FATEH KHAN</t>
  </si>
  <si>
    <t>Vpo kot fateh khan attock</t>
  </si>
  <si>
    <t>ABDUL KHALIQ</t>
  </si>
  <si>
    <t>GPS BASTI CHHOHAN</t>
  </si>
  <si>
    <t>Basti Chhohan Tehsil Hasilpur</t>
  </si>
  <si>
    <t>Muhammad Nadeem Iqbal</t>
  </si>
  <si>
    <t>5457</t>
  </si>
  <si>
    <t>52533</t>
  </si>
  <si>
    <t>GPS BHIDAL UTAR</t>
  </si>
  <si>
    <t>Bhidal Utar</t>
  </si>
  <si>
    <t>Bhidal Utar Havel Lakha</t>
  </si>
  <si>
    <t>MUHAMMAD AHMAD HASAN</t>
  </si>
  <si>
    <t>27233</t>
  </si>
  <si>
    <t>44185</t>
  </si>
  <si>
    <t>GES WALANA</t>
  </si>
  <si>
    <t>Village Walana Post office Bhatti Gujar Tehsil Kallar Kahar district Chakwal</t>
  </si>
  <si>
    <t>Bharpour</t>
  </si>
  <si>
    <t>JAHANGIR AKBAR Bader</t>
  </si>
  <si>
    <t>38245</t>
  </si>
  <si>
    <t>49306</t>
  </si>
  <si>
    <t>GGPS BUKHARA NO. 2</t>
  </si>
  <si>
    <t>GGPS Bukara No.02 P/O Muhammad Pur Tehsil Jam pur</t>
  </si>
  <si>
    <t>Bukhara N0 2</t>
  </si>
  <si>
    <t>GGES MOHRA AWAN</t>
  </si>
  <si>
    <t>Mohra Awan</t>
  </si>
  <si>
    <t>Vpo mohra awan teh dist chakwal</t>
  </si>
  <si>
    <t>Iram Sadia</t>
  </si>
  <si>
    <t>13127</t>
  </si>
  <si>
    <t>26290</t>
  </si>
  <si>
    <t>5468</t>
  </si>
  <si>
    <t>GGPS CHAK NO. 442/6-R</t>
  </si>
  <si>
    <t>Chak No 442/6R</t>
  </si>
  <si>
    <t>Chak No 442/6R Haroonabad</t>
  </si>
  <si>
    <t>Uzma Nazir</t>
  </si>
  <si>
    <t>20631</t>
  </si>
  <si>
    <t>GGPS KALLAR ABADI</t>
  </si>
  <si>
    <t>Ggps kalar abadi sharif pora</t>
  </si>
  <si>
    <t>Sharif pura</t>
  </si>
  <si>
    <t>Ramzaan Pora</t>
  </si>
  <si>
    <t>Reehana Kosar</t>
  </si>
  <si>
    <t>39815</t>
  </si>
  <si>
    <t>GPS KACHA</t>
  </si>
  <si>
    <t>Katcha</t>
  </si>
  <si>
    <t>p.o.munoonagar village katcha</t>
  </si>
  <si>
    <t>Shahid Khan</t>
  </si>
  <si>
    <t>38910</t>
  </si>
  <si>
    <t>GGPS JABA (ATTOCK)</t>
  </si>
  <si>
    <t>village Jaba attock</t>
  </si>
  <si>
    <t>Najma Batool</t>
  </si>
  <si>
    <t>18823</t>
  </si>
  <si>
    <t>4999</t>
  </si>
  <si>
    <t>52719</t>
  </si>
  <si>
    <t>GCMPS CHAK KAMBOH</t>
  </si>
  <si>
    <t>Chak Kamboo</t>
  </si>
  <si>
    <t>chak KAmboh p/o hujra shah mukeem thesil depal pur district okara</t>
  </si>
  <si>
    <t>Chak  Kamboh</t>
  </si>
  <si>
    <t>Bhon MANZABTA</t>
  </si>
  <si>
    <t>Mian Khan</t>
  </si>
  <si>
    <t>31580</t>
  </si>
  <si>
    <t>GPS CHAK NO 120 MURAD</t>
  </si>
  <si>
    <t>Chak 120 M</t>
  </si>
  <si>
    <t>chak no. 120/M</t>
  </si>
  <si>
    <t>Chak No 118</t>
  </si>
  <si>
    <t>IRFAN-UL-HAQ</t>
  </si>
  <si>
    <t>43323</t>
  </si>
  <si>
    <t>GPS SOHAIR</t>
  </si>
  <si>
    <t>Sohair</t>
  </si>
  <si>
    <t>village sohair po khara</t>
  </si>
  <si>
    <t>Raja Mazhar Hussain</t>
  </si>
  <si>
    <t>17704</t>
  </si>
  <si>
    <t>34777</t>
  </si>
  <si>
    <t>GHS MOTHA</t>
  </si>
  <si>
    <t>Motha</t>
  </si>
  <si>
    <t>ghs motha jppw multan post office KOTLA chakr jppw multan</t>
  </si>
  <si>
    <t>KOTLA chakr</t>
  </si>
  <si>
    <t>waheed nasir</t>
  </si>
  <si>
    <t>GES CHAK NO.127/6-R EAST</t>
  </si>
  <si>
    <t>Chak 127/6-R East</t>
  </si>
  <si>
    <t>Chak 132/6R</t>
  </si>
  <si>
    <t>Anwar-ul-Haq</t>
  </si>
  <si>
    <t>7611</t>
  </si>
  <si>
    <t>27031</t>
  </si>
  <si>
    <t>GGPS CHAK MOLU</t>
  </si>
  <si>
    <t>CHAK MOLU</t>
  </si>
  <si>
    <t>VILLAGE CHAK MOLU</t>
  </si>
  <si>
    <t>PINDI BAWARAY</t>
  </si>
  <si>
    <t>Ayesha Aslam</t>
  </si>
  <si>
    <t>14394</t>
  </si>
  <si>
    <t>48595</t>
  </si>
  <si>
    <t>GGPS CHAKIAN PHULARWAN</t>
  </si>
  <si>
    <t>Ggps chakian phularwan</t>
  </si>
  <si>
    <t>Chakian Phularwan</t>
  </si>
  <si>
    <t>GGPS DHOK MALKAN</t>
  </si>
  <si>
    <t>Dhok malkan</t>
  </si>
  <si>
    <t>vpo jabbi kasran Teh Fateh Jang District attock</t>
  </si>
  <si>
    <t>36888</t>
  </si>
  <si>
    <t>47478</t>
  </si>
  <si>
    <t>GPS BINDA MEHARBAN</t>
  </si>
  <si>
    <t>Mirhazar khan</t>
  </si>
  <si>
    <t>Basti sharifwala,mouza and union council mirhazarkhan tehsil jatoi,district muzaffargarh</t>
  </si>
  <si>
    <t>Sharif wala</t>
  </si>
  <si>
    <t>Muhammad Alyaas</t>
  </si>
  <si>
    <t>GHS GULAB ALI</t>
  </si>
  <si>
    <t>Ratirampura</t>
  </si>
  <si>
    <t>Takurampura</t>
  </si>
  <si>
    <t>51927</t>
  </si>
  <si>
    <t>GPS BAGGI BHIRRI P/O SHAFI ARIF WALA</t>
  </si>
  <si>
    <t>Baggi Bhirri</t>
  </si>
  <si>
    <t>baggi bhirri chak shafi ,arifwal</t>
  </si>
  <si>
    <t>Hafiz Muhammad Imran</t>
  </si>
  <si>
    <t>GPS CHAK NO.149/M</t>
  </si>
  <si>
    <t>149M</t>
  </si>
  <si>
    <t>Chak no 149M  p/o 148M</t>
  </si>
  <si>
    <t>JUNAID IQBAL (Ø¬Ù†ÛŒØ¯ Ø§Ù‚Ø¨Ø§Ù„ )</t>
  </si>
  <si>
    <t>GES CHAK NO 325/HR (A&amp;T)</t>
  </si>
  <si>
    <t>Maroot</t>
  </si>
  <si>
    <t>ges 325 hr maroot tehseel fort abbas distic bwn</t>
  </si>
  <si>
    <t>325/hr</t>
  </si>
  <si>
    <t>327hr</t>
  </si>
  <si>
    <t>Salah ud Din</t>
  </si>
  <si>
    <t>46506</t>
  </si>
  <si>
    <t>13405</t>
  </si>
  <si>
    <t>Muhammad Pur No2</t>
  </si>
  <si>
    <t>nizd yaary wali daaf po box muhammad pur tehsil Jampur District Rajanpur</t>
  </si>
  <si>
    <t>Yaary Wali Daaf</t>
  </si>
  <si>
    <t>Muhammad Pur No 2</t>
  </si>
  <si>
    <t>Muhammad Asgher</t>
  </si>
  <si>
    <t>28648</t>
  </si>
  <si>
    <t>GGES NIZAM PURA CHAK NO.2</t>
  </si>
  <si>
    <t>Nizam Pura Chak  2</t>
  </si>
  <si>
    <t>nizam pura Chak 2</t>
  </si>
  <si>
    <t>Nizam Pura Chak 2</t>
  </si>
  <si>
    <t>Sadha Utar</t>
  </si>
  <si>
    <t>Kulsoom Bibi</t>
  </si>
  <si>
    <t>54714</t>
  </si>
  <si>
    <t>GGHS BUDHIAR, DINA</t>
  </si>
  <si>
    <t>Budhiar</t>
  </si>
  <si>
    <t>govt girls high school budhiar via R.B.mangla teh dina distt jhelum</t>
  </si>
  <si>
    <t>Waseela Ahmed</t>
  </si>
  <si>
    <t>20791</t>
  </si>
  <si>
    <t>GES MC NO.3 GUJRANWALA</t>
  </si>
  <si>
    <t>Lakkarwala Pull</t>
  </si>
  <si>
    <t>Lakkarwala Pull Bairiwala Chowk Gujranwala</t>
  </si>
  <si>
    <t>Bairiwala Chowk</t>
  </si>
  <si>
    <t>Lakkar Wala Pulll</t>
  </si>
  <si>
    <t>RIASAT ALI LONE</t>
  </si>
  <si>
    <t>GPS PEER KOT SANI</t>
  </si>
  <si>
    <t>CHAK CHATHA - MALE</t>
  </si>
  <si>
    <t>Pirkot Sani</t>
  </si>
  <si>
    <t>pirkot sani</t>
  </si>
  <si>
    <t>SAJJAD WALAYAT</t>
  </si>
  <si>
    <t>52656</t>
  </si>
  <si>
    <t>GGPS BONGI RAM SINGH</t>
  </si>
  <si>
    <t>mukyyan waala</t>
  </si>
  <si>
    <t>GGps bongi ram singh</t>
  </si>
  <si>
    <t>Dhlyaana</t>
  </si>
  <si>
    <t>GPS NOORPUR NAURANGA</t>
  </si>
  <si>
    <t>Noorpur city</t>
  </si>
  <si>
    <t>Jamal channar</t>
  </si>
  <si>
    <t>Bakhat Ali</t>
  </si>
  <si>
    <t>14908</t>
  </si>
  <si>
    <t>GGPS DHADU BASRA</t>
  </si>
  <si>
    <t>Dhadu Basra</t>
  </si>
  <si>
    <t>Barthanwala</t>
  </si>
  <si>
    <t>49933</t>
  </si>
  <si>
    <t>5054</t>
  </si>
  <si>
    <t>31390</t>
  </si>
  <si>
    <t>GPS DERA MASJID WALA</t>
  </si>
  <si>
    <t>Dera Masjid Wala</t>
  </si>
  <si>
    <t>dera masjid Wala</t>
  </si>
  <si>
    <t>36 Khanpur Nabipur</t>
  </si>
  <si>
    <t>GES CHAK NO 13 JB NOOR KA</t>
  </si>
  <si>
    <t>Noor Ka</t>
  </si>
  <si>
    <t>GES Chak No.13 Noor Ka Chiniot</t>
  </si>
  <si>
    <t>19456</t>
  </si>
  <si>
    <t>GPS KHALIQ DAD</t>
  </si>
  <si>
    <t>GBps khaliqdad</t>
  </si>
  <si>
    <t>Riffat Mehoomad</t>
  </si>
  <si>
    <t>54375</t>
  </si>
  <si>
    <t>42977</t>
  </si>
  <si>
    <t>GGPS MIRAN BUX</t>
  </si>
  <si>
    <t>Miran bux p/o bewal teh kallar syedan Rawalpindi</t>
  </si>
  <si>
    <t>Ruqiya Bibi</t>
  </si>
  <si>
    <t>38782</t>
  </si>
  <si>
    <t>GHS SOJHANDA</t>
  </si>
  <si>
    <t>Sojhanda</t>
  </si>
  <si>
    <t>OFFICE OF THE HEADMASTER, GBHS SOJHANDA. VPO Sojhanda Teh and Distt Attock</t>
  </si>
  <si>
    <t>Syed Ali Hassan Naqvi</t>
  </si>
  <si>
    <t>36043</t>
  </si>
  <si>
    <t>GGES CHAK NO. 65/F</t>
  </si>
  <si>
    <t>Faty Pol</t>
  </si>
  <si>
    <t>GGES65/fhasilpur</t>
  </si>
  <si>
    <t>65/f Colony</t>
  </si>
  <si>
    <t>Chak No71/f</t>
  </si>
  <si>
    <t>5077</t>
  </si>
  <si>
    <t>GGHS GUFFANWALA</t>
  </si>
  <si>
    <t>guffanwala</t>
  </si>
  <si>
    <t>guffanwala tehsil kalllar kahar district chakwal</t>
  </si>
  <si>
    <t>33560</t>
  </si>
  <si>
    <t>53728</t>
  </si>
  <si>
    <t>52978</t>
  </si>
  <si>
    <t>GGCMS RAM PRASHAD</t>
  </si>
  <si>
    <t>RAM PRASHAD</t>
  </si>
  <si>
    <t>Jhughkalan</t>
  </si>
  <si>
    <t>Zahida Yaqoob</t>
  </si>
  <si>
    <t>13779</t>
  </si>
  <si>
    <t>30961</t>
  </si>
  <si>
    <t>49819</t>
  </si>
  <si>
    <t>GGES ISLAM NAGAR</t>
  </si>
  <si>
    <t>GPS  DOOM</t>
  </si>
  <si>
    <t>Doom</t>
  </si>
  <si>
    <t>Village Doom, PO  Dina,Tehsil Dina</t>
  </si>
  <si>
    <t>DOOM</t>
  </si>
  <si>
    <t>Saifullah Khan</t>
  </si>
  <si>
    <t>27029</t>
  </si>
  <si>
    <t>GMPS CHANI WAZIRA</t>
  </si>
  <si>
    <t>Chani Wazira</t>
  </si>
  <si>
    <t>channi wazira</t>
  </si>
  <si>
    <t>Fauzia Asmat</t>
  </si>
  <si>
    <t>24836</t>
  </si>
  <si>
    <t>5088</t>
  </si>
  <si>
    <t>15333</t>
  </si>
  <si>
    <t>GGES CHAK 282 GB SATIANA</t>
  </si>
  <si>
    <t>282GB</t>
  </si>
  <si>
    <t>Chak Number 282 GB Jaranwala Faisalabad</t>
  </si>
  <si>
    <t>Salma Fardous</t>
  </si>
  <si>
    <t>48083</t>
  </si>
  <si>
    <t>GGHS BHALWAL</t>
  </si>
  <si>
    <t>GOVT. GIRLS H/S Bhalwal</t>
  </si>
  <si>
    <t>URBAN II</t>
  </si>
  <si>
    <t>Amina Khatoon</t>
  </si>
  <si>
    <t>GGPS CHAK NO 86/5-R BHAGSAR</t>
  </si>
  <si>
    <t>86/5r Bhagsar</t>
  </si>
  <si>
    <t>govt.girls primary school 86/5r BHS</t>
  </si>
  <si>
    <t>86/5r bhagsar</t>
  </si>
  <si>
    <t>86/5r</t>
  </si>
  <si>
    <t>Sajida Noureen</t>
  </si>
  <si>
    <t>46615</t>
  </si>
  <si>
    <t>GHSS TABBI SAR</t>
  </si>
  <si>
    <t>Poss Bangi Khela Darmiani</t>
  </si>
  <si>
    <t>Tabbi SAR</t>
  </si>
  <si>
    <t>17651</t>
  </si>
  <si>
    <t>GGPS YOUNAS ABAD DASKA</t>
  </si>
  <si>
    <t>muhallah younasabad near degree college</t>
  </si>
  <si>
    <t>Younasabad</t>
  </si>
  <si>
    <t>Sughra</t>
  </si>
  <si>
    <t>37876</t>
  </si>
  <si>
    <t>GMPS 158/10-R</t>
  </si>
  <si>
    <t>Jungal Maryla</t>
  </si>
  <si>
    <t>chak/158A /10-R</t>
  </si>
  <si>
    <t>Chak #158A /10-R</t>
  </si>
  <si>
    <t>160/10R</t>
  </si>
  <si>
    <t>Alia Iffat</t>
  </si>
  <si>
    <t>14065</t>
  </si>
  <si>
    <t>GPS NANDNA MANGRAL</t>
  </si>
  <si>
    <t>Nandna Mangral</t>
  </si>
  <si>
    <t>Village Nandna Mangral PO Chowk pindori Tehsil Kallar syedan</t>
  </si>
  <si>
    <t>Amna Mukhtar</t>
  </si>
  <si>
    <t>5106</t>
  </si>
  <si>
    <t>9718</t>
  </si>
  <si>
    <t>GGCMS CHAK NO. 316 TDA</t>
  </si>
  <si>
    <t>316TDA</t>
  </si>
  <si>
    <t>ggcms 316 Tda</t>
  </si>
  <si>
    <t>chak 316</t>
  </si>
  <si>
    <t>jamal chapri</t>
  </si>
  <si>
    <t>39867</t>
  </si>
  <si>
    <t>GGCMS MANSOORA</t>
  </si>
  <si>
    <t>Mansoora</t>
  </si>
  <si>
    <t>ggcms mansoora Hasan abdal dist. attock</t>
  </si>
  <si>
    <t>Naila Akhtar</t>
  </si>
  <si>
    <t>52122</t>
  </si>
  <si>
    <t>5109</t>
  </si>
  <si>
    <t>38476</t>
  </si>
  <si>
    <t>GMES 346/WB</t>
  </si>
  <si>
    <t>346/wb</t>
  </si>
  <si>
    <t>357/wb</t>
  </si>
  <si>
    <t>Zubeda Bi Bi</t>
  </si>
  <si>
    <t>7111</t>
  </si>
  <si>
    <t>4558</t>
  </si>
  <si>
    <t>17418</t>
  </si>
  <si>
    <t>GGPS KOT MOHAY-UD- DIN</t>
  </si>
  <si>
    <t>CHENAB TOWN-FEMALE</t>
  </si>
  <si>
    <t>Kot Mohy Ud Din</t>
  </si>
  <si>
    <t>Basti kot Mohy ud Din</t>
  </si>
  <si>
    <t>Chak Kodiana</t>
  </si>
  <si>
    <t>Shiekh Johar</t>
  </si>
  <si>
    <t>Aasiya Noreen</t>
  </si>
  <si>
    <t>13607</t>
  </si>
  <si>
    <t>GGPS 386/W.B NO.2</t>
  </si>
  <si>
    <t>GGPS386#2</t>
  </si>
  <si>
    <t>386#2</t>
  </si>
  <si>
    <t>46930</t>
  </si>
  <si>
    <t>GGPS GOLRAN WALA</t>
  </si>
  <si>
    <t>Sodhre</t>
  </si>
  <si>
    <t>g g p.s golranwala</t>
  </si>
  <si>
    <t>Golranwala</t>
  </si>
  <si>
    <t>Tanikhel</t>
  </si>
  <si>
    <t>36810</t>
  </si>
  <si>
    <t>GES THULL NAJEEB, NAWAN SHEHR</t>
  </si>
  <si>
    <t>mauza thull najeeb khas</t>
  </si>
  <si>
    <t>Sajjad Hussain Asi</t>
  </si>
  <si>
    <t>45761</t>
  </si>
  <si>
    <t>13750</t>
  </si>
  <si>
    <t>GPS IQBAL-UL-ALOOM</t>
  </si>
  <si>
    <t>Kot Jannon</t>
  </si>
  <si>
    <t>chah gagin wala kot janon jampur</t>
  </si>
  <si>
    <t>Gagin Walla</t>
  </si>
  <si>
    <t>23594</t>
  </si>
  <si>
    <t>GHS ISLAMIA MITRAN WALI</t>
  </si>
  <si>
    <t>GIHS  MITRANWALI SIALKOT</t>
  </si>
  <si>
    <t>TARIQ MEHMOOD ZAHID</t>
  </si>
  <si>
    <t>20013</t>
  </si>
  <si>
    <t>GMPS ANWAR KOT</t>
  </si>
  <si>
    <t>Basti Anwar kot p/O takhat Mahal tehsil bahawalnagar</t>
  </si>
  <si>
    <t>Anwar Kot</t>
  </si>
  <si>
    <t>Khalida Inaam</t>
  </si>
  <si>
    <t>13617</t>
  </si>
  <si>
    <t>42575</t>
  </si>
  <si>
    <t>GPS DHOK BABA NOOR</t>
  </si>
  <si>
    <t>Dhok Baba Noor, PO Dhoong,Tehseel Gujar Khan, District Rawalpindi</t>
  </si>
  <si>
    <t>Dhok Baba Noor</t>
  </si>
  <si>
    <t>Adhi</t>
  </si>
  <si>
    <t>34073</t>
  </si>
  <si>
    <t>3871</t>
  </si>
  <si>
    <t>46848</t>
  </si>
  <si>
    <t>29248</t>
  </si>
  <si>
    <t>GGPS SHEIKH ABAD</t>
  </si>
  <si>
    <t>ISA KHEL NO.2-FEMALE</t>
  </si>
  <si>
    <t>govt girls PS shiakbad</t>
  </si>
  <si>
    <t>Shakhbad</t>
  </si>
  <si>
    <t>13627</t>
  </si>
  <si>
    <t>52772</t>
  </si>
  <si>
    <t>36303</t>
  </si>
  <si>
    <t>GGPS CHANDOOR VIA BASEER PUR</t>
  </si>
  <si>
    <t>Chandour</t>
  </si>
  <si>
    <t>GGPS chandour</t>
  </si>
  <si>
    <t>Phulaan Toli</t>
  </si>
  <si>
    <t>Aqila Khan</t>
  </si>
  <si>
    <t>31556</t>
  </si>
  <si>
    <t>28766</t>
  </si>
  <si>
    <t>GPS KOT MUHAMMAD DIN KOTHA KALAN</t>
  </si>
  <si>
    <t>Kot M Din Kotha</t>
  </si>
  <si>
    <t>Jawad Habib</t>
  </si>
  <si>
    <t>GGPS CHAK NO 127 MURAD</t>
  </si>
  <si>
    <t>CTN</t>
  </si>
  <si>
    <t>Chak #127/M(b), dak khana129/M, Chishtian</t>
  </si>
  <si>
    <t>127murad</t>
  </si>
  <si>
    <t>128murad</t>
  </si>
  <si>
    <t>13641</t>
  </si>
  <si>
    <t>52397</t>
  </si>
  <si>
    <t>GPS HASSOKAY NAOABAD</t>
  </si>
  <si>
    <t>Hasso K No Abad</t>
  </si>
  <si>
    <t>hasso k no abad p/o fazal abad mandi ahmad abad</t>
  </si>
  <si>
    <t>Gudr Mulkana</t>
  </si>
  <si>
    <t>syed naveed abbas</t>
  </si>
  <si>
    <t>6308</t>
  </si>
  <si>
    <t>Bair Bnd 2</t>
  </si>
  <si>
    <t>Chah Sontray wala bair bnd 2 sher sultan</t>
  </si>
  <si>
    <t>Sontray Wala</t>
  </si>
  <si>
    <t>Bairbnd 2</t>
  </si>
  <si>
    <t>Muneer Ahmed Khan</t>
  </si>
  <si>
    <t>36712</t>
  </si>
  <si>
    <t>GES NIZAM PUR, KABIRWALA</t>
  </si>
  <si>
    <t>nIZAM PUR</t>
  </si>
  <si>
    <t>MOZA NIZAM PUR TEHSIL KABIRWAL DISTRICT KHANEWAL</t>
  </si>
  <si>
    <t>NIZAM PUR</t>
  </si>
  <si>
    <t>Mohammad Jamil ur rehman</t>
  </si>
  <si>
    <t>52142</t>
  </si>
  <si>
    <t>51892</t>
  </si>
  <si>
    <t>GHS SAKOTE</t>
  </si>
  <si>
    <t>VPO Sakote Tehsil Kallar Syedan Rwp</t>
  </si>
  <si>
    <t>GPS SHAHI WALA</t>
  </si>
  <si>
    <t>p/ojhammat shumali R/o shahi wala</t>
  </si>
  <si>
    <t>16988</t>
  </si>
  <si>
    <t>GGHS CHAK NO 232 JB</t>
  </si>
  <si>
    <t>Chak No 232jb</t>
  </si>
  <si>
    <t>chak no 232jb</t>
  </si>
  <si>
    <t>Chak No 232</t>
  </si>
  <si>
    <t>Vairh Sipra</t>
  </si>
  <si>
    <t>Tahseen Zahra</t>
  </si>
  <si>
    <t>hand pump and water pump</t>
  </si>
  <si>
    <t>GPS BALEKE NAU</t>
  </si>
  <si>
    <t>Baleki Nau</t>
  </si>
  <si>
    <t>Baleki nau p/o vanike tarar tehsil and district Hafizabad</t>
  </si>
  <si>
    <t>45710</t>
  </si>
  <si>
    <t>GGES METHA JHEDU</t>
  </si>
  <si>
    <t>GGES Mehta Jhedu Tehsil Chishtian</t>
  </si>
  <si>
    <t>Fareeha Noor</t>
  </si>
  <si>
    <t>44219</t>
  </si>
  <si>
    <t>GES MAIRA</t>
  </si>
  <si>
    <t>VILL MAIRA TEHSIL AND POST OFFICE KALLAR KAHAR DISTT CHAKWAL</t>
  </si>
  <si>
    <t>BHARPUR</t>
  </si>
  <si>
    <t>javed Iqbal</t>
  </si>
  <si>
    <t>24592</t>
  </si>
  <si>
    <t>19743</t>
  </si>
  <si>
    <t>GPS RASOOL PUR</t>
  </si>
  <si>
    <t>Rasool Pur Chak No235jbNo235jb</t>
  </si>
  <si>
    <t>Rsool Pur Post Office Bhowana Tehsil Bhowana District Chiniot</t>
  </si>
  <si>
    <t>Gps rasool pur</t>
  </si>
  <si>
    <t>Chak no 184jb Sial</t>
  </si>
  <si>
    <t>Mehtab Ayube</t>
  </si>
  <si>
    <t>22435</t>
  </si>
  <si>
    <t>Govt primary School  Fatehpur</t>
  </si>
  <si>
    <t>GGPS MC NO.14 GUJRANWALA</t>
  </si>
  <si>
    <t>Gali Haji imam deen noshera road grw</t>
  </si>
  <si>
    <t>Mubarak Shah</t>
  </si>
  <si>
    <t>Tayyaba Aziz</t>
  </si>
  <si>
    <t>32180</t>
  </si>
  <si>
    <t>39789</t>
  </si>
  <si>
    <t>GES SABAZ PIR</t>
  </si>
  <si>
    <t>Sabazpir</t>
  </si>
  <si>
    <t>Govt.Boys elementary school sabazpir</t>
  </si>
  <si>
    <t>35067</t>
  </si>
  <si>
    <t>GES CHAK 338/HR</t>
  </si>
  <si>
    <t>338/hr</t>
  </si>
  <si>
    <t>chak no 338/hr tehseel fortabbas District bahawalnagar</t>
  </si>
  <si>
    <t>37958</t>
  </si>
  <si>
    <t>49455</t>
  </si>
  <si>
    <t>3655</t>
  </si>
  <si>
    <t>GPS CHAK NO.157/M</t>
  </si>
  <si>
    <t>Chak No 157M.Hasilpur Bahawalpur</t>
  </si>
  <si>
    <t>Chak No 157M</t>
  </si>
  <si>
    <t>Anwaar Hussain</t>
  </si>
  <si>
    <t>48211</t>
  </si>
  <si>
    <t>GPS DERA MISHRI</t>
  </si>
  <si>
    <t>gps dera misri</t>
  </si>
  <si>
    <t>3578</t>
  </si>
  <si>
    <t>6339</t>
  </si>
  <si>
    <t>GPS CHAK NO 123/6-R (A-B)</t>
  </si>
  <si>
    <t>Chak no.123/6R Azafi Bastee post office Faqirwali Tehsil Haroonabad  District Bahawalnagar</t>
  </si>
  <si>
    <t>Chak No123/6R AB</t>
  </si>
  <si>
    <t>Muhammad Nadeem   Sarwar</t>
  </si>
  <si>
    <t>GES MANJOTHA</t>
  </si>
  <si>
    <t>Post office Manjotha, tehsil gujar Khan, distt rawalpindi</t>
  </si>
  <si>
    <t>32965</t>
  </si>
  <si>
    <t>46633</t>
  </si>
  <si>
    <t>GGHS SULTAN KHEL</t>
  </si>
  <si>
    <t>sultankhel</t>
  </si>
  <si>
    <t>govt.girls high school,sultankhel</t>
  </si>
  <si>
    <t>Shabana Manzoor</t>
  </si>
  <si>
    <t>GES KHOKHARI NO.1</t>
  </si>
  <si>
    <t>khokhrip.o nawankot tehsil choubara dist layyah</t>
  </si>
  <si>
    <t>Khokhri</t>
  </si>
  <si>
    <t>Tajammal Hussain Jani</t>
  </si>
  <si>
    <t>GGPS GULZAR PUR</t>
  </si>
  <si>
    <t>Gulzar Pur</t>
  </si>
  <si>
    <t>Mouza Gulzar pur</t>
  </si>
  <si>
    <t>Ladha Bohr</t>
  </si>
  <si>
    <t>Parveen Mehmood</t>
  </si>
  <si>
    <t>15124</t>
  </si>
  <si>
    <t>13722</t>
  </si>
  <si>
    <t>Bus stop Rasoolpur</t>
  </si>
  <si>
    <t>Azra Jamil</t>
  </si>
  <si>
    <t>44224</t>
  </si>
  <si>
    <t>GPS SIMBL</t>
  </si>
  <si>
    <t>GPS simbal post office  karuli teh kallar kahar distt chakwal</t>
  </si>
  <si>
    <t>Nasir Mehmood</t>
  </si>
  <si>
    <t>53976</t>
  </si>
  <si>
    <t>29015</t>
  </si>
  <si>
    <t>GMPS THATHI HINDWAN</t>
  </si>
  <si>
    <t>Thathi Hindwan</t>
  </si>
  <si>
    <t>thathi hindwan teh chunian dist kasur</t>
  </si>
  <si>
    <t>SHAGUFTA ALLAH DITTA</t>
  </si>
  <si>
    <t>GPS BIBI WALA</t>
  </si>
  <si>
    <t>Paiga No1</t>
  </si>
  <si>
    <t>gps bibiwala</t>
  </si>
  <si>
    <t>Bibi Wala</t>
  </si>
  <si>
    <t>Gadai West</t>
  </si>
  <si>
    <t>50353</t>
  </si>
  <si>
    <t>GPS 172/9-L</t>
  </si>
  <si>
    <t>172/9l</t>
  </si>
  <si>
    <t>chak number 172/9l.tehsil Chichawatni</t>
  </si>
  <si>
    <t>20/11L</t>
  </si>
  <si>
    <t>Muhammed Safder</t>
  </si>
  <si>
    <t>39548</t>
  </si>
  <si>
    <t>GPS PARIOT (NARA)</t>
  </si>
  <si>
    <t>Zafar Iqbql</t>
  </si>
  <si>
    <t>34391</t>
  </si>
  <si>
    <t>30325</t>
  </si>
  <si>
    <t>22488</t>
  </si>
  <si>
    <t>GMPS BHOIAN</t>
  </si>
  <si>
    <t>Bhoian</t>
  </si>
  <si>
    <t>Village Bhoian p/o karianwala Teh/District Gujrat</t>
  </si>
  <si>
    <t>Mubshara Younas</t>
  </si>
  <si>
    <t>17980</t>
  </si>
  <si>
    <t>44873</t>
  </si>
  <si>
    <t>GHS KALLUR KOT</t>
  </si>
  <si>
    <t>GMHS KALLUR KOT</t>
  </si>
  <si>
    <t>Mohallah Moti Masjid</t>
  </si>
  <si>
    <t>Kallur kot</t>
  </si>
  <si>
    <t>Tanveer Ahmer</t>
  </si>
  <si>
    <t>6369</t>
  </si>
  <si>
    <t>43457</t>
  </si>
  <si>
    <t>GGPS SAHOO</t>
  </si>
  <si>
    <t>Sahoo</t>
  </si>
  <si>
    <t>ggps sahoo district and tehsil chakwal</t>
  </si>
  <si>
    <t>Naeema nosheen maryam</t>
  </si>
  <si>
    <t>47568</t>
  </si>
  <si>
    <t>18386</t>
  </si>
  <si>
    <t>GGPS MAMTAZ ABAD MADOKI</t>
  </si>
  <si>
    <t>ASHABA-FEMALE</t>
  </si>
  <si>
    <t>GGPS MUMTAZABAD madduki</t>
  </si>
  <si>
    <t>Luck Budher</t>
  </si>
  <si>
    <t>Rehana Batool</t>
  </si>
  <si>
    <t>40084</t>
  </si>
  <si>
    <t>GHS TAHLIAN WALA</t>
  </si>
  <si>
    <t>Tahlianwala</t>
  </si>
  <si>
    <t>Govt High School Tahlianwala jhelum</t>
  </si>
  <si>
    <t>41648</t>
  </si>
  <si>
    <t>6374</t>
  </si>
  <si>
    <t>GPS SEHAR NO 1</t>
  </si>
  <si>
    <t>Village Sehar .P/o Thathi. Tehsil Gujarkhan. District Rawalpindi.</t>
  </si>
  <si>
    <t>Muhammad Parveaz</t>
  </si>
  <si>
    <t>17170</t>
  </si>
  <si>
    <t>GPS HATARAN ABDUL HAKIM</t>
  </si>
  <si>
    <t>Hataran</t>
  </si>
  <si>
    <t>GPS Hataran near bagar sargana kabirwala</t>
  </si>
  <si>
    <t>Chuck Hataran</t>
  </si>
  <si>
    <t>Hussein Abad</t>
  </si>
  <si>
    <t>Muhammad Qaswer</t>
  </si>
  <si>
    <t>GPS CHAK NO. 3/1-R</t>
  </si>
  <si>
    <t>chak no 3/1-R Haroonabad</t>
  </si>
  <si>
    <t>Chak No 3/1-R</t>
  </si>
  <si>
    <t>Muhammad Aslam Zahid</t>
  </si>
  <si>
    <t>GGES GULPUR HITHAR</t>
  </si>
  <si>
    <t>basti gullpur</t>
  </si>
  <si>
    <t>Gulpur</t>
  </si>
  <si>
    <t>Rafia Munawar</t>
  </si>
  <si>
    <t>52257</t>
  </si>
  <si>
    <t>46802</t>
  </si>
  <si>
    <t>GPS JALIAN WALA</t>
  </si>
  <si>
    <t>gps jalianwala p/o kamar mushani tehsil essa khel district mianwali</t>
  </si>
  <si>
    <t>jalian wala</t>
  </si>
  <si>
    <t>Muhammad Khalid Khan</t>
  </si>
  <si>
    <t>34789</t>
  </si>
  <si>
    <t>GES KIKRI P/O KIKRI</t>
  </si>
  <si>
    <t>Kikri</t>
  </si>
  <si>
    <t>govt elementary school Kikri  post office ghazi Pur</t>
  </si>
  <si>
    <t>Behli Shareef</t>
  </si>
  <si>
    <t>Karim Bakhsh</t>
  </si>
  <si>
    <t>44171</t>
  </si>
  <si>
    <t>GHS BUCHAL KHURD</t>
  </si>
  <si>
    <t>31369</t>
  </si>
  <si>
    <t>GPS BHAILA</t>
  </si>
  <si>
    <t>Kotla rahim Shah</t>
  </si>
  <si>
    <t>basti bhaila kotla rahim ali shah jatoi</t>
  </si>
  <si>
    <t>Basti bhaila</t>
  </si>
  <si>
    <t>Khalte</t>
  </si>
  <si>
    <t>41132</t>
  </si>
  <si>
    <t>GPS TARNOSH</t>
  </si>
  <si>
    <t>TARNOSH</t>
  </si>
  <si>
    <t>VILL TARNOSH PO MOWARA TEHSIL KAHUTA</t>
  </si>
  <si>
    <t>MOWARA</t>
  </si>
  <si>
    <t>Wajiha Naseer</t>
  </si>
  <si>
    <t>boring water</t>
  </si>
  <si>
    <t>6392</t>
  </si>
  <si>
    <t>GGES CHAK NO. 3/G</t>
  </si>
  <si>
    <t>3/g</t>
  </si>
  <si>
    <t>chack no 3/g p/o same tehsil chishtian district bahawalnagr</t>
  </si>
  <si>
    <t>35273</t>
  </si>
  <si>
    <t>42918</t>
  </si>
  <si>
    <t>GPS DARYAL</t>
  </si>
  <si>
    <t>CHOWK PINDORI - MALE</t>
  </si>
  <si>
    <t>Darkali mehmori</t>
  </si>
  <si>
    <t>Village and post office daryal tesil kallar syedan dist rawalpindi</t>
  </si>
  <si>
    <t>Mc kallar syedan</t>
  </si>
  <si>
    <t>M HASSAM UL HAQ</t>
  </si>
  <si>
    <t>GGPS ADDA 13 SOLING</t>
  </si>
  <si>
    <t>Chak 26 Bc</t>
  </si>
  <si>
    <t>chak no 26 bc Choti  ada 13 soling bahawalpur</t>
  </si>
  <si>
    <t>26 Bc</t>
  </si>
  <si>
    <t>Asifa Khalid</t>
  </si>
  <si>
    <t>27017</t>
  </si>
  <si>
    <t>GMES PREM KOT</t>
  </si>
  <si>
    <t>Praim Kot</t>
  </si>
  <si>
    <t>praim kot</t>
  </si>
  <si>
    <t>Pindi Bawary</t>
  </si>
  <si>
    <t>Abida Sultana</t>
  </si>
  <si>
    <t>6306</t>
  </si>
  <si>
    <t>39744</t>
  </si>
  <si>
    <t>GPS DHOK MANNA</t>
  </si>
  <si>
    <t>LANGAR - MALE</t>
  </si>
  <si>
    <t>Langar</t>
  </si>
  <si>
    <t>Dhoke manna post office langar teh jand</t>
  </si>
  <si>
    <t>Dhoke Manna</t>
  </si>
  <si>
    <t>Yasmin Perveen</t>
  </si>
  <si>
    <t>Tanky of village</t>
  </si>
  <si>
    <t>5593</t>
  </si>
  <si>
    <t>6408</t>
  </si>
  <si>
    <t>48197</t>
  </si>
  <si>
    <t>Farooq Abad (Purana Bhalwal)Teh.Bhalwal Distt.Sargodha</t>
  </si>
  <si>
    <t>22436</t>
  </si>
  <si>
    <t>GPS DOGA</t>
  </si>
  <si>
    <t>doga gujrat</t>
  </si>
  <si>
    <t>Zubaida Perveen</t>
  </si>
  <si>
    <t>1.3122e+006</t>
  </si>
  <si>
    <t>20539</t>
  </si>
  <si>
    <t>Sharif Pura Jinnah Road Gujranwala</t>
  </si>
  <si>
    <t>m asif iqbal</t>
  </si>
  <si>
    <t>6419</t>
  </si>
  <si>
    <t>GHS 340/HR</t>
  </si>
  <si>
    <t>340Hr FORTABBAS</t>
  </si>
  <si>
    <t>chak no 340Hr</t>
  </si>
  <si>
    <t>340HR Fortabbas</t>
  </si>
  <si>
    <t>327HR</t>
  </si>
  <si>
    <t>Muhammad Akraam Sharif</t>
  </si>
  <si>
    <t>38132</t>
  </si>
  <si>
    <t>GHS HATTAR</t>
  </si>
  <si>
    <t>V/PO HATTAR TEH FATEHJANG ATTOCK</t>
  </si>
  <si>
    <t>Ameer Afzal</t>
  </si>
  <si>
    <t>GGPS CHAK NO.145/M</t>
  </si>
  <si>
    <t>Chak 145/m</t>
  </si>
  <si>
    <t>Noreen Jamal</t>
  </si>
  <si>
    <t>40219</t>
  </si>
  <si>
    <t>GMES CHAPPAR</t>
  </si>
  <si>
    <t>Chappar</t>
  </si>
  <si>
    <t>village chappar post office lota</t>
  </si>
  <si>
    <t>17909</t>
  </si>
  <si>
    <t>48353</t>
  </si>
  <si>
    <t>6429</t>
  </si>
  <si>
    <t>GGPS BASTI LASHARI</t>
  </si>
  <si>
    <t>Muhammad Pur 2</t>
  </si>
  <si>
    <t>GGPS INDUS HIGHWAY BASTI LASHARI</t>
  </si>
  <si>
    <t>GGPS DINGI NARI</t>
  </si>
  <si>
    <t>Dingi Nari</t>
  </si>
  <si>
    <t>Village Dingi Nari</t>
  </si>
  <si>
    <t>Arifa Jan</t>
  </si>
  <si>
    <t>9251</t>
  </si>
  <si>
    <t>GPS CHAK NO 90/5-R NO. 1</t>
  </si>
  <si>
    <t>change # 90 5r</t>
  </si>
  <si>
    <t>150 2L</t>
  </si>
  <si>
    <t>Abdulsattar Ansari</t>
  </si>
  <si>
    <t>24481</t>
  </si>
  <si>
    <t>52619</t>
  </si>
  <si>
    <t>GPS BAKHU SHAH</t>
  </si>
  <si>
    <t>Bakhu Shah</t>
  </si>
  <si>
    <t>Village Bakhu Shah Tehsil depalpur District Okara.</t>
  </si>
  <si>
    <t>Mazra Abad</t>
  </si>
  <si>
    <t>GHS TAKKAL</t>
  </si>
  <si>
    <t>Takal</t>
  </si>
  <si>
    <t>VILLAGE&amp; PO TAKAL TEHSIL KALLAR SYEDAN RAWALPINDI</t>
  </si>
  <si>
    <t>TAKAL</t>
  </si>
  <si>
    <t>12596</t>
  </si>
  <si>
    <t>GPS OKHRANY WALA</t>
  </si>
  <si>
    <t>moza Nawan kot teh.choubara dist layyah</t>
  </si>
  <si>
    <t>Okhrany Wala</t>
  </si>
  <si>
    <t>Muhammad Mahmood Akhtar</t>
  </si>
  <si>
    <t>GES CHAK BALOCHAN</t>
  </si>
  <si>
    <t>Chak Balochan</t>
  </si>
  <si>
    <t>Chak balochan tehsil and district jhang</t>
  </si>
  <si>
    <t>Kot Khan</t>
  </si>
  <si>
    <t>Syed Shehr wa Ali Shah</t>
  </si>
  <si>
    <t>44223</t>
  </si>
  <si>
    <t>GPS DHOK BALL FAQIR</t>
  </si>
  <si>
    <t>Dhok Ball Faqeer</t>
  </si>
  <si>
    <t>Dhok Ball Faqeer v.p.o Khokhar Bala</t>
  </si>
  <si>
    <t>Khokhar Bala</t>
  </si>
  <si>
    <t>5594</t>
  </si>
  <si>
    <t>52078</t>
  </si>
  <si>
    <t>GGES KOT KHUDA BUKSH</t>
  </si>
  <si>
    <t>Aljamia Islamia</t>
  </si>
  <si>
    <t>qaboola</t>
  </si>
  <si>
    <t>Kot Khuda Baksh</t>
  </si>
  <si>
    <t>Sharifa Bano</t>
  </si>
  <si>
    <t>20239</t>
  </si>
  <si>
    <t>39045</t>
  </si>
  <si>
    <t>GPS KISANA</t>
  </si>
  <si>
    <t>Kisan</t>
  </si>
  <si>
    <t>GPS kisan Tehsil Fateh Jang District Attock</t>
  </si>
  <si>
    <t>Mubashir Hussain</t>
  </si>
  <si>
    <t>7215</t>
  </si>
  <si>
    <t>17215</t>
  </si>
  <si>
    <t>GPMS 132/10-R JADEED, JAHANIAN</t>
  </si>
  <si>
    <t>132/10-r</t>
  </si>
  <si>
    <t>132/10-r jadeed</t>
  </si>
  <si>
    <t>132/10-r Jadeed</t>
  </si>
  <si>
    <t>Rabia Iram</t>
  </si>
  <si>
    <t>37126</t>
  </si>
  <si>
    <t>GHS BAROHI</t>
  </si>
  <si>
    <t>P o barohi teh kahuta distt rawalpindi</t>
  </si>
  <si>
    <t>chishma</t>
  </si>
  <si>
    <t>39670</t>
  </si>
  <si>
    <t>GGPS CHAK NO.82/F</t>
  </si>
  <si>
    <t>82/f</t>
  </si>
  <si>
    <t>Maria Majeed</t>
  </si>
  <si>
    <t>30086</t>
  </si>
  <si>
    <t>29070</t>
  </si>
  <si>
    <t>GHS CHAK NO. 135 MURD</t>
  </si>
  <si>
    <t>DAHRANWALA</t>
  </si>
  <si>
    <t>CHAK NO. 135 mURAD P/O 134 MURAD</t>
  </si>
  <si>
    <t>CHAK NO 135/m</t>
  </si>
  <si>
    <t>134/M</t>
  </si>
  <si>
    <t>ARSHAD ALI TABASSUM</t>
  </si>
  <si>
    <t>water Supply connection</t>
  </si>
  <si>
    <t>44838</t>
  </si>
  <si>
    <t>GPS BASTI CHUGHA</t>
  </si>
  <si>
    <t>Jhakkar Nashib</t>
  </si>
  <si>
    <t>Basti Chugha mouza Jhakkar nashib</t>
  </si>
  <si>
    <t>Chugha</t>
  </si>
  <si>
    <t>Badiani</t>
  </si>
  <si>
    <t>GPS CHAK BAHRAM</t>
  </si>
  <si>
    <t>Chak Behram</t>
  </si>
  <si>
    <t>village chak behram and post office peroshah tehsil and district gujrat</t>
  </si>
  <si>
    <t>31942</t>
  </si>
  <si>
    <t>6191</t>
  </si>
  <si>
    <t>GGHSS 62/12-L</t>
  </si>
  <si>
    <t>GGHSS 62/12-L TEHSIL CHICHAWATNI DISTT: SAHIWAL</t>
  </si>
  <si>
    <t>62/12.L</t>
  </si>
  <si>
    <t>CHAK NO 62/12-L</t>
  </si>
  <si>
    <t>Shahida Parveen D/O Muhammad Ramzan</t>
  </si>
  <si>
    <t>44206</t>
  </si>
  <si>
    <t>GES CHUMBI</t>
  </si>
  <si>
    <t>village chumbi postoffice  kallar kahar</t>
  </si>
  <si>
    <t>Chumbi</t>
  </si>
  <si>
    <t>Mc Kallar kahar</t>
  </si>
  <si>
    <t>40086</t>
  </si>
  <si>
    <t>GES CHAK BEHRAM</t>
  </si>
  <si>
    <t>GES Chak Behram Teh and district Jhelum</t>
  </si>
  <si>
    <t>47436</t>
  </si>
  <si>
    <t>52195</t>
  </si>
  <si>
    <t>GGPS MOHAR SINGH</t>
  </si>
  <si>
    <t>Mohar Singh</t>
  </si>
  <si>
    <t>GGPS Mohar Singh Tehsil Arifwala District Pakpattan</t>
  </si>
  <si>
    <t>41139</t>
  </si>
  <si>
    <t>GPS SAKAD</t>
  </si>
  <si>
    <t>Mator</t>
  </si>
  <si>
    <t>village sakad mator</t>
  </si>
  <si>
    <t>Sakad</t>
  </si>
  <si>
    <t>Muhammad Rajab</t>
  </si>
  <si>
    <t>39171</t>
  </si>
  <si>
    <t>GGPS DHOK MIAN KHAN</t>
  </si>
  <si>
    <t>distt Attock Tehseel Fateh Jang village and post office Jabbi</t>
  </si>
  <si>
    <t>Dk Mian Khan</t>
  </si>
  <si>
    <t>12735</t>
  </si>
  <si>
    <t>GGPS CHAK NO.146/M</t>
  </si>
  <si>
    <t>146/M</t>
  </si>
  <si>
    <t>146/ m</t>
  </si>
  <si>
    <t>Tehmina kousar</t>
  </si>
  <si>
    <t>GES JAWAYA BALOCH</t>
  </si>
  <si>
    <t>Jiwaya Baloch</t>
  </si>
  <si>
    <t>Jiwaya Baloch P/o Haveli Lakha (okara)</t>
  </si>
  <si>
    <t>Hakumat Ghar</t>
  </si>
  <si>
    <t>4864</t>
  </si>
  <si>
    <t>34477</t>
  </si>
  <si>
    <t>22355</t>
  </si>
  <si>
    <t>GPS SHAHABDI WAL</t>
  </si>
  <si>
    <t>SHAHABDIWAL</t>
  </si>
  <si>
    <t>vill. shahabdiwal, p/o doulat nagar gujrat.</t>
  </si>
  <si>
    <t>PEROSHAH</t>
  </si>
  <si>
    <t>TAHIR AFZAL</t>
  </si>
  <si>
    <t>38811</t>
  </si>
  <si>
    <t>6219</t>
  </si>
  <si>
    <t>GPS TAREEL</t>
  </si>
  <si>
    <t>Tareel</t>
  </si>
  <si>
    <t>Village tareel p.o shahbagh teh.kallar syedan distt.rawalpindi</t>
  </si>
  <si>
    <t>Azmat Hussain</t>
  </si>
  <si>
    <t>27880</t>
  </si>
  <si>
    <t>GPS DERA ARBI MUZA LAL WAH P/O JUGOO WALA JPP.</t>
  </si>
  <si>
    <t>maoza lal wah p/o juggu wala</t>
  </si>
  <si>
    <t>takan wala</t>
  </si>
  <si>
    <t>Muhammad Junaid</t>
  </si>
  <si>
    <t>41130</t>
  </si>
  <si>
    <t>GPS TANLEHRI</t>
  </si>
  <si>
    <t>Slamber</t>
  </si>
  <si>
    <t>p/o punjar vill tanlehri teh kahuta rwp</t>
  </si>
  <si>
    <t>Tanlehri</t>
  </si>
  <si>
    <t>Isma Nawaz</t>
  </si>
  <si>
    <t>6230</t>
  </si>
  <si>
    <t>GGPS PANJ DHERA NO.2</t>
  </si>
  <si>
    <t>Punjdhera</t>
  </si>
  <si>
    <t>village dhok karam kaba post office punjdhera district and tehsil chakwal</t>
  </si>
  <si>
    <t>Dhok Karam Kaba</t>
  </si>
  <si>
    <t>Badar Un Nisa</t>
  </si>
  <si>
    <t>37845</t>
  </si>
  <si>
    <t>GGCMES 135/10-R QADEEM JAHANIAN</t>
  </si>
  <si>
    <t>135 / 10-R qadeem  teh. jahania District Khanewal</t>
  </si>
  <si>
    <t>Shaists Tasneem</t>
  </si>
  <si>
    <t>GGHS BURJ ATTARI</t>
  </si>
  <si>
    <t>burj attari</t>
  </si>
  <si>
    <t>salma tayyab</t>
  </si>
  <si>
    <t>28856</t>
  </si>
  <si>
    <t>20022</t>
  </si>
  <si>
    <t>GMPS THATHA MAHMOOD</t>
  </si>
  <si>
    <t>AEO (W) CHINIOT NO.17</t>
  </si>
  <si>
    <t>mouza Qazian  District chiniot</t>
  </si>
  <si>
    <t>Abida Sarwar</t>
  </si>
  <si>
    <t>6241</t>
  </si>
  <si>
    <t>48194</t>
  </si>
  <si>
    <t>GPS PURANA BHALWAL</t>
  </si>
  <si>
    <t>purana Bhalwal teh Bhalwal dist  sgd</t>
  </si>
  <si>
    <t>Mohammad Zahid</t>
  </si>
  <si>
    <t>43139</t>
  </si>
  <si>
    <t>33803</t>
  </si>
  <si>
    <t>52101</t>
  </si>
  <si>
    <t>GGPS BASTI KALOO WALI</t>
  </si>
  <si>
    <t>Basti Kalo Wali</t>
  </si>
  <si>
    <t>Gaps basti kalo wali</t>
  </si>
  <si>
    <t>Jamo Bodla</t>
  </si>
  <si>
    <t>43006</t>
  </si>
  <si>
    <t>GGPS PURANA SAROHA</t>
  </si>
  <si>
    <t>Purana Saroha post office kallar Syedan tehsil kallar sayedan</t>
  </si>
  <si>
    <t>Purana Saroha</t>
  </si>
  <si>
    <t>Shaheen Kausar</t>
  </si>
  <si>
    <t>28692</t>
  </si>
  <si>
    <t>GPS BABER KHAI</t>
  </si>
  <si>
    <t>Babber Khai</t>
  </si>
  <si>
    <t>GPS ASADULLAH PUR</t>
  </si>
  <si>
    <t>Asadullah Pur</t>
  </si>
  <si>
    <t>Asadullah pur</t>
  </si>
  <si>
    <t>Allodin  Kalan</t>
  </si>
  <si>
    <t>Arshad Zaman</t>
  </si>
  <si>
    <t>16366</t>
  </si>
  <si>
    <t>GPS KOT KHAIRA EAST</t>
  </si>
  <si>
    <t>Kot Khaira</t>
  </si>
  <si>
    <t>Abadi karam Hussain shah moza kot khaira,jhang</t>
  </si>
  <si>
    <t>Malhoana</t>
  </si>
  <si>
    <t>Qaisar abbas</t>
  </si>
  <si>
    <t>38125</t>
  </si>
  <si>
    <t>22593</t>
  </si>
  <si>
    <t>15708</t>
  </si>
  <si>
    <t>GGPS BEHLOLPUR</t>
  </si>
  <si>
    <t>HAFSA Tufail</t>
  </si>
  <si>
    <t>GGES CHAK NO. 50/F</t>
  </si>
  <si>
    <t>54F</t>
  </si>
  <si>
    <t>Chak no. 50 F chishtian</t>
  </si>
  <si>
    <t>50F</t>
  </si>
  <si>
    <t>54 Fateh</t>
  </si>
  <si>
    <t>48494</t>
  </si>
  <si>
    <t>GGPS CHAK NO.5 NB</t>
  </si>
  <si>
    <t>5nb</t>
  </si>
  <si>
    <t>Government Girls Primary School 5 NB tensile Bhalwal district Sargodha</t>
  </si>
  <si>
    <t>Chak 5 NB</t>
  </si>
  <si>
    <t>17026</t>
  </si>
  <si>
    <t>44471</t>
  </si>
  <si>
    <t>GPS BHONDA KALAN</t>
  </si>
  <si>
    <t>bhonda kalan</t>
  </si>
  <si>
    <t>GPS Bhonda Kalan</t>
  </si>
  <si>
    <t>Muhammad Sohaib</t>
  </si>
  <si>
    <t>GHS 88/E-B  ARIFWALA</t>
  </si>
  <si>
    <t>88/EB</t>
  </si>
  <si>
    <t>CHAK NO. 88/EB ARIFWALA</t>
  </si>
  <si>
    <t>CHAK NO. 86/EB</t>
  </si>
  <si>
    <t>Muhammad atif munir</t>
  </si>
  <si>
    <t>GES CHAK NO.17/1-R</t>
  </si>
  <si>
    <t>chak no 17/1R</t>
  </si>
  <si>
    <t>chak no 17/1r</t>
  </si>
  <si>
    <t>chak no 20/3r</t>
  </si>
  <si>
    <t>19534</t>
  </si>
  <si>
    <t>54101</t>
  </si>
  <si>
    <t>GPS DHANYAM</t>
  </si>
  <si>
    <t>Bamloot</t>
  </si>
  <si>
    <t>dhanyam, bamloot, post office sai, tehsil kahuta, District rawalpindi.</t>
  </si>
  <si>
    <t>Dhanyam</t>
  </si>
  <si>
    <t>Muhammad Omer Farooq</t>
  </si>
  <si>
    <t>carriage</t>
  </si>
  <si>
    <t>GPS DERA KORAY KHAN</t>
  </si>
  <si>
    <t>Rampur 3</t>
  </si>
  <si>
    <t>rampur 3</t>
  </si>
  <si>
    <t>ALLAH RAKKHA</t>
  </si>
  <si>
    <t>GPS CHAK NO.160/M</t>
  </si>
  <si>
    <t>160 m</t>
  </si>
  <si>
    <t>160 M</t>
  </si>
  <si>
    <t>39055</t>
  </si>
  <si>
    <t>GPS KOT FATEH KHAN</t>
  </si>
  <si>
    <t>Muhammad Naveed Anjum</t>
  </si>
  <si>
    <t>GPS CHAK NO 42/F</t>
  </si>
  <si>
    <t>Chak No 42/F PO 43/F Tehsil Chishtian</t>
  </si>
  <si>
    <t>5864</t>
  </si>
  <si>
    <t>43217</t>
  </si>
  <si>
    <t>GPS ASHRAF TOWN 3-MARLA SCHEME</t>
  </si>
  <si>
    <t>3 Marla Scheme</t>
  </si>
  <si>
    <t>3 marla scheme</t>
  </si>
  <si>
    <t>Syed Imran Haider</t>
  </si>
  <si>
    <t>42874</t>
  </si>
  <si>
    <t>GGHS NALA MUSLMANAN</t>
  </si>
  <si>
    <t>Nala muslmana</t>
  </si>
  <si>
    <t>GGHS nala Muslmana janobi Tehsil Kallar Syedan Distt rawapindi</t>
  </si>
  <si>
    <t>nala Muslmana</t>
  </si>
  <si>
    <t>34394</t>
  </si>
  <si>
    <t>44631</t>
  </si>
  <si>
    <t>GGPS CHAK NO. 209/TDA</t>
  </si>
  <si>
    <t>chak no 209 tda distt bhakkar</t>
  </si>
  <si>
    <t>Chak No 209 Tda</t>
  </si>
  <si>
    <t>60 61 Ml</t>
  </si>
  <si>
    <t>Rabia Bassri</t>
  </si>
  <si>
    <t>9188</t>
  </si>
  <si>
    <t>38728</t>
  </si>
  <si>
    <t>GGPS 366/WB</t>
  </si>
  <si>
    <t>chak #366/wb.tehsil dunyapur district lodhran</t>
  </si>
  <si>
    <t>366 West B</t>
  </si>
  <si>
    <t>366wb</t>
  </si>
  <si>
    <t>39362</t>
  </si>
  <si>
    <t>43157</t>
  </si>
  <si>
    <t>GGES MC CHAKWAL</t>
  </si>
  <si>
    <t>M.C GIRLS  ELEMENTARY  SCHOOL  TALAGANG  ROAR CHAKWAL</t>
  </si>
  <si>
    <t>Abida Tabassum</t>
  </si>
  <si>
    <t>52750</t>
  </si>
  <si>
    <t>GGPS BASIR PUR NO 3 NAI ABADI BASIR PUR</t>
  </si>
  <si>
    <t>Mahala daras Basir pur</t>
  </si>
  <si>
    <t>No Village</t>
  </si>
  <si>
    <t>Town Kamati Basir Pur</t>
  </si>
  <si>
    <t>Rafaqat Jabeen</t>
  </si>
  <si>
    <t>31245</t>
  </si>
  <si>
    <t>38780</t>
  </si>
  <si>
    <t>GHS (MC) ATTOCK CITY</t>
  </si>
  <si>
    <t>Near Indus Hotel attock city</t>
  </si>
  <si>
    <t>K Block Civil Bazar</t>
  </si>
  <si>
    <t>Attock City</t>
  </si>
  <si>
    <t>GES ZAHEER ABAD CHISHTIAN</t>
  </si>
  <si>
    <t>Chak Abdullah Otar</t>
  </si>
  <si>
    <t>basti zaheerabad Tehsil Chishtian District bahawalnagar</t>
  </si>
  <si>
    <t>Zaheerabad</t>
  </si>
  <si>
    <t>Chak 4/G</t>
  </si>
  <si>
    <t>Hafiz Muhammad Iqbal</t>
  </si>
  <si>
    <t>GPS CHAK NO 430/6-R SOUTH</t>
  </si>
  <si>
    <t>430/6R-S</t>
  </si>
  <si>
    <t>chak 430/6.R(s) tehsil haroonabad district  bahawalnagar</t>
  </si>
  <si>
    <t>chak 430/6R-S</t>
  </si>
  <si>
    <t>432/6R-W</t>
  </si>
  <si>
    <t>GPS DHOK DAND</t>
  </si>
  <si>
    <t>Sethi</t>
  </si>
  <si>
    <t>Dhoke Dand Vill Sethi, Tehsil Kallar Kahar, Distt Chakwal</t>
  </si>
  <si>
    <t>Dhoke Dand</t>
  </si>
  <si>
    <t>5089</t>
  </si>
  <si>
    <t>GGPS JAMSHER KHURD</t>
  </si>
  <si>
    <t>Jamsher Khurd</t>
  </si>
  <si>
    <t>jamher khurd</t>
  </si>
  <si>
    <t>Belqees Akhtar</t>
  </si>
  <si>
    <t>21092</t>
  </si>
  <si>
    <t>36060</t>
  </si>
  <si>
    <t>GES CHAK NO. 61 DB</t>
  </si>
  <si>
    <t>CHAK NO 61 DB P/O KHAS TEHSIL KALLUR KOT DISTRICT BHAKKAR</t>
  </si>
  <si>
    <t>CHAK NO 61 DB</t>
  </si>
  <si>
    <t>RIAZ AHMAD TAHIR</t>
  </si>
  <si>
    <t>34780</t>
  </si>
  <si>
    <t>GES TAJAY WALA JALALPUR PIRWALA</t>
  </si>
  <si>
    <t>moza tajey wala p/o juggo wala</t>
  </si>
  <si>
    <t>Ghulam Nazik Khan</t>
  </si>
  <si>
    <t>39542</t>
  </si>
  <si>
    <t>GPS DHOK CHHAB (SAGHRI)</t>
  </si>
  <si>
    <t>GBPS Dhoke Chabb Saghri P O Pindi Sarhal Tehsil Jand District Attock</t>
  </si>
  <si>
    <t>9868</t>
  </si>
  <si>
    <t>54200</t>
  </si>
  <si>
    <t>GES KHAN PUR</t>
  </si>
  <si>
    <t>khanpur post office jalalpur bhattian tehsil and distt hafizabad</t>
  </si>
  <si>
    <t>Shahnawaz Umar</t>
  </si>
  <si>
    <t>24368</t>
  </si>
  <si>
    <t>18786</t>
  </si>
  <si>
    <t>52299</t>
  </si>
  <si>
    <t>GGPS CHAK 297 JB II</t>
  </si>
  <si>
    <t>DHAMMA BANGLA FEMALE</t>
  </si>
  <si>
    <t>govt model primary school 297jb11 gojra</t>
  </si>
  <si>
    <t>297 JB  II</t>
  </si>
  <si>
    <t>301JB</t>
  </si>
  <si>
    <t>Bushra  Khanam</t>
  </si>
  <si>
    <t>31544</t>
  </si>
  <si>
    <t>20062</t>
  </si>
  <si>
    <t>GMPS KOT ROSHAN</t>
  </si>
  <si>
    <t>Kot Roshan</t>
  </si>
  <si>
    <t>kot roshan</t>
  </si>
  <si>
    <t>Asma Khan</t>
  </si>
  <si>
    <t>23320</t>
  </si>
  <si>
    <t>42858</t>
  </si>
  <si>
    <t>GHS BANHAL</t>
  </si>
  <si>
    <t>Banahal</t>
  </si>
  <si>
    <t>GHS banahal</t>
  </si>
  <si>
    <t>Manianda</t>
  </si>
  <si>
    <t>Zahid Masood Qasmi</t>
  </si>
  <si>
    <t>GGPS DULMI TUMMA</t>
  </si>
  <si>
    <t>Dulmi</t>
  </si>
  <si>
    <t>Village Dulmi Tamma tehsil gkhan</t>
  </si>
  <si>
    <t>Dulmi Tamma</t>
  </si>
  <si>
    <t>Robina Anjum</t>
  </si>
  <si>
    <t>29353</t>
  </si>
  <si>
    <t>48586</t>
  </si>
  <si>
    <t>4931</t>
  </si>
  <si>
    <t>GGPS MAHRAM SARGANA</t>
  </si>
  <si>
    <t>Abdi mahram sargana moza baghri p/o havili Lal tehsil, district jhang</t>
  </si>
  <si>
    <t>Mahram Wala</t>
  </si>
  <si>
    <t>najma bibi</t>
  </si>
  <si>
    <t>6648</t>
  </si>
  <si>
    <t>23638</t>
  </si>
  <si>
    <t>15508</t>
  </si>
  <si>
    <t>GPS ALI PURA</t>
  </si>
  <si>
    <t>noor town mohala ali pura</t>
  </si>
  <si>
    <t>Jinnah Colony Rehman Colony</t>
  </si>
  <si>
    <t>Muhammad Altaf</t>
  </si>
  <si>
    <t>44583</t>
  </si>
  <si>
    <t>51856</t>
  </si>
  <si>
    <t>GPS 51 EB</t>
  </si>
  <si>
    <t>51/eb</t>
  </si>
  <si>
    <t>59/eb</t>
  </si>
  <si>
    <t>Ishtiar Ahmad</t>
  </si>
  <si>
    <t>GMPS NARAR</t>
  </si>
  <si>
    <t>gmps narar</t>
  </si>
  <si>
    <t>Bihalian Narar</t>
  </si>
  <si>
    <t>Saleha Zamurad</t>
  </si>
  <si>
    <t>44164</t>
  </si>
  <si>
    <t>GHSS BHARPUR TEH &amp; DISTT CHAKWAL</t>
  </si>
  <si>
    <t>VPO BHARPUR TEHSIL KALLAR KAHAR DISTRICT CHAKWAL</t>
  </si>
  <si>
    <t>4939</t>
  </si>
  <si>
    <t>22215</t>
  </si>
  <si>
    <t>GES CHAKRIAN</t>
  </si>
  <si>
    <t>Chakrian</t>
  </si>
  <si>
    <t>Govt E/S Chakrian</t>
  </si>
  <si>
    <t>23665</t>
  </si>
  <si>
    <t>GGES BOGRAY</t>
  </si>
  <si>
    <t>Bogary</t>
  </si>
  <si>
    <t>p/o bogary tehsil daska district sialkot</t>
  </si>
  <si>
    <t>19810</t>
  </si>
  <si>
    <t>GMES WARRAH</t>
  </si>
  <si>
    <t>Thutha Muhammad Shah</t>
  </si>
  <si>
    <t>moza warrah thutha Muhammad shah</t>
  </si>
  <si>
    <t>Warrah</t>
  </si>
  <si>
    <t>Nida Fatima</t>
  </si>
  <si>
    <t>12695</t>
  </si>
  <si>
    <t>15448</t>
  </si>
  <si>
    <t>51340</t>
  </si>
  <si>
    <t>4946</t>
  </si>
  <si>
    <t>GGHS CHAK NO.19/F.W JINNAH COLONY</t>
  </si>
  <si>
    <t>19/fw Hasilpur</t>
  </si>
  <si>
    <t>gghs 19fw hasilpur</t>
  </si>
  <si>
    <t>Ruqia murtaza</t>
  </si>
  <si>
    <t>47110</t>
  </si>
  <si>
    <t>4951</t>
  </si>
  <si>
    <t>8191</t>
  </si>
  <si>
    <t>Haji ghazi</t>
  </si>
  <si>
    <t>Basti moosa</t>
  </si>
  <si>
    <t>Shamshad Bibi</t>
  </si>
  <si>
    <t>27227</t>
  </si>
  <si>
    <t>GMPS LAKHI SHAH</t>
  </si>
  <si>
    <t>Lakhi shah</t>
  </si>
  <si>
    <t>G M P S Lakhi shah</t>
  </si>
  <si>
    <t>Syed  Akmal Sajid</t>
  </si>
  <si>
    <t>20019</t>
  </si>
  <si>
    <t>GGPS SALARAY</t>
  </si>
  <si>
    <t>Moza salaray</t>
  </si>
  <si>
    <t>Government girl primary school salaray</t>
  </si>
  <si>
    <t>Ishrat Nasira</t>
  </si>
  <si>
    <t>42924</t>
  </si>
  <si>
    <t>GPS NANDNA JATTAL</t>
  </si>
  <si>
    <t>Nandna Jattal</t>
  </si>
  <si>
    <t>village nandna jattal PO chowk pindori teh kallar sydian distric Rawalpindi</t>
  </si>
  <si>
    <t>Bashandote</t>
  </si>
  <si>
    <t>Naeem Akther</t>
  </si>
  <si>
    <t>32951</t>
  </si>
  <si>
    <t>4968</t>
  </si>
  <si>
    <t>44173</t>
  </si>
  <si>
    <t>GHS NOOR PUR</t>
  </si>
  <si>
    <t>Kehwala</t>
  </si>
  <si>
    <t>VPO Noorpur kallar kahar chakwal</t>
  </si>
  <si>
    <t>Abdul Ghfafoor Shah</t>
  </si>
  <si>
    <t>purchase tank</t>
  </si>
  <si>
    <t>GES WAHGRAY</t>
  </si>
  <si>
    <t>Wahgray</t>
  </si>
  <si>
    <t>wahgray P/O Faizpur khurd Teh. feroz wala Sheikhupura</t>
  </si>
  <si>
    <t>Muhammad Hamza</t>
  </si>
  <si>
    <t>43055</t>
  </si>
  <si>
    <t>27015</t>
  </si>
  <si>
    <t>17074</t>
  </si>
  <si>
    <t>35015</t>
  </si>
  <si>
    <t>GGPS TIBBA LAANG</t>
  </si>
  <si>
    <t>ALI PUR SADAT - FEMALE</t>
  </si>
  <si>
    <t>Basti Tibba Lang moza Mochi Panuhan Uc Inayat Pur JPPW</t>
  </si>
  <si>
    <t>Tibba Lang</t>
  </si>
  <si>
    <t>42947</t>
  </si>
  <si>
    <t>33573</t>
  </si>
  <si>
    <t>41220</t>
  </si>
  <si>
    <t>GGPS JEWARA</t>
  </si>
  <si>
    <t>Jewra</t>
  </si>
  <si>
    <t>GGPS Jewra Tehsil Kahuta</t>
  </si>
  <si>
    <t>Shamsa Kanwal</t>
  </si>
  <si>
    <t>GHS YOUSAF SHAH</t>
  </si>
  <si>
    <t>YOUSAF SHAH POST OFFICE YOUSAF SHAH TEHSIL AND DISTRICT BHAKKAR</t>
  </si>
  <si>
    <t>Attaullah Qureshi</t>
  </si>
  <si>
    <t>6609</t>
  </si>
  <si>
    <t>23233</t>
  </si>
  <si>
    <t>GGPS WARIAN WALA QADEEM</t>
  </si>
  <si>
    <t>basti dharyja,maoza warian wala</t>
  </si>
  <si>
    <t>Zahra Hameed</t>
  </si>
  <si>
    <t>5881</t>
  </si>
  <si>
    <t>GGPS CHAK NO.84/F JATTAN</t>
  </si>
  <si>
    <t>Hsp</t>
  </si>
  <si>
    <t>84fj</t>
  </si>
  <si>
    <t>84F Jattan</t>
  </si>
  <si>
    <t>Freeha Sadaf</t>
  </si>
  <si>
    <t>GPS SANJRANI BALOCH</t>
  </si>
  <si>
    <t>basti sanjrani baloch,moza mangraija, markaz khanpur, tehsil saddar,bahawalpur</t>
  </si>
  <si>
    <t>Sanjrani Baloch</t>
  </si>
  <si>
    <t>27867</t>
  </si>
  <si>
    <t>GPS BASTI HAFIZ</t>
  </si>
  <si>
    <t>Basti Burrah P/O Kotla Mughlan Tehsil Jampur District Rajanpur</t>
  </si>
  <si>
    <t>BASTI Burrah</t>
  </si>
  <si>
    <t>Kotla Mugnlan</t>
  </si>
  <si>
    <t>Mureed Hussain</t>
  </si>
  <si>
    <t>51976</t>
  </si>
  <si>
    <t>GPS 68 EB</t>
  </si>
  <si>
    <t>68/eb</t>
  </si>
  <si>
    <t>68/EB ARIFWALA</t>
  </si>
  <si>
    <t>68/EB</t>
  </si>
  <si>
    <t>Imtiaz Ahmed Bhutta</t>
  </si>
  <si>
    <t>39686</t>
  </si>
  <si>
    <t>GGPS CHAPRI RAWAL</t>
  </si>
  <si>
    <t>Chapri Rawal</t>
  </si>
  <si>
    <t>ggps chapri rawal</t>
  </si>
  <si>
    <t>20040</t>
  </si>
  <si>
    <t>40863</t>
  </si>
  <si>
    <t>GGHS MAIRA</t>
  </si>
  <si>
    <t>p.o maora tehsil dina district jhelum</t>
  </si>
  <si>
    <t>4989</t>
  </si>
  <si>
    <t>54598</t>
  </si>
  <si>
    <t>GPS SEIOKE</t>
  </si>
  <si>
    <t>Seoki</t>
  </si>
  <si>
    <t>village seoky post office dhunni tehsil and district Hafizabad</t>
  </si>
  <si>
    <t>Chak Chattah</t>
  </si>
  <si>
    <t>GPS BAGH SHAHI</t>
  </si>
  <si>
    <t>Ablani</t>
  </si>
  <si>
    <t>basti faiz ali shah post office shahpur tehsil hasilpur distt. bahawalpur</t>
  </si>
  <si>
    <t>Khairoo Ghazikhanana</t>
  </si>
  <si>
    <t>Muhammad asghar</t>
  </si>
  <si>
    <t>12063</t>
  </si>
  <si>
    <t>GES KALLU</t>
  </si>
  <si>
    <t>Kallu</t>
  </si>
  <si>
    <t>GES kallu districtt chakwal tehsil kallar kahar</t>
  </si>
  <si>
    <t>34044</t>
  </si>
  <si>
    <t>52874</t>
  </si>
  <si>
    <t>53033</t>
  </si>
  <si>
    <t>GGPS CHAK AHMED KHAN KHOKHAR</t>
  </si>
  <si>
    <t>Chak Ahmad Khan Khokhar</t>
  </si>
  <si>
    <t>ggpschak ahmad khan khokhar</t>
  </si>
  <si>
    <t>Chak Ahmad Khan  Khokhar</t>
  </si>
  <si>
    <t>Klasson Hamid</t>
  </si>
  <si>
    <t>Sobia Yaqub</t>
  </si>
  <si>
    <t>41049</t>
  </si>
  <si>
    <t>GHS NARAR</t>
  </si>
  <si>
    <t>p/o narar via panjar trail kahuta district rwp</t>
  </si>
  <si>
    <t>48773</t>
  </si>
  <si>
    <t>48743</t>
  </si>
  <si>
    <t>GPS TINDDA THALL</t>
  </si>
  <si>
    <t>Tinda</t>
  </si>
  <si>
    <t>Tinda thal</t>
  </si>
  <si>
    <t>Tinda Thal</t>
  </si>
  <si>
    <t>Kalwal</t>
  </si>
  <si>
    <t>SHAH NAWAZ KHAN</t>
  </si>
  <si>
    <t>37892</t>
  </si>
  <si>
    <t>GMPS 144/10-R JAHANIAN</t>
  </si>
  <si>
    <t>144/10-R</t>
  </si>
  <si>
    <t>chak#144/10-R</t>
  </si>
  <si>
    <t>Chak#144/10R</t>
  </si>
  <si>
    <t>Sonia Shoukat</t>
  </si>
  <si>
    <t>53391</t>
  </si>
  <si>
    <t>34467</t>
  </si>
  <si>
    <t>39553</t>
  </si>
  <si>
    <t>GES THATTI SYEDAN</t>
  </si>
  <si>
    <t>Thattisyedan</t>
  </si>
  <si>
    <t>vpo.thatti syedan jand attock</t>
  </si>
  <si>
    <t>thatti Sydan</t>
  </si>
  <si>
    <t>Syed sajjad haider shah</t>
  </si>
  <si>
    <t>GPS NAWAZ ABAD MOUZA SHADI KACHALA P/O GHAZI PUR</t>
  </si>
  <si>
    <t>Shadi Kachala</t>
  </si>
  <si>
    <t>moza shadi  kachala</t>
  </si>
  <si>
    <t>Akhlaq ahmad</t>
  </si>
  <si>
    <t>13510</t>
  </si>
  <si>
    <t>GPS KOTHA JINDU P/O DAJAL</t>
  </si>
  <si>
    <t>mauza tal shumali dajal</t>
  </si>
  <si>
    <t>51999</t>
  </si>
  <si>
    <t>GGPS MC NO. 4 IQBAL NAGAR ARIFWALA</t>
  </si>
  <si>
    <t>Mohallah Iqbal Nagar Arifwala</t>
  </si>
  <si>
    <t>37704</t>
  </si>
  <si>
    <t>GPS NAI ABADI FAQIR WALI</t>
  </si>
  <si>
    <t>Madni colony faqirwali</t>
  </si>
  <si>
    <t>Faqirwali II</t>
  </si>
  <si>
    <t>45378</t>
  </si>
  <si>
    <t>GHS KATH</t>
  </si>
  <si>
    <t>KATH</t>
  </si>
  <si>
    <t>GOVT.SECONDARY SCHOOL KATH Da4ya khan  Bhakkar</t>
  </si>
  <si>
    <t>GADDAI</t>
  </si>
  <si>
    <t>47796</t>
  </si>
  <si>
    <t>29856</t>
  </si>
  <si>
    <t>42335</t>
  </si>
  <si>
    <t>GHS DARA KIAL</t>
  </si>
  <si>
    <t>VPO Dara Kial Tehsil Gujar Khan District Rawalpindi</t>
  </si>
  <si>
    <t>Yasir Mehmood</t>
  </si>
  <si>
    <t>20579</t>
  </si>
  <si>
    <t>5907</t>
  </si>
  <si>
    <t>GGPS ZAHEER ABAD</t>
  </si>
  <si>
    <t>zaheer abad chunian.</t>
  </si>
  <si>
    <t>MC Chunian</t>
  </si>
  <si>
    <t>Anam Tahir</t>
  </si>
  <si>
    <t>47202</t>
  </si>
  <si>
    <t>GES CHAK NO.473 TDA</t>
  </si>
  <si>
    <t>CHAK NO.473 TDA</t>
  </si>
  <si>
    <t>CHAK NO.473</t>
  </si>
  <si>
    <t>.452TDA</t>
  </si>
  <si>
    <t>51692</t>
  </si>
  <si>
    <t>47245</t>
  </si>
  <si>
    <t>GES HAMA RATH</t>
  </si>
  <si>
    <t>HAMA RATH</t>
  </si>
  <si>
    <t>HAMA Rath P.o Mari Hazara Tehsil Arifwala PAKPATTAN</t>
  </si>
  <si>
    <t>8858</t>
  </si>
  <si>
    <t>GPS ARAINAN WALA</t>
  </si>
  <si>
    <t>Araian wala</t>
  </si>
  <si>
    <t>Arainan Wala</t>
  </si>
  <si>
    <t>Arshad Rafiq</t>
  </si>
  <si>
    <t>22520</t>
  </si>
  <si>
    <t>GPS HARAJ</t>
  </si>
  <si>
    <t>post office narang village haraj</t>
  </si>
  <si>
    <t>Thanil Kaml</t>
  </si>
  <si>
    <t>Lubna Bibi</t>
  </si>
  <si>
    <t>10989</t>
  </si>
  <si>
    <t>44557</t>
  </si>
  <si>
    <t>22767</t>
  </si>
  <si>
    <t>GGPS MARARIAN</t>
  </si>
  <si>
    <t>MARARIAN</t>
  </si>
  <si>
    <t>GGPS MARARIAN GUJRAT</t>
  </si>
  <si>
    <t>ADOWAL</t>
  </si>
  <si>
    <t>Maliha Dogar</t>
  </si>
  <si>
    <t>6427</t>
  </si>
  <si>
    <t>GMPS KALAS</t>
  </si>
  <si>
    <t>RAMAN -FEMALE</t>
  </si>
  <si>
    <t>Kalas</t>
  </si>
  <si>
    <t>vill kalas P/O sayyed</t>
  </si>
  <si>
    <t>43556</t>
  </si>
  <si>
    <t>25075</t>
  </si>
  <si>
    <t>17817</t>
  </si>
  <si>
    <t>GMPS NADHA GHAR</t>
  </si>
  <si>
    <t>Nadha Ghar</t>
  </si>
  <si>
    <t>mouza bhone tehsil  and district jhang</t>
  </si>
  <si>
    <t>Arifa Yasmeen</t>
  </si>
  <si>
    <t>9852</t>
  </si>
  <si>
    <t>22288</t>
  </si>
  <si>
    <t>50312</t>
  </si>
  <si>
    <t>GPS 13/11-L</t>
  </si>
  <si>
    <t>Chak 13/11L</t>
  </si>
  <si>
    <t>Chak No. 13/11.L</t>
  </si>
  <si>
    <t>Chak 18/11L</t>
  </si>
  <si>
    <t>21630</t>
  </si>
  <si>
    <t>46922</t>
  </si>
  <si>
    <t>GGPS WANDHA GHULAM HUSSAIN WALA</t>
  </si>
  <si>
    <t>Govt Girls Primary School Wandha G.Hussain Ali khel Trag.</t>
  </si>
  <si>
    <t>Trag Sharif</t>
  </si>
  <si>
    <t>Trag Sharf</t>
  </si>
  <si>
    <t>Samia Nosheen Niazi</t>
  </si>
  <si>
    <t>GGES 435 EB</t>
  </si>
  <si>
    <t>Chak 435/EB Burewala</t>
  </si>
  <si>
    <t>Ward No 21</t>
  </si>
  <si>
    <t>Faiza Arshad</t>
  </si>
  <si>
    <t>43486</t>
  </si>
  <si>
    <t>GGCMS KHEWAL</t>
  </si>
  <si>
    <t>Khewal</t>
  </si>
  <si>
    <t>village &amp; p.o khewal</t>
  </si>
  <si>
    <t>Neelam Dureen</t>
  </si>
  <si>
    <t>47405</t>
  </si>
  <si>
    <t>GPS TANZEEM MARALI</t>
  </si>
  <si>
    <t>govt. tanzeem primary school mirali moza muhammad pur</t>
  </si>
  <si>
    <t>GPS GAHI</t>
  </si>
  <si>
    <t>Gahi</t>
  </si>
  <si>
    <t>vpo Gahi tehsil kalar kahar</t>
  </si>
  <si>
    <t>elecric motor bore</t>
  </si>
  <si>
    <t>31085</t>
  </si>
  <si>
    <t>29009</t>
  </si>
  <si>
    <t>GMPS KOT SIDDIQUE SHAH</t>
  </si>
  <si>
    <t>Kot Siddiq Shah</t>
  </si>
  <si>
    <t>Pakhuki</t>
  </si>
  <si>
    <t>45921</t>
  </si>
  <si>
    <t>GmPS BHOON HAZARI</t>
  </si>
  <si>
    <t>BHOON HAZARI</t>
  </si>
  <si>
    <t>VILALAGE WADA PIND, BHOON HAZARI &amp;P/O KARIANWALA</t>
  </si>
  <si>
    <t>HAZARA MUGLAN</t>
  </si>
  <si>
    <t>Salaha Mushtaq</t>
  </si>
  <si>
    <t>26245</t>
  </si>
  <si>
    <t>9616</t>
  </si>
  <si>
    <t>GES PAWLI WALA</t>
  </si>
  <si>
    <t>middle school , pawali wala, the.  choubara, distt. layyah</t>
  </si>
  <si>
    <t>Pawali Wala</t>
  </si>
  <si>
    <t>Ghafoor Ahmad</t>
  </si>
  <si>
    <t>42542</t>
  </si>
  <si>
    <t>GHS NABAN JANJUA</t>
  </si>
  <si>
    <t>NABAN JANJUA</t>
  </si>
  <si>
    <t>VPO NABAN JANJUA,TEHSIL GUJAR KHAN,DISTRICT RAWALPINDI.</t>
  </si>
  <si>
    <t>Babar Shahzad</t>
  </si>
  <si>
    <t>40842</t>
  </si>
  <si>
    <t>51859</t>
  </si>
  <si>
    <t>GPS BAKHA HANS</t>
  </si>
  <si>
    <t>BAKHA HANS</t>
  </si>
  <si>
    <t>BAKHA HANS ARIFWALA</t>
  </si>
  <si>
    <t>Waqas Ali</t>
  </si>
  <si>
    <t>GGPS CHANDRANI WEST</t>
  </si>
  <si>
    <t>Chandarani West</t>
  </si>
  <si>
    <t>chandarani west</t>
  </si>
  <si>
    <t>Chandarani</t>
  </si>
  <si>
    <t>Jamaal Channer</t>
  </si>
  <si>
    <t>Fozia Wazir</t>
  </si>
  <si>
    <t>42753</t>
  </si>
  <si>
    <t>GPS KALA SHAH KAKU GAON</t>
  </si>
  <si>
    <t>Kala Gaon</t>
  </si>
  <si>
    <t>kala gain ferozwala skp</t>
  </si>
  <si>
    <t>5786</t>
  </si>
  <si>
    <t>43386</t>
  </si>
  <si>
    <t>GGPS DHOK MOMAN CHAKWAL</t>
  </si>
  <si>
    <t>dhok momin pindi road chakwal</t>
  </si>
  <si>
    <t>19339</t>
  </si>
  <si>
    <t>5788</t>
  </si>
  <si>
    <t>GGPS CHAK NO.85/F</t>
  </si>
  <si>
    <t>MUHAMD</t>
  </si>
  <si>
    <t>GGPS 85/f</t>
  </si>
  <si>
    <t>85/f</t>
  </si>
  <si>
    <t>71/f</t>
  </si>
  <si>
    <t>Sumaira Andleeb</t>
  </si>
  <si>
    <t>40850</t>
  </si>
  <si>
    <t>GHS PANDORI</t>
  </si>
  <si>
    <t>Village &amp; P.O Pandori, Tehsil Dina District Jhelum</t>
  </si>
  <si>
    <t>27003</t>
  </si>
  <si>
    <t>GGPS MC NO. 4 HAFIZABAD</t>
  </si>
  <si>
    <t>Bahawalpura</t>
  </si>
  <si>
    <t>kassoki road hafizabad abad</t>
  </si>
  <si>
    <t>41271</t>
  </si>
  <si>
    <t>5802</t>
  </si>
  <si>
    <t>3893</t>
  </si>
  <si>
    <t>28993</t>
  </si>
  <si>
    <t>GMPS DAO KAY KHANAYANA</t>
  </si>
  <si>
    <t>SHAM KOT - FEMALE</t>
  </si>
  <si>
    <t>Dao K Khanyana</t>
  </si>
  <si>
    <t>Dao kay khanyana</t>
  </si>
  <si>
    <t>Dao k Khanyana</t>
  </si>
  <si>
    <t>Saba Aziz</t>
  </si>
  <si>
    <t>19394</t>
  </si>
  <si>
    <t>52223</t>
  </si>
  <si>
    <t>GHS CHIPLI PUR</t>
  </si>
  <si>
    <t>GHS Chiplipur</t>
  </si>
  <si>
    <t>101277</t>
  </si>
  <si>
    <t>5804</t>
  </si>
  <si>
    <t>44240</t>
  </si>
  <si>
    <t>GPS BHALIAL</t>
  </si>
  <si>
    <t>GPS Bhalial Teh Kallar Kahar Dist Chakwal.</t>
  </si>
  <si>
    <t>Tahir-ul-Hassan saabir</t>
  </si>
  <si>
    <t>36785</t>
  </si>
  <si>
    <t>GES GARJAKH</t>
  </si>
  <si>
    <t>main road garjakh</t>
  </si>
  <si>
    <t>garjakh</t>
  </si>
  <si>
    <t>jalil ahmad</t>
  </si>
  <si>
    <t>GPS JHOKE LAL SHAH</t>
  </si>
  <si>
    <t>Jhok Lal Shah</t>
  </si>
  <si>
    <t>jhok lal shah</t>
  </si>
  <si>
    <t>Panjgrain Nasib</t>
  </si>
  <si>
    <t>Syed Hassan Ali Shah</t>
  </si>
  <si>
    <t>5812</t>
  </si>
  <si>
    <t>39701</t>
  </si>
  <si>
    <t>GGPS PANA KHAILI</t>
  </si>
  <si>
    <t>dhok pana khaili teh jand.distt.attock</t>
  </si>
  <si>
    <t>Saira Perveen</t>
  </si>
  <si>
    <t>35320</t>
  </si>
  <si>
    <t>GPS BHUTTANA</t>
  </si>
  <si>
    <t>GPS bhuttana</t>
  </si>
  <si>
    <t>Bhuttana</t>
  </si>
  <si>
    <t>Iqra Arshad</t>
  </si>
  <si>
    <t>42908</t>
  </si>
  <si>
    <t>GPS BASANTA</t>
  </si>
  <si>
    <t>Village and p/o Basanta Teh Kallar Syedan Distt RWP</t>
  </si>
  <si>
    <t>19913</t>
  </si>
  <si>
    <t>GGHS MADRISSA TUL BINAT</t>
  </si>
  <si>
    <t>GOVT. MADRASSA-TUL-BINAT HIGH CHINIOT, MOHALLAH GARHA</t>
  </si>
  <si>
    <t>MOHALLAH GARHA</t>
  </si>
  <si>
    <t>5829</t>
  </si>
  <si>
    <t>43186</t>
  </si>
  <si>
    <t>GGES KOT CHUDHRIAN</t>
  </si>
  <si>
    <t>Kot Chaudhrian</t>
  </si>
  <si>
    <t>VPO KOT CHAUDHRIAN TEH AND DISTRICT CHAKWAL</t>
  </si>
  <si>
    <t>MARYAM IZHAR</t>
  </si>
  <si>
    <t>42944</t>
  </si>
  <si>
    <t>36511</t>
  </si>
  <si>
    <t>38589</t>
  </si>
  <si>
    <t>GGPS RUKAN DIN PUR</t>
  </si>
  <si>
    <t>Rukandinpur</t>
  </si>
  <si>
    <t>rukandinpur</t>
  </si>
  <si>
    <t>Kishwar Bano</t>
  </si>
  <si>
    <t>37568</t>
  </si>
  <si>
    <t>GPS BONGA LASHKARI</t>
  </si>
  <si>
    <t>Boonga Lashkari</t>
  </si>
  <si>
    <t>Mauza Boonga Lashkari Tehsil Hasilpur District Bahawalpur.</t>
  </si>
  <si>
    <t>Muhmmad Sarwar</t>
  </si>
  <si>
    <t>GGHS CHAK NO 204 RB</t>
  </si>
  <si>
    <t>204 RB FSD</t>
  </si>
  <si>
    <t>Gulraiz Naseem</t>
  </si>
  <si>
    <t>GMPS KOT DADU GHALLU</t>
  </si>
  <si>
    <t>KHANPUR - FEMALE</t>
  </si>
  <si>
    <t>Kot Dadu Ghallu</t>
  </si>
  <si>
    <t>GMES Kot Dadu Ghallu</t>
  </si>
  <si>
    <t>lubna masood</t>
  </si>
  <si>
    <t>17745</t>
  </si>
  <si>
    <t>GMPS CHAK NO. 167/2</t>
  </si>
  <si>
    <t>chak no167 jb</t>
  </si>
  <si>
    <t>chak no 167 jb</t>
  </si>
  <si>
    <t>Chak no 167 jb</t>
  </si>
  <si>
    <t>Gerwah</t>
  </si>
  <si>
    <t>GGPS ALI PURA</t>
  </si>
  <si>
    <t>Gujranwala City 111</t>
  </si>
  <si>
    <t>noor town ali pura</t>
  </si>
  <si>
    <t>City Gujranwala</t>
  </si>
  <si>
    <t>Nusrat Jahan</t>
  </si>
  <si>
    <t>23376</t>
  </si>
  <si>
    <t>48855</t>
  </si>
  <si>
    <t>GMPS DERA JAMMU (MARKAZ MANGAT UNCHA)</t>
  </si>
  <si>
    <t>Dera jammun wala Ghanaian post office mangat uncha district and tesil hafizabad</t>
  </si>
  <si>
    <t>Dera Jammun</t>
  </si>
  <si>
    <t>Chack Chatha</t>
  </si>
  <si>
    <t>35329</t>
  </si>
  <si>
    <t>GGPS 445/EB BASTI JOIYA</t>
  </si>
  <si>
    <t>Basti Joiya</t>
  </si>
  <si>
    <t>Basti Joyia 445/EB</t>
  </si>
  <si>
    <t>445/EB</t>
  </si>
  <si>
    <t>shamshad tufail</t>
  </si>
  <si>
    <t>36024</t>
  </si>
  <si>
    <t>GGES WAJHLANA(Under NGO)</t>
  </si>
  <si>
    <t>Wajhlana</t>
  </si>
  <si>
    <t>moza wajhana</t>
  </si>
  <si>
    <t>Dhulyaina</t>
  </si>
  <si>
    <t>rahila fardous</t>
  </si>
  <si>
    <t>5601</t>
  </si>
  <si>
    <t>GGPS CHAK NO. 86/5 R</t>
  </si>
  <si>
    <t>chak no 86/5r</t>
  </si>
  <si>
    <t>38050</t>
  </si>
  <si>
    <t>13239</t>
  </si>
  <si>
    <t>GGPS MISKEEN PUR</t>
  </si>
  <si>
    <t>ggps miskeenpur thsil jatoi district mGarh</t>
  </si>
  <si>
    <t>Miskeenpur</t>
  </si>
  <si>
    <t>27072</t>
  </si>
  <si>
    <t>GMPS JHANB TARAR</t>
  </si>
  <si>
    <t>Jhanb Tarar</t>
  </si>
  <si>
    <t>jhanb tarar</t>
  </si>
  <si>
    <t>Dherenke Lalky</t>
  </si>
  <si>
    <t>Mariam Saif</t>
  </si>
  <si>
    <t>43513</t>
  </si>
  <si>
    <t>GGPS JABBI</t>
  </si>
  <si>
    <t>jabbi chakwal</t>
  </si>
  <si>
    <t>SHAGUFTA Shaheen</t>
  </si>
  <si>
    <t>21259</t>
  </si>
  <si>
    <t>GGHSS MIRZA</t>
  </si>
  <si>
    <t>government girls higher secondary school mirza</t>
  </si>
  <si>
    <t>SHAZIA KHURSHID</t>
  </si>
  <si>
    <t>GPS BASTI CHAUDHRIAN</t>
  </si>
  <si>
    <t>GPS Basti Choudhrian Jamalpur Tehsil Hasilpur</t>
  </si>
  <si>
    <t>Basti Choudhrian</t>
  </si>
  <si>
    <t>39822</t>
  </si>
  <si>
    <t>GPS GHARSHEEN</t>
  </si>
  <si>
    <t>Gharsheen</t>
  </si>
  <si>
    <t>Village Gharsheen P.O Daud Pur Tehsil Hassan Abdal District Attock</t>
  </si>
  <si>
    <t>19054</t>
  </si>
  <si>
    <t>GES 86/M JALALPUR PIRWALA</t>
  </si>
  <si>
    <t>chak 86/m</t>
  </si>
  <si>
    <t>abdullah colony chak 86/m .Tehsil Jalalpur Pirwala</t>
  </si>
  <si>
    <t>abdullah colony</t>
  </si>
  <si>
    <t>city-ward</t>
  </si>
  <si>
    <t>52636</t>
  </si>
  <si>
    <t>GPS BASTI RANJHA</t>
  </si>
  <si>
    <t>Berbal Ranjha</t>
  </si>
  <si>
    <t>basti Ranjha</t>
  </si>
  <si>
    <t>muhammad shahid saleem</t>
  </si>
  <si>
    <t>39627</t>
  </si>
  <si>
    <t>GGPS JAND NO.3</t>
  </si>
  <si>
    <t>mohallah haji bazar jand</t>
  </si>
  <si>
    <t>Mrs Neelam Mushtaq</t>
  </si>
  <si>
    <t>GGPS CHAK NO 438/6-R (WEST)</t>
  </si>
  <si>
    <t>GOVT. GIRLS PRIMARY SCHOOL 438/6R (W)</t>
  </si>
  <si>
    <t>438/6R(W)</t>
  </si>
  <si>
    <t>43441</t>
  </si>
  <si>
    <t>7766</t>
  </si>
  <si>
    <t>GGPS DHOK MALIK MEHMOND</t>
  </si>
  <si>
    <t>dhok malik mehmand mehmand</t>
  </si>
  <si>
    <t>village dhok malik mehmand p/o jhatla tehsil &amp;district chakwal</t>
  </si>
  <si>
    <t>dhok malik mehmand</t>
  </si>
  <si>
    <t>jaswal</t>
  </si>
  <si>
    <t>Ghulam Shahzada</t>
  </si>
  <si>
    <t>40242</t>
  </si>
  <si>
    <t>GGES 78/12-L</t>
  </si>
  <si>
    <t>78/12l</t>
  </si>
  <si>
    <t>78/12.,l</t>
  </si>
  <si>
    <t>GGES CHAK NO.167/M</t>
  </si>
  <si>
    <t>167/murad</t>
  </si>
  <si>
    <t>GGES chak no 167/murad tehsil chishtian distt bahawalnagar</t>
  </si>
  <si>
    <t>Mahwish Akram</t>
  </si>
  <si>
    <t>52945</t>
  </si>
  <si>
    <t>GMMS BHANI SULEMANKI</t>
  </si>
  <si>
    <t>Bhani Sulemanki</t>
  </si>
  <si>
    <t>BHENI SULEMANKI</t>
  </si>
  <si>
    <t>JAMALKOT</t>
  </si>
  <si>
    <t>LOOQAS</t>
  </si>
  <si>
    <t>43028</t>
  </si>
  <si>
    <t>GGPS DHOK MUQADDAM</t>
  </si>
  <si>
    <t>Dhoke Muqaddam</t>
  </si>
  <si>
    <t>Dhoke Muqadam, PO Choa, Kallar Syedan, Rwp</t>
  </si>
  <si>
    <t>Shazima Saleem</t>
  </si>
  <si>
    <t>GMPS MIANI BORGI</t>
  </si>
  <si>
    <t>Miani Borgi</t>
  </si>
  <si>
    <t>village miani borgi tensile gujarkhan distt Rawalpindi</t>
  </si>
  <si>
    <t>Islampura Jabbar</t>
  </si>
  <si>
    <t>Rubina Tabssam</t>
  </si>
  <si>
    <t>GHS GOTH MEHRAB</t>
  </si>
  <si>
    <t>40015</t>
  </si>
  <si>
    <t>17194</t>
  </si>
  <si>
    <t>GPS RAJAN WALA</t>
  </si>
  <si>
    <t>kachian</t>
  </si>
  <si>
    <t>Kot khan Road Mauza kachian Tehsil and District Jhang</t>
  </si>
  <si>
    <t>Rajan Wala</t>
  </si>
  <si>
    <t>suba khan</t>
  </si>
  <si>
    <t>19158</t>
  </si>
  <si>
    <t>29365</t>
  </si>
  <si>
    <t>GGPS JATAN WALA</t>
  </si>
  <si>
    <t>jattan wala</t>
  </si>
  <si>
    <t>Jattan WALA</t>
  </si>
  <si>
    <t>Kamar  Pakka</t>
  </si>
  <si>
    <t>Mussarrat Naheed</t>
  </si>
  <si>
    <t>49566</t>
  </si>
  <si>
    <t>16329</t>
  </si>
  <si>
    <t>34832</t>
  </si>
  <si>
    <t>GPS HOORI WALA</t>
  </si>
  <si>
    <t>Kandair</t>
  </si>
  <si>
    <t>Hoori wala p/o bahadar pur jalal pur pir wala</t>
  </si>
  <si>
    <t>Hoori Wala</t>
  </si>
  <si>
    <t>Shoaib Abbas</t>
  </si>
  <si>
    <t>22522</t>
  </si>
  <si>
    <t>GGPS CHOHAN</t>
  </si>
  <si>
    <t>Village Chohan p/o Karianwala,Tehsil and District Gujrat</t>
  </si>
  <si>
    <t>Tayyab Rasheed</t>
  </si>
  <si>
    <t>23303</t>
  </si>
  <si>
    <t>GGPS PEER FATEH SHAH NO. 1</t>
  </si>
  <si>
    <t>village peer fateh shah near darbar</t>
  </si>
  <si>
    <t>Peer Fateh Shah</t>
  </si>
  <si>
    <t>Shagufta Naureen</t>
  </si>
  <si>
    <t>38924</t>
  </si>
  <si>
    <t>GGCMS F-6/RF PAC KAMRA</t>
  </si>
  <si>
    <t>Kamra  Cantt</t>
  </si>
  <si>
    <t>GGCMS Kamra Attock</t>
  </si>
  <si>
    <t>C-1</t>
  </si>
  <si>
    <t>Zuhra Jabeen</t>
  </si>
  <si>
    <t>31549</t>
  </si>
  <si>
    <t>5692</t>
  </si>
  <si>
    <t>GGPS CHAK NO. 328 HR (E)</t>
  </si>
  <si>
    <t>328/hr E</t>
  </si>
  <si>
    <t>chak no 328/hr E</t>
  </si>
  <si>
    <t>327/hr</t>
  </si>
  <si>
    <t>Naheed Anwar</t>
  </si>
  <si>
    <t>707850</t>
  </si>
  <si>
    <t>42959</t>
  </si>
  <si>
    <t>GPS MOHRA JAND</t>
  </si>
  <si>
    <t>Bishndote</t>
  </si>
  <si>
    <t>village rupper  p/o bishndote tehsil kallar syedan distt rawalpindi</t>
  </si>
  <si>
    <t>Rupperr</t>
  </si>
  <si>
    <t>Shumaila Ayub</t>
  </si>
  <si>
    <t>10206</t>
  </si>
  <si>
    <t>37894</t>
  </si>
  <si>
    <t>GMPS 114/10-R, JAHANIAN</t>
  </si>
  <si>
    <t>chak no 114/10-R jahanian district khanewal</t>
  </si>
  <si>
    <t>Chak No 114/10-R</t>
  </si>
  <si>
    <t>11976</t>
  </si>
  <si>
    <t>5704</t>
  </si>
  <si>
    <t>GPS CHAK TALAB</t>
  </si>
  <si>
    <t>Basti Punjabi Moza Shahani p / O Muhammad Pur Tehsil JamPur Distt. RajanPur</t>
  </si>
  <si>
    <t>Basti Punjabi</t>
  </si>
  <si>
    <t>Jhok Mahaar</t>
  </si>
  <si>
    <t>GPS 4/14-L KASSOWAL</t>
  </si>
  <si>
    <t>chak no 4/14.L kassowal</t>
  </si>
  <si>
    <t>Muhammad Tahir Javed</t>
  </si>
  <si>
    <t>GHS SHAMS ABAD</t>
  </si>
  <si>
    <t>Gbhs shamsabad tehsil hazro district attock</t>
  </si>
  <si>
    <t>44209</t>
  </si>
  <si>
    <t>GPS SHAMS ABAD</t>
  </si>
  <si>
    <t>Shams Abad</t>
  </si>
  <si>
    <t>Village shams abad PO kariyala</t>
  </si>
  <si>
    <t>Khurram Khurshid</t>
  </si>
  <si>
    <t>7009</t>
  </si>
  <si>
    <t>6269</t>
  </si>
  <si>
    <t>GGPS CHAK NO. 168/7-R E</t>
  </si>
  <si>
    <t>Chak 168/7R E</t>
  </si>
  <si>
    <t>Chak 168/7.R E P/O 192/7.R Tehsil Fortabbas</t>
  </si>
  <si>
    <t>168/7R E</t>
  </si>
  <si>
    <t>Chak 167/7R W</t>
  </si>
  <si>
    <t>Shamila Naz</t>
  </si>
  <si>
    <t>45412</t>
  </si>
  <si>
    <t>GGHS HASILPUR OLD</t>
  </si>
  <si>
    <t>Sr. Headmistress Govt. Girls High School Hasilpur Old</t>
  </si>
  <si>
    <t>Mrs. Shahida saeed</t>
  </si>
  <si>
    <t>GGPS MUMTAZ</t>
  </si>
  <si>
    <t>Mohalla Islam Poora</t>
  </si>
  <si>
    <t>kolo road near DHQ hafizabad</t>
  </si>
  <si>
    <t>MC CITY HAFIZABAD</t>
  </si>
  <si>
    <t>Samrina Rafique</t>
  </si>
  <si>
    <t>8491</t>
  </si>
  <si>
    <t>20126</t>
  </si>
  <si>
    <t>GPS CHAK NO 140 JB</t>
  </si>
  <si>
    <t>chak no 140 jb Haral</t>
  </si>
  <si>
    <t>Syed  Kazim Ali Shah</t>
  </si>
  <si>
    <t>GPS KHORI RASOOL PUR</t>
  </si>
  <si>
    <t>Khori Rasool Pur</t>
  </si>
  <si>
    <t>village &amp; p o Khori Rasool pur</t>
  </si>
  <si>
    <t>Toheed Akhtar</t>
  </si>
  <si>
    <t>36679</t>
  </si>
  <si>
    <t>42463</t>
  </si>
  <si>
    <t>GGHS HAMID JHANGI</t>
  </si>
  <si>
    <t>Hamid Jhangi</t>
  </si>
  <si>
    <t>GGHS, Hamid Jhangi, tehsil Gujar Khan, District Rawalpindi</t>
  </si>
  <si>
    <t>Jhangi Jalal</t>
  </si>
  <si>
    <t>Rizwana Saddique</t>
  </si>
  <si>
    <t>govt. water and school boring</t>
  </si>
  <si>
    <t>41050</t>
  </si>
  <si>
    <t>GHS PUNJAR</t>
  </si>
  <si>
    <t>GBHS Punjar, kahuta,rwp</t>
  </si>
  <si>
    <t>Muhammad Aamir Faraz</t>
  </si>
  <si>
    <t>6492</t>
  </si>
  <si>
    <t>52118</t>
  </si>
  <si>
    <t>GGPS 353 EB ARIFWALA</t>
  </si>
  <si>
    <t>353/eb</t>
  </si>
  <si>
    <t>chak no 353/eb</t>
  </si>
  <si>
    <t>351/eb</t>
  </si>
  <si>
    <t>Sana Rafiq</t>
  </si>
  <si>
    <t>11087</t>
  </si>
  <si>
    <t>GGPS WANDHA ALLAH KHEL WALA</t>
  </si>
  <si>
    <t>Kamar Mushani</t>
  </si>
  <si>
    <t>wanda Allah khel Wala,kamar mushani tehsil esa khel</t>
  </si>
  <si>
    <t>44286</t>
  </si>
  <si>
    <t>GGPS GHAHI</t>
  </si>
  <si>
    <t>vpo gahi tehsil kallar kahar district chakwal</t>
  </si>
  <si>
    <t>6304</t>
  </si>
  <si>
    <t>38954</t>
  </si>
  <si>
    <t>GHS MIAN RASHIDA</t>
  </si>
  <si>
    <t>Mian Rashida</t>
  </si>
  <si>
    <t>GBHS Mian Rashida Tehsil Fateh Jang Distt. Attock</t>
  </si>
  <si>
    <t>49419</t>
  </si>
  <si>
    <t>48840</t>
  </si>
  <si>
    <t>33842</t>
  </si>
  <si>
    <t>GGPS AULAKHAN WALA</t>
  </si>
  <si>
    <t>dera aulakhanwala
tehsil &amp;District Bhakkar</t>
  </si>
  <si>
    <t>Dera Aulakhanwala</t>
  </si>
  <si>
    <t>Dagar aoulkh</t>
  </si>
  <si>
    <t>54561</t>
  </si>
  <si>
    <t>GPS GARHI GHOUS</t>
  </si>
  <si>
    <t>GARHI GHOUS</t>
  </si>
  <si>
    <t>GPS GARHI GHOUS  HAFIZABAD</t>
  </si>
  <si>
    <t>HFD WARD NO</t>
  </si>
  <si>
    <t>Mian Nasser Hussain Dogar</t>
  </si>
  <si>
    <t>36206</t>
  </si>
  <si>
    <t>GMPS SANPAL</t>
  </si>
  <si>
    <t>Village &amp; P/O Sanpal</t>
  </si>
  <si>
    <t>Village Sanpal</t>
  </si>
  <si>
    <t>Nadia Imtiaz</t>
  </si>
  <si>
    <t>52162</t>
  </si>
  <si>
    <t>6469</t>
  </si>
  <si>
    <t>39906</t>
  </si>
  <si>
    <t>GHS NARTOPA</t>
  </si>
  <si>
    <t>Nartopa</t>
  </si>
  <si>
    <t>GBHS. NARTOPA</t>
  </si>
  <si>
    <t>NARTOPA WARDAG</t>
  </si>
  <si>
    <t>NARTOPA</t>
  </si>
  <si>
    <t>GOHAR UR REHMAN</t>
  </si>
  <si>
    <t>39766</t>
  </si>
  <si>
    <t>GPS DHOK HAJI MUNDIAL</t>
  </si>
  <si>
    <t>Dhok haji mandial guliyal kalan</t>
  </si>
  <si>
    <t>Gulyal Kalan</t>
  </si>
  <si>
    <t>Kiran Qayoum</t>
  </si>
  <si>
    <t>6471</t>
  </si>
  <si>
    <t>GGES DERA NUMBAR DARAN WALA</t>
  </si>
  <si>
    <t>p/o makrwal sultankhel,tehsil isakhel</t>
  </si>
  <si>
    <t>Zangikhel</t>
  </si>
  <si>
    <t>Misbah Sahrish</t>
  </si>
  <si>
    <t>6474</t>
  </si>
  <si>
    <t>GPS CHAK NO 117 ML</t>
  </si>
  <si>
    <t>Chak No.117/ML</t>
  </si>
  <si>
    <t>117/ML</t>
  </si>
  <si>
    <t>Sharan</t>
  </si>
  <si>
    <t>11225</t>
  </si>
  <si>
    <t>10755</t>
  </si>
  <si>
    <t>47086</t>
  </si>
  <si>
    <t>6476</t>
  </si>
  <si>
    <t>GGPS BOOL GARH 2 JALAL PUR</t>
  </si>
  <si>
    <t>Thaklan</t>
  </si>
  <si>
    <t>basti garh wala</t>
  </si>
  <si>
    <t>Garh Wala</t>
  </si>
  <si>
    <t>Karmali Wala</t>
  </si>
  <si>
    <t>6478</t>
  </si>
  <si>
    <t>GGES DHODA</t>
  </si>
  <si>
    <t>Village and Post office Dhoda District and Tehsile Chakwal</t>
  </si>
  <si>
    <t>Tasneem-ul-Firdous</t>
  </si>
  <si>
    <t>28317</t>
  </si>
  <si>
    <t>39124</t>
  </si>
  <si>
    <t>GGES DHOK GHIAN</t>
  </si>
  <si>
    <t>Dhok Ghian</t>
  </si>
  <si>
    <t>govt girls elementary school Dhok Ghian</t>
  </si>
  <si>
    <t>Nagina bibi</t>
  </si>
  <si>
    <t>52488</t>
  </si>
  <si>
    <t>35026</t>
  </si>
  <si>
    <t>6483</t>
  </si>
  <si>
    <t>13095</t>
  </si>
  <si>
    <t>GPS HAIDER WALA</t>
  </si>
  <si>
    <t>Jungle</t>
  </si>
  <si>
    <t>Basti halili mauza jangal jatoi dist m.garh</t>
  </si>
  <si>
    <t>Halili</t>
  </si>
  <si>
    <t>GGPS CHAK BAKHSHWAL PO SHEWALA KAHAR</t>
  </si>
  <si>
    <t>Chak Bakhshwal</t>
  </si>
  <si>
    <t>vpo sherewala kahar tehsil kallarkahar district chakwal</t>
  </si>
  <si>
    <t>Farhat Nisar</t>
  </si>
  <si>
    <t>11919</t>
  </si>
  <si>
    <t>8450</t>
  </si>
  <si>
    <t>40762</t>
  </si>
  <si>
    <t>22438</t>
  </si>
  <si>
    <t>GPS DAULAT NAGAR</t>
  </si>
  <si>
    <t>DAULAT NAGAR</t>
  </si>
  <si>
    <t>GPS DAULAT NAGAR   TEHSIL GUJRAT</t>
  </si>
  <si>
    <t>Zakar ali</t>
  </si>
  <si>
    <t>53856</t>
  </si>
  <si>
    <t>17507</t>
  </si>
  <si>
    <t>GGES SINDHU MODEL FARM (Newly upgraded)</t>
  </si>
  <si>
    <t>GIlMALA</t>
  </si>
  <si>
    <t>GGES SINDHU MODEL FARM</t>
  </si>
  <si>
    <t>Ahatta Wakeel Wala</t>
  </si>
  <si>
    <t>Rukhsana Aziz</t>
  </si>
  <si>
    <t>26477</t>
  </si>
  <si>
    <t>28891</t>
  </si>
  <si>
    <t>6488</t>
  </si>
  <si>
    <t>GHS SAJAWAL WALA</t>
  </si>
  <si>
    <t>Mouza Sajawal Wala Bahawalpur</t>
  </si>
  <si>
    <t>Jamrani Kohna</t>
  </si>
  <si>
    <t>Rana Muhammad Tahir</t>
  </si>
  <si>
    <t>GHS CHAK NO 11 JB</t>
  </si>
  <si>
    <t>11jb</t>
  </si>
  <si>
    <t>Chak No. 11JB Chiniot</t>
  </si>
  <si>
    <t>Chak 11</t>
  </si>
  <si>
    <t>KASHIF IMRAN KOLI</t>
  </si>
  <si>
    <t>48153</t>
  </si>
  <si>
    <t>6491</t>
  </si>
  <si>
    <t>GHS CHOTALA KHURD</t>
  </si>
  <si>
    <t>CHOTALA</t>
  </si>
  <si>
    <t>VPO CHOTALA</t>
  </si>
  <si>
    <t>MUHAMMAD KHALID MEHMOOD</t>
  </si>
  <si>
    <t>FILTRATION PLANT</t>
  </si>
  <si>
    <t>GGPS DERA ALAM SHER ABASI</t>
  </si>
  <si>
    <t>Basti Mi Roshan</t>
  </si>
  <si>
    <t>dera alam sher Abasi cc chah changran wala</t>
  </si>
  <si>
    <t>Alam sher Abasi</t>
  </si>
  <si>
    <t>Kanjan</t>
  </si>
  <si>
    <t>Seema kanwal awan</t>
  </si>
  <si>
    <t>42955</t>
  </si>
  <si>
    <t>GPS MANGAL</t>
  </si>
  <si>
    <t>village and post office Mangal tensile kallar sedan district rawalpind</t>
  </si>
  <si>
    <t>Sonia Bibi</t>
  </si>
  <si>
    <t>GGPS KHARIOT</t>
  </si>
  <si>
    <t>village  khariyot Teh jand</t>
  </si>
  <si>
    <t>Khariot</t>
  </si>
  <si>
    <t>Khair -un-Nisa</t>
  </si>
  <si>
    <t>19788</t>
  </si>
  <si>
    <t>15293</t>
  </si>
  <si>
    <t>6523</t>
  </si>
  <si>
    <t>GGPS 64/EB ARIFWALA</t>
  </si>
  <si>
    <t>64/eb</t>
  </si>
  <si>
    <t>chak no 64eb Tehsil Arifwala District pakpattan</t>
  </si>
  <si>
    <t>25101</t>
  </si>
  <si>
    <t>44421</t>
  </si>
  <si>
    <t>GPS CHAK NO 182 TDA</t>
  </si>
  <si>
    <t>Daggar Aulakh</t>
  </si>
  <si>
    <t>Chah Nawain Segrha Daggar Aolakh</t>
  </si>
  <si>
    <t>Nawain Segrha</t>
  </si>
  <si>
    <t>GMPS NAGIAL PHALWAN</t>
  </si>
  <si>
    <t>Nagail Pehlwan</t>
  </si>
  <si>
    <t>Gmps nagail pehlwan</t>
  </si>
  <si>
    <t>tehmina nazli</t>
  </si>
  <si>
    <t>31852</t>
  </si>
  <si>
    <t>38615</t>
  </si>
  <si>
    <t>GGPS 26M</t>
  </si>
  <si>
    <t>26m</t>
  </si>
  <si>
    <t>chak no 26m tehsil dunyapur district lodhran</t>
  </si>
  <si>
    <t>35m</t>
  </si>
  <si>
    <t>41248</t>
  </si>
  <si>
    <t>GGPS DERA KHALISA</t>
  </si>
  <si>
    <t>vill PO dera khalsa teh kallar syedan distt Rawalpindi</t>
  </si>
  <si>
    <t>Shamaila Sabir</t>
  </si>
  <si>
    <t>30077</t>
  </si>
  <si>
    <t>22439</t>
  </si>
  <si>
    <t>GES SARAI DHING</t>
  </si>
  <si>
    <t>sarai dhing</t>
  </si>
  <si>
    <t>tehsil and district gujrat villege and post office sarai dhing</t>
  </si>
  <si>
    <t>doult nagar</t>
  </si>
  <si>
    <t>muhammad asghar tayyab</t>
  </si>
  <si>
    <t>7255</t>
  </si>
  <si>
    <t>GPS JHOKE MAKWAL</t>
  </si>
  <si>
    <t>Jhoke makwal</t>
  </si>
  <si>
    <t>jhoke makwal teh.Jampur dist . Rajanpur</t>
  </si>
  <si>
    <t>Wah Lashari</t>
  </si>
  <si>
    <t>Abdul latif</t>
  </si>
  <si>
    <t>43195</t>
  </si>
  <si>
    <t>6542</t>
  </si>
  <si>
    <t>28874</t>
  </si>
  <si>
    <t>GGPS KORAY SIAL</t>
  </si>
  <si>
    <t>Koray Sial</t>
  </si>
  <si>
    <t>basti koray sial</t>
  </si>
  <si>
    <t>30093</t>
  </si>
  <si>
    <t>5496</t>
  </si>
  <si>
    <t>42431</t>
  </si>
  <si>
    <t>GGES LALYANI</t>
  </si>
  <si>
    <t>Lalyani</t>
  </si>
  <si>
    <t>village LALYANI  P.O gujar khan  distt.rawalpindi</t>
  </si>
  <si>
    <t>44287</t>
  </si>
  <si>
    <t>GGPS SARDHI</t>
  </si>
  <si>
    <t>GGPS SARDHI,village sardhi  P/O Buchal Khurd, tehsil# kallar kahar, dist # chakwal</t>
  </si>
  <si>
    <t>Mehmooda Kausar</t>
  </si>
  <si>
    <t>12368</t>
  </si>
  <si>
    <t>35157</t>
  </si>
  <si>
    <t>GES CHAK NO.447/EB</t>
  </si>
  <si>
    <t>CHAK NO.447/E.B BUREWALA</t>
  </si>
  <si>
    <t>447/E.B</t>
  </si>
  <si>
    <t>CHAK NO 447/E.B</t>
  </si>
  <si>
    <t>Ali Gohar</t>
  </si>
  <si>
    <t>34536</t>
  </si>
  <si>
    <t>50090</t>
  </si>
  <si>
    <t>GHSS 168/9-L</t>
  </si>
  <si>
    <t>168/9 L</t>
  </si>
  <si>
    <t>Chak no 168/9.L tehsil chichawatni distt sahiwal</t>
  </si>
  <si>
    <t>27035</t>
  </si>
  <si>
    <t>GGES PINDI BAWAREY</t>
  </si>
  <si>
    <t>Ayesha Iqbal</t>
  </si>
  <si>
    <t>52703</t>
  </si>
  <si>
    <t>GGPS CHISHTI SHAM DIN</t>
  </si>
  <si>
    <t>Chishti Sham Din</t>
  </si>
  <si>
    <t>chishti sham din</t>
  </si>
  <si>
    <t>Chishti Shah Din</t>
  </si>
  <si>
    <t>Jhuj Kalan</t>
  </si>
  <si>
    <t>15544</t>
  </si>
  <si>
    <t>GGPS SULTAN ABAD</t>
  </si>
  <si>
    <t>GUJRAT-VI-FEMALE</t>
  </si>
  <si>
    <t>Sultana Abad</t>
  </si>
  <si>
    <t>moh sultana abad gujrat</t>
  </si>
  <si>
    <t>Umme Salma Mohsin</t>
  </si>
  <si>
    <t>48232</t>
  </si>
  <si>
    <t>GGES 432/6-R WEST</t>
  </si>
  <si>
    <t>432/6R  West</t>
  </si>
  <si>
    <t>Govt Girls Elementary school 432/6R west. Tehsil haroonabad district bahawalnagar</t>
  </si>
  <si>
    <t>432/6R West</t>
  </si>
  <si>
    <t>Chak No 432/6R W</t>
  </si>
  <si>
    <t>GGHS CHAK NO.88/F</t>
  </si>
  <si>
    <t>chak no.88F</t>
  </si>
  <si>
    <t>CHAK NO.88F</t>
  </si>
  <si>
    <t>CHAK 89F</t>
  </si>
  <si>
    <t>FARHANA RUBY</t>
  </si>
  <si>
    <t>29175</t>
  </si>
  <si>
    <t>Chak taalab</t>
  </si>
  <si>
    <t>GGPS khalid aabad</t>
  </si>
  <si>
    <t>Ghazala Kanwal</t>
  </si>
  <si>
    <t>20131</t>
  </si>
  <si>
    <t>GGHS SATELLITE TOWN CHINIOT</t>
  </si>
  <si>
    <t>y block satellite town chiniot</t>
  </si>
  <si>
    <t>Shahida  Batool</t>
  </si>
  <si>
    <t>52792</t>
  </si>
  <si>
    <t>GGPS GULAB DASS</t>
  </si>
  <si>
    <t>Gulab Das</t>
  </si>
  <si>
    <t>gulab das</t>
  </si>
  <si>
    <t>Gulab Dass</t>
  </si>
  <si>
    <t>Sadia Arooj</t>
  </si>
  <si>
    <t>GGPS TALIALA P/O NOOR PUR CHAKWAL</t>
  </si>
  <si>
    <t>Talyala</t>
  </si>
  <si>
    <t>vill talyala po nurpur teh kallar kahar district chakwal</t>
  </si>
  <si>
    <t>11304</t>
  </si>
  <si>
    <t>9613</t>
  </si>
  <si>
    <t>GPS CHAK NO. 439 TDA</t>
  </si>
  <si>
    <t>439/TDA</t>
  </si>
  <si>
    <t>chack 439 tda</t>
  </si>
  <si>
    <t>Chack No 439 tdas</t>
  </si>
  <si>
    <t>Saharan452tda</t>
  </si>
  <si>
    <t>Muhammad Azam Shahzad</t>
  </si>
  <si>
    <t>GPS 36 KB</t>
  </si>
  <si>
    <t>36kbteh.burewala distt.vehari</t>
  </si>
  <si>
    <t>Muhammad Ghafoor</t>
  </si>
  <si>
    <t>39985</t>
  </si>
  <si>
    <t>GHS KAMAL PUR MUSA</t>
  </si>
  <si>
    <t>VPO Kamalmur Musa</t>
  </si>
  <si>
    <t>Kamal Pur Musa</t>
  </si>
  <si>
    <t>Mehrban Shah</t>
  </si>
  <si>
    <t>37856</t>
  </si>
  <si>
    <t>GMPS 159-A/10-R, JAHANIAN</t>
  </si>
  <si>
    <t>159-A/10-R</t>
  </si>
  <si>
    <t>chak no 159-A/10-R</t>
  </si>
  <si>
    <t>Saba Parveen</t>
  </si>
  <si>
    <t>5534</t>
  </si>
  <si>
    <t>17044</t>
  </si>
  <si>
    <t>GPS LOLIAN WALA</t>
  </si>
  <si>
    <t>chak lolianwala chak ghumnana jhang</t>
  </si>
  <si>
    <t>Lolianwala</t>
  </si>
  <si>
    <t>Muhammad Saifullah Khan</t>
  </si>
  <si>
    <t>25697</t>
  </si>
  <si>
    <t>5537</t>
  </si>
  <si>
    <t>19712</t>
  </si>
  <si>
    <t>GMES KALAR WALA</t>
  </si>
  <si>
    <t>Abadi kalar wala, moza Suleman , Tehsil Bhowana, District Chiniot ,P/O DD DHONDY SHAH</t>
  </si>
  <si>
    <t>Thatta Muhammad Shah</t>
  </si>
  <si>
    <t>5546</t>
  </si>
  <si>
    <t>44257</t>
  </si>
  <si>
    <t>GPS BHASEEN</t>
  </si>
  <si>
    <t>bhaseen</t>
  </si>
  <si>
    <t>gps bhaseen vpo paharkhan</t>
  </si>
  <si>
    <t>Sadia Malik</t>
  </si>
  <si>
    <t>5538</t>
  </si>
  <si>
    <t>GPS KHAIRPUR NAURANGA</t>
  </si>
  <si>
    <t>Khairpurnouranga</t>
  </si>
  <si>
    <t>basti kh Khairpurnouranga</t>
  </si>
  <si>
    <t>Jamrani</t>
  </si>
  <si>
    <t>21620</t>
  </si>
  <si>
    <t>46962</t>
  </si>
  <si>
    <t>GGPS MALLA KHEL</t>
  </si>
  <si>
    <t>Malla Khel</t>
  </si>
  <si>
    <t>52973</t>
  </si>
  <si>
    <t>GGPS DARBAR KHAWAJA M AKBAR BASIR PUR</t>
  </si>
  <si>
    <t>near janazgah main bazar basirpur</t>
  </si>
  <si>
    <t>Azra Parvee</t>
  </si>
  <si>
    <t>27520</t>
  </si>
  <si>
    <t>GHS CHANAM</t>
  </si>
  <si>
    <t>chanam</t>
  </si>
  <si>
    <t>VPO CHANAM, TEHSIL KALLAR SYEDAN, DISTRICT RAWALPINDI</t>
  </si>
  <si>
    <t>14069</t>
  </si>
  <si>
    <t>39104</t>
  </si>
  <si>
    <t>GGPS DHOK NAMDAR</t>
  </si>
  <si>
    <t>Dhoke Namdar</t>
  </si>
  <si>
    <t>GGPS dhoke  namdar</t>
  </si>
  <si>
    <t>Dhok Namdar</t>
  </si>
  <si>
    <t>35274</t>
  </si>
  <si>
    <t>27064</t>
  </si>
  <si>
    <t>GGCMS KOLO TARAR</t>
  </si>
  <si>
    <t>kolo Tarar</t>
  </si>
  <si>
    <t>Qazi wala</t>
  </si>
  <si>
    <t>Hafiz Muhammad Zeeshan Anwar</t>
  </si>
  <si>
    <t>GHS NEELA</t>
  </si>
  <si>
    <t>Neela</t>
  </si>
  <si>
    <t>vpo neela chakwal</t>
  </si>
  <si>
    <t>Warwal</t>
  </si>
  <si>
    <t>44310</t>
  </si>
  <si>
    <t>5562</t>
  </si>
  <si>
    <t>22736</t>
  </si>
  <si>
    <t>GGPS KHARIAN WALI</t>
  </si>
  <si>
    <t>Kharianwali</t>
  </si>
  <si>
    <t>Village kharianwali p/o sheikhpur teh&amp; dist gujrat</t>
  </si>
  <si>
    <t>Chaksada</t>
  </si>
  <si>
    <t>Uzma Saleem</t>
  </si>
  <si>
    <t>17926</t>
  </si>
  <si>
    <t>GPS CHAH PIPLAN WALA</t>
  </si>
  <si>
    <t>Havali Dewan</t>
  </si>
  <si>
    <t>piplan wala mouza havali dewan tehsil jhang</t>
  </si>
  <si>
    <t>Shabbar Khan</t>
  </si>
  <si>
    <t>GPS NATTO WALA KAHAR</t>
  </si>
  <si>
    <t>Natto Wala kahar</t>
  </si>
  <si>
    <t>village Natto wala kahar post office kallar Kahar tehsil kallar Kahar district chakwal</t>
  </si>
  <si>
    <t>Natto Wala Kahar</t>
  </si>
  <si>
    <t>20837</t>
  </si>
  <si>
    <t>5574</t>
  </si>
  <si>
    <t>36669</t>
  </si>
  <si>
    <t>GMES MODEL 14/D, ABDUL HAKIM</t>
  </si>
  <si>
    <t>14D</t>
  </si>
  <si>
    <t>14d</t>
  </si>
  <si>
    <t>Humera Zahoor</t>
  </si>
  <si>
    <t>33178</t>
  </si>
  <si>
    <t>29269</t>
  </si>
  <si>
    <t>34853</t>
  </si>
  <si>
    <t>GES SAID PUR HAFIZ WALA</t>
  </si>
  <si>
    <t>said pur mouza hafiz wala sharqi jppw</t>
  </si>
  <si>
    <t>Muhammad Shaukat Saeedi</t>
  </si>
  <si>
    <t>5578</t>
  </si>
  <si>
    <t>39807</t>
  </si>
  <si>
    <t>GPS SUNDKI</t>
  </si>
  <si>
    <t>Gbps sundki</t>
  </si>
  <si>
    <t>Sundki</t>
  </si>
  <si>
    <t>Kot  Sundki</t>
  </si>
  <si>
    <t>35300</t>
  </si>
  <si>
    <t>46851</t>
  </si>
  <si>
    <t>GGPS DHERAN WALA</t>
  </si>
  <si>
    <t>ggps dheran wala teh. Isa khel mianwali</t>
  </si>
  <si>
    <t>Dheran Wala</t>
  </si>
  <si>
    <t>Mc Isa Khel</t>
  </si>
  <si>
    <t>Rukhsana Ameer</t>
  </si>
  <si>
    <t>44659</t>
  </si>
  <si>
    <t>GMPS THITRAN WALA</t>
  </si>
  <si>
    <t>Behal Daggar</t>
  </si>
  <si>
    <t>thitranwala p.o behal tehsil&amp;district Bhakkar</t>
  </si>
  <si>
    <t>Thitranwala</t>
  </si>
  <si>
    <t>Uzma Irshad</t>
  </si>
  <si>
    <t>38766</t>
  </si>
  <si>
    <t>5588</t>
  </si>
  <si>
    <t>GPS CHAK NO.91/F</t>
  </si>
  <si>
    <t>Chak 91/F</t>
  </si>
  <si>
    <t>Chak 91/F, Tehsil Hasilpur</t>
  </si>
  <si>
    <t>Chak 89/F</t>
  </si>
  <si>
    <t>Sidra Waris</t>
  </si>
  <si>
    <t>13537</t>
  </si>
  <si>
    <t>GPS BASTI RAHIM DAD</t>
  </si>
  <si>
    <t>Garakna Waziri</t>
  </si>
  <si>
    <t>Basti RahimDad Harrand tehsil jampur district rajanpur</t>
  </si>
  <si>
    <t>Rahimdad</t>
  </si>
  <si>
    <t>GPS NUSRAT PERHAR</t>
  </si>
  <si>
    <t>Basti Nusrat Perhar Moza Saifpur MARKAZ Dera Bakha TEHSIL SADDAR BAHAWALPUR</t>
  </si>
  <si>
    <t>Nusrat Perhar</t>
  </si>
  <si>
    <t>22816</t>
  </si>
  <si>
    <t>GGHSS JASWAL</t>
  </si>
  <si>
    <t>VILL.JASWAL P/O JHATLA</t>
  </si>
  <si>
    <t>AFSHAN NAZIR</t>
  </si>
  <si>
    <t>37298</t>
  </si>
  <si>
    <t>GPS BIBI PUR DAMMER</t>
  </si>
  <si>
    <t>B B Pur Dammer</t>
  </si>
  <si>
    <t>Moza B  B  Pur  damar  basti Chajre Wala  teh jatoi muzaffar  garh</t>
  </si>
  <si>
    <t>Basti Chajre Wala</t>
  </si>
  <si>
    <t>Dammer Wala Shumali</t>
  </si>
  <si>
    <t>41213</t>
  </si>
  <si>
    <t>GGPS SUNGLOUR</t>
  </si>
  <si>
    <t>Sunglour</t>
  </si>
  <si>
    <t>ggps sunglour tehsil kahuta</t>
  </si>
  <si>
    <t>7049</t>
  </si>
  <si>
    <t>19746</t>
  </si>
  <si>
    <t>Hid</t>
  </si>
  <si>
    <t>hussain abad moza hid tehsil bhowana dist cht</t>
  </si>
  <si>
    <t>Idlana</t>
  </si>
  <si>
    <t>GHS CHAK NO.88/F</t>
  </si>
  <si>
    <t>CHAK NO. 88/F</t>
  </si>
  <si>
    <t>CHAK NO. 88/F tEHSIL HASILPUR DISTRICT BAHAWALPUR</t>
  </si>
  <si>
    <t>CHAK NO. 89/F</t>
  </si>
  <si>
    <t>10765</t>
  </si>
  <si>
    <t>6102</t>
  </si>
  <si>
    <t>37877</t>
  </si>
  <si>
    <t>21828</t>
  </si>
  <si>
    <t>GGPS 53/10-R, JAHANIAN</t>
  </si>
  <si>
    <t>53/10-R Jahanian</t>
  </si>
  <si>
    <t>Vehniwal55/10-R</t>
  </si>
  <si>
    <t>Shomaila Bibi</t>
  </si>
  <si>
    <t>GGES LARI (LANGER)</t>
  </si>
  <si>
    <t>dhoke larri village and post office choora sharif  tehsil jand distt attock</t>
  </si>
  <si>
    <t>Choora Sharuf</t>
  </si>
  <si>
    <t>Sadia Muhammad Khan</t>
  </si>
  <si>
    <t>50355</t>
  </si>
  <si>
    <t>GPS 87/12-L KHURD</t>
  </si>
  <si>
    <t>87/12.L(kh)</t>
  </si>
  <si>
    <t>chak no 87/12.L(Kh)</t>
  </si>
  <si>
    <t>87/12.L(Kh)</t>
  </si>
  <si>
    <t>88/12.L</t>
  </si>
  <si>
    <t>46765</t>
  </si>
  <si>
    <t>GPS QURASHIAN WALA</t>
  </si>
  <si>
    <t>Bahadar Khel wandha</t>
  </si>
  <si>
    <t>QURESHIAN Wala</t>
  </si>
  <si>
    <t>Ghulam Bashir Khan Jaffri</t>
  </si>
  <si>
    <t>41265</t>
  </si>
  <si>
    <t>39162</t>
  </si>
  <si>
    <t>GGPS SAKHI SHOUK ELAHI</t>
  </si>
  <si>
    <t>Mardi Shouk Shah</t>
  </si>
  <si>
    <t>mardi shouk shah</t>
  </si>
  <si>
    <t>mardi Shouk Shah</t>
  </si>
  <si>
    <t>Rozina Allia</t>
  </si>
  <si>
    <t>GGPS SHAH JEHANIAN</t>
  </si>
  <si>
    <t>Shah Jehanian</t>
  </si>
  <si>
    <t>village shah jehanian p o jalal pur jattan gujrat</t>
  </si>
  <si>
    <t>Ikhlas Ghar</t>
  </si>
  <si>
    <t>Azia Shaheen</t>
  </si>
  <si>
    <t>GES CHOI JANDRAN</t>
  </si>
  <si>
    <t>vpo karooli teh kallar kahar distt chakwal</t>
  </si>
  <si>
    <t>Khair pur</t>
  </si>
  <si>
    <t>matloob hussain</t>
  </si>
  <si>
    <t>31422</t>
  </si>
  <si>
    <t>GPS RANGIAN JUNGIAN</t>
  </si>
  <si>
    <t>Rangian Jhangian</t>
  </si>
  <si>
    <t>Rangian jhangian teh ferozwala</t>
  </si>
  <si>
    <t>Mandiali</t>
  </si>
  <si>
    <t>Syed Muzammil Hussain</t>
  </si>
  <si>
    <t>46306</t>
  </si>
  <si>
    <t>GPS BAGRA</t>
  </si>
  <si>
    <t>Rao</t>
  </si>
  <si>
    <t>basti Bagra mouza Rao tehsil jatoi, muzaffargarh</t>
  </si>
  <si>
    <t>Basti Bagra</t>
  </si>
  <si>
    <t>Mohammed Yousuf bhatti</t>
  </si>
  <si>
    <t>GPS KOTLA DHINDA</t>
  </si>
  <si>
    <t>Kotla Dhinda</t>
  </si>
  <si>
    <t>village kotla dheenda post office Bhakhrewali tehsil and District gujrat</t>
  </si>
  <si>
    <t>Mudassar Iqbal</t>
  </si>
  <si>
    <t>52889</t>
  </si>
  <si>
    <t>GPS ISLAMIA BHALWAL BLOCK NO 3</t>
  </si>
  <si>
    <t>Block No 3 Bhalwal</t>
  </si>
  <si>
    <t>Bhalwal I</t>
  </si>
  <si>
    <t>26625</t>
  </si>
  <si>
    <t>19772</t>
  </si>
  <si>
    <t>GPS RAZA NAGAR</t>
  </si>
  <si>
    <t>Thatha Wara</t>
  </si>
  <si>
    <t>Raza Nagar, moza thatha wara tehsil bhowana distt chiniot</t>
  </si>
  <si>
    <t>Khojian Wala</t>
  </si>
  <si>
    <t>Thatha Muhammad shah</t>
  </si>
  <si>
    <t>Adnan Liaqat</t>
  </si>
  <si>
    <t>6122</t>
  </si>
  <si>
    <t>GPS CHAK NO. 2/1-R</t>
  </si>
  <si>
    <t>chak no. 2/1.R</t>
  </si>
  <si>
    <t>2/1R</t>
  </si>
  <si>
    <t>Anwar Ul Islam Naeem</t>
  </si>
  <si>
    <t>6124</t>
  </si>
  <si>
    <t>GGPS BHAKHRAL</t>
  </si>
  <si>
    <t>Bhakral</t>
  </si>
  <si>
    <t>village Bhakral p/o chowk pindori Teh. Kallar Syedan</t>
  </si>
  <si>
    <t>Aisha Jehangir</t>
  </si>
  <si>
    <t>38959</t>
  </si>
  <si>
    <t>GES DEWAL</t>
  </si>
  <si>
    <t>Village Dewal Tehsil Fateh Jang District Attock</t>
  </si>
  <si>
    <t>GHS DARYA KHAN</t>
  </si>
  <si>
    <t>OLD BHAKKAR ROAD</t>
  </si>
  <si>
    <t>MC DARYA KHAN</t>
  </si>
  <si>
    <t>44033</t>
  </si>
  <si>
    <t>6142</t>
  </si>
  <si>
    <t>37887</t>
  </si>
  <si>
    <t>GMPS 155/10-R, JAHANIAN</t>
  </si>
  <si>
    <t>155 /10-R</t>
  </si>
  <si>
    <t>GMPS155/10R</t>
  </si>
  <si>
    <t>155/10-R</t>
  </si>
  <si>
    <t>174/10-R</t>
  </si>
  <si>
    <t>Naila Khaliq</t>
  </si>
  <si>
    <t>12298</t>
  </si>
  <si>
    <t>36803</t>
  </si>
  <si>
    <t>24323</t>
  </si>
  <si>
    <t>46852</t>
  </si>
  <si>
    <t>GGPS BHOR SHREEF</t>
  </si>
  <si>
    <t>Bhore Shareef</t>
  </si>
  <si>
    <t>Bhore shareef</t>
  </si>
  <si>
    <t>Sadaf Noreen</t>
  </si>
  <si>
    <t>13456</t>
  </si>
  <si>
    <t>39854</t>
  </si>
  <si>
    <t>GGPS LUNDI (KOT SUNDKI)</t>
  </si>
  <si>
    <t>village lundi po kot sundki.teh Hassan abdal.distt Attock</t>
  </si>
  <si>
    <t>Shagufta Akhlaq</t>
  </si>
  <si>
    <t>boring with electric motor</t>
  </si>
  <si>
    <t>10362</t>
  </si>
  <si>
    <t>GGES DHOK SHER ZAMAN</t>
  </si>
  <si>
    <t>HAZRO 1 - FEMALE</t>
  </si>
  <si>
    <t>vpo hameed tehsil hozro district attock</t>
  </si>
  <si>
    <t>Zakira Najeem</t>
  </si>
  <si>
    <t>6644</t>
  </si>
  <si>
    <t>GGES CHAK NO.86/F</t>
  </si>
  <si>
    <t>Chakno86 F</t>
  </si>
  <si>
    <t>Chakno86f Hasilpur</t>
  </si>
  <si>
    <t>Chakno86f</t>
  </si>
  <si>
    <t>Chakno 71f</t>
  </si>
  <si>
    <t>Ansa Misbah Shakoor</t>
  </si>
  <si>
    <t>24829</t>
  </si>
  <si>
    <t>37617</t>
  </si>
  <si>
    <t>27027</t>
  </si>
  <si>
    <t>GGES BERI WALA</t>
  </si>
  <si>
    <t>Beriwala</t>
  </si>
  <si>
    <t>Beriwala hafizabad</t>
  </si>
  <si>
    <t>Dheranke Lalke</t>
  </si>
  <si>
    <t>7965</t>
  </si>
  <si>
    <t>22353</t>
  </si>
  <si>
    <t>GPS DHEREKRI</t>
  </si>
  <si>
    <t>Dherekri</t>
  </si>
  <si>
    <t>village.  dherekri p/o.daulat nagar Teh. &amp;distance. gujrat</t>
  </si>
  <si>
    <t>Ch Ejaz Akbar</t>
  </si>
  <si>
    <t>18815</t>
  </si>
  <si>
    <t>GES DURAB PUR SHERQI TEHSIL. JALALPUR PIRWALSA</t>
  </si>
  <si>
    <t>Durab Pur</t>
  </si>
  <si>
    <t>basti durab pur sharqi tehsile jalalpur pirwala multan</t>
  </si>
  <si>
    <t>Durab Pur Sharqi</t>
  </si>
  <si>
    <t>Muhammad Azhar Khawaja</t>
  </si>
  <si>
    <t>GGPS CHAK NO. 299/HR</t>
  </si>
  <si>
    <t>Chak 299 Hr</t>
  </si>
  <si>
    <t>Govt Girls Primary school Chak no 299 hr</t>
  </si>
  <si>
    <t>Chak no 299 HR</t>
  </si>
  <si>
    <t>304 Hr</t>
  </si>
  <si>
    <t>Aisha Ayoub</t>
  </si>
  <si>
    <t>54896</t>
  </si>
  <si>
    <t>GPS JANI SHAH</t>
  </si>
  <si>
    <t>Jani Shah</t>
  </si>
  <si>
    <t>Jani Shah, Bhowana District Chiniot</t>
  </si>
  <si>
    <t>Toray-dar-Khan</t>
  </si>
  <si>
    <t>34316</t>
  </si>
  <si>
    <t>GGPS THATTI QURESHIAN</t>
  </si>
  <si>
    <t>Thatti Qureshian</t>
  </si>
  <si>
    <t>thatti qureshian p/s lau</t>
  </si>
  <si>
    <t>Saeed Akhter</t>
  </si>
  <si>
    <t>9213</t>
  </si>
  <si>
    <t>GPS SARFARAZ WALA</t>
  </si>
  <si>
    <t>Yaroo Khosa</t>
  </si>
  <si>
    <t>chah phatoo wala</t>
  </si>
  <si>
    <t>Phatoo Wala</t>
  </si>
  <si>
    <t>39058</t>
  </si>
  <si>
    <t>GPS DHOK FIDA HUSSAIN</t>
  </si>
  <si>
    <t>GBPS Dhoke Fida Hussain PO Kot Fateh Khan Tehsil Fateh Jang District Attock</t>
  </si>
  <si>
    <t>Dhoke Fida Hussain</t>
  </si>
  <si>
    <t>Zubair Khalid</t>
  </si>
  <si>
    <t>GPS WARD NO 10 F</t>
  </si>
  <si>
    <t>Islampura Faqirwali</t>
  </si>
  <si>
    <t>Faqirwali 1</t>
  </si>
  <si>
    <t>shahzad Qamar</t>
  </si>
  <si>
    <t>19932</t>
  </si>
  <si>
    <t>GGES TALIB WALA</t>
  </si>
  <si>
    <t>Moza Talib</t>
  </si>
  <si>
    <t>mouza talib</t>
  </si>
  <si>
    <t>Chak  No 125 Jappay</t>
  </si>
  <si>
    <t>Talat Perveen</t>
  </si>
  <si>
    <t>52149</t>
  </si>
  <si>
    <t>GGPS CHAK GILLAN GHARBI</t>
  </si>
  <si>
    <t>Chak gillan gharbi</t>
  </si>
  <si>
    <t>chak gillan gharbi post office jailer jaiserwala daska</t>
  </si>
  <si>
    <t>Chak Gillan gharbi</t>
  </si>
  <si>
    <t>Asifa Batool</t>
  </si>
  <si>
    <t>27539</t>
  </si>
  <si>
    <t>30556</t>
  </si>
  <si>
    <t>42172</t>
  </si>
  <si>
    <t>GPS MC NO.12 RASALA FSD</t>
  </si>
  <si>
    <t>Risala   No 12</t>
  </si>
  <si>
    <t>Rasala No 12, Chak # 295/RB, FSD</t>
  </si>
  <si>
    <t>Rasala No 12</t>
  </si>
  <si>
    <t>43502</t>
  </si>
  <si>
    <t>GGPS DHOK KHALIL PO LANGAH</t>
  </si>
  <si>
    <t>Dhok Khalil</t>
  </si>
  <si>
    <t>vill dhok khalil p/o langah</t>
  </si>
  <si>
    <t>balquis akhtar</t>
  </si>
  <si>
    <t>28061</t>
  </si>
  <si>
    <t>16312</t>
  </si>
  <si>
    <t>GES 106 JB</t>
  </si>
  <si>
    <t>khichian</t>
  </si>
  <si>
    <t>Chak No 106 JB Khichian Chak jhumra faisalabad</t>
  </si>
  <si>
    <t>Chak No 106 JB</t>
  </si>
  <si>
    <t>Chak No 106 JB Khichian</t>
  </si>
  <si>
    <t>150282</t>
  </si>
  <si>
    <t>42415</t>
  </si>
  <si>
    <t>GHS HAMID JHANGI</t>
  </si>
  <si>
    <t>GBHS Hamid Jhangi tehsil Gujar Khan distt. Rawalpindi</t>
  </si>
  <si>
    <t>Tajo Jhangi</t>
  </si>
  <si>
    <t>31196</t>
  </si>
  <si>
    <t>22371</t>
  </si>
  <si>
    <t>8809</t>
  </si>
  <si>
    <t>GGPS CHAK NO 465 JB</t>
  </si>
  <si>
    <t>Chak 465</t>
  </si>
  <si>
    <t>chak 465</t>
  </si>
  <si>
    <t>Jhalari</t>
  </si>
  <si>
    <t>11292</t>
  </si>
  <si>
    <t>8814</t>
  </si>
  <si>
    <t>GPS CHAKIALA</t>
  </si>
  <si>
    <t>Phagwari Gala</t>
  </si>
  <si>
    <t>Village Chakiala PO Dhamali Tehsil Kallar Syedan District Rawalpindi</t>
  </si>
  <si>
    <t>Chakiala</t>
  </si>
  <si>
    <t>Najma Tabbasum</t>
  </si>
  <si>
    <t>30675</t>
  </si>
  <si>
    <t>8817</t>
  </si>
  <si>
    <t>43201</t>
  </si>
  <si>
    <t>GGES CHOHAN</t>
  </si>
  <si>
    <t>village and post office chohan tehsil and district chakwal</t>
  </si>
  <si>
    <t>Jamila Tabassum</t>
  </si>
  <si>
    <t>33109</t>
  </si>
  <si>
    <t>GGPS PATWALI</t>
  </si>
  <si>
    <t>Patt Wali</t>
  </si>
  <si>
    <t>patt wali p/o dajal teh jampur dist rajanpur</t>
  </si>
  <si>
    <t>34851</t>
  </si>
  <si>
    <t>GES MANSOOR PUR MOUZA MANSOOR PUR TAH. JALALPUR PIRWALA</t>
  </si>
  <si>
    <t>Mansoor Pur</t>
  </si>
  <si>
    <t>Mauza Mansoor Pur Jahan Pur Jalal pur pir wala</t>
  </si>
  <si>
    <t>54766</t>
  </si>
  <si>
    <t>GGPS CHAK NO 161/M</t>
  </si>
  <si>
    <t>161 M</t>
  </si>
  <si>
    <t>GGPS 161/M</t>
  </si>
  <si>
    <t>188/ M</t>
  </si>
  <si>
    <t>najma kousar</t>
  </si>
  <si>
    <t>GPS JABOWAL</t>
  </si>
  <si>
    <t>Sodhri</t>
  </si>
  <si>
    <t>P/o KAMAR mushani BILAL colony Jabowal</t>
  </si>
  <si>
    <t>BILAL Colony</t>
  </si>
  <si>
    <t>Tani Khail</t>
  </si>
  <si>
    <t>Maskeen  Ullah Khan</t>
  </si>
  <si>
    <t>4478</t>
  </si>
  <si>
    <t>8828</t>
  </si>
  <si>
    <t>36745</t>
  </si>
  <si>
    <t>GPS KORA ISRA, P/O JASSO KAWAIN, SARAI SIDHU</t>
  </si>
  <si>
    <t>Kors Isra</t>
  </si>
  <si>
    <t>moza kora isra p/o jasso kawein</t>
  </si>
  <si>
    <t>Kra Isra</t>
  </si>
  <si>
    <t>Muhammaad Ijaz</t>
  </si>
  <si>
    <t>8832</t>
  </si>
  <si>
    <t>GGPS THATHA MUBARAK SHAH</t>
  </si>
  <si>
    <t>GGPS thatta Mubark shah chiniot</t>
  </si>
  <si>
    <t>Thatta Mubark Shah</t>
  </si>
  <si>
    <t>Mariya Jabeen</t>
  </si>
  <si>
    <t>30070</t>
  </si>
  <si>
    <t>GPS ABDAL KEY</t>
  </si>
  <si>
    <t>Abdal Key</t>
  </si>
  <si>
    <t>abdal key p/o haveli lakha tehsil depalpur disst okara</t>
  </si>
  <si>
    <t>Naeem sabir</t>
  </si>
  <si>
    <t>GPS BALAIL MOUZA BALAIL PO QUTAB PUR</t>
  </si>
  <si>
    <t>GPS Balail  Tehsil Dunyapur District Lodhran</t>
  </si>
  <si>
    <t>Moor Garh</t>
  </si>
  <si>
    <t>Javed Akhtar</t>
  </si>
  <si>
    <t>GPS YARAY WALI</t>
  </si>
  <si>
    <t>Kochha Kokari</t>
  </si>
  <si>
    <t>Dg khan</t>
  </si>
  <si>
    <t>Chah Gamin Wala</t>
  </si>
  <si>
    <t>GGHS CHAK NO.106/6-R</t>
  </si>
  <si>
    <t>CHAK NO. 106/6R</t>
  </si>
  <si>
    <t>GOVT. GIRLS HIGH SCHOOL 106/6R P/O 105/6R</t>
  </si>
  <si>
    <t>CHAK NO.109/6R</t>
  </si>
  <si>
    <t>NOSHIA KIRAN</t>
  </si>
  <si>
    <t>42976</t>
  </si>
  <si>
    <t>GGPS MEHR ALI SHAH</t>
  </si>
  <si>
    <t>Darkali Syedan</t>
  </si>
  <si>
    <t>vill darkali syedan p/o phalina tehsil kallar syedan district Rawalpindi</t>
  </si>
  <si>
    <t>Darkali Mamoori</t>
  </si>
  <si>
    <t>Sadia Gillani</t>
  </si>
  <si>
    <t>water motor</t>
  </si>
  <si>
    <t>8844</t>
  </si>
  <si>
    <t>37727</t>
  </si>
  <si>
    <t>GMHS JAHANIAN, JAHANIAN</t>
  </si>
  <si>
    <t>GMHS JAHANIAN</t>
  </si>
  <si>
    <t>87390</t>
  </si>
  <si>
    <t>8848</t>
  </si>
  <si>
    <t>GPS KAMAL PUR</t>
  </si>
  <si>
    <t>village kamalpur</t>
  </si>
  <si>
    <t>Sahjokala</t>
  </si>
  <si>
    <t>35505</t>
  </si>
  <si>
    <t>32778</t>
  </si>
  <si>
    <t>22285</t>
  </si>
  <si>
    <t>GGPS MULL</t>
  </si>
  <si>
    <t>KARIANWALA-IV-FEMALE</t>
  </si>
  <si>
    <t>mall p/o awan sharif teh/s
dist Gujarat</t>
  </si>
  <si>
    <t>Samadia Jabeen</t>
  </si>
  <si>
    <t>11909</t>
  </si>
  <si>
    <t>GPS KOKSAN ABAD, SARAI SIDHU</t>
  </si>
  <si>
    <t>Koksanabad</t>
  </si>
  <si>
    <t>mouza koksan abad tehsil kabirwala district khanewal</t>
  </si>
  <si>
    <t>Baqirur Pur</t>
  </si>
  <si>
    <t>46719</t>
  </si>
  <si>
    <t>GPS TABBI SAR</t>
  </si>
  <si>
    <t>poss Banghi Khel Darmiani</t>
  </si>
  <si>
    <t>Gps Tabbisar</t>
  </si>
  <si>
    <t>Tola Banghikhel</t>
  </si>
  <si>
    <t>Muhammad Sardar Khan</t>
  </si>
  <si>
    <t>GGPS SAHIB DAMYAL</t>
  </si>
  <si>
    <t>Sahib Dhamial</t>
  </si>
  <si>
    <t>ggps sahib dhamial p.o sagri teh kallar syedan dist rwp</t>
  </si>
  <si>
    <t>Sahib dhamial</t>
  </si>
  <si>
    <t>Huma Khalid</t>
  </si>
  <si>
    <t>35990</t>
  </si>
  <si>
    <t>8864</t>
  </si>
  <si>
    <t>GHS KALA DEV</t>
  </si>
  <si>
    <t>Kala Dev</t>
  </si>
  <si>
    <t>Village &amp; Post Office Kala Dev Jhelum.</t>
  </si>
  <si>
    <t>8867</t>
  </si>
  <si>
    <t>GPS CHAKKAR QADAY WALA</t>
  </si>
  <si>
    <t>Basti chakkar qadey wala head islam</t>
  </si>
  <si>
    <t>Basti Chakkar Qadey Wala</t>
  </si>
  <si>
    <t>Muhammad Rizwan Zafar</t>
  </si>
  <si>
    <t>GES MEHTA JHEDU</t>
  </si>
  <si>
    <t>Mehta jhedu Chishtian</t>
  </si>
  <si>
    <t>Mehboob Ali Shah</t>
  </si>
  <si>
    <t>29261</t>
  </si>
  <si>
    <t>GHS CANAL COLONY BAHAWALNAGAR</t>
  </si>
  <si>
    <t>KOTHIAN</t>
  </si>
  <si>
    <t>DC OFFICE ROAD BAHAWALNAGAR</t>
  </si>
  <si>
    <t>CANAL COLONY BWN</t>
  </si>
  <si>
    <t>KHADIMABAD COLONY</t>
  </si>
  <si>
    <t>50328</t>
  </si>
  <si>
    <t>GPS 107/7-R</t>
  </si>
  <si>
    <t>107/7-R</t>
  </si>
  <si>
    <t>chak no 107/7-R</t>
  </si>
  <si>
    <t>GPS CHAK NO 136/6-R</t>
  </si>
  <si>
    <t>HND-14-MALE</t>
  </si>
  <si>
    <t>136/6R</t>
  </si>
  <si>
    <t>Chak no 136/6R</t>
  </si>
  <si>
    <t>8886</t>
  </si>
  <si>
    <t>19701</t>
  </si>
  <si>
    <t>GGHS CHAK NO. 199 JB</t>
  </si>
  <si>
    <t>chak num 199JB  BHOWANA CHINIOT</t>
  </si>
  <si>
    <t>Chak No 199JB</t>
  </si>
  <si>
    <t>Nazia Bano</t>
  </si>
  <si>
    <t>39929</t>
  </si>
  <si>
    <t>GGHS BARA ZAI</t>
  </si>
  <si>
    <t>vpo barazai</t>
  </si>
  <si>
    <t>barazai</t>
  </si>
  <si>
    <t>farzana zaman</t>
  </si>
  <si>
    <t>GGPS TINDA THAL</t>
  </si>
  <si>
    <t>Dera Gamay wala moza tinda thal Teh kallur kot Distt Bhakkar</t>
  </si>
  <si>
    <t>52222</t>
  </si>
  <si>
    <t>GGPS KALAIR WALA KHURD</t>
  </si>
  <si>
    <t>SAGAR KALAN â€“ FEMALE</t>
  </si>
  <si>
    <t>Kalair Wala</t>
  </si>
  <si>
    <t>kalair wala khurd</t>
  </si>
  <si>
    <t>Kalair Wala Khurd</t>
  </si>
  <si>
    <t>Toqueer Fatima</t>
  </si>
  <si>
    <t>19735</t>
  </si>
  <si>
    <t>34807</t>
  </si>
  <si>
    <t>GPS BHOGI SHAHEED JALALPUR</t>
  </si>
  <si>
    <t>bhogi shaheed moza motha shumali uc kotla chakkar 170 jppw multan</t>
  </si>
  <si>
    <t>Bhogi Shaheed</t>
  </si>
  <si>
    <t>Kotla Chakkar</t>
  </si>
  <si>
    <t>Mujahid Akhtar</t>
  </si>
  <si>
    <t>46871</t>
  </si>
  <si>
    <t>GGPS GAJOORI</t>
  </si>
  <si>
    <t>Village Gajoori Mattu khel, tola Bangi Khel, Isa Khel</t>
  </si>
  <si>
    <t>Gajoori Mattu Khel</t>
  </si>
  <si>
    <t>44794</t>
  </si>
  <si>
    <t>GPS DAULATWALA</t>
  </si>
  <si>
    <t>204/TDA</t>
  </si>
  <si>
    <t>Doulat Wala  204/tda</t>
  </si>
  <si>
    <t>Doulat Wala</t>
  </si>
  <si>
    <t>205 /TDA</t>
  </si>
  <si>
    <t>Muhammad Azam Naveed</t>
  </si>
  <si>
    <t>41294</t>
  </si>
  <si>
    <t>GGES CHAK NO.91/F</t>
  </si>
  <si>
    <t>91/f</t>
  </si>
  <si>
    <t>chk 91/f p/o 92/f</t>
  </si>
  <si>
    <t>21663</t>
  </si>
  <si>
    <t>43407</t>
  </si>
  <si>
    <t>GGPS WARYAMAL P.O. KARYALA CHAKWAL</t>
  </si>
  <si>
    <t>Waryamal</t>
  </si>
  <si>
    <t>district tehsil chakwal post office karyala village Waryamal</t>
  </si>
  <si>
    <t>Ansa Benazir</t>
  </si>
  <si>
    <t>GGPS RAMPUR JADEED NO. 1</t>
  </si>
  <si>
    <t>Rampur1</t>
  </si>
  <si>
    <t>mouza rampur1 tehsil jatoi</t>
  </si>
  <si>
    <t>Sidra Jabeen</t>
  </si>
  <si>
    <t>41086</t>
  </si>
  <si>
    <t>GGHS DOBERAN KHURD</t>
  </si>
  <si>
    <t>village Doberan khurd,kahuta</t>
  </si>
  <si>
    <t>AALISHBAH NAHEED</t>
  </si>
  <si>
    <t>44476</t>
  </si>
  <si>
    <t>8923</t>
  </si>
  <si>
    <t>GMPS CHAK NO 168/7-R W</t>
  </si>
  <si>
    <t>168/7R</t>
  </si>
  <si>
    <t>chak no 168/7r tehsil fortabbas distic bahawalnagar</t>
  </si>
  <si>
    <t>168/7r</t>
  </si>
  <si>
    <t>GGPS JHAMRA</t>
  </si>
  <si>
    <t>DOMAIL - FEMALE</t>
  </si>
  <si>
    <t>District Attock, Tehsil Jand, Dhoke Jhamra, V.P.O. Mithial</t>
  </si>
  <si>
    <t>8333</t>
  </si>
  <si>
    <t>46774</t>
  </si>
  <si>
    <t>GPS DARAZ WALA</t>
  </si>
  <si>
    <t>Draz wala</t>
  </si>
  <si>
    <t>Daraz wala</t>
  </si>
  <si>
    <t>KAMAR Mushani</t>
  </si>
  <si>
    <t>Mc KAMAR Mushani</t>
  </si>
  <si>
    <t>Muhammad Yunas Khan Muhammad YUNAS Khan</t>
  </si>
  <si>
    <t>8337</t>
  </si>
  <si>
    <t>34768</t>
  </si>
  <si>
    <t>GHS CHAK NO 69-M JALALPUR PIR WALA</t>
  </si>
  <si>
    <t>Chak 69</t>
  </si>
  <si>
    <t>Chand 69m</t>
  </si>
  <si>
    <t>Mian Pur Bailey Wala</t>
  </si>
  <si>
    <t>Muhammad Akmal Hussain</t>
  </si>
  <si>
    <t>GGPS CHAK NO. 8 FW JATTAN WALA</t>
  </si>
  <si>
    <t>Chak 8/fw  Jattan Wala</t>
  </si>
  <si>
    <t>chak no 8/fw</t>
  </si>
  <si>
    <t>Chak 8/fw</t>
  </si>
  <si>
    <t>9/fw Jattan Wala</t>
  </si>
  <si>
    <t>35563</t>
  </si>
  <si>
    <t>8344</t>
  </si>
  <si>
    <t>GPS BALIMAH</t>
  </si>
  <si>
    <t>Balimah</t>
  </si>
  <si>
    <t>Balimah P/0 Walayat Abad Tehsil Kallar Syedan District Rawalpindi</t>
  </si>
  <si>
    <t>Tayyab Arshad</t>
  </si>
  <si>
    <t>43363</t>
  </si>
  <si>
    <t>44413</t>
  </si>
  <si>
    <t>GPS BASTI CHOHAN</t>
  </si>
  <si>
    <t>Anayat Abad</t>
  </si>
  <si>
    <t>gps basti chohan tehsil and district bhakkar</t>
  </si>
  <si>
    <t>Basti Chohan</t>
  </si>
  <si>
    <t>40454</t>
  </si>
  <si>
    <t>38148</t>
  </si>
  <si>
    <t>GPS KHOKHARAN MUHABBAT, NAWAN SHEHR</t>
  </si>
  <si>
    <t>Khokhran Mohabbat Tragger</t>
  </si>
  <si>
    <t>Basti Khokhran,Mouza Khokhran Mohabbat Tragger,Tehsil Kabirwala,District Khanewal</t>
  </si>
  <si>
    <t>Khokhran Agency</t>
  </si>
  <si>
    <t>Thull-Najeeb</t>
  </si>
  <si>
    <t>GES MEHR CHAND WALA</t>
  </si>
  <si>
    <t>Mehar Chand Wala</t>
  </si>
  <si>
    <t>Mehar chand wala po mokal chunian</t>
  </si>
  <si>
    <t>M Irshad</t>
  </si>
  <si>
    <t>22703</t>
  </si>
  <si>
    <t>GMPS NATHOWAL</t>
  </si>
  <si>
    <t>DAULAT NAGER-I-FEMALE</t>
  </si>
  <si>
    <t>Nathuwal</t>
  </si>
  <si>
    <t>Gmps Nathuwal village Nathuwal Gujrat</t>
  </si>
  <si>
    <t>Rumana Anjum</t>
  </si>
  <si>
    <t>21150</t>
  </si>
  <si>
    <t>38696</t>
  </si>
  <si>
    <t>GMPS CHAK 36/M</t>
  </si>
  <si>
    <t>36/M</t>
  </si>
  <si>
    <t>chak no.36/m</t>
  </si>
  <si>
    <t>52925</t>
  </si>
  <si>
    <t>GPS TIPLANI</t>
  </si>
  <si>
    <t>Taplani</t>
  </si>
  <si>
    <t>moza taplani</t>
  </si>
  <si>
    <t>Muhammad Anwaar</t>
  </si>
  <si>
    <t>8363</t>
  </si>
  <si>
    <t>42765</t>
  </si>
  <si>
    <t>GGPS MODEL DHOON</t>
  </si>
  <si>
    <t>Dahoon</t>
  </si>
  <si>
    <t>village Dhoon post office syed.</t>
  </si>
  <si>
    <t>Syed</t>
  </si>
  <si>
    <t>Shazia Shaheen</t>
  </si>
  <si>
    <t>44740</t>
  </si>
  <si>
    <t>GHS MIR HAZAR KHAN</t>
  </si>
  <si>
    <t>P/O MIR HAZAR KHAN TEHSIL JATOI DISTRICT MUZAFFARGARH</t>
  </si>
  <si>
    <t>M Munir Akber</t>
  </si>
  <si>
    <t>28867</t>
  </si>
  <si>
    <t>GGPS DHOSE</t>
  </si>
  <si>
    <t>village dhose tehsil chunia distrect kasur</t>
  </si>
  <si>
    <t>Chunia Hatthar</t>
  </si>
  <si>
    <t>Sakina Maqsood</t>
  </si>
  <si>
    <t>7389</t>
  </si>
  <si>
    <t>50349</t>
  </si>
  <si>
    <t>GPS 56/12-L</t>
  </si>
  <si>
    <t>56/12L</t>
  </si>
  <si>
    <t>56/12L malka</t>
  </si>
  <si>
    <t>5079</t>
  </si>
  <si>
    <t>GMPS MADWAL</t>
  </si>
  <si>
    <t>Madwal</t>
  </si>
  <si>
    <t>village madwal, p/o thekrian gujran ,teh gujarkhan, distt rwp.</t>
  </si>
  <si>
    <t>Samina Raza</t>
  </si>
  <si>
    <t>14330</t>
  </si>
  <si>
    <t>GGPS 84/5-R W</t>
  </si>
  <si>
    <t>84-5/r w</t>
  </si>
  <si>
    <t>chak no 84-5/r,w .hnd</t>
  </si>
  <si>
    <t>84-5/r-w</t>
  </si>
  <si>
    <t>71-4/r</t>
  </si>
  <si>
    <t>Tasmiyah Shafiq</t>
  </si>
  <si>
    <t>24015</t>
  </si>
  <si>
    <t>50385</t>
  </si>
  <si>
    <t>GPS HAJI PURA DASKA</t>
  </si>
  <si>
    <t>Haji Pura Daska</t>
  </si>
  <si>
    <t>Mohallah Haji Pura Daska district Sialkot</t>
  </si>
  <si>
    <t>Imtyaz Ahmad Bajwa</t>
  </si>
  <si>
    <t>14143</t>
  </si>
  <si>
    <t>40178</t>
  </si>
  <si>
    <t>GPS BAIG PUR</t>
  </si>
  <si>
    <t>govt primary school baig pur jhelum</t>
  </si>
  <si>
    <t>Baig pur</t>
  </si>
  <si>
    <t>Misbah Shaheen</t>
  </si>
  <si>
    <t>21107</t>
  </si>
  <si>
    <t>38537</t>
  </si>
  <si>
    <t>GPS CHAK NO. 271/WB</t>
  </si>
  <si>
    <t>jHANDEERWAH</t>
  </si>
  <si>
    <t>GOVT. PRIMARY SCHOOL  CHAK NO. 271/WB</t>
  </si>
  <si>
    <t>CHAK NO. 271/WB</t>
  </si>
  <si>
    <t>JHANDEERWAH</t>
  </si>
  <si>
    <t>GGHS CHAK NO. 35/F</t>
  </si>
  <si>
    <t>35F</t>
  </si>
  <si>
    <t>GGHS 35F</t>
  </si>
  <si>
    <t>CHAK NO 35F</t>
  </si>
  <si>
    <t>FOZIA NAHEED</t>
  </si>
  <si>
    <t>GES CHAK NO 155 JB</t>
  </si>
  <si>
    <t>Chak No 155 Jb</t>
  </si>
  <si>
    <t>Chak no 155 j.b teh bhowana disstt chiniot</t>
  </si>
  <si>
    <t>Khuda Bakhash</t>
  </si>
  <si>
    <t>44716</t>
  </si>
  <si>
    <t>GPS 24 JB</t>
  </si>
  <si>
    <t>Lahorian</t>
  </si>
  <si>
    <t>Chak No 24 JB Lahorian, Tehsil Chak Jhumra, Faisalabad</t>
  </si>
  <si>
    <t>Chak 24 JB</t>
  </si>
  <si>
    <t>Chak No 20 JB</t>
  </si>
  <si>
    <t>Maqsood Ali</t>
  </si>
  <si>
    <t>on rent</t>
  </si>
  <si>
    <t>GGPS BASTI MIAN SAEED AHMAD</t>
  </si>
  <si>
    <t>ghulamoo arain</t>
  </si>
  <si>
    <t>basti luqman mouza ghulamoo arain bwp</t>
  </si>
  <si>
    <t>basti mian saeed ahmed</t>
  </si>
  <si>
    <t>goth mehrab</t>
  </si>
  <si>
    <t>Sumaira Mehvish</t>
  </si>
  <si>
    <t>5401</t>
  </si>
  <si>
    <t>41217</t>
  </si>
  <si>
    <t>GMPS JANJOR</t>
  </si>
  <si>
    <t>MOWARA - FEMALE</t>
  </si>
  <si>
    <t>Janjoor</t>
  </si>
  <si>
    <t>Gmps janjoor village janjoor Teh kahuta Distt Rawalpindi</t>
  </si>
  <si>
    <t>M0wara</t>
  </si>
  <si>
    <t>Saira Jahangir</t>
  </si>
  <si>
    <t>46867</t>
  </si>
  <si>
    <t>GMPS CHANDA NAKRA DIN</t>
  </si>
  <si>
    <t>village chanda nukradin\n</t>
  </si>
  <si>
    <t>Chanda Nukradin</t>
  </si>
  <si>
    <t>Tola Bangikhail</t>
  </si>
  <si>
    <t>Bibi Razya</t>
  </si>
  <si>
    <t>Community</t>
  </si>
  <si>
    <t>19074</t>
  </si>
  <si>
    <t>GPS SUMBLE</t>
  </si>
  <si>
    <t>dhoke sumbal vpo pind bainso</t>
  </si>
  <si>
    <t>7419</t>
  </si>
  <si>
    <t>43135</t>
  </si>
  <si>
    <t>GHS BIKHARI KALAN</t>
  </si>
  <si>
    <t>Bikhari Kalan</t>
  </si>
  <si>
    <t>Bikhari Kalaan</t>
  </si>
  <si>
    <t>Mustabeen Abdullah</t>
  </si>
  <si>
    <t>7276</t>
  </si>
  <si>
    <t>17379</t>
  </si>
  <si>
    <t>50192</t>
  </si>
  <si>
    <t>GES  174-75/9-L</t>
  </si>
  <si>
    <t>Sher Wala</t>
  </si>
  <si>
    <t>chak no. 174-75/9.L</t>
  </si>
  <si>
    <t>174-75/9L</t>
  </si>
  <si>
    <t>Waseem Ali</t>
  </si>
  <si>
    <t>37030</t>
  </si>
  <si>
    <t>7432</t>
  </si>
  <si>
    <t>GGPS 355/EB NEW</t>
  </si>
  <si>
    <t>355eb</t>
  </si>
  <si>
    <t>chak no 355 e.b</t>
  </si>
  <si>
    <t>355 EB</t>
  </si>
  <si>
    <t>Sidra Bukhari</t>
  </si>
  <si>
    <t>30874</t>
  </si>
  <si>
    <t>52570</t>
  </si>
  <si>
    <t>GPS QAIM JINDE KA</t>
  </si>
  <si>
    <t>Qaim Jinde Ka</t>
  </si>
  <si>
    <t>Qaim Jinde ka</t>
  </si>
  <si>
    <t>Nama Jinde Ka</t>
  </si>
  <si>
    <t>Ahmad Ali</t>
  </si>
  <si>
    <t>27643</t>
  </si>
  <si>
    <t>GGPS KHAIRPUR NAURANGA</t>
  </si>
  <si>
    <t>bsti khair pur mouza khair pur p/o musafir khana</t>
  </si>
  <si>
    <t>Jumrani Kohna</t>
  </si>
  <si>
    <t>Hasina Naz</t>
  </si>
  <si>
    <t>GHS KHOJIAN WALI</t>
  </si>
  <si>
    <t>KHOJIANWALI</t>
  </si>
  <si>
    <t>KHOJIANWALI PO LANGAY GUJRAT</t>
  </si>
  <si>
    <t>MUHAMMAD ASHRAF CHEEMA</t>
  </si>
  <si>
    <t>GGPS CHAK NO.151/M</t>
  </si>
  <si>
    <t>151/M</t>
  </si>
  <si>
    <t>chak no 151/M</t>
  </si>
  <si>
    <t>GPS KALARI</t>
  </si>
  <si>
    <t>village kalari p/o box sagri tehsil kallar syedan rawalpindi</t>
  </si>
  <si>
    <t>Kalari</t>
  </si>
  <si>
    <t>Ghaznabad</t>
  </si>
  <si>
    <t>shumaila yaqub</t>
  </si>
  <si>
    <t>GPS CHAK 324/HR</t>
  </si>
  <si>
    <t>324/HR</t>
  </si>
  <si>
    <t>Chak No 324/HR Tehsil Fort Abbas</t>
  </si>
  <si>
    <t>Irfan Ali</t>
  </si>
  <si>
    <t>6905</t>
  </si>
  <si>
    <t>GES LADUN</t>
  </si>
  <si>
    <t>Ladan</t>
  </si>
  <si>
    <t>Ladan D.G,Khan</t>
  </si>
  <si>
    <t>11690</t>
  </si>
  <si>
    <t>GGES DINAN BISHNOIAN</t>
  </si>
  <si>
    <t>Dinan Bishnoian</t>
  </si>
  <si>
    <t>ZaibunNisa</t>
  </si>
  <si>
    <t>26103</t>
  </si>
  <si>
    <t>44283</t>
  </si>
  <si>
    <t>GGPS MANK PUR</t>
  </si>
  <si>
    <t>ggps manak pur</t>
  </si>
  <si>
    <t>Sofia Naseem</t>
  </si>
  <si>
    <t>31398</t>
  </si>
  <si>
    <t>34876</t>
  </si>
  <si>
    <t>GGPS BASTI IMAM BUX WALA</t>
  </si>
  <si>
    <t>Nau Raja Bhuta</t>
  </si>
  <si>
    <t>Basti Kalanch Wali, Jalal Pur Pir Wala</t>
  </si>
  <si>
    <t>Basti Kalanch</t>
  </si>
  <si>
    <t>Nau Raja Bhutta</t>
  </si>
  <si>
    <t>Safia Khanum</t>
  </si>
  <si>
    <t>42724</t>
  </si>
  <si>
    <t>GMPS SOOD BADHANA</t>
  </si>
  <si>
    <t>Sood Bhadana</t>
  </si>
  <si>
    <t>vill sood bhadana p.o Ramman teh Gujarkhan Rawalpindi</t>
  </si>
  <si>
    <t>Sadia Shaheen</t>
  </si>
  <si>
    <t>18231</t>
  </si>
  <si>
    <t>39818</t>
  </si>
  <si>
    <t>GPS BHALESAR</t>
  </si>
  <si>
    <t>Bhalasar</t>
  </si>
  <si>
    <t>moza bhalasar post office garhi afghana</t>
  </si>
  <si>
    <t>Pormiana</t>
  </si>
  <si>
    <t>Masood-ur-Rehman</t>
  </si>
  <si>
    <t>29531</t>
  </si>
  <si>
    <t>44484</t>
  </si>
  <si>
    <t>GPS SAWAR CUP</t>
  </si>
  <si>
    <t>Basti Sawar Kap</t>
  </si>
  <si>
    <t>Mazhar Nawaz Naeem</t>
  </si>
  <si>
    <t>29024</t>
  </si>
  <si>
    <t>GPS JAVED NAGAR P/O RADHA RAM PATTOKI</t>
  </si>
  <si>
    <t>Javad Nagar</t>
  </si>
  <si>
    <t>Javaid nagar</t>
  </si>
  <si>
    <t>Javaid Nagar</t>
  </si>
  <si>
    <t>Trady Wala Chk 13</t>
  </si>
  <si>
    <t>22206</t>
  </si>
  <si>
    <t>GES DHUMMA MALKA</t>
  </si>
  <si>
    <t>Dhumma  Malka</t>
  </si>
  <si>
    <t>Dhumma Malka p/o Dolat Nagar teh/district Gujrat</t>
  </si>
  <si>
    <t>Dhumma Malka</t>
  </si>
  <si>
    <t>12859</t>
  </si>
  <si>
    <t>52890</t>
  </si>
  <si>
    <t>GGES BHAI RAO KAY</t>
  </si>
  <si>
    <t>Bhai Rao Kay</t>
  </si>
  <si>
    <t>Village bhai rao kay, tehsil depalpur district okara</t>
  </si>
  <si>
    <t>Mancharyan</t>
  </si>
  <si>
    <t>Sana Sumaira</t>
  </si>
  <si>
    <t>GPS CHAK NO 93/F</t>
  </si>
  <si>
    <t>93/F</t>
  </si>
  <si>
    <t>Chak no 93/F Post office 95/F Tehsil Chishtian</t>
  </si>
  <si>
    <t>Atta ur Rahman</t>
  </si>
  <si>
    <t>43031</t>
  </si>
  <si>
    <t>GGES GAKHAR ADMAL</t>
  </si>
  <si>
    <t>ghakhar admal</t>
  </si>
  <si>
    <t>village ghakhar admal P/O sadiot tehsil kallar syedan distt rawalpindi</t>
  </si>
  <si>
    <t>ghazanabad</t>
  </si>
  <si>
    <t>naila qurban</t>
  </si>
  <si>
    <t>29452</t>
  </si>
  <si>
    <t>GPS MIYANI</t>
  </si>
  <si>
    <t>VPO Miani tehsil kallar kahar district Chakwal</t>
  </si>
  <si>
    <t>Jamil-ur-Rehman</t>
  </si>
  <si>
    <t>29271</t>
  </si>
  <si>
    <t>38961</t>
  </si>
  <si>
    <t>GHS KANIAL</t>
  </si>
  <si>
    <t>Kanyal</t>
  </si>
  <si>
    <t>VPO Kanyal</t>
  </si>
  <si>
    <t>Farhan Naseer</t>
  </si>
  <si>
    <t>36224</t>
  </si>
  <si>
    <t>47187</t>
  </si>
  <si>
    <t>42362</t>
  </si>
  <si>
    <t>GHS NIRALI</t>
  </si>
  <si>
    <t>V.P O NARALI TEHSIL GUJJAR KHAN</t>
  </si>
  <si>
    <t>39898</t>
  </si>
  <si>
    <t>5983</t>
  </si>
  <si>
    <t>17049</t>
  </si>
  <si>
    <t>17863</t>
  </si>
  <si>
    <t>GPS CHAK NO 458 JB</t>
  </si>
  <si>
    <t>chak.458</t>
  </si>
  <si>
    <t>Ahata Bahader Khan</t>
  </si>
  <si>
    <t>Adah Khio</t>
  </si>
  <si>
    <t>Mehdi Abbas Shah</t>
  </si>
  <si>
    <t>GPS CHAK NO.198/M</t>
  </si>
  <si>
    <t>Chak No 198/M</t>
  </si>
  <si>
    <t>Chak No 198/M Tehsil hasilpur district bahawalpur</t>
  </si>
  <si>
    <t>Chak No 192/M</t>
  </si>
  <si>
    <t>GGPS CHAK NO.4/BC (E)</t>
  </si>
  <si>
    <t>4 Bc</t>
  </si>
  <si>
    <t>chak no 4 bc Dera bakha bahawal pur</t>
  </si>
  <si>
    <t>Chak 4 Bc</t>
  </si>
  <si>
    <t>Gulshan Fatima</t>
  </si>
  <si>
    <t>20099</t>
  </si>
  <si>
    <t>GGPS BASTI PATHAN</t>
  </si>
  <si>
    <t>Basti Pathan</t>
  </si>
  <si>
    <t>basti pathan</t>
  </si>
  <si>
    <t>Salaray</t>
  </si>
  <si>
    <t>Mussart Naseer</t>
  </si>
  <si>
    <t>52532</t>
  </si>
  <si>
    <t>GPS KALOO WAH</t>
  </si>
  <si>
    <t>Kaloo Wah</t>
  </si>
  <si>
    <t>KalooWah</t>
  </si>
  <si>
    <t>Chak   Bawa</t>
  </si>
  <si>
    <t>GPS BANDOANI</t>
  </si>
  <si>
    <t>Bandoani</t>
  </si>
  <si>
    <t>basti bandoani p/o mamoori dgkhan</t>
  </si>
  <si>
    <t>44855</t>
  </si>
  <si>
    <t>GHS RODI</t>
  </si>
  <si>
    <t>VILLAGE/ PO RODII TEH. KALLUR KOT DISTT. BHAKKAR</t>
  </si>
  <si>
    <t>RODI</t>
  </si>
  <si>
    <t>GHULAMA NO 1</t>
  </si>
  <si>
    <t>Muhammad Hassan Khan  Jaskani</t>
  </si>
  <si>
    <t>GPS CHAK NO 184 JB EAST</t>
  </si>
  <si>
    <t>chak no 184 jb east tehsil bhowana distt chiniot</t>
  </si>
  <si>
    <t>Chak No 184 Jb East</t>
  </si>
  <si>
    <t>Chak No 184jb West</t>
  </si>
  <si>
    <t>Saif ULLAH</t>
  </si>
  <si>
    <t>33117</t>
  </si>
  <si>
    <t>42909</t>
  </si>
  <si>
    <t>GPS BISHANDOT</t>
  </si>
  <si>
    <t>village &amp; p.o bishandot Teh kallar syedan</t>
  </si>
  <si>
    <t>Kausar Niazi</t>
  </si>
  <si>
    <t>40858</t>
  </si>
  <si>
    <t>GGHS PANDORI</t>
  </si>
  <si>
    <t>vill &amp; p o pandori tehsil dina distt jhelum</t>
  </si>
  <si>
    <t>shaista parvin</t>
  </si>
  <si>
    <t>GPS CHAK UMRA</t>
  </si>
  <si>
    <t>Chak umra</t>
  </si>
  <si>
    <t>Chak  Umra</t>
  </si>
  <si>
    <t>17077</t>
  </si>
  <si>
    <t>GPS BHOCHERA</t>
  </si>
  <si>
    <t>Bhochra</t>
  </si>
  <si>
    <t>Mouza Bhochra Tehsil &amp; District Jhang</t>
  </si>
  <si>
    <t>6014</t>
  </si>
  <si>
    <t>GMES BASTI GASSORA</t>
  </si>
  <si>
    <t>Shekhani</t>
  </si>
  <si>
    <t>GMES Basti gassora</t>
  </si>
  <si>
    <t>Basti Gassora</t>
  </si>
  <si>
    <t>47607</t>
  </si>
  <si>
    <t>GGPS MOMAN PUR</t>
  </si>
  <si>
    <t>Mominpur</t>
  </si>
  <si>
    <t>Mominpur tehsil hazro distt attock</t>
  </si>
  <si>
    <t>Mufassra Siddiqui</t>
  </si>
  <si>
    <t>10741</t>
  </si>
  <si>
    <t>22342</t>
  </si>
  <si>
    <t>GPS DARWA</t>
  </si>
  <si>
    <t>Darwa</t>
  </si>
  <si>
    <t>GPS DARWA GUJRAT</t>
  </si>
  <si>
    <t>Aurangzeb</t>
  </si>
  <si>
    <t>6701</t>
  </si>
  <si>
    <t>GMPS 119/10-R, JAHANIAN</t>
  </si>
  <si>
    <t>119/10R</t>
  </si>
  <si>
    <t>chak no 119/10.R Teh jhanian District khanewal</t>
  </si>
  <si>
    <t>Farzana Ilyas</t>
  </si>
  <si>
    <t>7021</t>
  </si>
  <si>
    <t>41110</t>
  </si>
  <si>
    <t>GPS NALA BRAHMINAN</t>
  </si>
  <si>
    <t>Nala Brahmina</t>
  </si>
  <si>
    <t>village nala brahminan.tehsil kahuta.distt rwp</t>
  </si>
  <si>
    <t>Nala Brahminan</t>
  </si>
  <si>
    <t>8302</t>
  </si>
  <si>
    <t>5539</t>
  </si>
  <si>
    <t>GGES KOT KASHI RAM</t>
  </si>
  <si>
    <t>Kot Kashi Ram</t>
  </si>
  <si>
    <t>nusrat arjumand</t>
  </si>
  <si>
    <t>45203</t>
  </si>
  <si>
    <t>6033</t>
  </si>
  <si>
    <t>48218</t>
  </si>
  <si>
    <t>GPS CHAK NO.13 SB</t>
  </si>
  <si>
    <t>chak 13</t>
  </si>
  <si>
    <t>chak 13 sb</t>
  </si>
  <si>
    <t>chak 13 SB</t>
  </si>
  <si>
    <t>chak 15 SB</t>
  </si>
  <si>
    <t>6035</t>
  </si>
  <si>
    <t>GPS CHAK NO.11/BC</t>
  </si>
  <si>
    <t>Chak No 11/bc</t>
  </si>
  <si>
    <t>Gps 11/b.c post office same tehsill and district Bahawalpur</t>
  </si>
  <si>
    <t>11 /Bc</t>
  </si>
  <si>
    <t>12/bc</t>
  </si>
  <si>
    <t>GPS QURESHIAN WALA PO KALUR</t>
  </si>
  <si>
    <t>qureshian wala po kaloor isakhel</t>
  </si>
  <si>
    <t>39694</t>
  </si>
  <si>
    <t>GGPS BELA</t>
  </si>
  <si>
    <t>village  Bela Teh Jand</t>
  </si>
  <si>
    <t>Kaleem Sultana</t>
  </si>
  <si>
    <t>53504</t>
  </si>
  <si>
    <t>19986</t>
  </si>
  <si>
    <t>GES CHAK NO 144 JB WEST</t>
  </si>
  <si>
    <t>chak no 144 jb purana pind khokhran tehsil.&amp; district chiniot</t>
  </si>
  <si>
    <t>Chak No 144 Jb</t>
  </si>
  <si>
    <t>Lal Kotiyan Khokhar</t>
  </si>
  <si>
    <t>18061</t>
  </si>
  <si>
    <t>37716</t>
  </si>
  <si>
    <t>GHSS CHOUA KHALSA</t>
  </si>
  <si>
    <t>choha khalsa</t>
  </si>
  <si>
    <t>choha khalsa po khas</t>
  </si>
  <si>
    <t>Dr javaid iqbal awan</t>
  </si>
  <si>
    <t>19744</t>
  </si>
  <si>
    <t>GPS CHAK NO 235 JB</t>
  </si>
  <si>
    <t>Chak No 235 Jb</t>
  </si>
  <si>
    <t>Chak no 235 jb</t>
  </si>
  <si>
    <t>Chak # 235 Jb</t>
  </si>
  <si>
    <t>Chak # 184</t>
  </si>
  <si>
    <t>Hafiz Tariq Ali Attari</t>
  </si>
  <si>
    <t>38885</t>
  </si>
  <si>
    <t>38775</t>
  </si>
  <si>
    <t>GGHSS PAC F-6 KAMRA</t>
  </si>
  <si>
    <t>PAC KAMRA</t>
  </si>
  <si>
    <t>GGHSS ARF PAC KAMRA</t>
  </si>
  <si>
    <t>SHAHNAZ PARVEEN</t>
  </si>
  <si>
    <t>11844</t>
  </si>
  <si>
    <t>GES MAJRA</t>
  </si>
  <si>
    <t>Majra</t>
  </si>
  <si>
    <t>Dhuma Malka</t>
  </si>
  <si>
    <t>29054</t>
  </si>
  <si>
    <t>18596</t>
  </si>
  <si>
    <t>GPS CHAK NO 427/6-R W</t>
  </si>
  <si>
    <t>427/6R</t>
  </si>
  <si>
    <t>chak 427/6,r west teh haroon abad</t>
  </si>
  <si>
    <t>427/6R W</t>
  </si>
  <si>
    <t>Chak109</t>
  </si>
  <si>
    <t>GGPS NAI BASTI DHERAN WALA</t>
  </si>
  <si>
    <t>Kulluan Wala</t>
  </si>
  <si>
    <t>Nai basti dehran wala</t>
  </si>
  <si>
    <t>Dehran Wala</t>
  </si>
  <si>
    <t>38695</t>
  </si>
  <si>
    <t>GGPS 34/M</t>
  </si>
  <si>
    <t>34M</t>
  </si>
  <si>
    <t>ggps 34M</t>
  </si>
  <si>
    <t>34167</t>
  </si>
  <si>
    <t>6785</t>
  </si>
  <si>
    <t>41079</t>
  </si>
  <si>
    <t>GGES KAHUTA</t>
  </si>
  <si>
    <t>channi bazar near zulaikha hospital kahuta</t>
  </si>
  <si>
    <t>Dr. Ruqia Bibi</t>
  </si>
  <si>
    <t>GPS 279 EB</t>
  </si>
  <si>
    <t>Chak No 279/EB</t>
  </si>
  <si>
    <t>Chak No 291/EB</t>
  </si>
  <si>
    <t>148921</t>
  </si>
  <si>
    <t>47778</t>
  </si>
  <si>
    <t>GGPS JADA</t>
  </si>
  <si>
    <t>GGPS Jada</t>
  </si>
  <si>
    <t>Najma Mushtaq</t>
  </si>
  <si>
    <t>5913</t>
  </si>
  <si>
    <t>50484</t>
  </si>
  <si>
    <t>GGPS MC NO.4 CHICHWATNI</t>
  </si>
  <si>
    <t>CHICHAWATNI SADAR A-FEMALE</t>
  </si>
  <si>
    <t>Block No3</t>
  </si>
  <si>
    <t>block no.3 street no.6 cci</t>
  </si>
  <si>
    <t>Chichawatni City</t>
  </si>
  <si>
    <t>GPS NOSHERA</t>
  </si>
  <si>
    <t>mozah noshera</t>
  </si>
  <si>
    <t>Samar Abbas</t>
  </si>
  <si>
    <t>20814</t>
  </si>
  <si>
    <t>GGPS MC NO.20 GUJRANWALA</t>
  </si>
  <si>
    <t>Govt Girls primary school MC20 farooq gunj bara gala nazd batool eye complex gujranwala</t>
  </si>
  <si>
    <t>Farooq Gunj</t>
  </si>
  <si>
    <t>Farooq Gunj town qilla didar singh</t>
  </si>
  <si>
    <t>48141</t>
  </si>
  <si>
    <t>GGHS CHAK NO.16 SB</t>
  </si>
  <si>
    <t>16sb</t>
  </si>
  <si>
    <t>gghs16sb,bhalwal</t>
  </si>
  <si>
    <t>15sb</t>
  </si>
  <si>
    <t>Shahida Wafai</t>
  </si>
  <si>
    <t>52342</t>
  </si>
  <si>
    <t>GGES 5/S.P LADHUKA</t>
  </si>
  <si>
    <t>5sp Ladhuka</t>
  </si>
  <si>
    <t>GGES 5SP Ladhuka</t>
  </si>
  <si>
    <t>GGPS CHAK NO.196/M</t>
  </si>
  <si>
    <t>196/m</t>
  </si>
  <si>
    <t>chak 196/m</t>
  </si>
  <si>
    <t>6821</t>
  </si>
  <si>
    <t>GHS CHAPRI</t>
  </si>
  <si>
    <t>Chapri, Essa Khel, Mianwai</t>
  </si>
  <si>
    <t>39702</t>
  </si>
  <si>
    <t>GGPS ZIARAT</t>
  </si>
  <si>
    <t>Ziarat</t>
  </si>
  <si>
    <t>village ziarat tehsil jand district attock</t>
  </si>
  <si>
    <t>Narjis Khatoon</t>
  </si>
  <si>
    <t>water arranged from neighbourhood</t>
  </si>
  <si>
    <t>41339</t>
  </si>
  <si>
    <t>23798</t>
  </si>
  <si>
    <t>GGPS CHAK ARJANI</t>
  </si>
  <si>
    <t>Chak Arjani</t>
  </si>
  <si>
    <t>GG p/s Chak Arjani</t>
  </si>
  <si>
    <t>Saira Sultan</t>
  </si>
  <si>
    <t>23373</t>
  </si>
  <si>
    <t>GPS NOTHIA</t>
  </si>
  <si>
    <t>village Nothia, p/o Nothia khan, tehsil Kallar syedan,District rawalpindi</t>
  </si>
  <si>
    <t>Ifraz Bibi</t>
  </si>
  <si>
    <t>GMPS BAMINIAL</t>
  </si>
  <si>
    <t>Bamnial</t>
  </si>
  <si>
    <t>Gmps bamniial</t>
  </si>
  <si>
    <t>18694</t>
  </si>
  <si>
    <t>GPS CHAK 277 JB NANGAL</t>
  </si>
  <si>
    <t>DAWAKHARI MALE</t>
  </si>
  <si>
    <t>277 Jb</t>
  </si>
  <si>
    <t>chak no. 277 j.b nangal (Il)</t>
  </si>
  <si>
    <t>277 Nangal</t>
  </si>
  <si>
    <t>Usman kot</t>
  </si>
  <si>
    <t>Ashfaq ahmad</t>
  </si>
  <si>
    <t>GES DARKHAST WALA, KABIRWALA</t>
  </si>
  <si>
    <t>Waris Khalil</t>
  </si>
  <si>
    <t>21607</t>
  </si>
  <si>
    <t>6847</t>
  </si>
  <si>
    <t>50311</t>
  </si>
  <si>
    <t>GPS MISSION 8/11-L</t>
  </si>
  <si>
    <t>mission 8/11L</t>
  </si>
  <si>
    <t>chak no 8/11-L</t>
  </si>
  <si>
    <t>8/11-L mission</t>
  </si>
  <si>
    <t>8/11-L</t>
  </si>
  <si>
    <t>Farzana Wazir</t>
  </si>
  <si>
    <t>8791</t>
  </si>
  <si>
    <t>7820</t>
  </si>
  <si>
    <t>22758</t>
  </si>
  <si>
    <t>43553</t>
  </si>
  <si>
    <t>GGPS MASWAL</t>
  </si>
  <si>
    <t>Maswal</t>
  </si>
  <si>
    <t>vpo maswal teh &amp; district chakwal</t>
  </si>
  <si>
    <t>Mariam Gul</t>
  </si>
  <si>
    <t>40681</t>
  </si>
  <si>
    <t>52493</t>
  </si>
  <si>
    <t>GPS THAKAR KAY</t>
  </si>
  <si>
    <t>Ali Kay Rohela</t>
  </si>
  <si>
    <t>GPS Thakkar kay</t>
  </si>
  <si>
    <t>Thakkar kay</t>
  </si>
  <si>
    <t>Jamalkot</t>
  </si>
  <si>
    <t>Muhammad Zafar Watoo</t>
  </si>
  <si>
    <t>48213</t>
  </si>
  <si>
    <t>7468</t>
  </si>
  <si>
    <t>52675</t>
  </si>
  <si>
    <t>41241</t>
  </si>
  <si>
    <t>GGPS MOHRA PLAI</t>
  </si>
  <si>
    <t>MOHRA PLAI</t>
  </si>
  <si>
    <t>VPO Nara Teh Kahuta Distt Rawalpindi</t>
  </si>
  <si>
    <t>Mohraplai</t>
  </si>
  <si>
    <t>Izwa Naheed</t>
  </si>
  <si>
    <t>13807</t>
  </si>
  <si>
    <t>GPS SAFDAR KHAN BABRA</t>
  </si>
  <si>
    <t>sonwah chak shsheed Hajipur</t>
  </si>
  <si>
    <t>Safdar Babra</t>
  </si>
  <si>
    <t>10925</t>
  </si>
  <si>
    <t>GPS BASTI ARAIN NO.1</t>
  </si>
  <si>
    <t>Khuda Bukhsh Channar</t>
  </si>
  <si>
    <t>mouza Khuda bukhsh channar Basti Arrain</t>
  </si>
  <si>
    <t>41964</t>
  </si>
  <si>
    <t>39070</t>
  </si>
  <si>
    <t>GPS SUBJAL</t>
  </si>
  <si>
    <t>SUBJAL</t>
  </si>
  <si>
    <t>village SUBJAL p/o Gaggan Distt Attock Teh Fateh jang</t>
  </si>
  <si>
    <t>Abdul  Qadir</t>
  </si>
  <si>
    <t>6869</t>
  </si>
  <si>
    <t>GGPS DHOK PEHLA</t>
  </si>
  <si>
    <t>Dhoke Pehla</t>
  </si>
  <si>
    <t>vpo khunda jand Attock</t>
  </si>
  <si>
    <t>rao</t>
  </si>
  <si>
    <t>moza rao basti kharal</t>
  </si>
  <si>
    <t>basti kharal</t>
  </si>
  <si>
    <t>sabay wala</t>
  </si>
  <si>
    <t>23742</t>
  </si>
  <si>
    <t>GPS DAOKAY KHURD</t>
  </si>
  <si>
    <t>Daokay Khurd</t>
  </si>
  <si>
    <t>Village Daokay Khurd, Tehsil Daska, District Sialkot</t>
  </si>
  <si>
    <t>Muhammad  Arshad Shaheen</t>
  </si>
  <si>
    <t>7855</t>
  </si>
  <si>
    <t>GPS 53 RAKAR</t>
  </si>
  <si>
    <t>Chak No 53 Fateh</t>
  </si>
  <si>
    <t>Chak No. 53 Fateh Rakar</t>
  </si>
  <si>
    <t>RAKAR</t>
  </si>
  <si>
    <t>54 Fateh Bakhshan Khan</t>
  </si>
  <si>
    <t>Said Amir Khan</t>
  </si>
  <si>
    <t>42946</t>
  </si>
  <si>
    <t>GES KALLAR SYEDAN</t>
  </si>
  <si>
    <t>near TMA office thana road kallar syedan</t>
  </si>
  <si>
    <t>48033</t>
  </si>
  <si>
    <t>6883</t>
  </si>
  <si>
    <t>GGPS CHAK NO.84/F ARAIYAN</t>
  </si>
  <si>
    <t>84f/a</t>
  </si>
  <si>
    <t>primary school 84f/a post office 89f</t>
  </si>
  <si>
    <t>6887</t>
  </si>
  <si>
    <t>GGHS MC MILLAT COLONY</t>
  </si>
  <si>
    <t>siddique chowk</t>
  </si>
  <si>
    <t>saddique chowk millat colony</t>
  </si>
  <si>
    <t>millat colony</t>
  </si>
  <si>
    <t>nighat roohi</t>
  </si>
  <si>
    <t>8607</t>
  </si>
  <si>
    <t>GHS BADDO</t>
  </si>
  <si>
    <t>Baddo</t>
  </si>
  <si>
    <t>village Baddo P.O. Behalola tehsil and district Jhelum</t>
  </si>
  <si>
    <t>52484</t>
  </si>
  <si>
    <t>GPS BATAK</t>
  </si>
  <si>
    <t>Battak</t>
  </si>
  <si>
    <t>GPS battak, Basirpur</t>
  </si>
  <si>
    <t>Azam Hussain</t>
  </si>
  <si>
    <t>26908</t>
  </si>
  <si>
    <t>GGHS DOUBLE SECTION ALI PUR ROAD</t>
  </si>
  <si>
    <t>ali pur road hafizabad</t>
  </si>
  <si>
    <t>Ali Pur Road Hafizabad</t>
  </si>
  <si>
    <t>Nasreen Mairaj</t>
  </si>
  <si>
    <t>22592</t>
  </si>
  <si>
    <t>GGPS KURRI SHARIF</t>
  </si>
  <si>
    <t>Kurri Sharif</t>
  </si>
  <si>
    <t>kurri Sharif</t>
  </si>
  <si>
    <t>Marrikhokhran</t>
  </si>
  <si>
    <t>Fareeha Riaz</t>
  </si>
  <si>
    <t>13894</t>
  </si>
  <si>
    <t>35437</t>
  </si>
  <si>
    <t>GPS BHATTIA</t>
  </si>
  <si>
    <t>Bhattia</t>
  </si>
  <si>
    <t>Bhattia p/o kala gujran jhelum</t>
  </si>
  <si>
    <t>39386</t>
  </si>
  <si>
    <t>44885</t>
  </si>
  <si>
    <t>GHS CHAP SANDI</t>
  </si>
  <si>
    <t>CHAP SANDI</t>
  </si>
  <si>
    <t>GOVT.HIGH SCHOOL CHAP SANDI</t>
  </si>
  <si>
    <t>KALWAL</t>
  </si>
  <si>
    <t>14047</t>
  </si>
  <si>
    <t>GES CHAK NO. 436/6-R</t>
  </si>
  <si>
    <t>Chak No 436/6R</t>
  </si>
  <si>
    <t>chak no 436/6R tehsil haroon abad</t>
  </si>
  <si>
    <t>Nasir Javed</t>
  </si>
  <si>
    <t>12644</t>
  </si>
  <si>
    <t>6958</t>
  </si>
  <si>
    <t>48178</t>
  </si>
  <si>
    <t>GPS CHAK NO.6 NB</t>
  </si>
  <si>
    <t>BHALWAL - MALE</t>
  </si>
  <si>
    <t>Chak 6nb</t>
  </si>
  <si>
    <t>chak 6 nb</t>
  </si>
  <si>
    <t>Chak6 Nb</t>
  </si>
  <si>
    <t>42604</t>
  </si>
  <si>
    <t>GPS SOGADAT</t>
  </si>
  <si>
    <t>Sogadat</t>
  </si>
  <si>
    <t>VPO Sogadat Teh. Gujarkhan district Rawalpindi</t>
  </si>
  <si>
    <t>GMPS CHAK NO. 24 GAJIANI</t>
  </si>
  <si>
    <t>Chak No 24/G</t>
  </si>
  <si>
    <t>chak no 24/G post office 28/G tehsil chishtian district bahawalnagar.</t>
  </si>
  <si>
    <t>24/G</t>
  </si>
  <si>
    <t>6964</t>
  </si>
  <si>
    <t>GPS CHAK 307/HR</t>
  </si>
  <si>
    <t>Chak307/HR</t>
  </si>
  <si>
    <t>chak 307/HR Tehsil:Fort Abbas Dist:Bahawal Nagar</t>
  </si>
  <si>
    <t>307/HR</t>
  </si>
  <si>
    <t>Chak 304/HR</t>
  </si>
  <si>
    <t>48720</t>
  </si>
  <si>
    <t>6966</t>
  </si>
  <si>
    <t>54566</t>
  </si>
  <si>
    <t>GPS JALALANA</t>
  </si>
  <si>
    <t>Jalal Ana</t>
  </si>
  <si>
    <t>vill. Jalal Ana P/O Mian Raheeman Teh. &amp; Distt. Hafizabad</t>
  </si>
  <si>
    <t>Naharyan Wala</t>
  </si>
  <si>
    <t>GPS BAIT ALAM</t>
  </si>
  <si>
    <t>Nasar Ullah</t>
  </si>
  <si>
    <t>GGHS SOHAN</t>
  </si>
  <si>
    <t>village and post office sohan tehsil Dina Distt.jhelum</t>
  </si>
  <si>
    <t>Sohah</t>
  </si>
  <si>
    <t>Sehrish Zameer</t>
  </si>
  <si>
    <t>6981</t>
  </si>
  <si>
    <t>GPS CHAK NO.81/F</t>
  </si>
  <si>
    <t>CHAK NO.  81/F P.O CHAK 79/F TEHSIL HASILPUR DISTRICT BAHAWALPUR</t>
  </si>
  <si>
    <t>CHAK 81/F</t>
  </si>
  <si>
    <t>39951</t>
  </si>
  <si>
    <t>34865</t>
  </si>
  <si>
    <t>GPS BASTI MALKANI P/O GHAZI PUR</t>
  </si>
  <si>
    <t>bastimalkani p/o ghazi pur tehsil jalalpur pirwala</t>
  </si>
  <si>
    <t>Bastimalkani</t>
  </si>
  <si>
    <t>8501</t>
  </si>
  <si>
    <t>54881</t>
  </si>
  <si>
    <t>GPS CHAK NO. 194 JB</t>
  </si>
  <si>
    <t>Chak No. 194 JB</t>
  </si>
  <si>
    <t>chak 194 jb sial wala</t>
  </si>
  <si>
    <t>Chak 194jb</t>
  </si>
  <si>
    <t>MEHMAND KHAN</t>
  </si>
  <si>
    <t>22295</t>
  </si>
  <si>
    <t>6669</t>
  </si>
  <si>
    <t>GGPS DADWON WALA</t>
  </si>
  <si>
    <t>dadoon wala</t>
  </si>
  <si>
    <t>Dadoon wala</t>
  </si>
  <si>
    <t>Dharma</t>
  </si>
  <si>
    <t>Haseeb Fatima</t>
  </si>
  <si>
    <t>13147</t>
  </si>
  <si>
    <t>GPS KALLAR WALI NO.1</t>
  </si>
  <si>
    <t>Kallarwali 2</t>
  </si>
  <si>
    <t>Basti Jaafreen, Mauza &amp; P /O Kallarwali, Tehsil Jatoi. district  Muzaffar Garh</t>
  </si>
  <si>
    <t>Jaafreen</t>
  </si>
  <si>
    <t>43174</t>
  </si>
  <si>
    <t>GGHS DHEEDWAL</t>
  </si>
  <si>
    <t>DHEEDWAL</t>
  </si>
  <si>
    <t>vpo dheedwal teh and dist chakwal</t>
  </si>
  <si>
    <t>Dheedwal</t>
  </si>
  <si>
    <t>44193</t>
  </si>
  <si>
    <t>GGHS MAKHIAL</t>
  </si>
  <si>
    <t>Makhial</t>
  </si>
  <si>
    <t>Post office Buchal kalan Village makhial tehsil kalar kahar district chakwal1</t>
  </si>
  <si>
    <t>Buchalkalan</t>
  </si>
  <si>
    <t>Rahemin Samdani</t>
  </si>
  <si>
    <t>6688</t>
  </si>
  <si>
    <t>GPS KOT BAGGA SINGH</t>
  </si>
  <si>
    <t>Jango Wala chat no. 4</t>
  </si>
  <si>
    <t>Do Sial</t>
  </si>
  <si>
    <t>Muhammad Awais Hussain</t>
  </si>
  <si>
    <t>GGPS KUKRAN WALA WANDHA</t>
  </si>
  <si>
    <t>Wanda kukranwala</t>
  </si>
  <si>
    <t>Kukranwala</t>
  </si>
  <si>
    <t>Shehr Bano</t>
  </si>
  <si>
    <t>50631</t>
  </si>
  <si>
    <t>GGPS 23/14-L</t>
  </si>
  <si>
    <t>23/14l</t>
  </si>
  <si>
    <t>chak.no 23/14l</t>
  </si>
  <si>
    <t>Iqra batool</t>
  </si>
  <si>
    <t>GGPS DUDRAH GHARBI</t>
  </si>
  <si>
    <t>Dhudra Gharbi</t>
  </si>
  <si>
    <t>dhudra gharbi tehsil and district gujrat</t>
  </si>
  <si>
    <t>Memoona Zanib</t>
  </si>
  <si>
    <t>10766</t>
  </si>
  <si>
    <t>50625</t>
  </si>
  <si>
    <t>46656</t>
  </si>
  <si>
    <t>34840</t>
  </si>
  <si>
    <t>GPS SHAH WALA P/O KOTLA CHAKAR JPP.</t>
  </si>
  <si>
    <t>l Pur Pir Wala, District Multan.</t>
  </si>
  <si>
    <t>Ghulam Nazik</t>
  </si>
  <si>
    <t>GES CHAK NO. 358/WB</t>
  </si>
  <si>
    <t>358/wb</t>
  </si>
  <si>
    <t>chak no 358/w.b.</t>
  </si>
  <si>
    <t>23902</t>
  </si>
  <si>
    <t>6717</t>
  </si>
  <si>
    <t>GGHS MOHIB ALI</t>
  </si>
  <si>
    <t>Mohib Ali</t>
  </si>
  <si>
    <t>GGHS Mohib Ali teh. and dist. Bahawalnagar</t>
  </si>
  <si>
    <t>Zunaira Sharif</t>
  </si>
  <si>
    <t>61325</t>
  </si>
  <si>
    <t>19036</t>
  </si>
  <si>
    <t>6719</t>
  </si>
  <si>
    <t>GES HUSSO WALA</t>
  </si>
  <si>
    <t>choubara city</t>
  </si>
  <si>
    <t>Hassu Wala</t>
  </si>
  <si>
    <t>GPS CHAK 14 GAJIANI</t>
  </si>
  <si>
    <t>Azam Chowk, 14Gajiani, Chishtian</t>
  </si>
  <si>
    <t>14Gajiani</t>
  </si>
  <si>
    <t>32273</t>
  </si>
  <si>
    <t>6727</t>
  </si>
  <si>
    <t>13145</t>
  </si>
  <si>
    <t>GES ALLAH BAKHSH WALA</t>
  </si>
  <si>
    <t>Billo Sandilah</t>
  </si>
  <si>
    <t>Mauza Billo Sandilah P.O kallarwali Teh Jatoi Distt muzaffargarh</t>
  </si>
  <si>
    <t>Malik Muhammad Younis</t>
  </si>
  <si>
    <t>6731</t>
  </si>
  <si>
    <t>29029</t>
  </si>
  <si>
    <t>GGPS JAVED NAGAR</t>
  </si>
  <si>
    <t>Javed Nagar</t>
  </si>
  <si>
    <t>GGPS Javed nagar</t>
  </si>
  <si>
    <t>Treday Wala</t>
  </si>
  <si>
    <t>Fozia Bilal</t>
  </si>
  <si>
    <t>6732</t>
  </si>
  <si>
    <t>35265</t>
  </si>
  <si>
    <t>GPS 293 EB</t>
  </si>
  <si>
    <t>293/EBChak</t>
  </si>
  <si>
    <t>chak no 293/EB Tehsil Burewala District Vehari</t>
  </si>
  <si>
    <t>Chak 293/EB</t>
  </si>
  <si>
    <t>6733</t>
  </si>
  <si>
    <t>42940</t>
  </si>
  <si>
    <t>GPS GUFF</t>
  </si>
  <si>
    <t>gpsguff vill guff po box khallarain tehsil kallar syedan distt rawalpindi</t>
  </si>
  <si>
    <t>WALEED MEHMOOD KHAN</t>
  </si>
  <si>
    <t>4616</t>
  </si>
  <si>
    <t>41179</t>
  </si>
  <si>
    <t>GGPS BROHI ZARIN</t>
  </si>
  <si>
    <t>VILLAGE AND POST OFFICE BROHI TEHSIL KAHUTA DISTRICT RAWALPINDI</t>
  </si>
  <si>
    <t>RABIA MUSTAFA</t>
  </si>
  <si>
    <t>11015</t>
  </si>
  <si>
    <t>6741</t>
  </si>
  <si>
    <t>54346</t>
  </si>
  <si>
    <t>GGPS SAROKI</t>
  </si>
  <si>
    <t>Sana Firdous</t>
  </si>
  <si>
    <t>46638</t>
  </si>
  <si>
    <t>GHS SHEIKH MEHMOOD WALA</t>
  </si>
  <si>
    <t>Sheikh Mehmood Wala</t>
  </si>
  <si>
    <t>Govt. High School Sheikh Mehmood Wala Tehsil Isa Khel District Mianwali</t>
  </si>
  <si>
    <t>Sheikh Mehmood wala</t>
  </si>
  <si>
    <t>Khursheed Ahmad Khan</t>
  </si>
  <si>
    <t>GGHS GULYANA</t>
  </si>
  <si>
    <t>iqbal colony vpo gulyana gujar khan</t>
  </si>
  <si>
    <t>BEENA NAWAZ</t>
  </si>
  <si>
    <t>GPS WAHI HUSSAIN</t>
  </si>
  <si>
    <t>Wahi huussain</t>
  </si>
  <si>
    <t>Hafeez Ur Rehman Anjum</t>
  </si>
  <si>
    <t>6746</t>
  </si>
  <si>
    <t>48081</t>
  </si>
  <si>
    <t>GHS DHORI</t>
  </si>
  <si>
    <t>Dhori tehsil bhalwal District. Sargodha</t>
  </si>
  <si>
    <t>Rana Zafar Iqbal</t>
  </si>
  <si>
    <t>6748</t>
  </si>
  <si>
    <t>GMPS ISLAM KOT</t>
  </si>
  <si>
    <t>Islamkot</t>
  </si>
  <si>
    <t>GGPS BADRA SHARQI</t>
  </si>
  <si>
    <t>Badra Sharqi</t>
  </si>
  <si>
    <t>village badra sharqi</t>
  </si>
  <si>
    <t>Naghmana Batool</t>
  </si>
  <si>
    <t>GPS DOMEL NO.1</t>
  </si>
  <si>
    <t>Domail</t>
  </si>
  <si>
    <t>VPO Domel, Tehsil Jand District Attock</t>
  </si>
  <si>
    <t>50210</t>
  </si>
  <si>
    <t>6751</t>
  </si>
  <si>
    <t>GGPS MOHRA THANEEL NO.1</t>
  </si>
  <si>
    <t>Mohra Thaneel</t>
  </si>
  <si>
    <t>village Mohra Thaneel PO Janga Teh &amp; Dist Chakwal</t>
  </si>
  <si>
    <t>Zahida Begum</t>
  </si>
  <si>
    <t>6752</t>
  </si>
  <si>
    <t>GES ASGHAR COLONY</t>
  </si>
  <si>
    <t>Asghar Colony Gujranwala</t>
  </si>
  <si>
    <t>Allah Bakhsh Colony</t>
  </si>
  <si>
    <t>12175</t>
  </si>
  <si>
    <t>8058</t>
  </si>
  <si>
    <t>GES JAHAAN KHAN</t>
  </si>
  <si>
    <t>basti jahan khan Shah sader din</t>
  </si>
  <si>
    <t>Jahan khan</t>
  </si>
  <si>
    <t>40092</t>
  </si>
  <si>
    <t>GHS GHARMALA</t>
  </si>
  <si>
    <t>gharmala</t>
  </si>
  <si>
    <t>GHS Gharmala Jhelum</t>
  </si>
  <si>
    <t>Zulfiqar Ahmed</t>
  </si>
  <si>
    <t>44204</t>
  </si>
  <si>
    <t>GPS MOHABAT PURA</t>
  </si>
  <si>
    <t>village &amp;post office Khai Tehsil kallar kahar Dist chakwal</t>
  </si>
  <si>
    <t>Mohabat Pura</t>
  </si>
  <si>
    <t>Sadia Rehman</t>
  </si>
  <si>
    <t>local help</t>
  </si>
  <si>
    <t>GGPS MOHRA NAGRIAL NO.2</t>
  </si>
  <si>
    <t>Vill/P.O mohra nagrial teh kallar seydan dist Rwp</t>
  </si>
  <si>
    <t>Mohra Nagrial</t>
  </si>
  <si>
    <t>52263</t>
  </si>
  <si>
    <t>GES LOOMARY</t>
  </si>
  <si>
    <t>Loomary</t>
  </si>
  <si>
    <t>Loomary  P/O Hujra Shah Muqeem</t>
  </si>
  <si>
    <t>17259</t>
  </si>
  <si>
    <t>GPS KAT DHARMAY WALI</t>
  </si>
  <si>
    <t>Turan No 1</t>
  </si>
  <si>
    <t>Turan No 1 Kat dharmy wali</t>
  </si>
  <si>
    <t>Kat Dharmy Wali</t>
  </si>
  <si>
    <t>Muhammad Ali Adnan</t>
  </si>
  <si>
    <t>31856</t>
  </si>
  <si>
    <t>9699</t>
  </si>
  <si>
    <t>GPS CHAK NO 344 TDA</t>
  </si>
  <si>
    <t>Sumra Thal Kalan</t>
  </si>
  <si>
    <t>344 TDA Tehsil CHoubara</t>
  </si>
  <si>
    <t>344 TDA</t>
  </si>
  <si>
    <t>Rafique Abad</t>
  </si>
  <si>
    <t>22375</t>
  </si>
  <si>
    <t>20044</t>
  </si>
  <si>
    <t>GMPS KOT SIPRA</t>
  </si>
  <si>
    <t>KOT Sipra</t>
  </si>
  <si>
    <t>kotsipra</t>
  </si>
  <si>
    <t>Farhat Gulnaz</t>
  </si>
  <si>
    <t>23408</t>
  </si>
  <si>
    <t>21245</t>
  </si>
  <si>
    <t>GGES BAHADUR KHAN</t>
  </si>
  <si>
    <t>Bahadurkhan</t>
  </si>
  <si>
    <t>khudija bibi</t>
  </si>
  <si>
    <t>38535</t>
  </si>
  <si>
    <t>GPS 291/WB</t>
  </si>
  <si>
    <t>291/WB</t>
  </si>
  <si>
    <t>Chak # 291/WB  Tehsil Dunyapur District Lodhran</t>
  </si>
  <si>
    <t>Chak # 291/WB</t>
  </si>
  <si>
    <t>Jhandir Wah</t>
  </si>
  <si>
    <t>BASHARAT ALI</t>
  </si>
  <si>
    <t>6986</t>
  </si>
  <si>
    <t>GGPS RANA COLONY</t>
  </si>
  <si>
    <t>Rana colony</t>
  </si>
  <si>
    <t>Kagniwala</t>
  </si>
  <si>
    <t>Firdous Tahira</t>
  </si>
  <si>
    <t>29336</t>
  </si>
  <si>
    <t>6987</t>
  </si>
  <si>
    <t>39787</t>
  </si>
  <si>
    <t>GES HASSANABDAL</t>
  </si>
  <si>
    <t>hassanabdal</t>
  </si>
  <si>
    <t>abbotabad mor hazara road hassanabdal</t>
  </si>
  <si>
    <t>fareed ahmed</t>
  </si>
  <si>
    <t>28057</t>
  </si>
  <si>
    <t>GPS KALLARIAN</t>
  </si>
  <si>
    <t>Saljoor</t>
  </si>
  <si>
    <t>vill kallarian  p/o kallarian Teh kallar syedan Distt Rawalpindi</t>
  </si>
  <si>
    <t>Kallarian</t>
  </si>
  <si>
    <t>Shamaila Ishaq</t>
  </si>
  <si>
    <t>GPS BASTI PUNNAN</t>
  </si>
  <si>
    <t>Sultan Arain</t>
  </si>
  <si>
    <t>Basti Punran Via Khanpur Nauranga,Bahawalpur</t>
  </si>
  <si>
    <t>Basti Punran</t>
  </si>
  <si>
    <t>24802</t>
  </si>
  <si>
    <t>GES LANGER PUR</t>
  </si>
  <si>
    <t>Village and P.O Langarpur via Kala Gujran Tehsil and distt Jhelum</t>
  </si>
  <si>
    <t>Jehanzeb Khalid</t>
  </si>
  <si>
    <t>40261</t>
  </si>
  <si>
    <t>6996</t>
  </si>
  <si>
    <t>GGHS MOIN UD DIN PUR</t>
  </si>
  <si>
    <t>MOIN-UD-DIN Pur PUR</t>
  </si>
  <si>
    <t>VPO MOIN-UD-DIN PUR TEHSIL &amp; DISTRICT GUJRAT</t>
  </si>
  <si>
    <t>MOIN-UD-DIN PUR</t>
  </si>
  <si>
    <t>rizwana hashmi</t>
  </si>
  <si>
    <t>42423</t>
  </si>
  <si>
    <t>GGES BHADANA</t>
  </si>
  <si>
    <t>village and P.O Bhadana tehsil Gujar Khan Distt Rawalpindi</t>
  </si>
  <si>
    <t>TalatAsma</t>
  </si>
  <si>
    <t>39064</t>
  </si>
  <si>
    <t>GES KAMRA FATEH JANG</t>
  </si>
  <si>
    <t>village and post office karma tehsil fateh jang districtâ€‹. attock</t>
  </si>
  <si>
    <t>Muhammad Tauqir</t>
  </si>
  <si>
    <t>37324</t>
  </si>
  <si>
    <t>GPS LOT NO 58</t>
  </si>
  <si>
    <t>Rak Dagraanwali</t>
  </si>
  <si>
    <t>post office Barkat wala  lot no 58 tensile Darya khan District Bhakkar</t>
  </si>
  <si>
    <t>Lot No 58</t>
  </si>
  <si>
    <t>Barkat Wala</t>
  </si>
  <si>
    <t>8511</t>
  </si>
  <si>
    <t>Basti kamil wala</t>
  </si>
  <si>
    <t>27083</t>
  </si>
  <si>
    <t>GMPS MUZAFFAR KOHNA</t>
  </si>
  <si>
    <t>Muzaffer Kohna</t>
  </si>
  <si>
    <t>Muzaffer Kohna Tehsil and District Hafizabad</t>
  </si>
  <si>
    <t>Sana Razaq</t>
  </si>
  <si>
    <t>12451</t>
  </si>
  <si>
    <t>41222</t>
  </si>
  <si>
    <t>Village kalyal p.o hothla teh kahuta dist rawalpindi</t>
  </si>
  <si>
    <t>Tayyaba Tahira</t>
  </si>
  <si>
    <t>7007</t>
  </si>
  <si>
    <t>GPS JANDAN WALA NO.2</t>
  </si>
  <si>
    <t>Mc Jandanwala</t>
  </si>
  <si>
    <t>Hakim Khan Niazi</t>
  </si>
  <si>
    <t>GGHS BASTI KHAWAJGAN</t>
  </si>
  <si>
    <t>moza hakra,basti khawajgan,bahawalpur</t>
  </si>
  <si>
    <t>Basti Khawajgan</t>
  </si>
  <si>
    <t>SHAMA NOREEN</t>
  </si>
  <si>
    <t>7261</t>
  </si>
  <si>
    <t>GPS SAMRA</t>
  </si>
  <si>
    <t>Samra</t>
  </si>
  <si>
    <t>GPS Samra,Thsile &amp; District Gujranwala, Pakistan</t>
  </si>
  <si>
    <t>Butranwali</t>
  </si>
  <si>
    <t>39664</t>
  </si>
  <si>
    <t>GMES KAMAL PUR SHER JANG</t>
  </si>
  <si>
    <t>Kamal Pur Sher Jang</t>
  </si>
  <si>
    <t>Village Kamal pur sher jang , District Attock , Tehsil Jand</t>
  </si>
  <si>
    <t>Syeda Rashida Memoona Naqvi</t>
  </si>
  <si>
    <t>39221</t>
  </si>
  <si>
    <t>23624</t>
  </si>
  <si>
    <t>GGHS BHALOWALI</t>
  </si>
  <si>
    <t>bhallowali</t>
  </si>
  <si>
    <t>vill. bhallowali p.o doughal daska,sialkot</t>
  </si>
  <si>
    <t>peerochak</t>
  </si>
  <si>
    <t>19957</t>
  </si>
  <si>
    <t>GPS PATRAKI</t>
  </si>
  <si>
    <t>Patraki</t>
  </si>
  <si>
    <t>moza patraki Teh&amp;dist Chiniot</t>
  </si>
  <si>
    <t>Ahmad Yar</t>
  </si>
  <si>
    <t>22633</t>
  </si>
  <si>
    <t>53969</t>
  </si>
  <si>
    <t>GPS GAHRAN WALA</t>
  </si>
  <si>
    <t>gehrain wala moza hid</t>
  </si>
  <si>
    <t>Gehrain Wala</t>
  </si>
  <si>
    <t>7016</t>
  </si>
  <si>
    <t>GHS MUHAMMAD WALI</t>
  </si>
  <si>
    <t>Bait  Daryai</t>
  </si>
  <si>
    <t>Mouza bait daryai tehsil  jatoi  Disst.M.Garh</t>
  </si>
  <si>
    <t>Head Bakaini</t>
  </si>
  <si>
    <t>Abdul Qayyum Khan</t>
  </si>
  <si>
    <t>39512</t>
  </si>
  <si>
    <t>GPS BHANDER KARAM SHER</t>
  </si>
  <si>
    <t>Bhander</t>
  </si>
  <si>
    <t>village bhander karamsher tehsil jand distt attock</t>
  </si>
  <si>
    <t>Bhander Karamsher</t>
  </si>
  <si>
    <t>14909</t>
  </si>
  <si>
    <t>16165</t>
  </si>
  <si>
    <t>GGES CHAK 256 RB KHBAN</t>
  </si>
  <si>
    <t>Khban</t>
  </si>
  <si>
    <t>Chak no 256 RB II khban</t>
  </si>
  <si>
    <t>Chak 256 RB II</t>
  </si>
  <si>
    <t>Dhenganwala</t>
  </si>
  <si>
    <t>Ayesha Saleem</t>
  </si>
  <si>
    <t>7578</t>
  </si>
  <si>
    <t>35507</t>
  </si>
  <si>
    <t>GPS GAHI SHAH P/O FAROOQ ABAD</t>
  </si>
  <si>
    <t>Gahi Shah</t>
  </si>
  <si>
    <t>moza gahi shah</t>
  </si>
  <si>
    <t>AMIR SOHAIL</t>
  </si>
  <si>
    <t>7293</t>
  </si>
  <si>
    <t>GPS 75 EB P/O SAME</t>
  </si>
  <si>
    <t>chak no 75 EB</t>
  </si>
  <si>
    <t>75 EB</t>
  </si>
  <si>
    <t>AHMAD SAEED</t>
  </si>
  <si>
    <t>7294</t>
  </si>
  <si>
    <t>12606</t>
  </si>
  <si>
    <t>GPS CHAK 73 RB I</t>
  </si>
  <si>
    <t>Karainawala</t>
  </si>
  <si>
    <t>chak#73rb karinwala</t>
  </si>
  <si>
    <t>73rb1</t>
  </si>
  <si>
    <t>76rb</t>
  </si>
  <si>
    <t>7303</t>
  </si>
  <si>
    <t>52510</t>
  </si>
  <si>
    <t>GPS KOI KAY JAGEER</t>
  </si>
  <si>
    <t>Kuakey Jageer</t>
  </si>
  <si>
    <t>kuakey Jageer</t>
  </si>
  <si>
    <t>Klassen Hameed</t>
  </si>
  <si>
    <t>37230</t>
  </si>
  <si>
    <t>GGES POPULAR NURSERY BAHARI COLONY GRW</t>
  </si>
  <si>
    <t>govt girls elementry school behari colony grw</t>
  </si>
  <si>
    <t>Nandi Pur</t>
  </si>
  <si>
    <t>Rahila Afzal</t>
  </si>
  <si>
    <t>39707</t>
  </si>
  <si>
    <t>GGPS NARA NO.2</t>
  </si>
  <si>
    <t>vpo Nara Teh Jand dist Attock</t>
  </si>
  <si>
    <t>53379</t>
  </si>
  <si>
    <t>GGPS KOT KHARIAN WALA</t>
  </si>
  <si>
    <t>Kot Kharian wala</t>
  </si>
  <si>
    <t>GGPS Kot Kharian Wala.Bhagiana Khurd</t>
  </si>
  <si>
    <t>Kot Kharian Wala</t>
  </si>
  <si>
    <t>Bhagiana Khurd</t>
  </si>
  <si>
    <t>Tabinda Fatima</t>
  </si>
  <si>
    <t>7317</t>
  </si>
  <si>
    <t>23963</t>
  </si>
  <si>
    <t>50195</t>
  </si>
  <si>
    <t>GGPS CHOWK DHARAM KOT</t>
  </si>
  <si>
    <t>Chowk Dharam Kot</t>
  </si>
  <si>
    <t>chowk  dharam kot</t>
  </si>
  <si>
    <t>6670</t>
  </si>
  <si>
    <t>46653</t>
  </si>
  <si>
    <t>GHS KAMAR MASHANI</t>
  </si>
  <si>
    <t>kamar Mushani Tehsil Esa Khel District Mianwali</t>
  </si>
  <si>
    <t>MC Kamar mushani</t>
  </si>
  <si>
    <t>Zafar Ullah Khan</t>
  </si>
  <si>
    <t>GPS CHAK NO. 130 JB QAMAR ABAD</t>
  </si>
  <si>
    <t>Chak 130jb Qamarbad</t>
  </si>
  <si>
    <t>GPS chak no130 Qamarabad</t>
  </si>
  <si>
    <t>Chak 130 Qamar Abad Qamarabad</t>
  </si>
  <si>
    <t>Thathian</t>
  </si>
  <si>
    <t>Aurang Zeb Danish</t>
  </si>
  <si>
    <t>GPS RAWAL BALA</t>
  </si>
  <si>
    <t>Rawalbala</t>
  </si>
  <si>
    <t>village Rawal bala po mangwal Teh &amp; dist chakwal</t>
  </si>
  <si>
    <t>Syed Ali Tamseel Ibrar</t>
  </si>
  <si>
    <t>14119</t>
  </si>
  <si>
    <t>20294</t>
  </si>
  <si>
    <t>7328</t>
  </si>
  <si>
    <t>34850</t>
  </si>
  <si>
    <t>GPS SAHAINTI MOZA HAFIZ WALA</t>
  </si>
  <si>
    <t>basti Sahainti</t>
  </si>
  <si>
    <t>Sahainti</t>
  </si>
  <si>
    <t>Muhammad Tariq Nawaz</t>
  </si>
  <si>
    <t>39866</t>
  </si>
  <si>
    <t>GGPS KANWAN</t>
  </si>
  <si>
    <t>kanwan teh hassan abdal dist attock</t>
  </si>
  <si>
    <t>water boring</t>
  </si>
  <si>
    <t>18641</t>
  </si>
  <si>
    <t>7336</t>
  </si>
  <si>
    <t>13395</t>
  </si>
  <si>
    <t>GPS TARAY WALA</t>
  </si>
  <si>
    <t>MOHIB SHAH - MALE</t>
  </si>
  <si>
    <t>awami kaloni jampur</t>
  </si>
  <si>
    <t>MC Jampur</t>
  </si>
  <si>
    <t>42375</t>
  </si>
  <si>
    <t>GGHS BHAGANA</t>
  </si>
  <si>
    <t>Bhagana</t>
  </si>
  <si>
    <t>gghsbhagana gujar khan</t>
  </si>
  <si>
    <t>Shazia Andleeb</t>
  </si>
  <si>
    <t>GGPS ALI SHAH</t>
  </si>
  <si>
    <t>Ali Shah</t>
  </si>
  <si>
    <t>Ali shah tehsil arifwals district pakpsta</t>
  </si>
  <si>
    <t>Nadia Jabbar</t>
  </si>
  <si>
    <t>25865</t>
  </si>
  <si>
    <t>GMPS CHAKANWALI</t>
  </si>
  <si>
    <t>DAULAT NAGAR-III-FEMALE</t>
  </si>
  <si>
    <t>chakanwali</t>
  </si>
  <si>
    <t>Chakanwali</t>
  </si>
  <si>
    <t>Tayyba Tahseen</t>
  </si>
  <si>
    <t>GGPS DHULAYKAY</t>
  </si>
  <si>
    <t>Dhullakey</t>
  </si>
  <si>
    <t>dhullakey goraya  p/o mundekey teh daska distt sialkot</t>
  </si>
  <si>
    <t>sadia bano</t>
  </si>
  <si>
    <t>33535</t>
  </si>
  <si>
    <t>50174</t>
  </si>
  <si>
    <t>GES 12/11-L</t>
  </si>
  <si>
    <t>sher wala</t>
  </si>
  <si>
    <t>chak no. 12/11-L</t>
  </si>
  <si>
    <t>12/11L</t>
  </si>
  <si>
    <t>Razwan Rahim</t>
  </si>
  <si>
    <t>28105</t>
  </si>
  <si>
    <t>GGES JAHNGIR ABAD</t>
  </si>
  <si>
    <t>jahangirabad</t>
  </si>
  <si>
    <t>GGES JAHANGIRABAD. DEPALPUR. OKARA</t>
  </si>
  <si>
    <t>faridpur suhag</t>
  </si>
  <si>
    <t>Mehwish Fareed Zafar</t>
  </si>
  <si>
    <t>7363</t>
  </si>
  <si>
    <t>7718</t>
  </si>
  <si>
    <t>GES MUMDANI</t>
  </si>
  <si>
    <t>Chak Laman</t>
  </si>
  <si>
    <t>basti mamdani dg khan</t>
  </si>
  <si>
    <t>22452</t>
  </si>
  <si>
    <t>GMPS ISLAM GARH</t>
  </si>
  <si>
    <t>Islam garh</t>
  </si>
  <si>
    <t>Islam Garh</t>
  </si>
  <si>
    <t>JalalPur Jattan</t>
  </si>
  <si>
    <t>ayesha khalid</t>
  </si>
  <si>
    <t>29887</t>
  </si>
  <si>
    <t>41051</t>
  </si>
  <si>
    <t>GHS SALAMBER</t>
  </si>
  <si>
    <t>Salamber</t>
  </si>
  <si>
    <t>Govt. Boys High School Salamber, Teh. Kahuta, Dist. Rawalpindi</t>
  </si>
  <si>
    <t>42951</t>
  </si>
  <si>
    <t>GPS LOONI</t>
  </si>
  <si>
    <t>Looni Salyal</t>
  </si>
  <si>
    <t>village looni Salyal p.o and Teh kalar syedan dist rwp</t>
  </si>
  <si>
    <t>MC kallar syedan</t>
  </si>
  <si>
    <t>Farhana Saeed</t>
  </si>
  <si>
    <t>GPS BASTI DEENDARAN</t>
  </si>
  <si>
    <t>Rajewala</t>
  </si>
  <si>
    <t>Basti deendaran</t>
  </si>
  <si>
    <t>Basti Deendaran</t>
  </si>
  <si>
    <t>Shahrukh Lucas</t>
  </si>
  <si>
    <t>39816</t>
  </si>
  <si>
    <t>GHS KOHLIA</t>
  </si>
  <si>
    <t>Village Kohlia post Office Muno Nagar Tehsil Hassan Abdal Attock</t>
  </si>
  <si>
    <t>46733</t>
  </si>
  <si>
    <t>43287</t>
  </si>
  <si>
    <t>GPS RABAL</t>
  </si>
  <si>
    <t>Rabal</t>
  </si>
  <si>
    <t>VPO Rabal Tehsil and District Chakwal</t>
  </si>
  <si>
    <t>Submersible Pump</t>
  </si>
  <si>
    <t>40862</t>
  </si>
  <si>
    <t>GGHS ISLAMIA KHUKHA</t>
  </si>
  <si>
    <t>GGIHS Khukha</t>
  </si>
  <si>
    <t>zakia rasheed</t>
  </si>
  <si>
    <t>23859</t>
  </si>
  <si>
    <t>GGPS CHAK MIANA</t>
  </si>
  <si>
    <t>Chak Miana post office mundyki teh daska dis sialkot</t>
  </si>
  <si>
    <t>Bhudha Goraya</t>
  </si>
  <si>
    <t>Asia Nisar</t>
  </si>
  <si>
    <t>14255</t>
  </si>
  <si>
    <t>39517</t>
  </si>
  <si>
    <t>GPS DHOK LARI</t>
  </si>
  <si>
    <t>Dhoke Larri</t>
  </si>
  <si>
    <t>Dhoke larri bhal p o Gulyal Tehsil Jand District Attock</t>
  </si>
  <si>
    <t>Chhapri</t>
  </si>
  <si>
    <t>MUHAMMAD ABID SHAH</t>
  </si>
  <si>
    <t>GPS KOT ISHAQ NO 2</t>
  </si>
  <si>
    <t>GPS KOT ISHAQ</t>
  </si>
  <si>
    <t>Kotishaq</t>
  </si>
  <si>
    <t>Naeem Ahmad</t>
  </si>
  <si>
    <t>GPS CHAK NO 474 TDA</t>
  </si>
  <si>
    <t>474 tda tehsil choubara dist layyah</t>
  </si>
  <si>
    <t>452 saharan</t>
  </si>
  <si>
    <t>parvaiz akhtar khazi</t>
  </si>
  <si>
    <t>42999</t>
  </si>
  <si>
    <t>GGPS MOHRA NAGRIAL NO.1</t>
  </si>
  <si>
    <t>Vill Mohra Nagrial Tehsil Kallar Syedan Distt rwp</t>
  </si>
  <si>
    <t>saima naureen farrukh</t>
  </si>
  <si>
    <t>GPS ALLAH DAD ARAIN</t>
  </si>
  <si>
    <t>Ghulamo Arian</t>
  </si>
  <si>
    <t>Basti allah dad arian bwp</t>
  </si>
  <si>
    <t>Basti Allah Dad Arian</t>
  </si>
  <si>
    <t>Muhammad Sajeel</t>
  </si>
  <si>
    <t>20536</t>
  </si>
  <si>
    <t>5246</t>
  </si>
  <si>
    <t>52528</t>
  </si>
  <si>
    <t>GPS FARID PUR SOHAG</t>
  </si>
  <si>
    <t>farid pur sohag</t>
  </si>
  <si>
    <t>Muhammad Tariq Mehmood</t>
  </si>
  <si>
    <t>6891</t>
  </si>
  <si>
    <t>10131</t>
  </si>
  <si>
    <t>54752</t>
  </si>
  <si>
    <t>GPS CHAK NO 126 JB NEKO KARAH</t>
  </si>
  <si>
    <t>nekokara</t>
  </si>
  <si>
    <t>chak 126 j.b nekokara tehsil &amp; district chiniot</t>
  </si>
  <si>
    <t>chak 126 j.b Nekokara</t>
  </si>
  <si>
    <t>ahmad abad</t>
  </si>
  <si>
    <t>Muzammil Khan</t>
  </si>
  <si>
    <t>29185</t>
  </si>
  <si>
    <t>40239</t>
  </si>
  <si>
    <t>GGES SUKHA</t>
  </si>
  <si>
    <t>Sukha</t>
  </si>
  <si>
    <t>vill sukha , p/o kala base</t>
  </si>
  <si>
    <t>Zubia Javed</t>
  </si>
  <si>
    <t>22948</t>
  </si>
  <si>
    <t>6995</t>
  </si>
  <si>
    <t>GGPS BHAL</t>
  </si>
  <si>
    <t>Bhal</t>
  </si>
  <si>
    <t>village bhal p/o Glial kalan teh.Jand ddtrict attock</t>
  </si>
  <si>
    <t>Rukhsana Farid</t>
  </si>
  <si>
    <t>GES GHANSIA</t>
  </si>
  <si>
    <t>Ghansia</t>
  </si>
  <si>
    <t>Village &amp;PO  Ghansia</t>
  </si>
  <si>
    <t>Chechiyan Shamas</t>
  </si>
  <si>
    <t>Mohammmad Naeem Aslam</t>
  </si>
  <si>
    <t>41143</t>
  </si>
  <si>
    <t>GPS AOTIAN</t>
  </si>
  <si>
    <t>Aotian</t>
  </si>
  <si>
    <t>Village Aotian Moreen PO Narar Tehsil Kahuta District Rawalpindi</t>
  </si>
  <si>
    <t>Tahir Imran</t>
  </si>
  <si>
    <t>GPS THATHI HITTHAR</t>
  </si>
  <si>
    <t>Thathi hathar</t>
  </si>
  <si>
    <t>Thathi hathar( m)satluj teh chunian distt kasur</t>
  </si>
  <si>
    <t>Rural kanganpur</t>
  </si>
  <si>
    <t>42887</t>
  </si>
  <si>
    <t>GGHS TAKAL</t>
  </si>
  <si>
    <t>takal</t>
  </si>
  <si>
    <t>Village &amp; PO TAKAL TEHSIL KALLAR SYEDAN DISTT rawalpindi</t>
  </si>
  <si>
    <t>UZMA YASMIN</t>
  </si>
  <si>
    <t>44539</t>
  </si>
  <si>
    <t>GMPS DHOOLAN WALA</t>
  </si>
  <si>
    <t>Javaid karyana store near gernal bus stand jhung road bhakkr</t>
  </si>
  <si>
    <t>Dhoolan Wala</t>
  </si>
  <si>
    <t>musarat yasmeen</t>
  </si>
  <si>
    <t>35752</t>
  </si>
  <si>
    <t>22489</t>
  </si>
  <si>
    <t>GPS JALOO SAHU</t>
  </si>
  <si>
    <t>Saho</t>
  </si>
  <si>
    <t>Bast Jalu Sahu mauza sahu tehsil jatoi</t>
  </si>
  <si>
    <t>Jalu Sahu</t>
  </si>
  <si>
    <t>Waqar HUSSAIN</t>
  </si>
  <si>
    <t>6614</t>
  </si>
  <si>
    <t>GPS CHAK NO.124/6-R (W)</t>
  </si>
  <si>
    <t>124/6R W</t>
  </si>
  <si>
    <t>chak no 124/6.R west faqirwali tehsil haroonabad district bwn</t>
  </si>
  <si>
    <t>6615</t>
  </si>
  <si>
    <t>17506</t>
  </si>
  <si>
    <t>GGPS BASTI KAMIAN WALI NO. 2</t>
  </si>
  <si>
    <t>Gilmallah</t>
  </si>
  <si>
    <t>G.G.P.S basti kamian wali NO 2 moza gilmallah jhang</t>
  </si>
  <si>
    <t>shagufta naqvi</t>
  </si>
  <si>
    <t>27150</t>
  </si>
  <si>
    <t>GGES MANGHAT UNCHA</t>
  </si>
  <si>
    <t>Mangat Uncha</t>
  </si>
  <si>
    <t>mangat uncha</t>
  </si>
  <si>
    <t>Sobia Sarwar</t>
  </si>
  <si>
    <t>28321</t>
  </si>
  <si>
    <t>GGPS CHAK NO.34/BC</t>
  </si>
  <si>
    <t>34 bc</t>
  </si>
  <si>
    <t>chak no 34 bc dera bakha bahawalpur</t>
  </si>
  <si>
    <t>chak no 34 b/c</t>
  </si>
  <si>
    <t>38 bc</t>
  </si>
  <si>
    <t>6623</t>
  </si>
  <si>
    <t>40161</t>
  </si>
  <si>
    <t>GPS KOTHA PURANA</t>
  </si>
  <si>
    <t>Kotha Purana</t>
  </si>
  <si>
    <t>Kotha purana P.O Kala Gujran tehsil and district Jhelum</t>
  </si>
  <si>
    <t>21827</t>
  </si>
  <si>
    <t>24620</t>
  </si>
  <si>
    <t>39764</t>
  </si>
  <si>
    <t>GPS DHOK GHANDIAN</t>
  </si>
  <si>
    <t>Ghandian</t>
  </si>
  <si>
    <t>vpo langar tehsil jand district attock</t>
  </si>
  <si>
    <t>Amraz Begum</t>
  </si>
  <si>
    <t>44169</t>
  </si>
  <si>
    <t>GHS KARULI</t>
  </si>
  <si>
    <t>KARULI</t>
  </si>
  <si>
    <t>VPO KARULI TEHSIL KALLAR KAHAR DISTT. CHAKWAL</t>
  </si>
  <si>
    <t>AMIR ZAMAN</t>
  </si>
  <si>
    <t>45867</t>
  </si>
  <si>
    <t>27486</t>
  </si>
  <si>
    <t>GGHS MOWARA</t>
  </si>
  <si>
    <t>village and p.o Mowara Tehsil Kahuta District Rawalpindi</t>
  </si>
  <si>
    <t>Mrs Anjum Shehnaz</t>
  </si>
  <si>
    <t>14493</t>
  </si>
  <si>
    <t>37487</t>
  </si>
  <si>
    <t>18455</t>
  </si>
  <si>
    <t>6632</t>
  </si>
  <si>
    <t>19804</t>
  </si>
  <si>
    <t>GMPS CHAK NO 238 JB BALHARKAY</t>
  </si>
  <si>
    <t>238W</t>
  </si>
  <si>
    <t>Chak 238W BALHARKY</t>
  </si>
  <si>
    <t>Balhar Wala</t>
  </si>
  <si>
    <t>Chak NO 208 SAHMAL</t>
  </si>
  <si>
    <t>Aqdas Fatima</t>
  </si>
  <si>
    <t>11996</t>
  </si>
  <si>
    <t>19808</t>
  </si>
  <si>
    <t>20812</t>
  </si>
  <si>
    <t>GGES MC NO.26 GUJRANWALA</t>
  </si>
  <si>
    <t>DhullayGRW</t>
  </si>
  <si>
    <t>Tasnim Fatima</t>
  </si>
  <si>
    <t>GMPS 96/10-R, JAHANIAN</t>
  </si>
  <si>
    <t>95/10R</t>
  </si>
  <si>
    <t>96/10.R moza 95/10.Tehsil Jahania,District khanewal.</t>
  </si>
  <si>
    <t>96/10R</t>
  </si>
  <si>
    <t>Vehniwal 55/10R</t>
  </si>
  <si>
    <t>Tamiya Rehman</t>
  </si>
  <si>
    <t>48692</t>
  </si>
  <si>
    <t>GPS ISLAM PURA CHAK NO.17 NB</t>
  </si>
  <si>
    <t>Chak No 17 NB</t>
  </si>
  <si>
    <t>Islam pura chak no 17 NB p.o khas tehsil bhalwal district sargodha</t>
  </si>
  <si>
    <t>Islam Pura Chak 17NB</t>
  </si>
  <si>
    <t>Chak No 18 NB</t>
  </si>
  <si>
    <t>GGHS CHAK NO.63/F</t>
  </si>
  <si>
    <t>63/f</t>
  </si>
  <si>
    <t>Gghs chak no  63/f hsp</t>
  </si>
  <si>
    <t>Hasil Pur</t>
  </si>
  <si>
    <t>shazia hussain</t>
  </si>
  <si>
    <t>52965</t>
  </si>
  <si>
    <t>GPS CHOOR MAHTAM</t>
  </si>
  <si>
    <t>Choor Mahtam</t>
  </si>
  <si>
    <t>choor mahtam p/o haveli lakha</t>
  </si>
  <si>
    <t>38643</t>
  </si>
  <si>
    <t>GGPS 299 WB</t>
  </si>
  <si>
    <t>299/wb</t>
  </si>
  <si>
    <t>299/w.b</t>
  </si>
  <si>
    <t>Sumeera Saeed</t>
  </si>
  <si>
    <t>42975</t>
  </si>
  <si>
    <t>GGPS MAINA MOHRA</t>
  </si>
  <si>
    <t>Maina Mohra</t>
  </si>
  <si>
    <t>Maina mohra</t>
  </si>
  <si>
    <t>6652</t>
  </si>
  <si>
    <t>28887</t>
  </si>
  <si>
    <t>GGPS KOT KAMBOWAN</t>
  </si>
  <si>
    <t>Kot Kambowan</t>
  </si>
  <si>
    <t>GGPS kot Kambowan</t>
  </si>
  <si>
    <t>Pakhoki</t>
  </si>
  <si>
    <t>18474</t>
  </si>
  <si>
    <t>18396</t>
  </si>
  <si>
    <t>6654</t>
  </si>
  <si>
    <t>GGHS JALO</t>
  </si>
  <si>
    <t>Raheela Nawaz</t>
  </si>
  <si>
    <t>48821</t>
  </si>
  <si>
    <t>GPS JAJOWAL</t>
  </si>
  <si>
    <t>Jajowal</t>
  </si>
  <si>
    <t>Villag jajowal p/o chakanwali teh gujrat</t>
  </si>
  <si>
    <t>34604</t>
  </si>
  <si>
    <t>34763</t>
  </si>
  <si>
    <t>GHS NAURAJA BHUTTA JALALPUR PIRWALA</t>
  </si>
  <si>
    <t>GHs Nauraja bhutta moza nauraja bhutta Jalal pur pir wala</t>
  </si>
  <si>
    <t>nauraja bhutta</t>
  </si>
  <si>
    <t>30501</t>
  </si>
  <si>
    <t>46714</t>
  </si>
  <si>
    <t>GPS KHARTOOB</t>
  </si>
  <si>
    <t>Londy Bangi Khail</t>
  </si>
  <si>
    <t>gps Khartob post office kalabagh</t>
  </si>
  <si>
    <t>Khartob</t>
  </si>
  <si>
    <t>Tibi Sar</t>
  </si>
  <si>
    <t>atter khan</t>
  </si>
  <si>
    <t>37767</t>
  </si>
  <si>
    <t>GGES ALI SHER WAHIN, JAHANIAN</t>
  </si>
  <si>
    <t>alisherwahin jahanian khanewal</t>
  </si>
  <si>
    <t>Moza Ali Sher Wahin</t>
  </si>
  <si>
    <t>Naim Kauser</t>
  </si>
  <si>
    <t>44159</t>
  </si>
  <si>
    <t>41227</t>
  </si>
  <si>
    <t>GGPS KERAL</t>
  </si>
  <si>
    <t>Govt.Girls.primary school keral.</t>
  </si>
  <si>
    <t>Kiran Afzal</t>
  </si>
  <si>
    <t>GGPS DHOK JAMADARI</t>
  </si>
  <si>
    <t>Dhoke Jamadari VPO Mithial Teh Jand Distt Attock</t>
  </si>
  <si>
    <t>Sajjida Perveen</t>
  </si>
  <si>
    <t>5112</t>
  </si>
  <si>
    <t>21735</t>
  </si>
  <si>
    <t>41159</t>
  </si>
  <si>
    <t>GPS CHAPPAR</t>
  </si>
  <si>
    <t>village chappar p.o chabutra teh kalar district rawalpindi</t>
  </si>
  <si>
    <t>GMPS JANDRAN</t>
  </si>
  <si>
    <t>GMPS Jandran sargodha road jhang</t>
  </si>
  <si>
    <t>Pakkaywala</t>
  </si>
  <si>
    <t>50573</t>
  </si>
  <si>
    <t>GGHSS KAMAL PUR</t>
  </si>
  <si>
    <t>Kamal pur Teh.Daska.Sialkot</t>
  </si>
  <si>
    <t>Farnaz Asif</t>
  </si>
  <si>
    <t>GPS 174/9-L BANGLA SHAR WALA</t>
  </si>
  <si>
    <t>chak# 174-a/9-l banglow sher wala</t>
  </si>
  <si>
    <t>162/9-l</t>
  </si>
  <si>
    <t>GGPS BASTI HUSSAINI HASILPUR</t>
  </si>
  <si>
    <t>GGP/S basti hussaini,Tehsil Hasilpur.</t>
  </si>
  <si>
    <t>Basti Hussaini</t>
  </si>
  <si>
    <t>Old Hasilpur</t>
  </si>
  <si>
    <t>52631</t>
  </si>
  <si>
    <t>44351</t>
  </si>
  <si>
    <t>GHS CHAK NO 42-43 TDA</t>
  </si>
  <si>
    <t>Chak No.42-43/tda bhakkar</t>
  </si>
  <si>
    <t>Chak No 42-43</t>
  </si>
  <si>
    <t>Muhammad Intazar</t>
  </si>
  <si>
    <t>28256</t>
  </si>
  <si>
    <t>GHS CHAK 361 JB</t>
  </si>
  <si>
    <t>CHAK NO 361 JB, GOJRA</t>
  </si>
  <si>
    <t>Chak NO 361 JB GOJRA</t>
  </si>
  <si>
    <t>Subedarwala 363 JB</t>
  </si>
  <si>
    <t>SHAHEEN NASIR</t>
  </si>
  <si>
    <t>52051</t>
  </si>
  <si>
    <t>GMPS 36 EB P.O.50 SP</t>
  </si>
  <si>
    <t>36/EB</t>
  </si>
  <si>
    <t>50/SP</t>
  </si>
  <si>
    <t>27188</t>
  </si>
  <si>
    <t>GGPS THATHA GAGOKA</t>
  </si>
  <si>
    <t>THATHA GAGOKA</t>
  </si>
  <si>
    <t>Thatha Gagoka</t>
  </si>
  <si>
    <t>Dheerake Lalke</t>
  </si>
  <si>
    <t>Natasha Khan</t>
  </si>
  <si>
    <t>38113</t>
  </si>
  <si>
    <t>13115</t>
  </si>
  <si>
    <t>GES BHINDI KORAI</t>
  </si>
  <si>
    <t>moza bhindi korai tehsil jatoi district muzafar garh</t>
  </si>
  <si>
    <t>Lundi Petafi</t>
  </si>
  <si>
    <t>Abdul Qadir</t>
  </si>
  <si>
    <t>6553</t>
  </si>
  <si>
    <t>GMPS NOOR MUHAMMAD CHANNAR</t>
  </si>
  <si>
    <t>Hassan Channer</t>
  </si>
  <si>
    <t>basti noor muhammad channer</t>
  </si>
  <si>
    <t>Wahi Hussin</t>
  </si>
  <si>
    <t>43223</t>
  </si>
  <si>
    <t>GPS BEHKRI KALAN</t>
  </si>
  <si>
    <t>Behkri</t>
  </si>
  <si>
    <t>vpo Behkri teh distt chakwal</t>
  </si>
  <si>
    <t>Muhammad Naseer Ahmed</t>
  </si>
  <si>
    <t>11035</t>
  </si>
  <si>
    <t>22702</t>
  </si>
  <si>
    <t>GGES BOKAN</t>
  </si>
  <si>
    <t>Joura Jalalpur</t>
  </si>
  <si>
    <t>52247</t>
  </si>
  <si>
    <t>GGHS RAJOWAL</t>
  </si>
  <si>
    <t>Shama Batool</t>
  </si>
  <si>
    <t>52265</t>
  </si>
  <si>
    <t>GES BHONE MANZABTA</t>
  </si>
  <si>
    <t>Bhone Manzabta</t>
  </si>
  <si>
    <t>bhone manzabta tehsil depalpur distrik okara</t>
  </si>
  <si>
    <t>10108</t>
  </si>
  <si>
    <t>15275</t>
  </si>
  <si>
    <t>GES CHAK 233 GB</t>
  </si>
  <si>
    <t>chak 233 gb</t>
  </si>
  <si>
    <t>chak no 233 gb jaranwala faisalabad</t>
  </si>
  <si>
    <t>chak 591 gb</t>
  </si>
  <si>
    <t>ADNAN ARSHAD</t>
  </si>
  <si>
    <t>7148</t>
  </si>
  <si>
    <t>GGHS CHAK NO.26/BC</t>
  </si>
  <si>
    <t>CHAK 26/BC, YAZMAN ROAD, BAHAWALPUR</t>
  </si>
  <si>
    <t>CHAK 26/BC</t>
  </si>
  <si>
    <t>CHAK 24/BC</t>
  </si>
  <si>
    <t>SARA SAJJAD</t>
  </si>
  <si>
    <t>44005</t>
  </si>
  <si>
    <t>38673</t>
  </si>
  <si>
    <t>36630287</t>
  </si>
  <si>
    <t>GGPS KHAGHAY WALAL</t>
  </si>
  <si>
    <t>Khaghay Wala</t>
  </si>
  <si>
    <t>chah kgaghy wala tehsil dunya pur lodhran</t>
  </si>
  <si>
    <t>39925</t>
  </si>
  <si>
    <t>GHS SALIM KHAN</t>
  </si>
  <si>
    <t>Salim Khan</t>
  </si>
  <si>
    <t>village salim khan tehsil hazro  distt attock</t>
  </si>
  <si>
    <t>Abrar Ahmed</t>
  </si>
  <si>
    <t>22543</t>
  </si>
  <si>
    <t>GMPS BHOA</t>
  </si>
  <si>
    <t>Bhowa</t>
  </si>
  <si>
    <t>GMPS BHOWA.Village Bhowa.</t>
  </si>
  <si>
    <t>Alam Ghar</t>
  </si>
  <si>
    <t>Kashaf Naz</t>
  </si>
  <si>
    <t>14039</t>
  </si>
  <si>
    <t>17385</t>
  </si>
  <si>
    <t>42919</t>
  </si>
  <si>
    <t>GPS DHOK QAZIAN</t>
  </si>
  <si>
    <t>dhoke qazian post office sagri tehsil kallar syedan district rawalpindi</t>
  </si>
  <si>
    <t>Dhoke Qazian</t>
  </si>
  <si>
    <t>Ansa Iram</t>
  </si>
  <si>
    <t>15449</t>
  </si>
  <si>
    <t>7162</t>
  </si>
  <si>
    <t>Talher</t>
  </si>
  <si>
    <t>Govt girls p/s faiz _abad</t>
  </si>
  <si>
    <t>Faiz Abad</t>
  </si>
  <si>
    <t>Ruqia Bano</t>
  </si>
  <si>
    <t>47576</t>
  </si>
  <si>
    <t>7163</t>
  </si>
  <si>
    <t>43230</t>
  </si>
  <si>
    <t>GPS HASTAL</t>
  </si>
  <si>
    <t>Village Hastal P/O Thoha bahadur Distt chakwal</t>
  </si>
  <si>
    <t>Raesa Bano</t>
  </si>
  <si>
    <t>GPS CHAK 149/6-R (W)</t>
  </si>
  <si>
    <t>149/6r W</t>
  </si>
  <si>
    <t>Chak no 149/6R W</t>
  </si>
  <si>
    <t>Chak No 149/6R W</t>
  </si>
  <si>
    <t>GPS CHAK NO 109 JB</t>
  </si>
  <si>
    <t>Neellianwala</t>
  </si>
  <si>
    <t>GPS 109 JB</t>
  </si>
  <si>
    <t>Neelianwala</t>
  </si>
  <si>
    <t>Chak No 106 JB Khachian</t>
  </si>
  <si>
    <t>28768</t>
  </si>
  <si>
    <t>GPS TANGERIAN</t>
  </si>
  <si>
    <t>Tangerian</t>
  </si>
  <si>
    <t>GPS tangerian post office mokal tehsil chunian</t>
  </si>
  <si>
    <t>Agha Noor Ul Amin</t>
  </si>
  <si>
    <t>GPS CHAK NO 413 TDA</t>
  </si>
  <si>
    <t>chak no 413 tda</t>
  </si>
  <si>
    <t>413tda</t>
  </si>
  <si>
    <t>Saharan43</t>
  </si>
  <si>
    <t>GGHS MC MANSOOR ABAD FAISALABAD</t>
  </si>
  <si>
    <t>Govt. MC Girls high school Mansoorabad FSD</t>
  </si>
  <si>
    <t>Ashrafpura Mansoorabad</t>
  </si>
  <si>
    <t>39962</t>
  </si>
  <si>
    <t>GPS BAIGKA NOOR</t>
  </si>
  <si>
    <t>Baigka noor Pur</t>
  </si>
  <si>
    <t>baigka noor pur tehsile and District bahawalnagar</t>
  </si>
  <si>
    <t>Fateh Muhammad</t>
  </si>
  <si>
    <t>GMPS CHAK NO 466 JB WEST</t>
  </si>
  <si>
    <t>KHANUANA tehsil Bhowana dist chiniot</t>
  </si>
  <si>
    <t>khanuana 466 w</t>
  </si>
  <si>
    <t>samundar</t>
  </si>
  <si>
    <t>Zahida Tanzeem</t>
  </si>
  <si>
    <t>17848</t>
  </si>
  <si>
    <t>15722</t>
  </si>
  <si>
    <t>39073</t>
  </si>
  <si>
    <t>GPS GAGAN</t>
  </si>
  <si>
    <t>Gaggan</t>
  </si>
  <si>
    <t>GBPS GAGGAN  TEHSIL  FATEH JANG  DISTRICT ATTOCK</t>
  </si>
  <si>
    <t>25717</t>
  </si>
  <si>
    <t>14101</t>
  </si>
  <si>
    <t>7184</t>
  </si>
  <si>
    <t>GPS NOOR KAY</t>
  </si>
  <si>
    <t>Pinjri Pur</t>
  </si>
  <si>
    <t>nooreyki dakhli pinjri pur</t>
  </si>
  <si>
    <t>Nooreyki</t>
  </si>
  <si>
    <t>Ladhewal</t>
  </si>
  <si>
    <t>20103</t>
  </si>
  <si>
    <t>23728</t>
  </si>
  <si>
    <t>GES DHADU BASRA</t>
  </si>
  <si>
    <t>Dhadu Basra.  Tehseal Daska</t>
  </si>
  <si>
    <t>M   Irfan  Sahi</t>
  </si>
  <si>
    <t>50124</t>
  </si>
  <si>
    <t>7186</t>
  </si>
  <si>
    <t>22726</t>
  </si>
  <si>
    <t>GGCMS DAULAT NAGAR</t>
  </si>
  <si>
    <t>Daulatnagar</t>
  </si>
  <si>
    <t>Daulat Nagar gujrat</t>
  </si>
  <si>
    <t>Daulat Nagar</t>
  </si>
  <si>
    <t>Uzma Khurshid</t>
  </si>
  <si>
    <t>7187</t>
  </si>
  <si>
    <t>GPS CHAK NO 67 TDA</t>
  </si>
  <si>
    <t>67/tda</t>
  </si>
  <si>
    <t>chak no.67/tda,tehseel and district bhakkar</t>
  </si>
  <si>
    <t>Chak 67/tda</t>
  </si>
  <si>
    <t>57/tda</t>
  </si>
  <si>
    <t>Muhammad Rizwan Khan</t>
  </si>
  <si>
    <t>13363</t>
  </si>
  <si>
    <t>GGHS KOTLA MUGHLAN</t>
  </si>
  <si>
    <t>HUMAIRA RAHIM</t>
  </si>
  <si>
    <t>41185</t>
  </si>
  <si>
    <t>GGES CHINOR</t>
  </si>
  <si>
    <t>Chanor</t>
  </si>
  <si>
    <t>village Chanor</t>
  </si>
  <si>
    <t>12890</t>
  </si>
  <si>
    <t>52990</t>
  </si>
  <si>
    <t>7201</t>
  </si>
  <si>
    <t>38710</t>
  </si>
  <si>
    <t>GGES 378/W.B</t>
  </si>
  <si>
    <t>378/wb</t>
  </si>
  <si>
    <t>384/wb</t>
  </si>
  <si>
    <t>Aisha Habib</t>
  </si>
  <si>
    <t>7205</t>
  </si>
  <si>
    <t>GPS CHAK NO.187/M</t>
  </si>
  <si>
    <t>Chak No 187/M</t>
  </si>
  <si>
    <t>Chak No.187/M Teh.Hasilpur Distt. Bahawalpur</t>
  </si>
  <si>
    <t>Chak No 188/M</t>
  </si>
  <si>
    <t>7207</t>
  </si>
  <si>
    <t>51842</t>
  </si>
  <si>
    <t>GGHS 155 EB</t>
  </si>
  <si>
    <t>M NAGAR</t>
  </si>
  <si>
    <t>CHAK NO. 155/EB ARIFWALA DISTRICT PAKPATTAN</t>
  </si>
  <si>
    <t>CHAK NO 155EB ARIFWALA</t>
  </si>
  <si>
    <t>CHAK NO. 147/EB</t>
  </si>
  <si>
    <t>Abida Aleem Ul Hassan</t>
  </si>
  <si>
    <t>39280</t>
  </si>
  <si>
    <t>GPS KOT LANGAH</t>
  </si>
  <si>
    <t>Kot Langah</t>
  </si>
  <si>
    <t>Basti Lal Khan Moza Kot Langah</t>
  </si>
  <si>
    <t>Basti Lal Khan</t>
  </si>
  <si>
    <t>Mari Mian Sahb</t>
  </si>
  <si>
    <t>Irshad Ali</t>
  </si>
  <si>
    <t>GPS GUJAR PUR</t>
  </si>
  <si>
    <t>Gujarpur</t>
  </si>
  <si>
    <t>village gujarpur  pobox kalagujran,  teh and district Jhelum</t>
  </si>
  <si>
    <t>Muhammad Usman Ali Dar</t>
  </si>
  <si>
    <t>GES JAMRANI SHAREEF</t>
  </si>
  <si>
    <t>Jamrani Shareef, PO  Musafir Khana, Tehsil and District Bahawalpur</t>
  </si>
  <si>
    <t>Jamrani Shareef</t>
  </si>
  <si>
    <t>SYED ZAHID HUSSAIN BUKHARI</t>
  </si>
  <si>
    <t>7218</t>
  </si>
  <si>
    <t>9881</t>
  </si>
  <si>
    <t>GGPS CHAK NO. 303 TDA</t>
  </si>
  <si>
    <t>303/TDA</t>
  </si>
  <si>
    <t>GGps chak no 303/TDA</t>
  </si>
  <si>
    <t>Aoulakh Thal Kalan</t>
  </si>
  <si>
    <t>Sidra Kiran</t>
  </si>
  <si>
    <t>GGPS QILA SARDAR THAKAR SINGH</t>
  </si>
  <si>
    <t>Qilla Thakar Sing</t>
  </si>
  <si>
    <t>Qilla sardar thakar singh</t>
  </si>
  <si>
    <t>Qilla Thakar Singh</t>
  </si>
  <si>
    <t>Munaza Imran</t>
  </si>
  <si>
    <t>7227</t>
  </si>
  <si>
    <t>39785</t>
  </si>
  <si>
    <t>GHS BHALAR JOGI</t>
  </si>
  <si>
    <t>BHALLAR JOGI</t>
  </si>
  <si>
    <t>GHS BHALLAR JOGI</t>
  </si>
  <si>
    <t>ANIS-UR-RAHMAN</t>
  </si>
  <si>
    <t>GPS CHAK 208/9-R NORTH</t>
  </si>
  <si>
    <t>Chak No 208 9 R N</t>
  </si>
  <si>
    <t>Chak No 208/9R N</t>
  </si>
  <si>
    <t>Chak 209/9R</t>
  </si>
  <si>
    <t>Shabbir Ahmad Hameed</t>
  </si>
  <si>
    <t>7238</t>
  </si>
  <si>
    <t>17559</t>
  </si>
  <si>
    <t>GMPS FAIZ ABAD BAKHAR ROAD</t>
  </si>
  <si>
    <t>Mighyana</t>
  </si>
  <si>
    <t>GGPS faizabad bhakkar road jhang sadar</t>
  </si>
  <si>
    <t>Chak Katcha</t>
  </si>
  <si>
    <t>Hafiza Tahira Parveen</t>
  </si>
  <si>
    <t>21068</t>
  </si>
  <si>
    <t>26963</t>
  </si>
  <si>
    <t>GPS CHEENAY</t>
  </si>
  <si>
    <t>Cheenay</t>
  </si>
  <si>
    <t>Cheenay Teh &amp; Distt Hafizabad.</t>
  </si>
  <si>
    <t>Solangi Awan</t>
  </si>
  <si>
    <t>NASIR MEHMOOD</t>
  </si>
  <si>
    <t>28448</t>
  </si>
  <si>
    <t>46422</t>
  </si>
  <si>
    <t>7251</t>
  </si>
  <si>
    <t>GES GANDHI ROOP SINGH</t>
  </si>
  <si>
    <t>GANDHI ROOP SINGH</t>
  </si>
  <si>
    <t>GANDHI ROOP SINGH teh chunian distt kasur</t>
  </si>
  <si>
    <t>Jaml Hussain</t>
  </si>
  <si>
    <t>47761</t>
  </si>
  <si>
    <t>GHS HAROON</t>
  </si>
  <si>
    <t>VPO HAROON</t>
  </si>
  <si>
    <t>INAYETULLAH KHAN</t>
  </si>
  <si>
    <t>52286</t>
  </si>
  <si>
    <t>GES CHAK BAWA</t>
  </si>
  <si>
    <t>Chak Bawa</t>
  </si>
  <si>
    <t>Chak Bawa P/O Haveli Lakha Tehsil Depalpur District Okara</t>
  </si>
  <si>
    <t>Bareet</t>
  </si>
  <si>
    <t>GPS TANZEEM CHAH KABEER WALA</t>
  </si>
  <si>
    <t>Ada khanpur Noanga</t>
  </si>
  <si>
    <t>Ada Khanpur Noranga</t>
  </si>
  <si>
    <t>GGPS HARBASPUR</t>
  </si>
  <si>
    <t>village harbaspur gujrat</t>
  </si>
  <si>
    <t>Harbaspur</t>
  </si>
  <si>
    <t>Jorajlalpur</t>
  </si>
  <si>
    <t>Maria Shahzadi</t>
  </si>
  <si>
    <t>8381</t>
  </si>
  <si>
    <t>9668</t>
  </si>
  <si>
    <t>GPS CHAK NO 345 TDA</t>
  </si>
  <si>
    <t>Chak no 345 TDA</t>
  </si>
  <si>
    <t>345 Tda</t>
  </si>
  <si>
    <t>Mohammad Sharif Tahir</t>
  </si>
  <si>
    <t>5056</t>
  </si>
  <si>
    <t>GGPS WASOO WALA</t>
  </si>
  <si>
    <t>KULLAR SHARIF-FEMALE</t>
  </si>
  <si>
    <t>Wasoo Wala</t>
  </si>
  <si>
    <t>village wasoo wala p.o trag</t>
  </si>
  <si>
    <t>Wasoo Waloo</t>
  </si>
  <si>
    <t>GES CHAK NO 130/6-R</t>
  </si>
  <si>
    <t>LATIF ABAD</t>
  </si>
  <si>
    <t>CHAK  No 130/6R PO bOX SAME TEHSIL HAROON  ABAD</t>
  </si>
  <si>
    <t>130/6R</t>
  </si>
  <si>
    <t>CHAK  NO 438/6R</t>
  </si>
  <si>
    <t>MUHAMMAD SARFRAZ MEHMOOD</t>
  </si>
  <si>
    <t>52926</t>
  </si>
  <si>
    <t>GMMS JUGIAN AZAM</t>
  </si>
  <si>
    <t>Jhugian Azam</t>
  </si>
  <si>
    <t>jhugian Azam</t>
  </si>
  <si>
    <t>Mooj Khan</t>
  </si>
  <si>
    <t>45444</t>
  </si>
  <si>
    <t>GHS DAGGAR WAGWARA ANAR SHAH</t>
  </si>
  <si>
    <t>Daggar Wagwarah</t>
  </si>
  <si>
    <t>Ada Anar Shah main drya dulley wala road</t>
  </si>
  <si>
    <t>ANAR SHAH</t>
  </si>
  <si>
    <t>Daggar Wagwarh</t>
  </si>
  <si>
    <t>MUHAMMAD AZHAR SOHAIL KHAN</t>
  </si>
  <si>
    <t>GGPS 449/EB</t>
  </si>
  <si>
    <t>Khursheed abad</t>
  </si>
  <si>
    <t>Chak no 449 /EB</t>
  </si>
  <si>
    <t>Malika Anjum Shaheen</t>
  </si>
  <si>
    <t>172214</t>
  </si>
  <si>
    <t>33922</t>
  </si>
  <si>
    <t>44405</t>
  </si>
  <si>
    <t>GPS WADHAY WALI</t>
  </si>
  <si>
    <t>Wadhay Wali Bhakkar</t>
  </si>
  <si>
    <t>Tanveer Shahzad</t>
  </si>
  <si>
    <t>19178</t>
  </si>
  <si>
    <t>19109</t>
  </si>
  <si>
    <t>38503</t>
  </si>
  <si>
    <t>GPS CHAK NO. 269/WB</t>
  </si>
  <si>
    <t>Chak No 269/wb</t>
  </si>
  <si>
    <t>Chak No    269/W.B Tehsil Dunyapur  District Lodhran</t>
  </si>
  <si>
    <t>26289</t>
  </si>
  <si>
    <t>22446</t>
  </si>
  <si>
    <t>50390</t>
  </si>
  <si>
    <t>GPS 176/9-L NEW</t>
  </si>
  <si>
    <t>176/9.L new</t>
  </si>
  <si>
    <t>176/9L New</t>
  </si>
  <si>
    <t>39492</t>
  </si>
  <si>
    <t>GES RANGLI</t>
  </si>
  <si>
    <t>VPO RANGLI tehsil jand attock</t>
  </si>
  <si>
    <t>Farooq hussain</t>
  </si>
  <si>
    <t>52803</t>
  </si>
  <si>
    <t>36715</t>
  </si>
  <si>
    <t>GGPS NOOR MUHAMMAD</t>
  </si>
  <si>
    <t>Chack Noor Muhammad</t>
  </si>
  <si>
    <t>42 Sp Sumundri</t>
  </si>
  <si>
    <t>23171</t>
  </si>
  <si>
    <t>22701</t>
  </si>
  <si>
    <t>GGPS JOURA JALALPUR</t>
  </si>
  <si>
    <t>Village Joura Jalalpur post office Khas Tehsile and District Gujrat</t>
  </si>
  <si>
    <t>12078</t>
  </si>
  <si>
    <t>GGPS MARI SHEIKH SHIJRA</t>
  </si>
  <si>
    <t>Mari Sheikh Shujra</t>
  </si>
  <si>
    <t>Basti Saeed Abad</t>
  </si>
  <si>
    <t>Mari Sheikh SHUJRA</t>
  </si>
  <si>
    <t>Naseem  Akhter</t>
  </si>
  <si>
    <t>39264</t>
  </si>
  <si>
    <t>46838</t>
  </si>
  <si>
    <t>GMPS GHULAM KHAWAJA CHEENAL WALA</t>
  </si>
  <si>
    <t>Paka Kas Umr Khan</t>
  </si>
  <si>
    <t>village janna wala tehsil esakhel district mianwali</t>
  </si>
  <si>
    <t>Janna Wala</t>
  </si>
  <si>
    <t>Shamshad BiBi</t>
  </si>
  <si>
    <t>36560</t>
  </si>
  <si>
    <t>GHS SALAR WAHIN NAU, NAWAN SHEHR</t>
  </si>
  <si>
    <t>Mouza Salar Wahin Nau Post Office Salar Wahin Kohna Tehsil Kabirwala District Khanewal</t>
  </si>
  <si>
    <t>Ghulam Ali Ch</t>
  </si>
  <si>
    <t>GGHS BAHADAR PUR JALALPUR PIRWALA</t>
  </si>
  <si>
    <t>Bahadarpur</t>
  </si>
  <si>
    <t>bahadarpur</t>
  </si>
  <si>
    <t>Mehwish Ilyas</t>
  </si>
  <si>
    <t>8392</t>
  </si>
  <si>
    <t>10354</t>
  </si>
  <si>
    <t>50308</t>
  </si>
  <si>
    <t>GPS 9/11-L</t>
  </si>
  <si>
    <t>9/11 L</t>
  </si>
  <si>
    <t>Chak#9/11 L Bumbi Chichawatni.</t>
  </si>
  <si>
    <t>9/11 L Bumbi</t>
  </si>
  <si>
    <t>8/11 L</t>
  </si>
  <si>
    <t>Muhammad Naveed Iqbal</t>
  </si>
  <si>
    <t>51865</t>
  </si>
  <si>
    <t>GPS DATAR SINGH</t>
  </si>
  <si>
    <t>Chak 7/eb</t>
  </si>
  <si>
    <t>datar singh teh. arifwala</t>
  </si>
  <si>
    <t>Chak No 7/eb Gangi Pur</t>
  </si>
  <si>
    <t>Chak No13/eb</t>
  </si>
  <si>
    <t>48107</t>
  </si>
  <si>
    <t>28968</t>
  </si>
  <si>
    <t>20636</t>
  </si>
  <si>
    <t>GGPS MAHMOOD KHOKHAR</t>
  </si>
  <si>
    <t>Kanganpur</t>
  </si>
  <si>
    <t>village Mehmood khokhar p/o Kanganpur Tehsil Chunian Kasur</t>
  </si>
  <si>
    <t>Mehmood Khokhar</t>
  </si>
  <si>
    <t>Shazia Noreen PST</t>
  </si>
  <si>
    <t>23621</t>
  </si>
  <si>
    <t>GGHS MANDRAN WALA</t>
  </si>
  <si>
    <t>V.P.O  MANDRANWALA TEHSIL DASKA DISTRICT SIALKOT</t>
  </si>
  <si>
    <t>MANDRANWALA</t>
  </si>
  <si>
    <t>ADAMKAY CHEEMA</t>
  </si>
  <si>
    <t>SHAZIA BASHIR</t>
  </si>
  <si>
    <t>33396</t>
  </si>
  <si>
    <t>water filteration pump</t>
  </si>
  <si>
    <t>15268</t>
  </si>
  <si>
    <t>GES CHAK 106 GB</t>
  </si>
  <si>
    <t>9835</t>
  </si>
  <si>
    <t>GPS DERA SIYAL WALA</t>
  </si>
  <si>
    <t>chah dera siyal Wala choubara</t>
  </si>
  <si>
    <t>Dera Siyal Wala</t>
  </si>
  <si>
    <t>7755</t>
  </si>
  <si>
    <t>28839</t>
  </si>
  <si>
    <t>GPS KOT MUHAMMAD HASSAN</t>
  </si>
  <si>
    <t>Kot Muhammad Hassan</t>
  </si>
  <si>
    <t>52944</t>
  </si>
  <si>
    <t>GMMS KHAWAJA NOOR MUHAMMAD</t>
  </si>
  <si>
    <t>Nikki Maneki</t>
  </si>
  <si>
    <t>Nikki maneki</t>
  </si>
  <si>
    <t>Khawaja Noor Muhammad</t>
  </si>
  <si>
    <t>Mahant Darshan</t>
  </si>
  <si>
    <t>MUHAMMAD AKHTAR SAJID</t>
  </si>
  <si>
    <t>9709</t>
  </si>
  <si>
    <t>GGPS CHAK NO 246A TDA</t>
  </si>
  <si>
    <t>Chak No 246A TDA</t>
  </si>
  <si>
    <t>GGPS chak no 246A TDA.</t>
  </si>
  <si>
    <t>Chak No 246A/tda</t>
  </si>
  <si>
    <t>Olakh  Thal Kalan</t>
  </si>
  <si>
    <t>25885</t>
  </si>
  <si>
    <t>GGPS CHAK NO 198 8R</t>
  </si>
  <si>
    <t>198/8R</t>
  </si>
  <si>
    <t>Chaka NO 198/8R</t>
  </si>
  <si>
    <t>Chak NO 198/8R</t>
  </si>
  <si>
    <t>Chak NO 204/9R</t>
  </si>
  <si>
    <t>MASSARAT JABEEN</t>
  </si>
  <si>
    <t>15875</t>
  </si>
  <si>
    <t>GPS CHAK 78 JB</t>
  </si>
  <si>
    <t>Chak # 78 jb</t>
  </si>
  <si>
    <t>Chak # 78 JB  Fsd</t>
  </si>
  <si>
    <t>Chak # 78 JB</t>
  </si>
  <si>
    <t>47139</t>
  </si>
  <si>
    <t>GGPS PAHAR SHAH</t>
  </si>
  <si>
    <t>Nooro Arain</t>
  </si>
  <si>
    <t>GGPS Pahar shah  markz Msafer khana Bahawal Pur</t>
  </si>
  <si>
    <t>Khanqah Sharief</t>
  </si>
  <si>
    <t>Zahida Akhtar</t>
  </si>
  <si>
    <t>43273</t>
  </si>
  <si>
    <t>GPS DHOK WALLI</t>
  </si>
  <si>
    <t>Dhoke Walli</t>
  </si>
  <si>
    <t>village dk walli post office jand</t>
  </si>
  <si>
    <t>Amrozia Hasnat</t>
  </si>
  <si>
    <t>GGPS JAND NO.5</t>
  </si>
  <si>
    <t>moh Hussain abad</t>
  </si>
  <si>
    <t>18208</t>
  </si>
  <si>
    <t>15140</t>
  </si>
  <si>
    <t>7886</t>
  </si>
  <si>
    <t>22449</t>
  </si>
  <si>
    <t>GGCMS KULA CHOUR NO.2</t>
  </si>
  <si>
    <t>Kulla Chour</t>
  </si>
  <si>
    <t>mohallah qamar abad kulla chour</t>
  </si>
  <si>
    <t>Kulla chour</t>
  </si>
  <si>
    <t>Jalalpurjattan</t>
  </si>
  <si>
    <t>39009</t>
  </si>
  <si>
    <t>GPS DHOK PAR</t>
  </si>
  <si>
    <t>Dhokeparr moorat Fateh jang attock</t>
  </si>
  <si>
    <t>Dhoke Parr</t>
  </si>
  <si>
    <t>Muhammad Salim  Khan</t>
  </si>
  <si>
    <t>Boring electric motor</t>
  </si>
  <si>
    <t>42596</t>
  </si>
  <si>
    <t>43552</t>
  </si>
  <si>
    <t>GMPS HOSOLAH</t>
  </si>
  <si>
    <t>Padshan</t>
  </si>
  <si>
    <t>17271</t>
  </si>
  <si>
    <t>GPS CHAK NO 261 JB MURAD WALA</t>
  </si>
  <si>
    <t>Chak No261 Murad wala</t>
  </si>
  <si>
    <t>Chak No.261 murad wala</t>
  </si>
  <si>
    <t>261 murad wala</t>
  </si>
  <si>
    <t>34908</t>
  </si>
  <si>
    <t>GGPS MUNSHI WALA NO.2 JALALPUR</t>
  </si>
  <si>
    <t>Munshi wala ,Tehsil jalalpur pir wala, District Multan</t>
  </si>
  <si>
    <t>Munshi wala</t>
  </si>
  <si>
    <t>RAFFET SHAHEEN</t>
  </si>
  <si>
    <t>39122</t>
  </si>
  <si>
    <t>GGES MIAN RASHIDA</t>
  </si>
  <si>
    <t>Mian Rasheeda</t>
  </si>
  <si>
    <t>v.p.o Mian Rasheeda tehsil fateh jang district attock</t>
  </si>
  <si>
    <t>Mian rasheeda</t>
  </si>
  <si>
    <t>30844</t>
  </si>
  <si>
    <t>7747</t>
  </si>
  <si>
    <t>GPS CHAK NO.85/F</t>
  </si>
  <si>
    <t>Chak 85 f hasilpur</t>
  </si>
  <si>
    <t>M Faisal Shahbaz</t>
  </si>
  <si>
    <t>38749</t>
  </si>
  <si>
    <t>5 Marla qutab pur  Tehsil Dunyapur District Lodhran</t>
  </si>
  <si>
    <t>AAMIR RASHEED</t>
  </si>
  <si>
    <t>7749</t>
  </si>
  <si>
    <t>36722</t>
  </si>
  <si>
    <t>GPS SARAI SIDHU GHARBI, SARAI SIDHU</t>
  </si>
  <si>
    <t>Near post office sarai sidhu, khanewal</t>
  </si>
  <si>
    <t>Syed Azmat Ali</t>
  </si>
  <si>
    <t>15069</t>
  </si>
  <si>
    <t>40005</t>
  </si>
  <si>
    <t>GGES SARWANA</t>
  </si>
  <si>
    <t>Sarwana</t>
  </si>
  <si>
    <t>mohallah khan khail sharqi Sarwana post office Nartopa Tehsil Hazro District Attock</t>
  </si>
  <si>
    <t>43008</t>
  </si>
  <si>
    <t>GGPS PHAGWARI GALA</t>
  </si>
  <si>
    <t>DOBERAN KALLAN - FEMALE</t>
  </si>
  <si>
    <t>PHAGWARI GALA P.o. Bhalakhar tehsil kallar syedan district Rawalpindi</t>
  </si>
  <si>
    <t>Najma Un Nisa</t>
  </si>
  <si>
    <t>GHS DEPALPUR</t>
  </si>
  <si>
    <t>BASIRPUR ROAD DEPALPUR</t>
  </si>
  <si>
    <t>MC DEPALPUR</t>
  </si>
  <si>
    <t>MUNAWAR ALI</t>
  </si>
  <si>
    <t>46720</t>
  </si>
  <si>
    <t>GPS MAZRINA</t>
  </si>
  <si>
    <t>Pos Bange Khel Sharqi</t>
  </si>
  <si>
    <t>village mazrina</t>
  </si>
  <si>
    <t>Mazria</t>
  </si>
  <si>
    <t>GGHS MANGAT NEECHA</t>
  </si>
  <si>
    <t>Mangat Neecha</t>
  </si>
  <si>
    <t>mangat neecha p/o same teh and disst hafizabad</t>
  </si>
  <si>
    <t>GMPS JALAPWAL</t>
  </si>
  <si>
    <t>Jalpowal</t>
  </si>
  <si>
    <t>vill. Jalpowal p/o Koankh</t>
  </si>
  <si>
    <t>Jalalpur Sobtian</t>
  </si>
  <si>
    <t>Sania Asif</t>
  </si>
  <si>
    <t>18046</t>
  </si>
  <si>
    <t>22526</t>
  </si>
  <si>
    <t>51846</t>
  </si>
  <si>
    <t>GGES 90 EB ARIFWALA</t>
  </si>
  <si>
    <t>90/EB</t>
  </si>
  <si>
    <t>Chak No.90/EB Arifwala</t>
  </si>
  <si>
    <t>Chak No90/EB</t>
  </si>
  <si>
    <t>86/EB</t>
  </si>
  <si>
    <t>Nageen Hanif</t>
  </si>
  <si>
    <t>50226</t>
  </si>
  <si>
    <t>17091</t>
  </si>
  <si>
    <t>GPS HASHMAT WALA</t>
  </si>
  <si>
    <t>Chah Hashmat Wala</t>
  </si>
  <si>
    <t>GPS CHAK NO. 78/1-L</t>
  </si>
  <si>
    <t>78/1L</t>
  </si>
  <si>
    <t>chak no 78/1L</t>
  </si>
  <si>
    <t>zahir ullah</t>
  </si>
  <si>
    <t>GES CHAK NO.13/BC-A</t>
  </si>
  <si>
    <t>chak 13BC</t>
  </si>
  <si>
    <t>chak 13A/BC, tehsil bahawalpur saddar, district bahawalpur</t>
  </si>
  <si>
    <t>Chak 13A-BC</t>
  </si>
  <si>
    <t>Chak 12BC</t>
  </si>
  <si>
    <t>Muhammad Idress</t>
  </si>
  <si>
    <t>7083</t>
  </si>
  <si>
    <t>GGPS MERIK PUR</t>
  </si>
  <si>
    <t>Mirkpur</t>
  </si>
  <si>
    <t>village Mirkpur</t>
  </si>
  <si>
    <t>Bagatpur</t>
  </si>
  <si>
    <t>19047</t>
  </si>
  <si>
    <t>7783</t>
  </si>
  <si>
    <t>40194</t>
  </si>
  <si>
    <t>GGPS NO. 1 KALA GUJRAN</t>
  </si>
  <si>
    <t>GGPS No.1 Kala Gujran Jhelum</t>
  </si>
  <si>
    <t>Umaira  Tahir</t>
  </si>
  <si>
    <t>13813</t>
  </si>
  <si>
    <t>basti minhas tal shumali</t>
  </si>
  <si>
    <t>Basti Minhas</t>
  </si>
  <si>
    <t>Rehmaa Abad</t>
  </si>
  <si>
    <t>QAMAR UN NISA</t>
  </si>
  <si>
    <t>20808</t>
  </si>
  <si>
    <t>GGPS MC NO.29 GUJRANWALA</t>
  </si>
  <si>
    <t>gujranwala</t>
  </si>
  <si>
    <t>sultanpura gujranwala</t>
  </si>
  <si>
    <t>Rahila Kishwar</t>
  </si>
  <si>
    <t>GPS 107 JB</t>
  </si>
  <si>
    <t>Chak No 107 JB paharang Teh.chak jhumra  fsd</t>
  </si>
  <si>
    <t>Chak No 107 JB</t>
  </si>
  <si>
    <t>18329</t>
  </si>
  <si>
    <t>29232</t>
  </si>
  <si>
    <t>GHSS JALALPUR PIRWALA</t>
  </si>
  <si>
    <t>Govt.H/S/S Jalalpur Pirwala</t>
  </si>
  <si>
    <t>Jalalpur city</t>
  </si>
  <si>
    <t>Muncipal Commity JPPW</t>
  </si>
  <si>
    <t>MUHAMMAD ABID</t>
  </si>
  <si>
    <t>22714</t>
  </si>
  <si>
    <t>GGPS BARSA KHURD</t>
  </si>
  <si>
    <t>Barsa Khurd</t>
  </si>
  <si>
    <t>doga p/o doulat nagar teh distt gujrat</t>
  </si>
  <si>
    <t>Faiza Noureen</t>
  </si>
  <si>
    <t>48225</t>
  </si>
  <si>
    <t>GES NOTAK SIKHANI</t>
  </si>
  <si>
    <t>Notak Sikhani</t>
  </si>
  <si>
    <t>notak sikhani p/o kala tehsil and distt. dg khan</t>
  </si>
  <si>
    <t>47725</t>
  </si>
  <si>
    <t>49165</t>
  </si>
  <si>
    <t>41064</t>
  </si>
  <si>
    <t>GGHS KALRIAN</t>
  </si>
  <si>
    <t>vill kallarian p/o kallarian</t>
  </si>
  <si>
    <t>GPS CHAK NO 270 JB NORTH</t>
  </si>
  <si>
    <t>Chak No 270 JB North</t>
  </si>
  <si>
    <t>Kot Sai Singh</t>
  </si>
  <si>
    <t>264627</t>
  </si>
  <si>
    <t>GPS MIAN WAL</t>
  </si>
  <si>
    <t>Mianwal</t>
  </si>
  <si>
    <t>moza mianwal  hersa sheikh tehsil and district chiniot</t>
  </si>
  <si>
    <t>Mian Wal</t>
  </si>
  <si>
    <t>Hersa Shikh</t>
  </si>
  <si>
    <t>6207</t>
  </si>
  <si>
    <t>28927</t>
  </si>
  <si>
    <t>GGES CHAK NO 15</t>
  </si>
  <si>
    <t>chak 15</t>
  </si>
  <si>
    <t>Fatima Aslam</t>
  </si>
  <si>
    <t>50665</t>
  </si>
  <si>
    <t>7811</t>
  </si>
  <si>
    <t>39681</t>
  </si>
  <si>
    <t>GGPS DHOK LOHARAN LANGER</t>
  </si>
  <si>
    <t>GGPS Dhok Loharan Jand</t>
  </si>
  <si>
    <t>Dhok Loharan</t>
  </si>
  <si>
    <t>Nighat Rashid</t>
  </si>
  <si>
    <t>27026</t>
  </si>
  <si>
    <t>GGPS KOTLI AMIR SINGH</t>
  </si>
  <si>
    <t>Kotlii Amir Singh</t>
  </si>
  <si>
    <t>Kotli Amir Singh</t>
  </si>
  <si>
    <t>Mehmoona kosar</t>
  </si>
  <si>
    <t>15933</t>
  </si>
  <si>
    <t>52087</t>
  </si>
  <si>
    <t>GMPS 26 KB JHAJHRA</t>
  </si>
  <si>
    <t>26/KB Jhajhra</t>
  </si>
  <si>
    <t>GMPS 26/KB Jhajhra</t>
  </si>
  <si>
    <t>Jammu Bodla</t>
  </si>
  <si>
    <t>Hina Tahir</t>
  </si>
  <si>
    <t>7024</t>
  </si>
  <si>
    <t>44272</t>
  </si>
  <si>
    <t>GGPS HATTAR</t>
  </si>
  <si>
    <t>village Hattar post office Bhatti Gujar Tehsil Kallar kahar District chakwal</t>
  </si>
  <si>
    <t>Shahnaz Rani</t>
  </si>
  <si>
    <t>24461</t>
  </si>
  <si>
    <t>7025</t>
  </si>
  <si>
    <t>GGPS CHAK NO 117/6-R</t>
  </si>
  <si>
    <t>117 6R</t>
  </si>
  <si>
    <t>Chak no 117 6.R</t>
  </si>
  <si>
    <t>118 6R</t>
  </si>
  <si>
    <t>Samia Afzal</t>
  </si>
  <si>
    <t>GES BASTI LUQMAN (EID GAH) NOORPUR NAURANGA</t>
  </si>
  <si>
    <t>Ghulamu Arain</t>
  </si>
  <si>
    <t>Basti luqman</t>
  </si>
  <si>
    <t>Muhammad Arslan</t>
  </si>
  <si>
    <t>7032</t>
  </si>
  <si>
    <t>27157</t>
  </si>
  <si>
    <t>GMPS GHANIAN KHURD</t>
  </si>
  <si>
    <t>Ghanaian Khurd</t>
  </si>
  <si>
    <t>Ghanaian Khurd post office Mangat Uncha</t>
  </si>
  <si>
    <t>Chakk Chattha</t>
  </si>
  <si>
    <t>GPS DHAK (RANGLI)</t>
  </si>
  <si>
    <t>Dhak</t>
  </si>
  <si>
    <t>PO choora Sharif village dhak Teh jand district attock</t>
  </si>
  <si>
    <t>35727</t>
  </si>
  <si>
    <t>42854</t>
  </si>
  <si>
    <t>GGHSS CHOUA KHALSA</t>
  </si>
  <si>
    <t>VPO CHOA KHALSA TEH KALLAR SYEDAN</t>
  </si>
  <si>
    <t>NISSAS AKHTAR</t>
  </si>
  <si>
    <t>7041</t>
  </si>
  <si>
    <t>GGHS CHAK NO.189/M</t>
  </si>
  <si>
    <t>189/M</t>
  </si>
  <si>
    <t>Govt.Girls High school189/M.Teh:Hasilpur(BWP)</t>
  </si>
  <si>
    <t>chak no.189/M</t>
  </si>
  <si>
    <t>Chak No.192/M</t>
  </si>
  <si>
    <t>Perveen Tahira</t>
  </si>
  <si>
    <t>GHS MODEL TOWN GUJRANWALA</t>
  </si>
  <si>
    <t>MADNI ROAD Y-BLOCK PEOPLES COLONY, GUJRANWALA</t>
  </si>
  <si>
    <t>MUHAMMAD HAYAT TARAR</t>
  </si>
  <si>
    <t>52572</t>
  </si>
  <si>
    <t>GPS BAWA TAHIR</t>
  </si>
  <si>
    <t>Bawa Tahir</t>
  </si>
  <si>
    <t>Chak bawa tahir</t>
  </si>
  <si>
    <t>GGPS CHAK NO 351 TDA</t>
  </si>
  <si>
    <t>CHAK 351 TDA</t>
  </si>
  <si>
    <t>CHAK NO 351 TDA</t>
  </si>
  <si>
    <t>RAFIQ ABAD</t>
  </si>
  <si>
    <t>GMPS GHANIAN KALAN</t>
  </si>
  <si>
    <t>Ghanian. kalian.</t>
  </si>
  <si>
    <t>Ghanian Kalan</t>
  </si>
  <si>
    <t>Chak Chattha</t>
  </si>
  <si>
    <t>Azra bibi</t>
  </si>
  <si>
    <t>GPS HAJI KHAMEESA</t>
  </si>
  <si>
    <t>GHULAM MUHAMMAD CHANNER</t>
  </si>
  <si>
    <t>Mouza Ghulam Muhammad Channer PO Noorpur Nouranga Tehsil &amp; District Bahawalpur</t>
  </si>
  <si>
    <t>BASTI HAJI KHAMEESA</t>
  </si>
  <si>
    <t>JAMAL CHANNER</t>
  </si>
  <si>
    <t>MUHAMMAD MUBEEN SHAKIR</t>
  </si>
  <si>
    <t>7064</t>
  </si>
  <si>
    <t>GGPS CHAK NO.110/F (C)</t>
  </si>
  <si>
    <t>110/F C</t>
  </si>
  <si>
    <t>GGPS 110/F c CTN ,BWN</t>
  </si>
  <si>
    <t>35/F</t>
  </si>
  <si>
    <t>16341</t>
  </si>
  <si>
    <t>GPS 25 JB</t>
  </si>
  <si>
    <t>Chak No 25 JB</t>
  </si>
  <si>
    <t>Sathoi Wala</t>
  </si>
  <si>
    <t>43373</t>
  </si>
  <si>
    <t>GGPS KALAHINA</t>
  </si>
  <si>
    <t>Kalahina</t>
  </si>
  <si>
    <t>GGES Kalahina</t>
  </si>
  <si>
    <t>Amna Naz</t>
  </si>
  <si>
    <t>42261</t>
  </si>
  <si>
    <t>GMPS GULIAL MATHIAL</t>
  </si>
  <si>
    <t>gmps gulial mithial</t>
  </si>
  <si>
    <t>Gulial</t>
  </si>
  <si>
    <t>Fauzia Tabassum</t>
  </si>
  <si>
    <t>39904</t>
  </si>
  <si>
    <t>GHSS GHOURGHUSHTI</t>
  </si>
  <si>
    <t>NEAR UNION COUNCIL GHOURGHUSHTI</t>
  </si>
  <si>
    <t>MUHAMMAD TAJ</t>
  </si>
  <si>
    <t>GMPS 128/10-R</t>
  </si>
  <si>
    <t>128/10R</t>
  </si>
  <si>
    <t>Gmps 128/10R</t>
  </si>
  <si>
    <t>Ali Sher Whin</t>
  </si>
  <si>
    <t>Sumaira Aslam</t>
  </si>
  <si>
    <t>40221</t>
  </si>
  <si>
    <t>GMPS CHAK ISA</t>
  </si>
  <si>
    <t>Chak Essa</t>
  </si>
  <si>
    <t>village chak essa p/o kala gujran jhelum</t>
  </si>
  <si>
    <t>29550</t>
  </si>
  <si>
    <t>24610</t>
  </si>
  <si>
    <t>52886</t>
  </si>
  <si>
    <t>7088</t>
  </si>
  <si>
    <t>GPS PALALA MULLA KHAN</t>
  </si>
  <si>
    <t>Palala Mulla Khan</t>
  </si>
  <si>
    <t>GPS Palala Mulla Khan P.O. Walayat Abad Tehsil. Kallar syedan</t>
  </si>
  <si>
    <t>FAISAL ASHFAQ</t>
  </si>
  <si>
    <t>17666</t>
  </si>
  <si>
    <t>19914</t>
  </si>
  <si>
    <t>13519</t>
  </si>
  <si>
    <t>GPS HAFIZ ABAD KALOI WALA</t>
  </si>
  <si>
    <t>kaloi wala  P/o Dajal Teh.. Jampur..Dist..Rajanpur</t>
  </si>
  <si>
    <t>GPS CHAK NO.17/BC</t>
  </si>
  <si>
    <t>17bc</t>
  </si>
  <si>
    <t>chak17 bc</t>
  </si>
  <si>
    <t>50620</t>
  </si>
  <si>
    <t>7099</t>
  </si>
  <si>
    <t>GPS CHAK NO.184/M-A</t>
  </si>
  <si>
    <t>184/m</t>
  </si>
  <si>
    <t>chak no 184/m A</t>
  </si>
  <si>
    <t>184/M A</t>
  </si>
  <si>
    <t>Najam Ul Saqib</t>
  </si>
  <si>
    <t>41153</t>
  </si>
  <si>
    <t>GPS DAGLE</t>
  </si>
  <si>
    <t>narar</t>
  </si>
  <si>
    <t>degal uc narar tehsile kahuta</t>
  </si>
  <si>
    <t>Muhammad Shabir</t>
  </si>
  <si>
    <t>1223</t>
  </si>
  <si>
    <t>50172</t>
  </si>
  <si>
    <t>GES 17/11-L</t>
  </si>
  <si>
    <t>17/11-L Sharifa Abad</t>
  </si>
  <si>
    <t>chak no 17/11-L sharifa abad</t>
  </si>
  <si>
    <t>Chsk No 17/11-L</t>
  </si>
  <si>
    <t>Chao No 23/11-L</t>
  </si>
  <si>
    <t>mufti muhammad noor un nabi shams</t>
  </si>
  <si>
    <t>GGHS GADAI</t>
  </si>
  <si>
    <t>gghs Gadai</t>
  </si>
  <si>
    <t>shakeela khanum</t>
  </si>
  <si>
    <t>52517</t>
  </si>
  <si>
    <t>GPS KANI PUR</t>
  </si>
  <si>
    <t>gps kani pur</t>
  </si>
  <si>
    <t>7109</t>
  </si>
  <si>
    <t>34987</t>
  </si>
  <si>
    <t>GGPS PURANI BALI</t>
  </si>
  <si>
    <t>Basti Purani behli Ghazipur road</t>
  </si>
  <si>
    <t>Purani BEHLI</t>
  </si>
  <si>
    <t>Behli Sharerf</t>
  </si>
  <si>
    <t>Assia Parven</t>
  </si>
  <si>
    <t>51808</t>
  </si>
  <si>
    <t>46672</t>
  </si>
  <si>
    <t>GGHS JALAL PUR</t>
  </si>
  <si>
    <t>ANEELA AWAN</t>
  </si>
  <si>
    <t>GPS CHAK NO 303 HR</t>
  </si>
  <si>
    <t>CHAK No. 303/HR (s), Tehsil: Fortabbas, Distt: Bahawalnagar</t>
  </si>
  <si>
    <t>CHAK No 303/HR</t>
  </si>
  <si>
    <t>CHAK No 304/HR</t>
  </si>
  <si>
    <t>26986</t>
  </si>
  <si>
    <t>GPS QADIR ABAD COLONY</t>
  </si>
  <si>
    <t>Kotli Daim</t>
  </si>
  <si>
    <t>qadir abad colony</t>
  </si>
  <si>
    <t>Qadir Abad Colony</t>
  </si>
  <si>
    <t>GPS CHAK NO.151/M</t>
  </si>
  <si>
    <t>151/m</t>
  </si>
  <si>
    <t>Chak no. 151/m tehsil Hasilpur distt. bahawalpur</t>
  </si>
  <si>
    <t>Chak 151/m</t>
  </si>
  <si>
    <t>Chak 79/f</t>
  </si>
  <si>
    <t>Saifullah Anwer</t>
  </si>
  <si>
    <t>23972</t>
  </si>
  <si>
    <t>GGPS CHAK SADAVE</t>
  </si>
  <si>
    <t>Chak Sadve</t>
  </si>
  <si>
    <t>GGPS chak sadve</t>
  </si>
  <si>
    <t>Wdalasundhwa</t>
  </si>
  <si>
    <t>Amina Sohail</t>
  </si>
  <si>
    <t>22757</t>
  </si>
  <si>
    <t>GPS MC MEHDI MOHALLAH GOJRA</t>
  </si>
  <si>
    <t>GOJRA CITY MALE</t>
  </si>
  <si>
    <t>City Gojra</t>
  </si>
  <si>
    <t>St#5 Mehdi Mohallah Gojra</t>
  </si>
  <si>
    <t>38948</t>
  </si>
  <si>
    <t>40957</t>
  </si>
  <si>
    <t>GGHS NATHWALA</t>
  </si>
  <si>
    <t>Nathwala</t>
  </si>
  <si>
    <t>P.O Nathwala Tehsil Dina Distt. Jhelum</t>
  </si>
  <si>
    <t>Janjil</t>
  </si>
  <si>
    <t>Syeda Nuzhat Batool</t>
  </si>
  <si>
    <t>GHS MC BHAKKAR MOHALLA NAWAB KHAN</t>
  </si>
  <si>
    <t>muhallah nawab khan bhakkar</t>
  </si>
  <si>
    <t>HAFIZ ABDUL WAHID</t>
  </si>
  <si>
    <t>41149</t>
  </si>
  <si>
    <t>GPS BHED</t>
  </si>
  <si>
    <t>Village noorabad PO narar tehsil kahuta district rawalpindi</t>
  </si>
  <si>
    <t>Noorabad</t>
  </si>
  <si>
    <t>Muhammad Ayyaz</t>
  </si>
  <si>
    <t>take water from different place</t>
  </si>
  <si>
    <t>40088</t>
  </si>
  <si>
    <t>GHS MAJOR MUNEER SHAHEED JHELUM CANTT</t>
  </si>
  <si>
    <t>jhelum cantt</t>
  </si>
  <si>
    <t>kotla faqir</t>
  </si>
  <si>
    <t>usman ali</t>
  </si>
  <si>
    <t>50314</t>
  </si>
  <si>
    <t>GPS 36/12-L</t>
  </si>
  <si>
    <t>GPS 36/12L</t>
  </si>
  <si>
    <t>muhammad shakeel</t>
  </si>
  <si>
    <t>37320</t>
  </si>
  <si>
    <t>GGPS TIBBI SOHAGAN</t>
  </si>
  <si>
    <t>Chandrani East</t>
  </si>
  <si>
    <t>Tibbi Sohagan Chandrani East ,Post Office Noorpur Nauranga Tehsil &amp; DISTRICT Bahawalpur</t>
  </si>
  <si>
    <t>Tibbi Sohagan</t>
  </si>
  <si>
    <t>30153</t>
  </si>
  <si>
    <t>7824</t>
  </si>
  <si>
    <t>GMPS SHER GRAH</t>
  </si>
  <si>
    <t>Sher Grah</t>
  </si>
  <si>
    <t>village sher grah p.o.box machiwal teh and distt gujrat</t>
  </si>
  <si>
    <t>Summera Bibi</t>
  </si>
  <si>
    <t>41062</t>
  </si>
  <si>
    <t>GGHS NARAR MOUREEN</t>
  </si>
  <si>
    <t>GOVT GIRLS HIGH SCHOOL NARAR MOUREEN TEHSIL KAHUTA DISTRICT RAWALPINDI</t>
  </si>
  <si>
    <t>Moureen</t>
  </si>
  <si>
    <t>GPS THATHA NAHRA</t>
  </si>
  <si>
    <t>That ha Nahara</t>
  </si>
  <si>
    <t>that ha nahara</t>
  </si>
  <si>
    <t>That Nahara</t>
  </si>
  <si>
    <t>Pindi Bawray</t>
  </si>
  <si>
    <t>GGHS KOT PINDI DAS TEH FEROZWALA</t>
  </si>
  <si>
    <t>Kot Pindi Dass</t>
  </si>
  <si>
    <t>gghs kot pindi das tehsil ferozwala SKP</t>
  </si>
  <si>
    <t>GMPS CHAK NO 141 JB KHOKHRAN</t>
  </si>
  <si>
    <t>Chak#141 J/B Khokhran</t>
  </si>
  <si>
    <t>Chak#141 J/b Khokharan</t>
  </si>
  <si>
    <t>Chak #140j/b</t>
  </si>
  <si>
    <t>23644</t>
  </si>
  <si>
    <t>GHS PEERO CHAK</t>
  </si>
  <si>
    <t>Peero Chak</t>
  </si>
  <si>
    <t>Peero Chak Teh. Daska Distt. sialkot</t>
  </si>
  <si>
    <t>Mian Talib Ali</t>
  </si>
  <si>
    <t>13658</t>
  </si>
  <si>
    <t>7849</t>
  </si>
  <si>
    <t>42426</t>
  </si>
  <si>
    <t>GGHS CHULLO CHAKRAL</t>
  </si>
  <si>
    <t>Chullo Chakral</t>
  </si>
  <si>
    <t>GGHS Chullo Chakral,p/o Daryala Segon.The Gujar khan</t>
  </si>
  <si>
    <t>Sui Cheemain</t>
  </si>
  <si>
    <t>Tabbbasam Parveen</t>
  </si>
  <si>
    <t>27226</t>
  </si>
  <si>
    <t>GGPS SAGAR KALAN</t>
  </si>
  <si>
    <t>sagar kalan</t>
  </si>
  <si>
    <t>Arfa Anwar</t>
  </si>
  <si>
    <t>GGCMS CHAK NO.92/F</t>
  </si>
  <si>
    <t>92 Fateh</t>
  </si>
  <si>
    <t>Govt.Girls Community Modle School, Chack 92/F,Tehsil Hasilpur,Dist.BWP</t>
  </si>
  <si>
    <t>92/F</t>
  </si>
  <si>
    <t>Arrebah Shahid</t>
  </si>
  <si>
    <t>28634</t>
  </si>
  <si>
    <t>GES DEU SIAL PO SHAMAS ABAD</t>
  </si>
  <si>
    <t>DEU SIAL</t>
  </si>
  <si>
    <t>DEU SIAL P/O SHAMSABAD,TEHSIL CHUNIAN,KASUR</t>
  </si>
  <si>
    <t>Haroon Jan</t>
  </si>
  <si>
    <t>40059</t>
  </si>
  <si>
    <t>GHS SANGHOI</t>
  </si>
  <si>
    <t>GHS SANGHOI JHELUM</t>
  </si>
  <si>
    <t>GGPS BASTI TILOKA PO MEHTA JHEDU</t>
  </si>
  <si>
    <t>Taloka</t>
  </si>
  <si>
    <t>ggps taloks</t>
  </si>
  <si>
    <t>42066</t>
  </si>
  <si>
    <t>39481</t>
  </si>
  <si>
    <t>GHS MUKHAD</t>
  </si>
  <si>
    <t>gbhs mukhad teh jand distt attock</t>
  </si>
  <si>
    <t>Hafiz Ibrar Ahmad</t>
  </si>
  <si>
    <t>22338</t>
  </si>
  <si>
    <t>28554</t>
  </si>
  <si>
    <t>GGHS KHAYABAN-E-SARWAR</t>
  </si>
  <si>
    <t>KHAYABAN-E-SARWAR BLOCK C DERA GHAZI KHAN</t>
  </si>
  <si>
    <t>SAIRA NASEEM</t>
  </si>
  <si>
    <t>40497</t>
  </si>
  <si>
    <t>45382</t>
  </si>
  <si>
    <t>GHS PANJ GIRAIN</t>
  </si>
  <si>
    <t>GHS Panjgirain Near Railway Station Panjgirain (Bhakkar)</t>
  </si>
  <si>
    <t>panjgirain</t>
  </si>
  <si>
    <t>panjgirain daggar</t>
  </si>
  <si>
    <t>Abdul Haque</t>
  </si>
  <si>
    <t>19430</t>
  </si>
  <si>
    <t>7928</t>
  </si>
  <si>
    <t>22696</t>
  </si>
  <si>
    <t>GGPS TIBBI BUSA</t>
  </si>
  <si>
    <t>Tibbi Busa</t>
  </si>
  <si>
    <t>V.tibbi busa P.O fatehpur teh &amp; distt gujrat</t>
  </si>
  <si>
    <t>Anum Liaqat</t>
  </si>
  <si>
    <t>34778</t>
  </si>
  <si>
    <t>GES PIR HAQANI P/O KOTLA CHAKAR</t>
  </si>
  <si>
    <t>Basti pir haqqani moza kandair p/o bahadur pur tehsil jalalpur district multan</t>
  </si>
  <si>
    <t>Pir Haqqani</t>
  </si>
  <si>
    <t>Bahadur pur</t>
  </si>
  <si>
    <t>GES DUNGA BISHONIAN</t>
  </si>
  <si>
    <t>DUNGA BUNGA BISHNOIAN</t>
  </si>
  <si>
    <t>MUHALLAH ISLAM PURA, P/O DUNGA BUNGA, TEH &amp; DISTT. BWN</t>
  </si>
  <si>
    <t>MUHAMMAD IQBAL SHAD</t>
  </si>
  <si>
    <t>GES DHOK SEELO</t>
  </si>
  <si>
    <t>dk seelo teh fateh jang</t>
  </si>
  <si>
    <t>Dk Seelo</t>
  </si>
  <si>
    <t>11154</t>
  </si>
  <si>
    <t>7631</t>
  </si>
  <si>
    <t>23680</t>
  </si>
  <si>
    <t>GGES BHIKHI SANDHWAN</t>
  </si>
  <si>
    <t>v.p.o bhikhi sandhwan</t>
  </si>
  <si>
    <t>Sana Arif</t>
  </si>
  <si>
    <t>GGPS CHAK NO 43/3-R W</t>
  </si>
  <si>
    <t>43/3rw</t>
  </si>
  <si>
    <t>chak no 43/3r(w)</t>
  </si>
  <si>
    <t>43/3r W</t>
  </si>
  <si>
    <t>Reehana Bibi</t>
  </si>
  <si>
    <t>7632</t>
  </si>
  <si>
    <t>GPS KHUDA BUKHSH WALA</t>
  </si>
  <si>
    <t>Theklan Janobi</t>
  </si>
  <si>
    <t>Gujran wala ,Theklan Janobi ,Jalal pur pir wala ,Multan</t>
  </si>
  <si>
    <t>Chah Gujran Wala Khuda Bukhsh Wala</t>
  </si>
  <si>
    <t>43977</t>
  </si>
  <si>
    <t>GGPS WARD NO. 4 HAROON ABAD</t>
  </si>
  <si>
    <t>haroonabad</t>
  </si>
  <si>
    <t>baldia colony hnd</t>
  </si>
  <si>
    <t>HND</t>
  </si>
  <si>
    <t>49048</t>
  </si>
  <si>
    <t>13594</t>
  </si>
  <si>
    <t>GGPS NOORPUR MANJHU WALA NO. 1</t>
  </si>
  <si>
    <t>Noorpur Manjhu</t>
  </si>
  <si>
    <t>Noorpur Manjhu wala</t>
  </si>
  <si>
    <t>Noorpur Manjhu Wala</t>
  </si>
  <si>
    <t>Aasma Batool</t>
  </si>
  <si>
    <t>GPS BASTI KULYAR</t>
  </si>
  <si>
    <t>Habib Misson</t>
  </si>
  <si>
    <t>basti kulyar mouza habib misson</t>
  </si>
  <si>
    <t>Basti Kulyar</t>
  </si>
  <si>
    <t>Waqas Farooq</t>
  </si>
  <si>
    <t>22162</t>
  </si>
  <si>
    <t>GGHS AJNALA</t>
  </si>
  <si>
    <t>village ajnala teh and distt gujrat</t>
  </si>
  <si>
    <t>34259</t>
  </si>
  <si>
    <t>7642</t>
  </si>
  <si>
    <t>42917</t>
  </si>
  <si>
    <t>GPS DHAMNAL</t>
  </si>
  <si>
    <t>village dhamnal p\o sar suba shah tehsil kallar syedan distt Rawalpindi</t>
  </si>
  <si>
    <t>Dhanmal</t>
  </si>
  <si>
    <t>nazia hassan</t>
  </si>
  <si>
    <t>7648</t>
  </si>
  <si>
    <t>18665</t>
  </si>
  <si>
    <t>GPS CHAK 347 JB</t>
  </si>
  <si>
    <t>347JB Chatha</t>
  </si>
  <si>
    <t>chak no 347jb</t>
  </si>
  <si>
    <t>347jb</t>
  </si>
  <si>
    <t>Chak No 417jb</t>
  </si>
  <si>
    <t>Muhammad Shahid Khursheed</t>
  </si>
  <si>
    <t>44611</t>
  </si>
  <si>
    <t>GGPS BHADAY WALA</t>
  </si>
  <si>
    <t>chah bhaday wala</t>
  </si>
  <si>
    <t>Kaniz Rubab</t>
  </si>
  <si>
    <t>4938</t>
  </si>
  <si>
    <t>26626</t>
  </si>
  <si>
    <t>50317</t>
  </si>
  <si>
    <t>GES 10/11-L</t>
  </si>
  <si>
    <t>Chak No 10/11-L</t>
  </si>
  <si>
    <t>Chak No. 10/11-L Chichawatni</t>
  </si>
  <si>
    <t>10/11-L</t>
  </si>
  <si>
    <t>7662</t>
  </si>
  <si>
    <t>GGES GHARBI BASAL</t>
  </si>
  <si>
    <t>Basl</t>
  </si>
  <si>
    <t>vpo basal</t>
  </si>
  <si>
    <t>Nadia Yasmin</t>
  </si>
  <si>
    <t>7668</t>
  </si>
  <si>
    <t>40191</t>
  </si>
  <si>
    <t>GGPS KARIM PUR</t>
  </si>
  <si>
    <t>Karim Pur</t>
  </si>
  <si>
    <t>Karim pur jhelum</t>
  </si>
  <si>
    <t>Mohammadi Chowk</t>
  </si>
  <si>
    <t>Lubna Mumtaz</t>
  </si>
  <si>
    <t>20121</t>
  </si>
  <si>
    <t>GGPS DERA GOBAND</t>
  </si>
  <si>
    <t>Dera Goband</t>
  </si>
  <si>
    <t>basti dera goband markaz sama satha bahawalpur</t>
  </si>
  <si>
    <t>Jindu Misan</t>
  </si>
  <si>
    <t>7679</t>
  </si>
  <si>
    <t>GHS KALA BAGH</t>
  </si>
  <si>
    <t>kalabagh</t>
  </si>
  <si>
    <t>post office kalabagh tehsil isa keel district mianwali</t>
  </si>
  <si>
    <t>Feroz Ud Din</t>
  </si>
  <si>
    <t>7686</t>
  </si>
  <si>
    <t>36725</t>
  </si>
  <si>
    <t>GPS ARJANI WALA, SARAI SIDHU</t>
  </si>
  <si>
    <t>near eid gah</t>
  </si>
  <si>
    <t>Mahabat Wala</t>
  </si>
  <si>
    <t>19291</t>
  </si>
  <si>
    <t>45814</t>
  </si>
  <si>
    <t>GPS THATHA JAHID NAHALAY WALA</t>
  </si>
  <si>
    <t>Thatha Jahid</t>
  </si>
  <si>
    <t>thatha Jahid nehalay wala</t>
  </si>
  <si>
    <t>Christopher</t>
  </si>
  <si>
    <t>19740</t>
  </si>
  <si>
    <t>GPS KOT ABDUL HAQ</t>
  </si>
  <si>
    <t>Kot Abdul Haq Moza Hid</t>
  </si>
  <si>
    <t>Kot Abdul Haq</t>
  </si>
  <si>
    <t>GMPS DAO</t>
  </si>
  <si>
    <t>Jorra Jlalpur</t>
  </si>
  <si>
    <t>Vill Dao P /O Makiana Distt Gujrat</t>
  </si>
  <si>
    <t>Dao</t>
  </si>
  <si>
    <t>Jorra Jalalpur</t>
  </si>
  <si>
    <t>Mamoona Walayat</t>
  </si>
  <si>
    <t>6739</t>
  </si>
  <si>
    <t>18466</t>
  </si>
  <si>
    <t>17623</t>
  </si>
  <si>
    <t>GGPS CHAK NO 448 JB II</t>
  </si>
  <si>
    <t>Abadi Shakoor Abad</t>
  </si>
  <si>
    <t>GGPS Chak No 448 JB</t>
  </si>
  <si>
    <t>Chak No 448 JB</t>
  </si>
  <si>
    <t>Chak No 450 JB</t>
  </si>
  <si>
    <t>shahnaz bugam</t>
  </si>
  <si>
    <t>GPS BASTI ARAIN</t>
  </si>
  <si>
    <t>Bedana Gharbi</t>
  </si>
  <si>
    <t>basti arrain</t>
  </si>
  <si>
    <t>23 Hasilpur Old</t>
  </si>
  <si>
    <t>Tajamal Hussain</t>
  </si>
  <si>
    <t>7708</t>
  </si>
  <si>
    <t>GGES CHURATA NO. 3</t>
  </si>
  <si>
    <t>block 17, d.g.khan</t>
  </si>
  <si>
    <t>Shahid Kazmi</t>
  </si>
  <si>
    <t>43113</t>
  </si>
  <si>
    <t>GGHS NACHINDI</t>
  </si>
  <si>
    <t>Nachindi</t>
  </si>
  <si>
    <t>vpo nachindi</t>
  </si>
  <si>
    <t>39178</t>
  </si>
  <si>
    <t>GGPS SHAH RAI BHADUR</t>
  </si>
  <si>
    <t>Shah-rai-bahadur</t>
  </si>
  <si>
    <t>village Sha-rai-bahadur p/o Sha-rai-sadullah tehsil fateh jang district attock</t>
  </si>
  <si>
    <t>Maria Zahoor</t>
  </si>
  <si>
    <t>10702</t>
  </si>
  <si>
    <t>17322</t>
  </si>
  <si>
    <t>GPS BHOKNI</t>
  </si>
  <si>
    <t>Bhokni</t>
  </si>
  <si>
    <t>Bhokni post office lang shumali Jhang</t>
  </si>
  <si>
    <t>53569</t>
  </si>
  <si>
    <t>GPS 125 RB</t>
  </si>
  <si>
    <t>127 RB NO9</t>
  </si>
  <si>
    <t>chak no 125 RB ladhar</t>
  </si>
  <si>
    <t>125RB</t>
  </si>
  <si>
    <t>Chak No 127RB</t>
  </si>
  <si>
    <t>7724</t>
  </si>
  <si>
    <t>39636</t>
  </si>
  <si>
    <t>GGPS DHOK WARA</t>
  </si>
  <si>
    <t>dhok wara sulemanabad</t>
  </si>
  <si>
    <t>Sulemanabad</t>
  </si>
  <si>
    <t>44689</t>
  </si>
  <si>
    <t>19511</t>
  </si>
  <si>
    <t>35449</t>
  </si>
  <si>
    <t>GGPS 293 EB</t>
  </si>
  <si>
    <t>293eb</t>
  </si>
  <si>
    <t>chak no.293e.b</t>
  </si>
  <si>
    <t>287eb</t>
  </si>
  <si>
    <t>Aasima Manzoor</t>
  </si>
  <si>
    <t>20362</t>
  </si>
  <si>
    <t>13643</t>
  </si>
  <si>
    <t>GGPS KHALIL WALA</t>
  </si>
  <si>
    <t>ALLAH  ABAD</t>
  </si>
  <si>
    <t>MOZA ALLAH ABAD CHA BHATAL WALA JAMPUR  DISTRICT RANJANPUR</t>
  </si>
  <si>
    <t>CHA BHATAL WALA</t>
  </si>
  <si>
    <t>GPS CHAK NO. 65/4-R</t>
  </si>
  <si>
    <t>chack no 65/4.r p/o 64/4.r tehsil haroonabad distt bwn</t>
  </si>
  <si>
    <t>7731</t>
  </si>
  <si>
    <t>40162</t>
  </si>
  <si>
    <t>GES PANDORI</t>
  </si>
  <si>
    <t>Village.  Pandori, P.O. Maira Teh. &amp; Distt. .Jhelum</t>
  </si>
  <si>
    <t>Muhammad Tanveer ul Haq</t>
  </si>
  <si>
    <t>GGPS DAHKOO</t>
  </si>
  <si>
    <t>Dhakoo</t>
  </si>
  <si>
    <t>dhakoo</t>
  </si>
  <si>
    <t>Diyu Sayal</t>
  </si>
  <si>
    <t>Yasmeen Ishaq</t>
  </si>
  <si>
    <t>7946</t>
  </si>
  <si>
    <t>52505</t>
  </si>
  <si>
    <t>GPS TAJUKAY MAHAR</t>
  </si>
  <si>
    <t>Taju Ky Mahar</t>
  </si>
  <si>
    <t>taju ky mahar</t>
  </si>
  <si>
    <t>Khurram Shehzad</t>
  </si>
  <si>
    <t>7947</t>
  </si>
  <si>
    <t>46835</t>
  </si>
  <si>
    <t>GGPS NAG SHAH</t>
  </si>
  <si>
    <t>Nagshah</t>
  </si>
  <si>
    <t>Government Girls Primary School Nagshah isakhel</t>
  </si>
  <si>
    <t>39997</t>
  </si>
  <si>
    <t>GPS CHAK NO.184/7-R</t>
  </si>
  <si>
    <t>184/7R</t>
  </si>
  <si>
    <t>Chak 184/7R</t>
  </si>
  <si>
    <t>MOHAMMAD ANWAR</t>
  </si>
  <si>
    <t>18695</t>
  </si>
  <si>
    <t>GPS CHAK 90 JB II</t>
  </si>
  <si>
    <t>KeroWall</t>
  </si>
  <si>
    <t>Chak no 90 J.B II</t>
  </si>
  <si>
    <t>Kerowall</t>
  </si>
  <si>
    <t>93 JB</t>
  </si>
  <si>
    <t>MUHAMMAD BILAL JAVED</t>
  </si>
  <si>
    <t>40482</t>
  </si>
  <si>
    <t>GPS NOOR PUR JATTAN</t>
  </si>
  <si>
    <t>Noor Pur Jattan</t>
  </si>
  <si>
    <t>GGHS DOMALI</t>
  </si>
  <si>
    <t>domali</t>
  </si>
  <si>
    <t>vill domali Po dhoong, teh &amp; dist chakwal</t>
  </si>
  <si>
    <t>Domali</t>
  </si>
  <si>
    <t>Tayyaba Razzaq</t>
  </si>
  <si>
    <t>38483</t>
  </si>
  <si>
    <t>GGES 376/WB</t>
  </si>
  <si>
    <t>Chak#376/WB</t>
  </si>
  <si>
    <t>Chak#376/WB the dunyapur</t>
  </si>
  <si>
    <t>Chak#376z/WB</t>
  </si>
  <si>
    <t>CHAK#353/WB</t>
  </si>
  <si>
    <t>Rehana Jabeen</t>
  </si>
  <si>
    <t>GGHS CHAK 99/F</t>
  </si>
  <si>
    <t>gGHS 99/F TEHSIL CHISHTIAN DISTT BWN</t>
  </si>
  <si>
    <t>chak no.99/f</t>
  </si>
  <si>
    <t>Naheed kousar</t>
  </si>
  <si>
    <t>46768</t>
  </si>
  <si>
    <t>GPS SAMAND WALA PO KAMAR MUSHANI ISA KHEL</t>
  </si>
  <si>
    <t>SAMAND WALA</t>
  </si>
  <si>
    <t>moza SAMAND WALA P.O KAMMAR MUSHANI tehsil isa khel Mianwali</t>
  </si>
  <si>
    <t>MC-KAMMAR MUSHANI</t>
  </si>
  <si>
    <t>Sana Ullah Khan</t>
  </si>
  <si>
    <t>GGPS CHAK NO.194/M-B</t>
  </si>
  <si>
    <t>194mb</t>
  </si>
  <si>
    <t>194m tehsil hasilpur dist Bahawalpur p/o 194m</t>
  </si>
  <si>
    <t>194m/b</t>
  </si>
  <si>
    <t>192m</t>
  </si>
  <si>
    <t>Nasreen Iqbal</t>
  </si>
  <si>
    <t>8218</t>
  </si>
  <si>
    <t>15402</t>
  </si>
  <si>
    <t>GHS LUNDIANWALA</t>
  </si>
  <si>
    <t>LUNDIANWALA</t>
  </si>
  <si>
    <t>Chak No 650 /1 GB</t>
  </si>
  <si>
    <t>46826</t>
  </si>
  <si>
    <t>GGPS KUNDAL</t>
  </si>
  <si>
    <t>govt girls primary school kundal</t>
  </si>
  <si>
    <t>Isma Jamil</t>
  </si>
  <si>
    <t>39619</t>
  </si>
  <si>
    <t>GPS DHOK HINDU</t>
  </si>
  <si>
    <t>GBPS Dhok hindo jand Attock</t>
  </si>
  <si>
    <t>Hindo</t>
  </si>
  <si>
    <t>GMPS JALAL ABAD</t>
  </si>
  <si>
    <t>sargana farm jalalabad moza khewa</t>
  </si>
  <si>
    <t>Jalalabad moza Khewa</t>
  </si>
  <si>
    <t>Farhat Naji</t>
  </si>
  <si>
    <t>8228</t>
  </si>
  <si>
    <t>52455</t>
  </si>
  <si>
    <t>GPS QUTAB PURA</t>
  </si>
  <si>
    <t>Qutab Pura</t>
  </si>
  <si>
    <t>Qutab Pura Post Office Jaithpur Depalpur District Okara</t>
  </si>
  <si>
    <t>GGPS ABBAS NAGAR</t>
  </si>
  <si>
    <t>abbas nagar</t>
  </si>
  <si>
    <t>Sinjer</t>
  </si>
  <si>
    <t>Sorriya Perveen</t>
  </si>
  <si>
    <t>39084</t>
  </si>
  <si>
    <t>GGPS LASSA</t>
  </si>
  <si>
    <t>village lasa po ratwal</t>
  </si>
  <si>
    <t>Farzana Mehboob</t>
  </si>
  <si>
    <t>50381</t>
  </si>
  <si>
    <t>GPS 167/9-L</t>
  </si>
  <si>
    <t>167/9L</t>
  </si>
  <si>
    <t>167/9-L</t>
  </si>
  <si>
    <t>27322</t>
  </si>
  <si>
    <t>25136</t>
  </si>
  <si>
    <t>23781</t>
  </si>
  <si>
    <t>GPS VEER WALA</t>
  </si>
  <si>
    <t>Veerwala</t>
  </si>
  <si>
    <t>veerwala</t>
  </si>
  <si>
    <t>35383</t>
  </si>
  <si>
    <t>34569</t>
  </si>
  <si>
    <t>GHS DARAPUR</t>
  </si>
  <si>
    <t>darapur jhelum</t>
  </si>
  <si>
    <t>Muhammad Sajeel Khan</t>
  </si>
  <si>
    <t>GPS GHULAM AHMAD SHAHEED</t>
  </si>
  <si>
    <t>Baqar KY Mahar</t>
  </si>
  <si>
    <t>baqar k mahar</t>
  </si>
  <si>
    <t>Baqar k Mahar</t>
  </si>
  <si>
    <t>M enam Abid</t>
  </si>
  <si>
    <t>8249</t>
  </si>
  <si>
    <t>GPS CHAK NO. 209/9-R SHARQI</t>
  </si>
  <si>
    <t>209 9r East</t>
  </si>
  <si>
    <t>Chak no 209 9.r east</t>
  </si>
  <si>
    <t>outside handpump</t>
  </si>
  <si>
    <t>35431</t>
  </si>
  <si>
    <t>GGPS CHICHI CHOHAN</t>
  </si>
  <si>
    <t>Chichi Chohan</t>
  </si>
  <si>
    <t>village  Chichi Chohan post office Thekrian.teh Gujar Khan District Rawalpindi</t>
  </si>
  <si>
    <t>Aamna Riaz</t>
  </si>
  <si>
    <t>7091</t>
  </si>
  <si>
    <t>GPS CHAK NO 102 F</t>
  </si>
  <si>
    <t>Chakno 102/F</t>
  </si>
  <si>
    <t>chakno102/f</t>
  </si>
  <si>
    <t>Chakno102/F</t>
  </si>
  <si>
    <t>Chakno40/F</t>
  </si>
  <si>
    <t>8275</t>
  </si>
  <si>
    <t>GGPS BASTI SAHOO HASILPUR</t>
  </si>
  <si>
    <t>17/fw</t>
  </si>
  <si>
    <t>basti sahoo hasilpur old</t>
  </si>
  <si>
    <t>Basti Sahoo</t>
  </si>
  <si>
    <t>Asma Parveen</t>
  </si>
  <si>
    <t>GES AHMED PUR CHISHTI</t>
  </si>
  <si>
    <t>Ali Gohar 326</t>
  </si>
  <si>
    <t>Ahmad pur Chishti mooza Ali ghohar 326 p/o Takhat Mahal Bahawalnagar</t>
  </si>
  <si>
    <t>Ahmad pur Chishti</t>
  </si>
  <si>
    <t>22472</t>
  </si>
  <si>
    <t>GGPS NOORA</t>
  </si>
  <si>
    <t>Village Noora Dist&amp;Teh Gujrat post office JPJ11</t>
  </si>
  <si>
    <t>51521</t>
  </si>
  <si>
    <t>17216</t>
  </si>
  <si>
    <t>GPS TAHLI GADAN WALI</t>
  </si>
  <si>
    <t>Tahli Gadanwali</t>
  </si>
  <si>
    <t>mouza Tahli Gadan Wali</t>
  </si>
  <si>
    <t>Tahli Gadan Wali</t>
  </si>
  <si>
    <t>muhammad ahsan</t>
  </si>
  <si>
    <t>8334</t>
  </si>
  <si>
    <t>13741</t>
  </si>
  <si>
    <t>GPS TOBA JADEED</t>
  </si>
  <si>
    <t>shahan wala</t>
  </si>
  <si>
    <t>moza shahan wala tehsil jampur distt.rajanpur</t>
  </si>
  <si>
    <t>basti meeran</t>
  </si>
  <si>
    <t>GPS TIBI SIHANI</t>
  </si>
  <si>
    <t>CHAK KANDI WALA</t>
  </si>
  <si>
    <t>TIBBI SIHANI</t>
  </si>
  <si>
    <t>Nejatullah</t>
  </si>
  <si>
    <t>19767</t>
  </si>
  <si>
    <t>GPS MUHAMMADI SHARIF</t>
  </si>
  <si>
    <t>Qila Kangran road Muhammadi Sharif PO. same, Teh.Bhowana District Chiniot</t>
  </si>
  <si>
    <t>Muhammadi sharif</t>
  </si>
  <si>
    <t>Kurak Muhammadi Sharif</t>
  </si>
  <si>
    <t>26927</t>
  </si>
  <si>
    <t>GGES DOLU BAWAREY</t>
  </si>
  <si>
    <t>DOLU BAWARAY</t>
  </si>
  <si>
    <t>DHEERANKE LALKE</t>
  </si>
  <si>
    <t>39190</t>
  </si>
  <si>
    <t>GMPS PIND NIAZI</t>
  </si>
  <si>
    <t>pind niazi</t>
  </si>
  <si>
    <t>pind Niazi P/O Jabbi Kasran Teh. Fateh jang Dist. Attock</t>
  </si>
  <si>
    <t>jaBBI KASRAN</t>
  </si>
  <si>
    <t>39778</t>
  </si>
  <si>
    <t>GGPS NARA</t>
  </si>
  <si>
    <t>ggpsno1nara</t>
  </si>
  <si>
    <t>Gulshreen Akhtar</t>
  </si>
  <si>
    <t>38624</t>
  </si>
  <si>
    <t>Qadir Bux  Baloch</t>
  </si>
  <si>
    <t>Basti Mochian Qadir Bus Baloch Khan Pur Nornga</t>
  </si>
  <si>
    <t>Basti Mochian</t>
  </si>
  <si>
    <t>Sumiya Jamil</t>
  </si>
  <si>
    <t>54293</t>
  </si>
  <si>
    <t>8284</t>
  </si>
  <si>
    <t>28911</t>
  </si>
  <si>
    <t>GGES TERETH</t>
  </si>
  <si>
    <t>GILLAN WALA - FEMALE</t>
  </si>
  <si>
    <t>Teerath</t>
  </si>
  <si>
    <t>teerath p/o wankhara</t>
  </si>
  <si>
    <t>Wankhara</t>
  </si>
  <si>
    <t>Quratulain Naqvi</t>
  </si>
  <si>
    <t>8285</t>
  </si>
  <si>
    <t>GPS MAHARAN WALA CENTER GAZI WALA</t>
  </si>
  <si>
    <t>Village maharan Wala post office kamar mushani tehsil essa khel dist mianwali</t>
  </si>
  <si>
    <t>Maharanwala</t>
  </si>
  <si>
    <t>9171</t>
  </si>
  <si>
    <t>52146</t>
  </si>
  <si>
    <t>37903</t>
  </si>
  <si>
    <t>GMPS 95/EB</t>
  </si>
  <si>
    <t>CHAK NO 95EB</t>
  </si>
  <si>
    <t>CHAK NO 95EB Arifwalwa</t>
  </si>
  <si>
    <t>109eb</t>
  </si>
  <si>
    <t>35470</t>
  </si>
  <si>
    <t>32943</t>
  </si>
  <si>
    <t>GGES HAIDER ABAD NO.1 NAWAN SHEHR</t>
  </si>
  <si>
    <t>Haiderabad</t>
  </si>
  <si>
    <t>G.g.middle school chk haidrabad no.1</t>
  </si>
  <si>
    <t>chk haidrabad</t>
  </si>
  <si>
    <t>8293</t>
  </si>
  <si>
    <t>20806</t>
  </si>
  <si>
    <t>GPS MC NO.2</t>
  </si>
  <si>
    <t>Syed Pak</t>
  </si>
  <si>
    <t>Islam Pura dhullay Gujranwala</t>
  </si>
  <si>
    <t>Islam Pura Dhullay</t>
  </si>
  <si>
    <t>Ehsan Ul Haq</t>
  </si>
  <si>
    <t>36960</t>
  </si>
  <si>
    <t>GGPS BATHOO WAL</t>
  </si>
  <si>
    <t>vill.bathoowal p.o.ghansia teh.distt.gujrat</t>
  </si>
  <si>
    <t>Bathoowal</t>
  </si>
  <si>
    <t>Chachian Shams</t>
  </si>
  <si>
    <t>Farzana Aamir Naveed</t>
  </si>
  <si>
    <t>bring water by students from  out of skuls</t>
  </si>
  <si>
    <t>11511</t>
  </si>
  <si>
    <t>12426</t>
  </si>
  <si>
    <t>42932</t>
  </si>
  <si>
    <t>GMPS SAKRANA</t>
  </si>
  <si>
    <t>vill&amp; p/O  sakrana teh kallar syedan distt Rwp</t>
  </si>
  <si>
    <t>Aneeqa Sultan Kiani</t>
  </si>
  <si>
    <t>GMPS CHAK NO 247 JB ABADI KASHMIRI</t>
  </si>
  <si>
    <t>GMPS Chack no 247 jb Abadi Kashmiri</t>
  </si>
  <si>
    <t>Chack No 247</t>
  </si>
  <si>
    <t>Mehwish Batool</t>
  </si>
  <si>
    <t>GGPS DHEENDA KALAN</t>
  </si>
  <si>
    <t>dhinda kalan</t>
  </si>
  <si>
    <t>hajiwala</t>
  </si>
  <si>
    <t>6813</t>
  </si>
  <si>
    <t>GPS MODEL DOKOLY</t>
  </si>
  <si>
    <t>Dokohli</t>
  </si>
  <si>
    <t>Dokohli  p/o Missa kaswal teh gujar khan distt rawalpindi</t>
  </si>
  <si>
    <t>Jarmot Kallan</t>
  </si>
  <si>
    <t>Ummal Banseen</t>
  </si>
  <si>
    <t>35142</t>
  </si>
  <si>
    <t>GGHS 283 EB</t>
  </si>
  <si>
    <t>283 Eb</t>
  </si>
  <si>
    <t>Chak no 283 eb burewala</t>
  </si>
  <si>
    <t>Chak no 283 eb Burewala</t>
  </si>
  <si>
    <t>Kishwar Nafees</t>
  </si>
  <si>
    <t>10698</t>
  </si>
  <si>
    <t>7501</t>
  </si>
  <si>
    <t>GES MUZA AZEEM</t>
  </si>
  <si>
    <t>govt. E S mouza azeem basti hafiz abad . p/o 10 fw</t>
  </si>
  <si>
    <t>Shamim Hamza Choudhry</t>
  </si>
  <si>
    <t>7502</t>
  </si>
  <si>
    <t>GMPS ZOOR KOT, JAHANIAN</t>
  </si>
  <si>
    <t>Zor Kot</t>
  </si>
  <si>
    <t>zor kot</t>
  </si>
  <si>
    <t>Miya Pur</t>
  </si>
  <si>
    <t>NAZIRAN BIBI</t>
  </si>
  <si>
    <t>GMPS SHAMAS ABAD</t>
  </si>
  <si>
    <t>p/o lar janubi bait kaitch</t>
  </si>
  <si>
    <t>Bait Kaitch Janibi</t>
  </si>
  <si>
    <t>Nadia Umar</t>
  </si>
  <si>
    <t>42913</t>
  </si>
  <si>
    <t>GMPS CHAPRI AKU</t>
  </si>
  <si>
    <t>Gmps chapri aku p/o sadiot Teh kallar syedan</t>
  </si>
  <si>
    <t>Chapri Aku</t>
  </si>
  <si>
    <t>Aamira Noreen</t>
  </si>
  <si>
    <t>34370</t>
  </si>
  <si>
    <t>GGPS JAND NO.1</t>
  </si>
  <si>
    <t>moh khandani shafa khsna</t>
  </si>
  <si>
    <t>Mc Jand</t>
  </si>
  <si>
    <t>Raana Aslam</t>
  </si>
  <si>
    <t>GPS JHULLAN CHISHTI</t>
  </si>
  <si>
    <t>Jhullan Chishti</t>
  </si>
  <si>
    <t>Jhullan chishti</t>
  </si>
  <si>
    <t>Jhullan Ariyan</t>
  </si>
  <si>
    <t>GGPS CHAK NO.197/M</t>
  </si>
  <si>
    <t>197/m</t>
  </si>
  <si>
    <t>Kishver Sultana</t>
  </si>
  <si>
    <t>26296</t>
  </si>
  <si>
    <t>43289</t>
  </si>
  <si>
    <t>GPS KHEWAL</t>
  </si>
  <si>
    <t>KHEWAL</t>
  </si>
  <si>
    <t>GOVT PRIMARY SCHOOL FOR BOYS KHEWAL</t>
  </si>
  <si>
    <t>Saigolabad</t>
  </si>
  <si>
    <t>Ahsan Azad Minhas</t>
  </si>
  <si>
    <t>23951</t>
  </si>
  <si>
    <t>GMPS DHARAM KOT</t>
  </si>
  <si>
    <t>Dhramkot</t>
  </si>
  <si>
    <t>v dhramkot post office  paropi nagra teh.daska dist.sialkot</t>
  </si>
  <si>
    <t>Sheza Shamas Ud Din</t>
  </si>
  <si>
    <t>19101</t>
  </si>
  <si>
    <t>22706</t>
  </si>
  <si>
    <t>GMPS MAKAN</t>
  </si>
  <si>
    <t>Maken</t>
  </si>
  <si>
    <t>Nafeesa Parveen</t>
  </si>
  <si>
    <t>164088</t>
  </si>
  <si>
    <t>38603</t>
  </si>
  <si>
    <t>GMPS 341/WB</t>
  </si>
  <si>
    <t>341/WB</t>
  </si>
  <si>
    <t>chak no 341/WB tehseel dunya pur dustrict lodhran</t>
  </si>
  <si>
    <t>kishwar Sultana</t>
  </si>
  <si>
    <t>46695</t>
  </si>
  <si>
    <t>GPS ABDUL RAHIM KHAN WALA</t>
  </si>
  <si>
    <t>Kalluwa Wala</t>
  </si>
  <si>
    <t>village abdul raheem khan wala</t>
  </si>
  <si>
    <t>Abdul Raheem Khan</t>
  </si>
  <si>
    <t>52967</t>
  </si>
  <si>
    <t>GMMS 3/D</t>
  </si>
  <si>
    <t>3D</t>
  </si>
  <si>
    <t>3/D p.O Rajowal Tehsil Depalpur district okara</t>
  </si>
  <si>
    <t>Qilla dewan sing</t>
  </si>
  <si>
    <t>Shah Bahram</t>
  </si>
  <si>
    <t>39571</t>
  </si>
  <si>
    <t>GPS TARAIR (MITHIAL)</t>
  </si>
  <si>
    <t>P.S Trair village  Mithial Tehsil Jand District  Attock</t>
  </si>
  <si>
    <t>Almal  Mithial</t>
  </si>
  <si>
    <t>Sher Azam</t>
  </si>
  <si>
    <t>GPS CHAK NO 125/6-R</t>
  </si>
  <si>
    <t>chak no. 125 6/R</t>
  </si>
  <si>
    <t>Chak 125 6/R</t>
  </si>
  <si>
    <t>Chak 133/6R</t>
  </si>
  <si>
    <t>22707</t>
  </si>
  <si>
    <t>GMPS SANGARANA</t>
  </si>
  <si>
    <t>Sangrana</t>
  </si>
  <si>
    <t>village sangrana post office makiyana district gujrat</t>
  </si>
  <si>
    <t>Jora Jalalpur</t>
  </si>
  <si>
    <t>Anum Touseef</t>
  </si>
  <si>
    <t>GPS BONGI TAHIR</t>
  </si>
  <si>
    <t>Bungi Tahir</t>
  </si>
  <si>
    <t>GPS, Bungi Tahir</t>
  </si>
  <si>
    <t>Rahmat Ali</t>
  </si>
  <si>
    <t>43175</t>
  </si>
  <si>
    <t>GGHS CHAK BAQAR SHAH</t>
  </si>
  <si>
    <t>Chak Baqar Shah</t>
  </si>
  <si>
    <t>vill &amp;p.o chak baqar shah teh and distt chakwal</t>
  </si>
  <si>
    <t>Khizra Siddique</t>
  </si>
  <si>
    <t>22953</t>
  </si>
  <si>
    <t>38592</t>
  </si>
  <si>
    <t>GGPS TABBI LAL SHAH</t>
  </si>
  <si>
    <t>TIBBI LAL SHAH</t>
  </si>
  <si>
    <t>Ggps Tibbi lal shah</t>
  </si>
  <si>
    <t>Noor Greh</t>
  </si>
  <si>
    <t>Shagufta Asghar</t>
  </si>
  <si>
    <t>7582</t>
  </si>
  <si>
    <t>GHS CHAK NO.12/BC</t>
  </si>
  <si>
    <t>CHAK 12/BC</t>
  </si>
  <si>
    <t>GOVT HIGH SCHOOL 12/BC ADDA 13-SOLING BWP</t>
  </si>
  <si>
    <t>ADDA 13 SOLING CHAK 25/BC</t>
  </si>
  <si>
    <t>RANA MUHAMMAD AYUB TAHIR</t>
  </si>
  <si>
    <t>41917</t>
  </si>
  <si>
    <t>40267</t>
  </si>
  <si>
    <t>GMPS NAKKA KHURD</t>
  </si>
  <si>
    <t>NAKKA Khurd</t>
  </si>
  <si>
    <t>village and P.o NAKKA Khurd teh and district Jhelum</t>
  </si>
  <si>
    <t>Tahira Sultana</t>
  </si>
  <si>
    <t>37828</t>
  </si>
  <si>
    <t>GMES 132/10-R QADEEM, JAHANIAN</t>
  </si>
  <si>
    <t>GMMMS chak no132/10R QADEEM tehsil jahanian district khanewal</t>
  </si>
  <si>
    <t>Chak No 132/10r Qadeem</t>
  </si>
  <si>
    <t>132/10r Qadeem</t>
  </si>
  <si>
    <t>Sumayya Fatima</t>
  </si>
  <si>
    <t>48424</t>
  </si>
  <si>
    <t>GGPS MANIAN WALA</t>
  </si>
  <si>
    <t>DOLAT Pur</t>
  </si>
  <si>
    <t>village mania wala</t>
  </si>
  <si>
    <t>MANIA WALA</t>
  </si>
  <si>
    <t>Farzana Nasim</t>
  </si>
  <si>
    <t>7591</t>
  </si>
  <si>
    <t>14935</t>
  </si>
  <si>
    <t>GPS CHAK 73 RB II</t>
  </si>
  <si>
    <t>73RB</t>
  </si>
  <si>
    <t>Chak#73RB</t>
  </si>
  <si>
    <t>73RB TIBBI</t>
  </si>
  <si>
    <t>76RB</t>
  </si>
  <si>
    <t>21003</t>
  </si>
  <si>
    <t>GPS MANJAN</t>
  </si>
  <si>
    <t>Sore</t>
  </si>
  <si>
    <t>moza sore village Manjan kahuta</t>
  </si>
  <si>
    <t>Manjan</t>
  </si>
  <si>
    <t>Tayyab Zia</t>
  </si>
  <si>
    <t>23367</t>
  </si>
  <si>
    <t>28742</t>
  </si>
  <si>
    <t>GPS KOT REHMAT</t>
  </si>
  <si>
    <t>Kot Rehmat</t>
  </si>
  <si>
    <t>kot Rehmat</t>
  </si>
  <si>
    <t>ZAHEER ABBAS</t>
  </si>
  <si>
    <t>13414</t>
  </si>
  <si>
    <t>34829</t>
  </si>
  <si>
    <t>GPS BAIG WALA MOZA P/O JALAL PUR PIR WALA</t>
  </si>
  <si>
    <t>chak Baig Wala moza kanhoon Tehsil JPPW  (MULTAN )</t>
  </si>
  <si>
    <t>Chak Baig Wala</t>
  </si>
  <si>
    <t>Murad Ahmad</t>
  </si>
  <si>
    <t>36795</t>
  </si>
  <si>
    <t>GPS GAGRA QALANDAR, NAWAN SHEHR</t>
  </si>
  <si>
    <t>Gagra Qalandar</t>
  </si>
  <si>
    <t>Muhammad Imran Shafi</t>
  </si>
  <si>
    <t>Bait Suleman</t>
  </si>
  <si>
    <t>basti Aziz abad,bait suleman jatoi</t>
  </si>
  <si>
    <t>Mahboob Fareed</t>
  </si>
  <si>
    <t>GHS NO. 1 HAFIZABAD</t>
  </si>
  <si>
    <t>Railway road near akram hospital hafizabad</t>
  </si>
  <si>
    <t>CITY hafizabad</t>
  </si>
  <si>
    <t>ZAMEER UL HASSAN ALI</t>
  </si>
  <si>
    <t>50392</t>
  </si>
  <si>
    <t>GPS 160/9-L</t>
  </si>
  <si>
    <t>Chak No 160/9-L  A</t>
  </si>
  <si>
    <t>chak no 160/9-L</t>
  </si>
  <si>
    <t>160/9-L</t>
  </si>
  <si>
    <t>Chak No 147/9-L</t>
  </si>
  <si>
    <t>Muhammad Javed  Ramzan</t>
  </si>
  <si>
    <t>11301</t>
  </si>
  <si>
    <t>21559</t>
  </si>
  <si>
    <t>7614</t>
  </si>
  <si>
    <t>38697</t>
  </si>
  <si>
    <t>GGES 32/M</t>
  </si>
  <si>
    <t>32m</t>
  </si>
  <si>
    <t>32m chack</t>
  </si>
  <si>
    <t>Tehmina Begam</t>
  </si>
  <si>
    <t>GMPS CHAK NO 447 JB</t>
  </si>
  <si>
    <t>Chak No 447JB</t>
  </si>
  <si>
    <t>Chak No 447 JB</t>
  </si>
  <si>
    <t>8329</t>
  </si>
  <si>
    <t>37842</t>
  </si>
  <si>
    <t>GMPS 133/10-R, JAHANIAN</t>
  </si>
  <si>
    <t>133 10/R</t>
  </si>
  <si>
    <t>Kosar Perveen</t>
  </si>
  <si>
    <t>39521</t>
  </si>
  <si>
    <t>GPS LANGAR (RANGLI)</t>
  </si>
  <si>
    <t>vpo langar</t>
  </si>
  <si>
    <t>Rehana Bi Bi</t>
  </si>
  <si>
    <t>20585</t>
  </si>
  <si>
    <t>9610</t>
  </si>
  <si>
    <t>GGES CHAK NO 378 TDA</t>
  </si>
  <si>
    <t>378 tda</t>
  </si>
  <si>
    <t>chak no 378tda</t>
  </si>
  <si>
    <t>saharan 452 TDA</t>
  </si>
  <si>
    <t>Bilqees Bano</t>
  </si>
  <si>
    <t>11036</t>
  </si>
  <si>
    <t>23750</t>
  </si>
  <si>
    <t>GES BEERH</t>
  </si>
  <si>
    <t>Beerh</t>
  </si>
  <si>
    <t>village beerh</t>
  </si>
  <si>
    <t>Ifrat Ali</t>
  </si>
  <si>
    <t>35951</t>
  </si>
  <si>
    <t>44638</t>
  </si>
  <si>
    <t>GGPS CHAK NO. 45 TDA</t>
  </si>
  <si>
    <t>45TDA</t>
  </si>
  <si>
    <t>chak no. 45TDA tahsil Bhakkar District Bhakkar</t>
  </si>
  <si>
    <t>Rubina Shahzadi</t>
  </si>
  <si>
    <t>GPS BASTI TALAB WALI</t>
  </si>
  <si>
    <t>13 Bc</t>
  </si>
  <si>
    <t>basti talab wali chak no.13 bc bahawalpur</t>
  </si>
  <si>
    <t>Chak 13bc</t>
  </si>
  <si>
    <t>Chak No 12 Bc</t>
  </si>
  <si>
    <t>45275</t>
  </si>
  <si>
    <t>GGPS ALI PUR</t>
  </si>
  <si>
    <t>Qoutab Pur</t>
  </si>
  <si>
    <t>basti Alipur jadeed</t>
  </si>
  <si>
    <t>Alipur Jadeed</t>
  </si>
  <si>
    <t>Farzana Amin</t>
  </si>
  <si>
    <t>8705</t>
  </si>
  <si>
    <t>50348</t>
  </si>
  <si>
    <t>GPS KOT HAMEED</t>
  </si>
  <si>
    <t>Kot Hameed</t>
  </si>
  <si>
    <t>109/7r tehsil  chichawatni dist sahiwal</t>
  </si>
  <si>
    <t>Qudrat Ullah</t>
  </si>
  <si>
    <t>20591</t>
  </si>
  <si>
    <t>GPS CHANDER KEY</t>
  </si>
  <si>
    <t>Chander Key</t>
  </si>
  <si>
    <t>P.O BOX GHAKHAR MANDI TEHSIL AND DIST GUJRANWALA</t>
  </si>
  <si>
    <t>Jallal Balagan</t>
  </si>
  <si>
    <t>IQBAL MEHMOOD</t>
  </si>
  <si>
    <t>19696</t>
  </si>
  <si>
    <t>GHS CHAK NO 210 JB TARRAR</t>
  </si>
  <si>
    <t>CHAK NO. 210 JB TARAR</t>
  </si>
  <si>
    <t>GHS CHAK NO. 210 JB TARAR</t>
  </si>
  <si>
    <t>18185</t>
  </si>
  <si>
    <t>38597</t>
  </si>
  <si>
    <t>GMPS 342/WB</t>
  </si>
  <si>
    <t>342/WB</t>
  </si>
  <si>
    <t>Chak No342/WB. Teh:Dunyapur  Dist:Lodhran</t>
  </si>
  <si>
    <t>Munaza AMEER</t>
  </si>
  <si>
    <t>GGPS CHAK NO 34/3-R AB</t>
  </si>
  <si>
    <t>34/3R AB</t>
  </si>
  <si>
    <t>34/3.R AB</t>
  </si>
  <si>
    <t>Atiqa Yousaf</t>
  </si>
  <si>
    <t>8714</t>
  </si>
  <si>
    <t>42381</t>
  </si>
  <si>
    <t>GGHS MC GUJAR KHAN</t>
  </si>
  <si>
    <t>gov't.mc girls high school hayatt sir road Gujar khan</t>
  </si>
  <si>
    <t>Municipal Commitee</t>
  </si>
  <si>
    <t>36597</t>
  </si>
  <si>
    <t>GES KOT GOHAR MUHAMMAD, SARAI SIDHU</t>
  </si>
  <si>
    <t>44400</t>
  </si>
  <si>
    <t>GGPS CHAK NO.35/BC (N)</t>
  </si>
  <si>
    <t>38/bc</t>
  </si>
  <si>
    <t>GGP/S 35/bc North</t>
  </si>
  <si>
    <t>35/bc North</t>
  </si>
  <si>
    <t>Kishwar Andleeb</t>
  </si>
  <si>
    <t>40410</t>
  </si>
  <si>
    <t>27056</t>
  </si>
  <si>
    <t>GGPS KHAN PURA</t>
  </si>
  <si>
    <t>Khanpura</t>
  </si>
  <si>
    <t>Bagh road hassan town hafizabad</t>
  </si>
  <si>
    <t>Madiha Younis</t>
  </si>
  <si>
    <t>50318</t>
  </si>
  <si>
    <t>GPS 38/12-L</t>
  </si>
  <si>
    <t>chak No 38/12.L</t>
  </si>
  <si>
    <t>GPS 38/12.l CCE</t>
  </si>
  <si>
    <t>Chak No 38/12.L</t>
  </si>
  <si>
    <t>36/12.l</t>
  </si>
  <si>
    <t>muhammad afzal nasim</t>
  </si>
  <si>
    <t>42990</t>
  </si>
  <si>
    <t>GPS MANJHAR</t>
  </si>
  <si>
    <t>Siyali Umer Khan</t>
  </si>
  <si>
    <t>Manjhar near Samoot Kallar sayan</t>
  </si>
  <si>
    <t>Manjahar</t>
  </si>
  <si>
    <t>Samoot</t>
  </si>
  <si>
    <t>Muhammad Hussnain  Kiyani</t>
  </si>
  <si>
    <t>8104</t>
  </si>
  <si>
    <t>GGHS DOMEL</t>
  </si>
  <si>
    <t>Vpo domail tehsil jand distt attock</t>
  </si>
  <si>
    <t>SADIA KHATOON</t>
  </si>
  <si>
    <t>18725</t>
  </si>
  <si>
    <t>GMPS CHAK 283 JB II</t>
  </si>
  <si>
    <t>283/Jb</t>
  </si>
  <si>
    <t>CHAK 283JB2nd jb</t>
  </si>
  <si>
    <t>283 Jb 2nd</t>
  </si>
  <si>
    <t>281 Jb Dawakhary</t>
  </si>
  <si>
    <t>M Raiz</t>
  </si>
  <si>
    <t>45560</t>
  </si>
  <si>
    <t>16302</t>
  </si>
  <si>
    <t>GPS 187 RB II</t>
  </si>
  <si>
    <t>Chak No 187 RB Bloana, Tesil Chak Jhumra, Faisalabad</t>
  </si>
  <si>
    <t>Chak No 187 RB</t>
  </si>
  <si>
    <t>Chak No186 RB</t>
  </si>
  <si>
    <t>8346</t>
  </si>
  <si>
    <t>GGMPS QAIM SHAH NO.2</t>
  </si>
  <si>
    <t>GGMP/S QAIM SHAH NO2</t>
  </si>
  <si>
    <t>Chah Pongar Vala</t>
  </si>
  <si>
    <t>Mamoona Matin</t>
  </si>
  <si>
    <t>43280</t>
  </si>
  <si>
    <t>GPS KHOTHIAN</t>
  </si>
  <si>
    <t>Vpo Saigol Abad</t>
  </si>
  <si>
    <t>khothian</t>
  </si>
  <si>
    <t>Tauqeer Ahmad Shah</t>
  </si>
  <si>
    <t>9259</t>
  </si>
  <si>
    <t>47059</t>
  </si>
  <si>
    <t>19708</t>
  </si>
  <si>
    <t>GES MOHAMMAD KHAN WALA</t>
  </si>
  <si>
    <t>chah Muhammad Khan wala mouza mangin primary portion and bagha ahmad wala middle portion distance between 2 portion is 3 km</t>
  </si>
  <si>
    <t>Chah Muhammad Khan Wala And Bagha Ahmed Wala</t>
  </si>
  <si>
    <t>Ansar Mehdi</t>
  </si>
  <si>
    <t>25175</t>
  </si>
  <si>
    <t>GHS TRUG CITY</t>
  </si>
  <si>
    <t>V&amp;p. O trag teh esa khel distt Mianwali</t>
  </si>
  <si>
    <t>Sajid Nawaz Khan</t>
  </si>
  <si>
    <t>22585</t>
  </si>
  <si>
    <t>GMPS KAKIAN WALA</t>
  </si>
  <si>
    <t>Kakianwala</t>
  </si>
  <si>
    <t>kakianwala p/o tanda, gujrat</t>
  </si>
  <si>
    <t>Iram Bashir</t>
  </si>
  <si>
    <t>35375</t>
  </si>
  <si>
    <t>52151</t>
  </si>
  <si>
    <t>GGHS KARANI</t>
  </si>
  <si>
    <t>KARANI</t>
  </si>
  <si>
    <t>GOVT. GIRLS HIGH SCHOOL KARANI BAHAWALPUR SADDAR</t>
  </si>
  <si>
    <t>39052</t>
  </si>
  <si>
    <t>39115</t>
  </si>
  <si>
    <t>GGPS ARRORIA</t>
  </si>
  <si>
    <t>Arroria</t>
  </si>
  <si>
    <t>arroria</t>
  </si>
  <si>
    <t>Saima Jabeen</t>
  </si>
  <si>
    <t>GPS GHAMMAY WALA</t>
  </si>
  <si>
    <t>15/FW</t>
  </si>
  <si>
    <t>Chak no. 15/FW Hasilpur</t>
  </si>
  <si>
    <t>Muhammad Abbas Anjum</t>
  </si>
  <si>
    <t>17479</t>
  </si>
  <si>
    <t>GGPS CHARAGH ABAD</t>
  </si>
  <si>
    <t>chinote road, ggps charagh abad</t>
  </si>
  <si>
    <t>Koat Khan Muhammad Muhammad</t>
  </si>
  <si>
    <t>Gulshan Zahra</t>
  </si>
  <si>
    <t>23225</t>
  </si>
  <si>
    <t>GPS CHAK NO 438/6-R WEST NO. 2</t>
  </si>
  <si>
    <t>438/6r W</t>
  </si>
  <si>
    <t>438/6r tehsile haroonabad distt bahawalnagar</t>
  </si>
  <si>
    <t>8145</t>
  </si>
  <si>
    <t>42378</t>
  </si>
  <si>
    <t>GGHS MANGHOT</t>
  </si>
  <si>
    <t>GGHS Manghot Gujar Khan Rawalpindi</t>
  </si>
  <si>
    <t>Kokab Ali</t>
  </si>
  <si>
    <t>Borring</t>
  </si>
  <si>
    <t>27038</t>
  </si>
  <si>
    <t>GGCMS KOT SUJANA</t>
  </si>
  <si>
    <t>Kot Sujjana</t>
  </si>
  <si>
    <t>village kot Sujjana tehsil hafizabad district hafizabad</t>
  </si>
  <si>
    <t>GES GID PUR</t>
  </si>
  <si>
    <t>gidpur P/O khass tehsil chunian district kasur</t>
  </si>
  <si>
    <t>Muhammad Abdullah Amjad</t>
  </si>
  <si>
    <t>12870</t>
  </si>
  <si>
    <t>GPS MC 46/F CHISHTIAN</t>
  </si>
  <si>
    <t>Chach 46/F</t>
  </si>
  <si>
    <t>chak 46f</t>
  </si>
  <si>
    <t>46f</t>
  </si>
  <si>
    <t>M. YOUSAF ALI</t>
  </si>
  <si>
    <t>8159</t>
  </si>
  <si>
    <t>GPS JATTU WALA</t>
  </si>
  <si>
    <t>Din Pur Shriff</t>
  </si>
  <si>
    <t>Govt.primary school jattuwala</t>
  </si>
  <si>
    <t>Jattuwala</t>
  </si>
  <si>
    <t>GGPS SHAH MURAAD</t>
  </si>
  <si>
    <t>Shah Murad</t>
  </si>
  <si>
    <t>shah murad tahsil arfwla district pakptn</t>
  </si>
  <si>
    <t>Rehana Akram</t>
  </si>
  <si>
    <t>GPS CHAK NO 187 JB</t>
  </si>
  <si>
    <t>Chak no.187 Jb the. Bhowana Distt Chiniot</t>
  </si>
  <si>
    <t>chak No187 Jb</t>
  </si>
  <si>
    <t>Chak No190 Jb</t>
  </si>
  <si>
    <t>44560</t>
  </si>
  <si>
    <t>GMPS KHALIL ABAD</t>
  </si>
  <si>
    <t>Basti Khalilabad, Jalal Pur Pir Wala</t>
  </si>
  <si>
    <t>Khalilabad</t>
  </si>
  <si>
    <t>15016</t>
  </si>
  <si>
    <t>GGES DAILY NAMDAR</t>
  </si>
  <si>
    <t>P/O Daily Namdar</t>
  </si>
  <si>
    <t>SABA QADEER</t>
  </si>
  <si>
    <t>23654</t>
  </si>
  <si>
    <t>GGHS KANDAN SIAN</t>
  </si>
  <si>
    <t>v/p kandan sian Tehsil Daska  Sialkot.</t>
  </si>
  <si>
    <t>Kandan Sain</t>
  </si>
  <si>
    <t>NASREEN IQBAL</t>
  </si>
  <si>
    <t>GPS SUMBAL GAH</t>
  </si>
  <si>
    <t>Sumbalgah</t>
  </si>
  <si>
    <t>Village and P/O Sumbalgah Tehsil kahuta</t>
  </si>
  <si>
    <t>Sohail Ahmed</t>
  </si>
  <si>
    <t>17566</t>
  </si>
  <si>
    <t>GMPS TURBAT HAJI SHAH</t>
  </si>
  <si>
    <t>Mouza Turbat Haji  Shah</t>
  </si>
  <si>
    <t>mouza turbat haji shah</t>
  </si>
  <si>
    <t>Amjid Javed</t>
  </si>
  <si>
    <t>20477</t>
  </si>
  <si>
    <t>8178</t>
  </si>
  <si>
    <t>GPS 106/12-L</t>
  </si>
  <si>
    <t>106/12-L</t>
  </si>
  <si>
    <t>chak no. 106/12-L Tehsil Chichawatni Distt Sahiwal</t>
  </si>
  <si>
    <t>10027</t>
  </si>
  <si>
    <t>GHS LUNDI SAIDAN</t>
  </si>
  <si>
    <t>Raqba Lundi Saidan</t>
  </si>
  <si>
    <t>Post office Lalgarh Lundi saidan tehsil Jampur Rajanpur</t>
  </si>
  <si>
    <t>GGPS BANGAR NAU</t>
  </si>
  <si>
    <t>Bangar Kohna</t>
  </si>
  <si>
    <t>Bangar nau1998</t>
  </si>
  <si>
    <t>Bangar</t>
  </si>
  <si>
    <t>Udokee</t>
  </si>
  <si>
    <t>39557</t>
  </si>
  <si>
    <t>GPS DHOK MOCHIAN PINDI SULTAN</t>
  </si>
  <si>
    <t>Village Pindsultani Tehsjl Jand District Attock</t>
  </si>
  <si>
    <t>Tariq Ayub</t>
  </si>
  <si>
    <t>44715</t>
  </si>
  <si>
    <t>GGPS TIBBA HABIB SHAH</t>
  </si>
  <si>
    <t>KOTLA JAM-FEMALE</t>
  </si>
  <si>
    <t>Tibba Habib Shah</t>
  </si>
  <si>
    <t>gmps tibba habib shah</t>
  </si>
  <si>
    <t>SHAZIA NAZIR</t>
  </si>
  <si>
    <t>38571</t>
  </si>
  <si>
    <t>GPS CHAK NO. 372/WB</t>
  </si>
  <si>
    <t>372/WB</t>
  </si>
  <si>
    <t>Chak no 372/WB tensile dunyapur district Lodhran</t>
  </si>
  <si>
    <t>372/Wb</t>
  </si>
  <si>
    <t>386/Wb</t>
  </si>
  <si>
    <t>Muhammad Faiz</t>
  </si>
  <si>
    <t>4528</t>
  </si>
  <si>
    <t>22132</t>
  </si>
  <si>
    <t>GHS LADHA SADHA</t>
  </si>
  <si>
    <t>Ladha Sadha</t>
  </si>
  <si>
    <t>Ladha Sadha Road, PO Ladha Sadha, Tehsil &amp; District Gujrat</t>
  </si>
  <si>
    <t>54927</t>
  </si>
  <si>
    <t>GES BHUTTAIN</t>
  </si>
  <si>
    <t>Jung Wala</t>
  </si>
  <si>
    <t>basti bhutta jang wala behli shareef markaz jahan pur</t>
  </si>
  <si>
    <t>Bhuttain</t>
  </si>
  <si>
    <t>Elahi Buksh</t>
  </si>
  <si>
    <t>GPS CHAHL KOHNA</t>
  </si>
  <si>
    <t>Chahal Kohna</t>
  </si>
  <si>
    <t>chahal kohna p/o mokal</t>
  </si>
  <si>
    <t>GGPS REHMANI</t>
  </si>
  <si>
    <t>Basti Rahmani</t>
  </si>
  <si>
    <t>basti rahmani</t>
  </si>
  <si>
    <t>Qabool Ftani</t>
  </si>
  <si>
    <t>8201</t>
  </si>
  <si>
    <t>54063</t>
  </si>
  <si>
    <t>GPS CHAK 413 JB KANIL WALA</t>
  </si>
  <si>
    <t>413 Jb</t>
  </si>
  <si>
    <t>chak 413 jb gojra</t>
  </si>
  <si>
    <t>Chak No 413 Jb</t>
  </si>
  <si>
    <t>Ashfaq Hussain</t>
  </si>
  <si>
    <t>42356</t>
  </si>
  <si>
    <t>GHS KANIAT KHALIL</t>
  </si>
  <si>
    <t>Kanyat Khali</t>
  </si>
  <si>
    <t>Vill and PO kanyat Khalil TEH gujar Khan Distt RWP</t>
  </si>
  <si>
    <t>Atif Zahoor Chohan</t>
  </si>
  <si>
    <t>GPS CHAK NO 194 JB KOT HARAL</t>
  </si>
  <si>
    <t>Chak No 194 Jb Kot Haral</t>
  </si>
  <si>
    <t>chak no 194 jb kot Haral</t>
  </si>
  <si>
    <t>Chak No 195 Bhalo</t>
  </si>
  <si>
    <t>GPS SHAHEED CHOWK</t>
  </si>
  <si>
    <t>HND-9-MALE</t>
  </si>
  <si>
    <t>Shaheed chwok</t>
  </si>
  <si>
    <t>Shaheedchok Haroonabad  Bahawalnagar</t>
  </si>
  <si>
    <t>8736</t>
  </si>
  <si>
    <t>20045</t>
  </si>
  <si>
    <t>GGPS JHANB</t>
  </si>
  <si>
    <t>moza jhanb lahore road chiniot</t>
  </si>
  <si>
    <t>Mamoona Rahm Din</t>
  </si>
  <si>
    <t>38753</t>
  </si>
  <si>
    <t>GPS 381/WB NORTH</t>
  </si>
  <si>
    <t>381/WB</t>
  </si>
  <si>
    <t>Chak No 370/W.B Tehsil Dunyapur District Lodhran</t>
  </si>
  <si>
    <t>384/WB</t>
  </si>
  <si>
    <t>Wasim Akram</t>
  </si>
  <si>
    <t>51092</t>
  </si>
  <si>
    <t>8743</t>
  </si>
  <si>
    <t>GHS MARI MAIN SAHIB</t>
  </si>
  <si>
    <t>Mari Mian Sahib</t>
  </si>
  <si>
    <t>GHS Mari Mian Sahib Bahawal Nagar</t>
  </si>
  <si>
    <t>Muhammad Ajmal Nadeem</t>
  </si>
  <si>
    <t>8234</t>
  </si>
  <si>
    <t>GMPS BEHLI SHARIF JALALPUR PIRWALA</t>
  </si>
  <si>
    <t>Ghazipur Road Belhi sharref p/o ghazipur</t>
  </si>
  <si>
    <t>52140</t>
  </si>
  <si>
    <t>GGPS CHAK 364 JB II SAMAN ZAR COLONY</t>
  </si>
  <si>
    <t>GGPS 364 JB 2nd saman zar colony gojra</t>
  </si>
  <si>
    <t>364 JB 2nd</t>
  </si>
  <si>
    <t>363 JB</t>
  </si>
  <si>
    <t>Shazia Sanaullah</t>
  </si>
  <si>
    <t>30060</t>
  </si>
  <si>
    <t>48046</t>
  </si>
  <si>
    <t>GGES CHAK NO.83/F</t>
  </si>
  <si>
    <t>83/F</t>
  </si>
  <si>
    <t>GGES Chak No. 83/F, Tehsil Hasilpur, District Bahawalpur</t>
  </si>
  <si>
    <t>SABAHAT LATIF</t>
  </si>
  <si>
    <t>8755</t>
  </si>
  <si>
    <t>GGPS KHORI SAKRANA</t>
  </si>
  <si>
    <t>sakrana</t>
  </si>
  <si>
    <t>dhoke Khori VPO Sakrana tehsil kallar syedan Dist Rawalpindi</t>
  </si>
  <si>
    <t>manyanda</t>
  </si>
  <si>
    <t>Samiya Sher</t>
  </si>
  <si>
    <t>8758</t>
  </si>
  <si>
    <t>38964</t>
  </si>
  <si>
    <t>GHS HUMAK</t>
  </si>
  <si>
    <t>HUMAK</t>
  </si>
  <si>
    <t>VPO HUMAK TEHSIL FATEH JANG DISTRICT ATTOCK</t>
  </si>
  <si>
    <t>24164</t>
  </si>
  <si>
    <t>GHS MULHAL MUGHLAN</t>
  </si>
  <si>
    <t>Bimbla</t>
  </si>
  <si>
    <t>Village &amp; P.O.Box Mulhal Mughlan</t>
  </si>
  <si>
    <t>SAJID UR REHMAN MINHAS</t>
  </si>
  <si>
    <t>42051</t>
  </si>
  <si>
    <t>39503</t>
  </si>
  <si>
    <t>GGHS JHAMAT</t>
  </si>
  <si>
    <t>VPO JHAMAT TEH. JAND DISTT.ATTOCK</t>
  </si>
  <si>
    <t>Jabba</t>
  </si>
  <si>
    <t>TAHIRA NASIM</t>
  </si>
  <si>
    <t>water supply &amp;water pump</t>
  </si>
  <si>
    <t>46305</t>
  </si>
  <si>
    <t>29415</t>
  </si>
  <si>
    <t>GPS MAHARAN WALA TRAG</t>
  </si>
  <si>
    <t>wandha lalanwala post office trag teh isa khel dist mianwali</t>
  </si>
  <si>
    <t>Aurang Zeb Khan</t>
  </si>
  <si>
    <t>3976</t>
  </si>
  <si>
    <t>GGES NUMBAL</t>
  </si>
  <si>
    <t>GGES NUMBAL TEHSIL KALLAR SYEDAN DISTRICT RWP</t>
  </si>
  <si>
    <t>Shabnam Bibi</t>
  </si>
  <si>
    <t>40383</t>
  </si>
  <si>
    <t>GPS AZAFI BASTI 30/3-R</t>
  </si>
  <si>
    <t>30/3RAB</t>
  </si>
  <si>
    <t>Azafi basti 30/3R</t>
  </si>
  <si>
    <t>Azafi Basti 30/ 3R</t>
  </si>
  <si>
    <t>Chak 30 /3R</t>
  </si>
  <si>
    <t>Muhammad Naeem Safdar</t>
  </si>
  <si>
    <t>36737</t>
  </si>
  <si>
    <t>GPS KHANDAR WALA, MOUZA BARAG SARGANA, SARAI SIDHU</t>
  </si>
  <si>
    <t>Bargh Sargana</t>
  </si>
  <si>
    <t>khander wala mouza bargh sargana</t>
  </si>
  <si>
    <t>Khander wala</t>
  </si>
  <si>
    <t>Barag sargana</t>
  </si>
  <si>
    <t>Umer Sharif</t>
  </si>
  <si>
    <t>GPS GAHI BEHRAM</t>
  </si>
  <si>
    <t>Gahi Behram</t>
  </si>
  <si>
    <t>Basti Gahi Behram P/O  Head Islam Hasil Pur</t>
  </si>
  <si>
    <t>Kheru Ghazi Khanana</t>
  </si>
  <si>
    <t>38658</t>
  </si>
  <si>
    <t>GGPS 267 WB</t>
  </si>
  <si>
    <t>Chak # 267/WB</t>
  </si>
  <si>
    <t>Chak # 267/W.B .Tehsil Dunyapur. District Lodhran</t>
  </si>
  <si>
    <t>Kishwar Naheed</t>
  </si>
  <si>
    <t>39609</t>
  </si>
  <si>
    <t>GPS DHOK MANSOOR</t>
  </si>
  <si>
    <t>Narrah Taraf Narrah</t>
  </si>
  <si>
    <t>village dhoke  Mansoor post office chhab tehsil jand district attock</t>
  </si>
  <si>
    <t>Dhoke Mansoor</t>
  </si>
  <si>
    <t>school council member home</t>
  </si>
  <si>
    <t>37036</t>
  </si>
  <si>
    <t>28798</t>
  </si>
  <si>
    <t>GPS AAKI KEY</t>
  </si>
  <si>
    <t>AAKI KAY</t>
  </si>
  <si>
    <t>Dhuttay P/O, Tehsil Chunian District Kasur</t>
  </si>
  <si>
    <t>Dhuttay</t>
  </si>
  <si>
    <t>Shabbir Ahmed Sethi</t>
  </si>
  <si>
    <t>8801</t>
  </si>
  <si>
    <t>GPS BAIT HAZARI</t>
  </si>
  <si>
    <t>Bait Hazari</t>
  </si>
  <si>
    <t>basti hazari, mouza bait hazari, tehsil jatoi, distt muzaffar garh</t>
  </si>
  <si>
    <t>Basti Hazari</t>
  </si>
  <si>
    <t>49330</t>
  </si>
  <si>
    <t>26992</t>
  </si>
  <si>
    <t>GES CHAK CHATHA</t>
  </si>
  <si>
    <t>GES chak chattha</t>
  </si>
  <si>
    <t>7869</t>
  </si>
  <si>
    <t>8806</t>
  </si>
  <si>
    <t>GGCMES RAJEKY</t>
  </si>
  <si>
    <t>Rajeky</t>
  </si>
  <si>
    <t>Rajeky P/O Mangowal west teh &amp; distt Gujrat</t>
  </si>
  <si>
    <t>Keeranwala Syedan</t>
  </si>
  <si>
    <t>Humaira Syed</t>
  </si>
  <si>
    <t>39932</t>
  </si>
  <si>
    <t>GGHS KHAGWANI</t>
  </si>
  <si>
    <t>khagwani</t>
  </si>
  <si>
    <t>gghs khagwani tehsil hazro</t>
  </si>
  <si>
    <t>Shehnaz Malik</t>
  </si>
  <si>
    <t>36734</t>
  </si>
  <si>
    <t>GPS SARAI SIDHU JANUBI, SARAI SIDHU</t>
  </si>
  <si>
    <t>Basti Ameez Nagir</t>
  </si>
  <si>
    <t>Kot Ghor Muhammad</t>
  </si>
  <si>
    <t>Muhammad  Abid Nawaz</t>
  </si>
  <si>
    <t>36118</t>
  </si>
  <si>
    <t>53921</t>
  </si>
  <si>
    <t>GPS JHOKE ABBASI</t>
  </si>
  <si>
    <t>Uttera</t>
  </si>
  <si>
    <t>Basti jhoke abbasi Sama Satta.</t>
  </si>
  <si>
    <t>Jhoke Abbasi</t>
  </si>
  <si>
    <t>26085</t>
  </si>
  <si>
    <t>GPS CHAK NO.32/3-R</t>
  </si>
  <si>
    <t>32/3r</t>
  </si>
  <si>
    <t>Chak no. 32/3r Tehsil Haroonabad Distt. BWN</t>
  </si>
  <si>
    <t>Chak No 32/3r</t>
  </si>
  <si>
    <t>Chak 33/3r</t>
  </si>
  <si>
    <t>Muhammad Faisal Mehmood</t>
  </si>
  <si>
    <t>8937</t>
  </si>
  <si>
    <t>GHS JAMIA MOHAMMADI SHARIF</t>
  </si>
  <si>
    <t>Kurk MUHAMMADI</t>
  </si>
  <si>
    <t>Moza Kurk Muhammadi</t>
  </si>
  <si>
    <t>Muhammadi  Sharif</t>
  </si>
  <si>
    <t>Zulfiqar ALI Tabbasum</t>
  </si>
  <si>
    <t>24492</t>
  </si>
  <si>
    <t>GHS TALHARA</t>
  </si>
  <si>
    <t>Talhara</t>
  </si>
  <si>
    <t>vpo Talhara tehsil Daska distt sialkot</t>
  </si>
  <si>
    <t>TALHARA</t>
  </si>
  <si>
    <t>39555</t>
  </si>
  <si>
    <t>GPS GARHI</t>
  </si>
  <si>
    <t>Garhi</t>
  </si>
  <si>
    <t>VPO Garhi Tehsil Jand District Attock</t>
  </si>
  <si>
    <t>AMIR AFZAL FRAZ</t>
  </si>
  <si>
    <t>GMPS CHAK NO 8/G</t>
  </si>
  <si>
    <t>Chak No 8 /G</t>
  </si>
  <si>
    <t>Chak no 8 /G post office chak Abdullah tehsil Chishtian</t>
  </si>
  <si>
    <t>Chak no 8 /G</t>
  </si>
  <si>
    <t>Chak No 4 /G</t>
  </si>
  <si>
    <t>Kishwar Khursheed</t>
  </si>
  <si>
    <t>GPS SHEER SINGH</t>
  </si>
  <si>
    <t>Sher Singh</t>
  </si>
  <si>
    <t>basti bhatian near mohal pul P/O Gulab Ali teh &amp; Distt bahawal nagar</t>
  </si>
  <si>
    <t>Basti Bhatian</t>
  </si>
  <si>
    <t>Teko Ram Pura</t>
  </si>
  <si>
    <t>8945</t>
  </si>
  <si>
    <t>GPS BASTI HERAJ</t>
  </si>
  <si>
    <t>HAVALY LAL 03447914786</t>
  </si>
  <si>
    <t>GHAMANDY MOUZA HAVALY LAL TEH&amp;DISTT JHANG</t>
  </si>
  <si>
    <t>GHAMANDY</t>
  </si>
  <si>
    <t>HAVALY LAL</t>
  </si>
  <si>
    <t>Rai Mazhar Iqbal BhattiI</t>
  </si>
  <si>
    <t>20819</t>
  </si>
  <si>
    <t>GGPS MC NO.9 GUJRANWALA</t>
  </si>
  <si>
    <t>Guronank pura</t>
  </si>
  <si>
    <t>gurunanak pura gali masjid Diary wale grw</t>
  </si>
  <si>
    <t>Farooq Ganjh</t>
  </si>
  <si>
    <t>Shazia Manzoor</t>
  </si>
  <si>
    <t>54761</t>
  </si>
  <si>
    <t>GGPS Ahmad Khan Dultana</t>
  </si>
  <si>
    <t>Hasilpurold</t>
  </si>
  <si>
    <t>g.gp/s ahmad khan doltana near basti riaz kot</t>
  </si>
  <si>
    <t>Basti Ahmad Kahan</t>
  </si>
  <si>
    <t>Nirban</t>
  </si>
  <si>
    <t>Shazia Khurshid</t>
  </si>
  <si>
    <t>GGPS DARKALI MEMORI</t>
  </si>
  <si>
    <t>Village and p o Darkali Mamoori Tehsil kallar syedan</t>
  </si>
  <si>
    <t>Nosheen Nazli</t>
  </si>
  <si>
    <t>23984</t>
  </si>
  <si>
    <t>GPS CHAK NO.41/3-R</t>
  </si>
  <si>
    <t>Chak 41/3R</t>
  </si>
  <si>
    <t>chak no 41/3r teh.Haroonabad Dist.Bahawalnagar</t>
  </si>
  <si>
    <t>41/3R</t>
  </si>
  <si>
    <t>ZAHEER ASHRAF</t>
  </si>
  <si>
    <t>20473</t>
  </si>
  <si>
    <t>GPS JAHANA MOTHA MUZA MOTHA P/O KOTLA CHAKAR JPP.</t>
  </si>
  <si>
    <t>basti mosa wala mouza motha u/c kotla chakar tehsil jalal pur pir wala distt multan</t>
  </si>
  <si>
    <t>Jahana Motha</t>
  </si>
  <si>
    <t>39599</t>
  </si>
  <si>
    <t>GPS INJRA AFGHANA</t>
  </si>
  <si>
    <t>village  injra Afghanan  post office  injra Rs. Tehsil jand District  Attock</t>
  </si>
  <si>
    <t>Infra Afghanan</t>
  </si>
  <si>
    <t>Muhammad Ayub Khan</t>
  </si>
  <si>
    <t>46846</t>
  </si>
  <si>
    <t>GGPS KAMRIN WALA</t>
  </si>
  <si>
    <t>Village kamrianwala</t>
  </si>
  <si>
    <t>35576</t>
  </si>
  <si>
    <t>41083</t>
  </si>
  <si>
    <t>GGHS THOHA KHALSA</t>
  </si>
  <si>
    <t>Thoha Khalsa</t>
  </si>
  <si>
    <t>vpo gghsthoha khalsa teh kahuta distt rwp</t>
  </si>
  <si>
    <t>Samina Mushtaq</t>
  </si>
  <si>
    <t>12969</t>
  </si>
  <si>
    <t>22558</t>
  </si>
  <si>
    <t>GGPS MAJRA SHAMALI</t>
  </si>
  <si>
    <t>Majra Shamali</t>
  </si>
  <si>
    <t>majra shamali p.o box karianwala</t>
  </si>
  <si>
    <t>Sonia Mushtaq</t>
  </si>
  <si>
    <t>42361</t>
  </si>
  <si>
    <t>GGHS CITY ARIFWALA</t>
  </si>
  <si>
    <t>ARIWALA</t>
  </si>
  <si>
    <t>gghs city arifwala</t>
  </si>
  <si>
    <t>FAZAL COLONY WARD NO 10</t>
  </si>
  <si>
    <t>ARIFA MUMTAZ</t>
  </si>
  <si>
    <t>GPS SYEDAN WALI</t>
  </si>
  <si>
    <t>basti syedan wali hasilpur tehsil hasilpur district bahawalpur</t>
  </si>
  <si>
    <t>Syedan Wali</t>
  </si>
  <si>
    <t>Hafiz Muhammad Arif</t>
  </si>
  <si>
    <t>Pakka Sha Sayed  Ali</t>
  </si>
  <si>
    <t>pakka sha syed ali sher sultan teh,jatoi distt m.garh</t>
  </si>
  <si>
    <t>Naseem Bibi</t>
  </si>
  <si>
    <t>GGPS QILA CHEET SINGH</t>
  </si>
  <si>
    <t>Qila Chait Singh</t>
  </si>
  <si>
    <t>ishfaaq Abad qila Chait singh</t>
  </si>
  <si>
    <t>Shazia Tufail</t>
  </si>
  <si>
    <t>23875</t>
  </si>
  <si>
    <t>GGPS DONGI KHURD</t>
  </si>
  <si>
    <t>Doongi khurd</t>
  </si>
  <si>
    <t>Doongi khurd p/o Daulatala teh G.K distt RWP</t>
  </si>
  <si>
    <t>Afshan Qadeer</t>
  </si>
  <si>
    <t>40595</t>
  </si>
  <si>
    <t>50165</t>
  </si>
  <si>
    <t>GGHS 92/12-L</t>
  </si>
  <si>
    <t>92/12l</t>
  </si>
  <si>
    <t>92/12.l chichawatni</t>
  </si>
  <si>
    <t>Iqra Nasim</t>
  </si>
  <si>
    <t>15139</t>
  </si>
  <si>
    <t>8998</t>
  </si>
  <si>
    <t>38966</t>
  </si>
  <si>
    <t>GGHS FATEH JANG NO.3</t>
  </si>
  <si>
    <t>Fatehjang</t>
  </si>
  <si>
    <t>mohallah masjid mian Noor fatehjang district attock</t>
  </si>
  <si>
    <t>Rashida Sarwar</t>
  </si>
  <si>
    <t>17227</t>
  </si>
  <si>
    <t>GPS NIKKAH BALOCHAN</t>
  </si>
  <si>
    <t>Nikkah Balochan</t>
  </si>
  <si>
    <t>Mouza Nikkah Balochan Markaz Massan</t>
  </si>
  <si>
    <t>PirKot Sadhana</t>
  </si>
  <si>
    <t>GHS SORE</t>
  </si>
  <si>
    <t>village &amp; PO Sore, Teh. Kahuta, Dist. Rawalpindi.</t>
  </si>
  <si>
    <t>Muhammad Hammad Arshad Abbasi</t>
  </si>
  <si>
    <t>22717</t>
  </si>
  <si>
    <t>GMPS HASTA GHAGA</t>
  </si>
  <si>
    <t>Hasta Ghagga</t>
  </si>
  <si>
    <t>Hasta GHAGGA</t>
  </si>
  <si>
    <t>Riffat Akram</t>
  </si>
  <si>
    <t>17335</t>
  </si>
  <si>
    <t>46491</t>
  </si>
  <si>
    <t>46786</t>
  </si>
  <si>
    <t>GPS KARAK NO.1</t>
  </si>
  <si>
    <t>Sultan khel</t>
  </si>
  <si>
    <t>Village karak P/O Sultan khel Tehsil isa khel District Mianwali</t>
  </si>
  <si>
    <t>Mushtaq Hussain Shah</t>
  </si>
  <si>
    <t>GGES CHAK NO 187/7-R</t>
  </si>
  <si>
    <t>187/7-r</t>
  </si>
  <si>
    <t>GGE/S 187/7-r</t>
  </si>
  <si>
    <t>Naseer Khalida</t>
  </si>
  <si>
    <t>19114</t>
  </si>
  <si>
    <t>GPS CHAK NO.17/F.W</t>
  </si>
  <si>
    <t>Chak No 17fw</t>
  </si>
  <si>
    <t>govt. p/s 17/fw</t>
  </si>
  <si>
    <t>Chak No17/f W</t>
  </si>
  <si>
    <t>GPS CHAK NO. 319 TDA</t>
  </si>
  <si>
    <t>CHAK NO 319/TDA</t>
  </si>
  <si>
    <t>tehsil choubara dist layyah</t>
  </si>
  <si>
    <t>M FAROOQ ZAFAR</t>
  </si>
  <si>
    <t>28260</t>
  </si>
  <si>
    <t>29786</t>
  </si>
  <si>
    <t>8036</t>
  </si>
  <si>
    <t>Basti Machi wala</t>
  </si>
  <si>
    <t>purchased from water provider</t>
  </si>
  <si>
    <t>GPS CHAN WALA JALAL PUR PIRWALA</t>
  </si>
  <si>
    <t>Basti Chan Wala, Main Lodhran Road,tehsil Jala pur Pir Wala</t>
  </si>
  <si>
    <t>9014</t>
  </si>
  <si>
    <t>GPS QITTA SUKHALAY WALA</t>
  </si>
  <si>
    <t>Gps qitta sukhly wala mouza nand pur markaz sarai sidhu teh kabirwala district khanewal</t>
  </si>
  <si>
    <t>Qitta Sukhly wala</t>
  </si>
  <si>
    <t>Jasso kawan</t>
  </si>
  <si>
    <t>NOREEN NAZ</t>
  </si>
  <si>
    <t>29453</t>
  </si>
  <si>
    <t>GPS SARWAR KOT</t>
  </si>
  <si>
    <t>Shali  gharbi</t>
  </si>
  <si>
    <t>Sarwar kot muzaShali chishtian</t>
  </si>
  <si>
    <t>Sarwarkot</t>
  </si>
  <si>
    <t>Shali gharbi</t>
  </si>
  <si>
    <t>GHSS SAMOTE</t>
  </si>
  <si>
    <t>P.O. SAMOTE, TEHSIL KALLAR SYEDAN, DISTT. RAWALPINDI</t>
  </si>
  <si>
    <t>MUHAMMAD NADEEM AHMAD</t>
  </si>
  <si>
    <t>42476</t>
  </si>
  <si>
    <t>GMPS GOLEEN</t>
  </si>
  <si>
    <t>Goleen</t>
  </si>
  <si>
    <t>GMPS Goleen</t>
  </si>
  <si>
    <t>Tahira Mustafa</t>
  </si>
  <si>
    <t>32883</t>
  </si>
  <si>
    <t>GPS CHAK 341 JB II</t>
  </si>
  <si>
    <t>Bahamni Wala</t>
  </si>
  <si>
    <t>Chak No 341 JB II</t>
  </si>
  <si>
    <t>Chak No 338 JB</t>
  </si>
  <si>
    <t>44550</t>
  </si>
  <si>
    <t>39726</t>
  </si>
  <si>
    <t>GGHS DAKHNAIR</t>
  </si>
  <si>
    <t>Narra Sweden Narra Syedan Khail</t>
  </si>
  <si>
    <t>vpo dakhnair Tehsil jand district attock</t>
  </si>
  <si>
    <t>18091</t>
  </si>
  <si>
    <t>GMPS CHAK ALYANA</t>
  </si>
  <si>
    <t>Chak Alyana</t>
  </si>
  <si>
    <t>Mouza Chak Alyana P/O Kot Khan Tehsil &amp; District Jhang</t>
  </si>
  <si>
    <t>M Ishaq Khan</t>
  </si>
  <si>
    <t>23615</t>
  </si>
  <si>
    <t>GGHS MITRAN WALI</t>
  </si>
  <si>
    <t>MITRANWALI Saskatchewan,Sialkot</t>
  </si>
  <si>
    <t>RIFAT AFZA</t>
  </si>
  <si>
    <t>48997</t>
  </si>
  <si>
    <t>9036</t>
  </si>
  <si>
    <t>GPS BASTI DAHA</t>
  </si>
  <si>
    <t>GPS Basti Daha</t>
  </si>
  <si>
    <t>GMPS MC RAM DIN BAZAR</t>
  </si>
  <si>
    <t>GMPS MC RAM DIN bazar</t>
  </si>
  <si>
    <t>Maryam Zahoor</t>
  </si>
  <si>
    <t>28044</t>
  </si>
  <si>
    <t>28454</t>
  </si>
  <si>
    <t>27034</t>
  </si>
  <si>
    <t>GGPS THATTA NAHRA</t>
  </si>
  <si>
    <t>Thatha Nahara</t>
  </si>
  <si>
    <t>Thatha nahara</t>
  </si>
  <si>
    <t>Thatha Nahra</t>
  </si>
  <si>
    <t>Pindi  Bawray</t>
  </si>
  <si>
    <t>Lubna Riaz</t>
  </si>
  <si>
    <t>7974</t>
  </si>
  <si>
    <t>GPS SHER KHAN</t>
  </si>
  <si>
    <t>Basti Sher Khan Moza Bait Daryai</t>
  </si>
  <si>
    <t>Mohammad Qasim Khan</t>
  </si>
  <si>
    <t>46344</t>
  </si>
  <si>
    <t>27049</t>
  </si>
  <si>
    <t>Mangat Nicha</t>
  </si>
  <si>
    <t>Rehana Kouser</t>
  </si>
  <si>
    <t>32543</t>
  </si>
  <si>
    <t>31026</t>
  </si>
  <si>
    <t>40045</t>
  </si>
  <si>
    <t>GGPS PEITHI PIRZAI</t>
  </si>
  <si>
    <t>Pethi</t>
  </si>
  <si>
    <t>GGPS pethi</t>
  </si>
  <si>
    <t>Abida  Mir  Afzal</t>
  </si>
  <si>
    <t>51681</t>
  </si>
  <si>
    <t>51122</t>
  </si>
  <si>
    <t>7981</t>
  </si>
  <si>
    <t>GPS CHAK NO 434/6-R</t>
  </si>
  <si>
    <t>434/6R</t>
  </si>
  <si>
    <t>Chak no 434/6.r p/o 433/6.r</t>
  </si>
  <si>
    <t>Chak No438/6R</t>
  </si>
  <si>
    <t>GES Maira Tehsil Kahuta District Rwp</t>
  </si>
  <si>
    <t>21345</t>
  </si>
  <si>
    <t>11059</t>
  </si>
  <si>
    <t>GPS AHATA MUHAMMAD KHAN</t>
  </si>
  <si>
    <t>Ali M Chishti</t>
  </si>
  <si>
    <t>GPS ahata muhammad khan markaz male 17 bwn</t>
  </si>
  <si>
    <t>Ahata M Khan</t>
  </si>
  <si>
    <t>M Asghar</t>
  </si>
  <si>
    <t>52984</t>
  </si>
  <si>
    <t>7986</t>
  </si>
  <si>
    <t>42963</t>
  </si>
  <si>
    <t>GGPS BAGH JAMERI</t>
  </si>
  <si>
    <t>Ghohi</t>
  </si>
  <si>
    <t>village &amp; p/o Baghjameri Tehsil Kallar Saydan District Rawalpindi</t>
  </si>
  <si>
    <t>Shabida Begum</t>
  </si>
  <si>
    <t>6373</t>
  </si>
  <si>
    <t>22104</t>
  </si>
  <si>
    <t>GHS ALAMGARH</t>
  </si>
  <si>
    <t>VPO ALAMGARH TEH AND DIST GUJRAT</t>
  </si>
  <si>
    <t>ALAMGARH</t>
  </si>
  <si>
    <t>Mohsin Hussain</t>
  </si>
  <si>
    <t>39626</t>
  </si>
  <si>
    <t>GGPS JAND NO.2</t>
  </si>
  <si>
    <t>mohalla Langar khan'a jand</t>
  </si>
  <si>
    <t>6583</t>
  </si>
  <si>
    <t>14911</t>
  </si>
  <si>
    <t>3633</t>
  </si>
  <si>
    <t>GPS CHAK NO.161/M</t>
  </si>
  <si>
    <t>Govt primary school 161/M</t>
  </si>
  <si>
    <t>161/M</t>
  </si>
  <si>
    <t>19891</t>
  </si>
  <si>
    <t>jamia Muhammadi Sharif</t>
  </si>
  <si>
    <t>Muhammadi Sharif</t>
  </si>
  <si>
    <t>Muhammad I Sharif</t>
  </si>
  <si>
    <t>8002</t>
  </si>
  <si>
    <t>26964</t>
  </si>
  <si>
    <t>GPS KOT GORA</t>
  </si>
  <si>
    <t>Kot Gora</t>
  </si>
  <si>
    <t>vpo Kot Gora tehsil &amp; Disst. Hafizabad</t>
  </si>
  <si>
    <t>Sofia Noreen</t>
  </si>
  <si>
    <t>13332</t>
  </si>
  <si>
    <t>37904</t>
  </si>
  <si>
    <t>GMPS 141/10-R, JAHANIAN</t>
  </si>
  <si>
    <t>chak 140/10-R teh jahanian</t>
  </si>
  <si>
    <t>140-10-R</t>
  </si>
  <si>
    <t>Syeda Saima Zubair</t>
  </si>
  <si>
    <t>GPS GHAFFAR ABAD</t>
  </si>
  <si>
    <t>basti ponta moza durab pur sherqi tehsil jalal pur pir wala</t>
  </si>
  <si>
    <t>Basti ponta</t>
  </si>
  <si>
    <t>Durab Pur Sherqi</t>
  </si>
  <si>
    <t>Nadeem Ahmed</t>
  </si>
  <si>
    <t>43159</t>
  </si>
  <si>
    <t>GGHSS ISLAMIA JEHLUM</t>
  </si>
  <si>
    <t>ward 2</t>
  </si>
  <si>
    <t>Nia Mohallah Jhelum.</t>
  </si>
  <si>
    <t>jhelum v</t>
  </si>
  <si>
    <t>Sara Majid</t>
  </si>
  <si>
    <t>8012</t>
  </si>
  <si>
    <t>GPS SHADAN LUND NO 1</t>
  </si>
  <si>
    <t>54582</t>
  </si>
  <si>
    <t>GPS MUBARA</t>
  </si>
  <si>
    <t>Mubara</t>
  </si>
  <si>
    <t>mubara p/o kaleke mandi teshil and district hafizabad</t>
  </si>
  <si>
    <t>Jamshaid Abbas</t>
  </si>
  <si>
    <t>14529</t>
  </si>
  <si>
    <t>st #7 sadar Bazar mansoorabad</t>
  </si>
  <si>
    <t>Farooq abad  Mansoorabad</t>
  </si>
  <si>
    <t>GPS JANGLA</t>
  </si>
  <si>
    <t>basti jangla  mouza wains tehsil Jatoi district M.garh</t>
  </si>
  <si>
    <t>Basti JANGLA</t>
  </si>
  <si>
    <t>Shahzad Hussain Shah</t>
  </si>
  <si>
    <t>42386</t>
  </si>
  <si>
    <t>GGHS QAZIAN</t>
  </si>
  <si>
    <t>qazian</t>
  </si>
  <si>
    <t>v.p.o qazian  tehsil gujar khan  distt rwp</t>
  </si>
  <si>
    <t>NUSRAT ARA BEGUM</t>
  </si>
  <si>
    <t>boring motor</t>
  </si>
  <si>
    <t>39083</t>
  </si>
  <si>
    <t>GGPS MALIK PUR</t>
  </si>
  <si>
    <t>post office ratwal village malikpur</t>
  </si>
  <si>
    <t>Saira Riaz</t>
  </si>
  <si>
    <t>8035</t>
  </si>
  <si>
    <t>GGPS CHAK NO.193/M-B</t>
  </si>
  <si>
    <t>193mb</t>
  </si>
  <si>
    <t>chak 193 m.b Teh HSP Dist BWP</t>
  </si>
  <si>
    <t>Rashida Bashir</t>
  </si>
  <si>
    <t>52927</t>
  </si>
  <si>
    <t>GMPS JAMAL KEY</t>
  </si>
  <si>
    <t>Jamal Kay</t>
  </si>
  <si>
    <t>post office basir pur, moza jamal kay tehsil depalpur(okara)</t>
  </si>
  <si>
    <t>Chorasta</t>
  </si>
  <si>
    <t>39497</t>
  </si>
  <si>
    <t>GHS GULYAL KALLAN</t>
  </si>
  <si>
    <t>Govt. Boys High School Gulyal Kalan, Tehsil Jand, District Attock</t>
  </si>
  <si>
    <t>Chaphri</t>
  </si>
  <si>
    <t>Hafiz Muhammad Tahir</t>
  </si>
  <si>
    <t>21155</t>
  </si>
  <si>
    <t>44552</t>
  </si>
  <si>
    <t>GMPS DERA NAWAB</t>
  </si>
  <si>
    <t>pirashab</t>
  </si>
  <si>
    <t>gmps dera nwab pirashab</t>
  </si>
  <si>
    <t>shazia safdar</t>
  </si>
  <si>
    <t>43004</t>
  </si>
  <si>
    <t>GGPS NANDNA JATTAL</t>
  </si>
  <si>
    <t>vill nadna jatal Po chowk pindori dist rwp teh kallar syedan</t>
  </si>
  <si>
    <t>Nadna jatal</t>
  </si>
  <si>
    <t>bishandot</t>
  </si>
  <si>
    <t>Qurat-ul-Ain</t>
  </si>
  <si>
    <t>GGPS BOOLA GHARI CHAK NO 10</t>
  </si>
  <si>
    <t>boola garhi chak 10</t>
  </si>
  <si>
    <t>ggps boola garhi chak 10</t>
  </si>
  <si>
    <t>trady wala</t>
  </si>
  <si>
    <t>10972</t>
  </si>
  <si>
    <t>GGHS MEHRO PILO</t>
  </si>
  <si>
    <t>Mehro Peelo</t>
  </si>
  <si>
    <t>Mehwish Javaid</t>
  </si>
  <si>
    <t>50593</t>
  </si>
  <si>
    <t>GGPS SAHWA</t>
  </si>
  <si>
    <t>Sahwa</t>
  </si>
  <si>
    <t>Moza sahwa</t>
  </si>
  <si>
    <t>116/CR</t>
  </si>
  <si>
    <t>adeela maryam</t>
  </si>
  <si>
    <t>GPS JHARIAN WALA</t>
  </si>
  <si>
    <t>Jharianwala</t>
  </si>
  <si>
    <t>Village Jharianwala Hafizabad</t>
  </si>
  <si>
    <t>40018</t>
  </si>
  <si>
    <t>GGPS CHECHI</t>
  </si>
  <si>
    <t>Chechi</t>
  </si>
  <si>
    <t>GGPS Chechi tehsil Hazro district Attock.</t>
  </si>
  <si>
    <t>Gulfreen Mehmood</t>
  </si>
  <si>
    <t>33825</t>
  </si>
  <si>
    <t>8062</t>
  </si>
  <si>
    <t>GPS NASEER WALA</t>
  </si>
  <si>
    <t>Chah naseer wala haji ghazi gharbi</t>
  </si>
  <si>
    <t>Chaha Naseer Wala</t>
  </si>
  <si>
    <t>GGPS CHAK NO.76/F</t>
  </si>
  <si>
    <t>Chak No 76/F</t>
  </si>
  <si>
    <t>chak #76/F tehsil hasilpur</t>
  </si>
  <si>
    <t>76/F</t>
  </si>
  <si>
    <t>Bushra Nazar</t>
  </si>
  <si>
    <t>46840</t>
  </si>
  <si>
    <t>GGPS SHEIKH FEROZWALA</t>
  </si>
  <si>
    <t>Bhor Shrif</t>
  </si>
  <si>
    <t>village sheikh ferozwala  tehsil isakhel district mianwali</t>
  </si>
  <si>
    <t>Sheikh Ferozwala</t>
  </si>
  <si>
    <t>Kalluanwala</t>
  </si>
  <si>
    <t>Parveen AKhtar</t>
  </si>
  <si>
    <t>neighbour,s water pump</t>
  </si>
  <si>
    <t>GPS NAIKA</t>
  </si>
  <si>
    <t>VPO Neka tehsil Fateh Jang Distt.Attock</t>
  </si>
  <si>
    <t>39341</t>
  </si>
  <si>
    <t>15918</t>
  </si>
  <si>
    <t>GES CHAK 272 RB I FSD</t>
  </si>
  <si>
    <t>Seman Nag</t>
  </si>
  <si>
    <t>CHAK 272 RB FSD</t>
  </si>
  <si>
    <t>Chak 272 RB</t>
  </si>
  <si>
    <t>CHAK 270 RB FSD</t>
  </si>
  <si>
    <t>MUHAMMAD IMRAN YOUSAF</t>
  </si>
  <si>
    <t>29057</t>
  </si>
  <si>
    <t>35482</t>
  </si>
  <si>
    <t>GGPS MOZA MADDER</t>
  </si>
  <si>
    <t>Mudder</t>
  </si>
  <si>
    <t>Basti karam khan post office farooqbad</t>
  </si>
  <si>
    <t>Basti Karam Khan</t>
  </si>
  <si>
    <t>Sana Sarwar</t>
  </si>
  <si>
    <t>22248</t>
  </si>
  <si>
    <t>GHS CHAK 68/4-R</t>
  </si>
  <si>
    <t>CHAK NO 68/4R TEHSIL HAROONABAD</t>
  </si>
  <si>
    <t>CHAK NO 68/4R</t>
  </si>
  <si>
    <t>MUHAMMAD AKHTAR ZIA</t>
  </si>
  <si>
    <t>35940</t>
  </si>
  <si>
    <t>28949</t>
  </si>
  <si>
    <t>GGPS PAKHOKI</t>
  </si>
  <si>
    <t>pakhoki</t>
  </si>
  <si>
    <t>keshwar Naheed</t>
  </si>
  <si>
    <t>14475</t>
  </si>
  <si>
    <t>8083</t>
  </si>
  <si>
    <t>38614</t>
  </si>
  <si>
    <t>27465</t>
  </si>
  <si>
    <t>GGPS 28M</t>
  </si>
  <si>
    <t>28m</t>
  </si>
  <si>
    <t>Chak No 28M</t>
  </si>
  <si>
    <t>Yasmeen Kouser</t>
  </si>
  <si>
    <t>27044</t>
  </si>
  <si>
    <t>GMPS HARDO DHONEY</t>
  </si>
  <si>
    <t>Herdo Dhanoye</t>
  </si>
  <si>
    <t>hardo dhanoye</t>
  </si>
  <si>
    <t>Hardo Dhanoye</t>
  </si>
  <si>
    <t>40241</t>
  </si>
  <si>
    <t>GGES RAKH RAWAN</t>
  </si>
  <si>
    <t>Rakhrawan</t>
  </si>
  <si>
    <t>village rakhrawan, p.o kala gujran, teh &amp; dist jhelum</t>
  </si>
  <si>
    <t>Syeda Sidra Naqvi</t>
  </si>
  <si>
    <t>44024</t>
  </si>
  <si>
    <t>45386</t>
  </si>
  <si>
    <t>GHS MAHOTA</t>
  </si>
  <si>
    <t>MAHOTA</t>
  </si>
  <si>
    <t>MAHOTA TEHSIL DARYA KHAN DISTRICT BHAKKAR</t>
  </si>
  <si>
    <t>10439</t>
  </si>
  <si>
    <t>13431</t>
  </si>
  <si>
    <t>GPS RANMAN WALA</t>
  </si>
  <si>
    <t>Shahan wala</t>
  </si>
  <si>
    <t>Ranman wala shahan wala jampur</t>
  </si>
  <si>
    <t>Ranman wala</t>
  </si>
  <si>
    <t>54297</t>
  </si>
  <si>
    <t>44878</t>
  </si>
  <si>
    <t>GHS DAILY NAMDAR</t>
  </si>
  <si>
    <t>GHS DAILY NAMDAR TEHSIL KALLLUR KOT DISTRICT BHAKKAR</t>
  </si>
  <si>
    <t>13742</t>
  </si>
  <si>
    <t>GPS BASTI GHULAM HUSSAIN</t>
  </si>
  <si>
    <t>Gaddan Wala</t>
  </si>
  <si>
    <t>mouza gaddan wala thesil jampur distrect rajnpur</t>
  </si>
  <si>
    <t>Basti Ghulam Hussain</t>
  </si>
  <si>
    <t>Allhabad Grbi</t>
  </si>
  <si>
    <t>Ghulam jaffar</t>
  </si>
  <si>
    <t>GES CHAK GHAZI</t>
  </si>
  <si>
    <t>Chak Ghazi</t>
  </si>
  <si>
    <t>P/O Sooianwala, District &amp;Tehsil, Hafizabad</t>
  </si>
  <si>
    <t>Muhammad Abubaker</t>
  </si>
  <si>
    <t>30999</t>
  </si>
  <si>
    <t>30705</t>
  </si>
  <si>
    <t>19908</t>
  </si>
  <si>
    <t>GHS CHAK NO 147 JB</t>
  </si>
  <si>
    <t>CHAK NO 147 JB PHATNIKA , TEH &amp; DIST CHINIOT</t>
  </si>
  <si>
    <t>CHAK NO 147 jB PHATNIKA</t>
  </si>
  <si>
    <t>CKAK NO 146 JB</t>
  </si>
  <si>
    <t>zawar hussain</t>
  </si>
  <si>
    <t>GGHSS CHHAB</t>
  </si>
  <si>
    <t>chhab tehsil jand district attock</t>
  </si>
  <si>
    <t>GGPS NABI DAYA</t>
  </si>
  <si>
    <t>GGPS Nabi Daya basti shahid haider joyia</t>
  </si>
  <si>
    <t>Basti Shahid  Plxoxldlclckclclcll</t>
  </si>
  <si>
    <t>Jhangi Wali</t>
  </si>
  <si>
    <t>Fouzia Muhammad Hussain</t>
  </si>
  <si>
    <t>GMPS JHANS</t>
  </si>
  <si>
    <t>jhans</t>
  </si>
  <si>
    <t>village jahans p.o. chechain</t>
  </si>
  <si>
    <t>Aasia Tabasum</t>
  </si>
  <si>
    <t>29670</t>
  </si>
  <si>
    <t>GPS NO 2 ISA KHEL PO ISA KHEL TEH MIANWALI</t>
  </si>
  <si>
    <t>Mohallah esaab KHEL tehsil Isa KHEL district mianwali</t>
  </si>
  <si>
    <t>Sher Ali Khan</t>
  </si>
  <si>
    <t>24613</t>
  </si>
  <si>
    <t>42353</t>
  </si>
  <si>
    <t>GHS DHOK PANAH</t>
  </si>
  <si>
    <t>DHOKE PANAH</t>
  </si>
  <si>
    <t>VPO DHOKE PANAH, TEHSIL GUJARKHAN DISTRICT RAWALPINDI</t>
  </si>
  <si>
    <t>Muhammad Naeem Iqbal</t>
  </si>
  <si>
    <t>20847</t>
  </si>
  <si>
    <t>GGPS TAJ PURA</t>
  </si>
  <si>
    <t>Garjjakh</t>
  </si>
  <si>
    <t>tajpura garjakh gujranwala</t>
  </si>
  <si>
    <t>Tajpura</t>
  </si>
  <si>
    <t>Urban Garjakh</t>
  </si>
  <si>
    <t>Nergis Sultana</t>
  </si>
  <si>
    <t>7103</t>
  </si>
  <si>
    <t>43052</t>
  </si>
  <si>
    <t>GPS TANYAM SYEDAN</t>
  </si>
  <si>
    <t>Syhali Umer Khan</t>
  </si>
  <si>
    <t>vllage tnyam syedan p.o samote tehsil kallar syedan distt rawalpindi</t>
  </si>
  <si>
    <t>Tanyam Syedan</t>
  </si>
  <si>
    <t>Muhammad irfan ul haq</t>
  </si>
  <si>
    <t>GGPS MASOOD ABAD</t>
  </si>
  <si>
    <t>Chanar</t>
  </si>
  <si>
    <t>mud malana</t>
  </si>
  <si>
    <t>Mud Malana</t>
  </si>
  <si>
    <t>Jhok Mahar</t>
  </si>
  <si>
    <t>Fazila Noreen</t>
  </si>
  <si>
    <t>23661</t>
  </si>
  <si>
    <t>GGHS JASSER WALA</t>
  </si>
  <si>
    <t>Jassarwala</t>
  </si>
  <si>
    <t>jassarwala tehsil daska district sialkot</t>
  </si>
  <si>
    <t>Shafqat Sultana</t>
  </si>
  <si>
    <t>50752</t>
  </si>
  <si>
    <t>8617</t>
  </si>
  <si>
    <t>46731</t>
  </si>
  <si>
    <t>GPS DARGA BANGI KHEL</t>
  </si>
  <si>
    <t>Pos Bangi Khel Sherqi</t>
  </si>
  <si>
    <t>Village Darga Bangi Khel AEO (M) Markaz Tabi Sar Teh.Isa Khel Distt. Mianwali.</t>
  </si>
  <si>
    <t>Darga Bangi Khel</t>
  </si>
  <si>
    <t>10173</t>
  </si>
  <si>
    <t>24976</t>
  </si>
  <si>
    <t>GES CHAK NO 459</t>
  </si>
  <si>
    <t>KOT Lakhnana</t>
  </si>
  <si>
    <t>chak 459 jb gojra road jhang</t>
  </si>
  <si>
    <t>Chak 459</t>
  </si>
  <si>
    <t>Khoi Adda</t>
  </si>
  <si>
    <t>Abdul Majeed Anjum</t>
  </si>
  <si>
    <t>34916</t>
  </si>
  <si>
    <t>GMPS MIANI MOUTHA JALALPUR PIRWALA</t>
  </si>
  <si>
    <t>KOTLA CHAKER - FEMALE</t>
  </si>
  <si>
    <t>Basti miani motha p/o kotla chakar jppw</t>
  </si>
  <si>
    <t>Mianii Motha</t>
  </si>
  <si>
    <t>50310</t>
  </si>
  <si>
    <t>GPS 8/11-L</t>
  </si>
  <si>
    <t>chak. 8-11.L</t>
  </si>
  <si>
    <t>Chak 8-11-L</t>
  </si>
  <si>
    <t>Khalid Pervaiz</t>
  </si>
  <si>
    <t>GGHSS QAIM PUR</t>
  </si>
  <si>
    <t>Govt. Girls Higher Secondary School Qaim Pur Tehsil Hasil Pur</t>
  </si>
  <si>
    <t>sumera zahoor</t>
  </si>
  <si>
    <t>8630</t>
  </si>
  <si>
    <t>39554</t>
  </si>
  <si>
    <t>GPS DHOK REHMAT (PIND SULTANI)</t>
  </si>
  <si>
    <t>dhok  rehmat vpo thattisyedan tehsil jand district attock</t>
  </si>
  <si>
    <t>GPS CHAK FATEH KHAN</t>
  </si>
  <si>
    <t>Chak Fateh Khan</t>
  </si>
  <si>
    <t>village chak fateh, post office gagan, tehsil fateh jang, distt, attock</t>
  </si>
  <si>
    <t>Badar Islam</t>
  </si>
  <si>
    <t>45530</t>
  </si>
  <si>
    <t>36855</t>
  </si>
  <si>
    <t>GMPS BAHADUR WALA, KABIRWALA</t>
  </si>
  <si>
    <t>Bahadurwala</t>
  </si>
  <si>
    <t>Mouza bahadurwala p/o haqnawazwala kabirwala</t>
  </si>
  <si>
    <t>Nourang Shah</t>
  </si>
  <si>
    <t>13375</t>
  </si>
  <si>
    <t>GPS MADAD KHEL</t>
  </si>
  <si>
    <t>madad khel</t>
  </si>
  <si>
    <t>Madad Khel</t>
  </si>
  <si>
    <t>Muhammad Jamil Khan</t>
  </si>
  <si>
    <t>50732</t>
  </si>
  <si>
    <t>38713</t>
  </si>
  <si>
    <t>GGPS 42/M</t>
  </si>
  <si>
    <t>42/M</t>
  </si>
  <si>
    <t>Seraj Wala</t>
  </si>
  <si>
    <t>8655</t>
  </si>
  <si>
    <t>GPS CHAKBANDI</t>
  </si>
  <si>
    <t>moza chakbandi</t>
  </si>
  <si>
    <t>GGHS CHAK NO 240 JB</t>
  </si>
  <si>
    <t>govt girls high school chak no 240 jb tehsil bhowana dist chiniot</t>
  </si>
  <si>
    <t>chak no 240</t>
  </si>
  <si>
    <t>Sahmal</t>
  </si>
  <si>
    <t>8658</t>
  </si>
  <si>
    <t>39730</t>
  </si>
  <si>
    <t>Nara Taraf Syden  Khail</t>
  </si>
  <si>
    <t>Govt girls primary school jabbi</t>
  </si>
  <si>
    <t>HUMAIRA NASREEN</t>
  </si>
  <si>
    <t>38686</t>
  </si>
  <si>
    <t>28726</t>
  </si>
  <si>
    <t>GPS BHAGIWAL TIBBA</t>
  </si>
  <si>
    <t>BHAGIWAL  TIBBA</t>
  </si>
  <si>
    <t>BHAGIWAL TIBBA TEH,CHUNIAN DISST.KASUR</t>
  </si>
  <si>
    <t>BHAGIWAL TIBBA</t>
  </si>
  <si>
    <t>BHAGIWAL</t>
  </si>
  <si>
    <t>7956</t>
  </si>
  <si>
    <t>21517</t>
  </si>
  <si>
    <t>8662</t>
  </si>
  <si>
    <t>40058</t>
  </si>
  <si>
    <t>GHS CHAK DAULAT</t>
  </si>
  <si>
    <t>Chak Daulat</t>
  </si>
  <si>
    <t>Post Office Chak Daulat Jhelum</t>
  </si>
  <si>
    <t>GPS DHOKE SUDHAN</t>
  </si>
  <si>
    <t>Dhoke Sudhan Vill &amp; P.O: Nala musalmanan, Tehsil: Kallar Syedan, Distt: Rawalpindi.</t>
  </si>
  <si>
    <t>Muhammad Jehangir</t>
  </si>
  <si>
    <t>Water Suply</t>
  </si>
  <si>
    <t>GPS BAZI GARAN</t>
  </si>
  <si>
    <t>HabibMisson</t>
  </si>
  <si>
    <t>Basti jam Manzoor Ahmed moza Habib misson teh.bahawalpur sadar dist.bwp.</t>
  </si>
  <si>
    <t>Basti Jam Manzoor  Ahmed</t>
  </si>
  <si>
    <t>Muhammad Nazim</t>
  </si>
  <si>
    <t>15018</t>
  </si>
  <si>
    <t>GGPS 33/M NO.1</t>
  </si>
  <si>
    <t>33M</t>
  </si>
  <si>
    <t>Chak no 33 M tehsil duniapur district lodhran</t>
  </si>
  <si>
    <t>Ambreen Yousaf</t>
  </si>
  <si>
    <t>8681</t>
  </si>
  <si>
    <t>GPS CHAK NO. 147/6-R</t>
  </si>
  <si>
    <t>Chack No 147/6 r</t>
  </si>
  <si>
    <t>chack no 147/6Teh Haroonabad District BWN</t>
  </si>
  <si>
    <t>Chack No 98/6 r</t>
  </si>
  <si>
    <t>GPS ISMAIL</t>
  </si>
  <si>
    <t>Ismail</t>
  </si>
  <si>
    <t>v.Ismail p.o kot fateh khan tehsil fateh jang Dist.Attock</t>
  </si>
  <si>
    <t>24261</t>
  </si>
  <si>
    <t>21156</t>
  </si>
  <si>
    <t>7897</t>
  </si>
  <si>
    <t>GES LUFTAY WALA</t>
  </si>
  <si>
    <t>GES Luftay Wala P/O Kala DGKhan</t>
  </si>
  <si>
    <t>Luftay Wala</t>
  </si>
  <si>
    <t>GGPS 80 EB</t>
  </si>
  <si>
    <t>80eb</t>
  </si>
  <si>
    <t>chak no80eb Arifwala Pakpattan</t>
  </si>
  <si>
    <t>86eb</t>
  </si>
  <si>
    <t>GPS CHAK NO 329 TDA</t>
  </si>
  <si>
    <t>329/TDA</t>
  </si>
  <si>
    <t>Chak No 329/ TDA</t>
  </si>
  <si>
    <t>Chak No 329/TDA</t>
  </si>
  <si>
    <t>M Shoaib Akhtar</t>
  </si>
  <si>
    <t>107991</t>
  </si>
  <si>
    <t>11903</t>
  </si>
  <si>
    <t>GGES RAMZAN ABAD KAROR</t>
  </si>
  <si>
    <t>Ramzan Abad Karor</t>
  </si>
  <si>
    <t>GGES Ramzan Abad Karor Lal Eason</t>
  </si>
  <si>
    <t>karor city</t>
  </si>
  <si>
    <t>Ayesha saleem</t>
  </si>
  <si>
    <t>GPS DHANDAL</t>
  </si>
  <si>
    <t>Dhandal</t>
  </si>
  <si>
    <t>village dhandal ,tehsil daska,district sialkot</t>
  </si>
  <si>
    <t>Mohammad Amkram</t>
  </si>
  <si>
    <t>19470</t>
  </si>
  <si>
    <t>GPS BASTI SHAM KOT</t>
  </si>
  <si>
    <t>Basti Sham Kot tehsil Hasilpur</t>
  </si>
  <si>
    <t>Muhammad Shahbaz Anwar</t>
  </si>
  <si>
    <t>28917</t>
  </si>
  <si>
    <t>GGPS SHED COLONY</t>
  </si>
  <si>
    <t>changa manga</t>
  </si>
  <si>
    <t>Shed Colony</t>
  </si>
  <si>
    <t>Safia Shaeen</t>
  </si>
  <si>
    <t>11921</t>
  </si>
  <si>
    <t>26947</t>
  </si>
  <si>
    <t>GPS MC NO. 1 HAFIZABAD</t>
  </si>
  <si>
    <t>mohallah bijli ghr  near double section girls school hafizabad</t>
  </si>
  <si>
    <t>teacher colony</t>
  </si>
  <si>
    <t>M Irfan kashif</t>
  </si>
  <si>
    <t>22274</t>
  </si>
  <si>
    <t>GPS AMINABAD</t>
  </si>
  <si>
    <t>Mohallah amin abad Street no 4 gujrat</t>
  </si>
  <si>
    <t>Duswandi Pura</t>
  </si>
  <si>
    <t>Noreen Khalid</t>
  </si>
  <si>
    <t>18569</t>
  </si>
  <si>
    <t>GGHS CHAK 353 JB MEDHI ABAD</t>
  </si>
  <si>
    <t>GOVT.GIRLS HIGH SCHOOL 353JB TEHSIL GOJRA DISTRICT TOBA TEK SINGH</t>
  </si>
  <si>
    <t>CHAK NO 349JB</t>
  </si>
  <si>
    <t>Shabnam Yasmin</t>
  </si>
  <si>
    <t>22358</t>
  </si>
  <si>
    <t>26697</t>
  </si>
  <si>
    <t>11928</t>
  </si>
  <si>
    <t>GES CHAK NO 71/4-R</t>
  </si>
  <si>
    <t>Chak 71/4R</t>
  </si>
  <si>
    <t>Chak 71/4-R The.Haroonabad</t>
  </si>
  <si>
    <t>71/4R</t>
  </si>
  <si>
    <t>71/4-R</t>
  </si>
  <si>
    <t>Muhammad Amir Riaz</t>
  </si>
  <si>
    <t>18078</t>
  </si>
  <si>
    <t>11931</t>
  </si>
  <si>
    <t>GGPS CHAK NO.150/M-A</t>
  </si>
  <si>
    <t>150/m</t>
  </si>
  <si>
    <t>Village 150/m</t>
  </si>
  <si>
    <t>kalsoom akhter</t>
  </si>
  <si>
    <t>27323</t>
  </si>
  <si>
    <t>GHSS KAMAR MUSHANI</t>
  </si>
  <si>
    <t>Sodhari</t>
  </si>
  <si>
    <t>KAMAR MUSHANI</t>
  </si>
  <si>
    <t>ZARMEEN SHAH</t>
  </si>
  <si>
    <t>9727</t>
  </si>
  <si>
    <t>27039</t>
  </si>
  <si>
    <t>GGPS CHANIAN WALA</t>
  </si>
  <si>
    <t>Chanianwala</t>
  </si>
  <si>
    <t>chanianwala village</t>
  </si>
  <si>
    <t>Shehnilla Gulzar</t>
  </si>
  <si>
    <t>52376</t>
  </si>
  <si>
    <t>GPS QILA SADA SINGH</t>
  </si>
  <si>
    <t>Qila Sada Singh</t>
  </si>
  <si>
    <t>GPS Qila Sada Singh p o Mandi Ahmad Abad</t>
  </si>
  <si>
    <t>Kalasan Peramal</t>
  </si>
  <si>
    <t>10364</t>
  </si>
  <si>
    <t>GMPS 298/HR</t>
  </si>
  <si>
    <t>298 HR</t>
  </si>
  <si>
    <t>Chak No 298 hr</t>
  </si>
  <si>
    <t>Saba Raiz</t>
  </si>
  <si>
    <t>45435</t>
  </si>
  <si>
    <t>GPS ALI LUCK DARAY KHAN</t>
  </si>
  <si>
    <t>Mohalla shakhan wala Darya Khan</t>
  </si>
  <si>
    <t>33132</t>
  </si>
  <si>
    <t>GGCMES 87 EB</t>
  </si>
  <si>
    <t>87/eb</t>
  </si>
  <si>
    <t>chak 87/eb</t>
  </si>
  <si>
    <t>Chak 87/eb</t>
  </si>
  <si>
    <t>Chak Mehdi Khan</t>
  </si>
  <si>
    <t>Lubna Raheem</t>
  </si>
  <si>
    <t>29400</t>
  </si>
  <si>
    <t>38491</t>
  </si>
  <si>
    <t>GPS KHAGHAY WALA</t>
  </si>
  <si>
    <t>Dunyapur Gharbi</t>
  </si>
  <si>
    <t>Khaghay Wala,</t>
  </si>
  <si>
    <t>Muhammad Ashiq Sukhera</t>
  </si>
  <si>
    <t>37553</t>
  </si>
  <si>
    <t>GES JINNAH COLONY</t>
  </si>
  <si>
    <t>gadai sharqi</t>
  </si>
  <si>
    <t>MUHAMMAD SHAHBAZ AKMAL</t>
  </si>
  <si>
    <t>8474</t>
  </si>
  <si>
    <t>GMPS SAILAB COLONY</t>
  </si>
  <si>
    <t>Sailab Colony</t>
  </si>
  <si>
    <t>village silab colony p.o kallur</t>
  </si>
  <si>
    <t>51375</t>
  </si>
  <si>
    <t>10377</t>
  </si>
  <si>
    <t>13312</t>
  </si>
  <si>
    <t>GGPS DADAY WALA</t>
  </si>
  <si>
    <t>shaher sultan</t>
  </si>
  <si>
    <t>basti cheeny wala shaher sultan</t>
  </si>
  <si>
    <t>basti cheeny wala</t>
  </si>
  <si>
    <t>Tehreem Bukhari</t>
  </si>
  <si>
    <t>22527</t>
  </si>
  <si>
    <t>GMPS KHAN PUR KHOKHAR</t>
  </si>
  <si>
    <t>Khan Pur Khokhar</t>
  </si>
  <si>
    <t>khan pur khokhar</t>
  </si>
  <si>
    <t>Misbah Begham</t>
  </si>
  <si>
    <t>37283</t>
  </si>
  <si>
    <t>37870</t>
  </si>
  <si>
    <t>GMPS 122/10-R, JAHANIAN</t>
  </si>
  <si>
    <t>122/10-R</t>
  </si>
  <si>
    <t>chak no.122/10-R</t>
  </si>
  <si>
    <t>Anam Rafique</t>
  </si>
  <si>
    <t>GPS ZAHEER ABAD</t>
  </si>
  <si>
    <t>Mohala qbal town chunian</t>
  </si>
  <si>
    <t>M Javed Iqbal</t>
  </si>
  <si>
    <t>52791</t>
  </si>
  <si>
    <t>GGPS TARSANGI</t>
  </si>
  <si>
    <t>Tarsangi</t>
  </si>
  <si>
    <t>GGPS Tarsangl</t>
  </si>
  <si>
    <t>10389</t>
  </si>
  <si>
    <t>21641</t>
  </si>
  <si>
    <t>GGPS TORNIAN</t>
  </si>
  <si>
    <t>Tronian</t>
  </si>
  <si>
    <t>post office daburji bagha tehsil kamoky district gujranwala</t>
  </si>
  <si>
    <t>Attia Sanaullah</t>
  </si>
  <si>
    <t>GPS AHMAD PUR, KOTLA SYED BAHAUDDIN, NAWAN SHEHR</t>
  </si>
  <si>
    <t>Kotla</t>
  </si>
  <si>
    <t>darbar syed mohammad</t>
  </si>
  <si>
    <t>Darbar Syed Mohammad</t>
  </si>
  <si>
    <t>Salarwahin</t>
  </si>
  <si>
    <t>38496</t>
  </si>
  <si>
    <t>GPS CHAK NO. 17/M</t>
  </si>
  <si>
    <t>17/M</t>
  </si>
  <si>
    <t>chak no 17/M</t>
  </si>
  <si>
    <t>20113</t>
  </si>
  <si>
    <t>GMPS CHAK NO 148 JB HARAL</t>
  </si>
  <si>
    <t>Chak No 148</t>
  </si>
  <si>
    <t>chak no 148 jb tehsil &amp; distt chiniot</t>
  </si>
  <si>
    <t>Gattee Sadayan</t>
  </si>
  <si>
    <t>22010</t>
  </si>
  <si>
    <t>7938</t>
  </si>
  <si>
    <t>39728</t>
  </si>
  <si>
    <t>GGPS RATTI KIRI</t>
  </si>
  <si>
    <t>Sadan Khail</t>
  </si>
  <si>
    <t>vpo dakhnair village ratti kerri tehsil jand district</t>
  </si>
  <si>
    <t>Ratti Kerrih</t>
  </si>
  <si>
    <t>Shazia Karim</t>
  </si>
  <si>
    <t>46831</t>
  </si>
  <si>
    <t>GMPS SARKIA</t>
  </si>
  <si>
    <t>Sarkia</t>
  </si>
  <si>
    <t>GMPS sarkia</t>
  </si>
  <si>
    <t>Sumaira Ghafoor</t>
  </si>
  <si>
    <t>14795</t>
  </si>
  <si>
    <t>10411</t>
  </si>
  <si>
    <t>20462</t>
  </si>
  <si>
    <t>GES SAGHIR SHAHEED ROAD GUJRANWALA</t>
  </si>
  <si>
    <t>Naveed colony nosehra road Gujranwala</t>
  </si>
  <si>
    <t>Naveed Colony</t>
  </si>
  <si>
    <t>Qila Sunder Sing</t>
  </si>
  <si>
    <t>10415</t>
  </si>
  <si>
    <t>44465</t>
  </si>
  <si>
    <t>GPS CHAK NO 34 TDA</t>
  </si>
  <si>
    <t>Chak 34 TDA</t>
  </si>
  <si>
    <t>Chak 34 TDA BKR</t>
  </si>
  <si>
    <t>34 TDA</t>
  </si>
  <si>
    <t>Gadola</t>
  </si>
  <si>
    <t>31102</t>
  </si>
  <si>
    <t>10418</t>
  </si>
  <si>
    <t>45609</t>
  </si>
  <si>
    <t>GGPS JHOKE LAL SHAH</t>
  </si>
  <si>
    <t>Jhok lal shah</t>
  </si>
  <si>
    <t>jhok lal shah p/o jhok qalandar bakhsh</t>
  </si>
  <si>
    <t>panjgraen</t>
  </si>
  <si>
    <t>Sadaf Afreen</t>
  </si>
  <si>
    <t>GES CHAK NO. 148/6-R</t>
  </si>
  <si>
    <t>chak no.148/6r</t>
  </si>
  <si>
    <t>98/6-R</t>
  </si>
  <si>
    <t>NAEEM SAJID</t>
  </si>
  <si>
    <t>16332</t>
  </si>
  <si>
    <t>GGPS CHAK NO. 328 HR WEST</t>
  </si>
  <si>
    <t>Marrot</t>
  </si>
  <si>
    <t>chack 328/HR (West) Tehsil Fortabbas District Bahawalnagar</t>
  </si>
  <si>
    <t>328/HR</t>
  </si>
  <si>
    <t>Hanfa Zafar</t>
  </si>
  <si>
    <t>37757</t>
  </si>
  <si>
    <t>GGES 121/10-R, JAHANIAN</t>
  </si>
  <si>
    <t>121/10-R</t>
  </si>
  <si>
    <t>121/10-R  Tehsil jahanian District Khanewal</t>
  </si>
  <si>
    <t>127/10-R</t>
  </si>
  <si>
    <t>Shama Toheed</t>
  </si>
  <si>
    <t>6572</t>
  </si>
  <si>
    <t>34767</t>
  </si>
  <si>
    <t>GHS MOUZA JUGOO WALA JALALPUR PIRWALA</t>
  </si>
  <si>
    <t>MOUZA JUGGOWALA P/O SAME VIA GAILAY WALA TEHSIL JALALPUR PIR WALA DISTT.MULTAN</t>
  </si>
  <si>
    <t>Muhammad Saleem Khan</t>
  </si>
  <si>
    <t>38497</t>
  </si>
  <si>
    <t>GPS 14/M</t>
  </si>
  <si>
    <t>chak No 14/M-East</t>
  </si>
  <si>
    <t>Chak No 14/M-East</t>
  </si>
  <si>
    <t>Sultan Ayub Qataal 307/WB</t>
  </si>
  <si>
    <t>GPS DERAN WALA</t>
  </si>
  <si>
    <t>gps deran wala markaz esa khel tehsil isa khel dist mianwali</t>
  </si>
  <si>
    <t>Deran Wala</t>
  </si>
  <si>
    <t>MUHAMMAD ASGHAR KHAN</t>
  </si>
  <si>
    <t>34895</t>
  </si>
  <si>
    <t>20478</t>
  </si>
  <si>
    <t>10434</t>
  </si>
  <si>
    <t>16854</t>
  </si>
  <si>
    <t>GHS KOT KHAN</t>
  </si>
  <si>
    <t>MOUZA KOT KHAN, JHANG</t>
  </si>
  <si>
    <t>SIKANDER HAYAT</t>
  </si>
  <si>
    <t>GPS SATRAH</t>
  </si>
  <si>
    <t>satrah</t>
  </si>
  <si>
    <t>Khalil Ur Rehman</t>
  </si>
  <si>
    <t>45596</t>
  </si>
  <si>
    <t>24998</t>
  </si>
  <si>
    <t>53489</t>
  </si>
  <si>
    <t>GPS 85/12-L</t>
  </si>
  <si>
    <t>85/12L</t>
  </si>
  <si>
    <t>chak No.85/12L tehsil chichawatni district sahiwal</t>
  </si>
  <si>
    <t>UC 92/12L</t>
  </si>
  <si>
    <t>10132</t>
  </si>
  <si>
    <t>10450</t>
  </si>
  <si>
    <t>13102</t>
  </si>
  <si>
    <t>GPS ASEER WALA</t>
  </si>
  <si>
    <t>Basti Allah Bukhsh Chajra, U.C Rampur1 Tehsil Jatoi, Distt. Muzaffargarh</t>
  </si>
  <si>
    <t>Basti Allah Bakhsh  Chajra</t>
  </si>
  <si>
    <t>39655</t>
  </si>
  <si>
    <t>GGPS DHOK KALA (BASAL)</t>
  </si>
  <si>
    <t>Dhoke Kala</t>
  </si>
  <si>
    <t>district attock tehsil jand village Dhoke kala</t>
  </si>
  <si>
    <t>Saima Mehtab</t>
  </si>
  <si>
    <t>25401</t>
  </si>
  <si>
    <t>14840</t>
  </si>
  <si>
    <t>46807</t>
  </si>
  <si>
    <t>GPS ABBIZAR KHAN WALA</t>
  </si>
  <si>
    <t>Dilla Mir Wala</t>
  </si>
  <si>
    <t>wandha Abi zar khan wala</t>
  </si>
  <si>
    <t>Abi Zar Khan Wala</t>
  </si>
  <si>
    <t>Pakka Kamar</t>
  </si>
  <si>
    <t>GGES MAMOORI</t>
  </si>
  <si>
    <t>government girls elementary school mamoori dera ghazi Khan</t>
  </si>
  <si>
    <t>GHS LASSA</t>
  </si>
  <si>
    <t>GBHS Lassa, Tehsil Fateh Jang, district Attock</t>
  </si>
  <si>
    <t>Gali jageer</t>
  </si>
  <si>
    <t>Irfan Mehmud</t>
  </si>
  <si>
    <t>GPS CHAK NO.195/HB (S)</t>
  </si>
  <si>
    <t>195 Hb S</t>
  </si>
  <si>
    <t>chak no. 195 hb</t>
  </si>
  <si>
    <t>204/ 9R</t>
  </si>
  <si>
    <t>Razia Arshad</t>
  </si>
  <si>
    <t>52032</t>
  </si>
  <si>
    <t>GMPS 341 EB</t>
  </si>
  <si>
    <t>Lahore Lat</t>
  </si>
  <si>
    <t>Chak no 341/eb Arifwala district Pakpttan</t>
  </si>
  <si>
    <t>341/eb</t>
  </si>
  <si>
    <t>Chakiyan Wala</t>
  </si>
  <si>
    <t>14996</t>
  </si>
  <si>
    <t>GGHS CHAK NO.182/M</t>
  </si>
  <si>
    <t>182m</t>
  </si>
  <si>
    <t>chak no 182m p/o chakno186m hasilpur</t>
  </si>
  <si>
    <t>Chak No 182m</t>
  </si>
  <si>
    <t>Chak No163m</t>
  </si>
  <si>
    <t>Nadia Iram</t>
  </si>
  <si>
    <t>10236</t>
  </si>
  <si>
    <t>20105</t>
  </si>
  <si>
    <t>GGPS CHAK NO 144 JB</t>
  </si>
  <si>
    <t>Chak No 144JB</t>
  </si>
  <si>
    <t>Gatti Sayada</t>
  </si>
  <si>
    <t>GPS GULSHER WALA</t>
  </si>
  <si>
    <t>Vaince</t>
  </si>
  <si>
    <t>basti hajan Shah Moza vaince tehsil jatoi district muzaffargarh</t>
  </si>
  <si>
    <t>Hajan Shah</t>
  </si>
  <si>
    <t>46837</t>
  </si>
  <si>
    <t>GMPS SHEIKH MUSA KHEL</t>
  </si>
  <si>
    <t>Isa khel</t>
  </si>
  <si>
    <t>Sheik mussa khel</t>
  </si>
  <si>
    <t>Intizar Begum</t>
  </si>
  <si>
    <t>40196</t>
  </si>
  <si>
    <t>GGPS NO. 2 JHELUM</t>
  </si>
  <si>
    <t>Suleman Paras</t>
  </si>
  <si>
    <t>mohallah suleman paras jhelum</t>
  </si>
  <si>
    <t>Lalazar Colony</t>
  </si>
  <si>
    <t>10245</t>
  </si>
  <si>
    <t>GGES CHAK NO.60-61/F</t>
  </si>
  <si>
    <t>60/61 F</t>
  </si>
  <si>
    <t>Govt Girls E/S 60/61 f</t>
  </si>
  <si>
    <t>58 F</t>
  </si>
  <si>
    <t>Nasim Kousar</t>
  </si>
  <si>
    <t>GPS SAKHI SHOUQ ELAHI</t>
  </si>
  <si>
    <t>fattu wali khui mari shoq shah chishtian.</t>
  </si>
  <si>
    <t>Fattu Wali Khui</t>
  </si>
  <si>
    <t>Muhammad zafar Iqbal</t>
  </si>
  <si>
    <t>10248</t>
  </si>
  <si>
    <t>34921</t>
  </si>
  <si>
    <t>GGPS BHAPLA WALA</t>
  </si>
  <si>
    <t>Hafiz Wala Sherqi</t>
  </si>
  <si>
    <t>govt girls primary school bhapla wala</t>
  </si>
  <si>
    <t>Bhapla Wala</t>
  </si>
  <si>
    <t>Mamoona Kalsoom</t>
  </si>
  <si>
    <t>22069</t>
  </si>
  <si>
    <t>15289</t>
  </si>
  <si>
    <t>41848</t>
  </si>
  <si>
    <t>GES F.D. MODEL CHARAGH NAGAR</t>
  </si>
  <si>
    <t>Charagh Nagar</t>
  </si>
  <si>
    <t>Nowshera road street Haroon wali Charagh nagar</t>
  </si>
  <si>
    <t>Naeem ullah</t>
  </si>
  <si>
    <t>47036</t>
  </si>
  <si>
    <t>26967</t>
  </si>
  <si>
    <t>GES RAHGO SEYDAN</t>
  </si>
  <si>
    <t>Rahgo Syedan</t>
  </si>
  <si>
    <t>GES rahgo syedan, hafizabad</t>
  </si>
  <si>
    <t>28795</t>
  </si>
  <si>
    <t>pindi teh.Chunian distt.kasur</t>
  </si>
  <si>
    <t>Rasul Pur</t>
  </si>
  <si>
    <t>Muhammad Iqbal Hassan</t>
  </si>
  <si>
    <t>52879</t>
  </si>
  <si>
    <t>10258</t>
  </si>
  <si>
    <t>46960</t>
  </si>
  <si>
    <t>GGPS ILMI KHEL</t>
  </si>
  <si>
    <t>wandha allami khel kamar mushani</t>
  </si>
  <si>
    <t>Wandha Almi Khel</t>
  </si>
  <si>
    <t>Asma Ahmed</t>
  </si>
  <si>
    <t>GGPS FAROOQ KHAN WALA</t>
  </si>
  <si>
    <t>235wb</t>
  </si>
  <si>
    <t>chak no 235/WB Adda Zakheera Tehsil Dunya Pur District Lodhran</t>
  </si>
  <si>
    <t>235/WB</t>
  </si>
  <si>
    <t>237/WB</t>
  </si>
  <si>
    <t>39153</t>
  </si>
  <si>
    <t>GMPS AJUWALA</t>
  </si>
  <si>
    <t>Hafiz Muhammad Saleem</t>
  </si>
  <si>
    <t>18712</t>
  </si>
  <si>
    <t>GPS SARAI SIDHU SHARQI, SARAI SIDHU</t>
  </si>
  <si>
    <t>Aziz-ur-Rehman Abbasi</t>
  </si>
  <si>
    <t>10279</t>
  </si>
  <si>
    <t>44412</t>
  </si>
  <si>
    <t>GPS ANAYAT ABAD</t>
  </si>
  <si>
    <t>Anayatabad</t>
  </si>
  <si>
    <t>Tariq Aziz</t>
  </si>
  <si>
    <t>50404</t>
  </si>
  <si>
    <t>34771</t>
  </si>
  <si>
    <t>GHS KHAN BELA</t>
  </si>
  <si>
    <t>Khanbela</t>
  </si>
  <si>
    <t>khanbela</t>
  </si>
  <si>
    <t>Fida-ur-Rehman</t>
  </si>
  <si>
    <t>39530</t>
  </si>
  <si>
    <t>GPS DHOK CHHOI (JALWAL)</t>
  </si>
  <si>
    <t>Dhok chhoi , vpo jalwal teh jand district attock</t>
  </si>
  <si>
    <t>Nasir Jamal Ahmad</t>
  </si>
  <si>
    <t>10295</t>
  </si>
  <si>
    <t>GPS PUL SHAH WALA</t>
  </si>
  <si>
    <t>Basti jundo wala jampur</t>
  </si>
  <si>
    <t>Basti Jundo Wala</t>
  </si>
  <si>
    <t>Hafiz Shoukat Ali</t>
  </si>
  <si>
    <t>GGHS CHAK NO.64/F</t>
  </si>
  <si>
    <t>chak no 64/f</t>
  </si>
  <si>
    <t>TAHIRA NASEEM KOUSAR</t>
  </si>
  <si>
    <t>11978</t>
  </si>
  <si>
    <t>52120</t>
  </si>
  <si>
    <t>13207</t>
  </si>
  <si>
    <t>GGPS ASLAM KHAN PITAFI</t>
  </si>
  <si>
    <t>basti rahmat abad lundi pitafi</t>
  </si>
  <si>
    <t>Ramat Abad</t>
  </si>
  <si>
    <t>sahrish Qadir</t>
  </si>
  <si>
    <t>GGPS CHAK 85/5-R</t>
  </si>
  <si>
    <t>85  5 R</t>
  </si>
  <si>
    <t>Chak no 85-5r</t>
  </si>
  <si>
    <t>85-5r</t>
  </si>
  <si>
    <t>71/4-r</t>
  </si>
  <si>
    <t>Hameeda Nadir</t>
  </si>
  <si>
    <t>GES QILA SOORA SINGH</t>
  </si>
  <si>
    <t>Qila soora singh</t>
  </si>
  <si>
    <t>P/O Tanda qila soora singh Teh, and Disstt. Gujrat</t>
  </si>
  <si>
    <t>zafar  Mehdi</t>
  </si>
  <si>
    <t>GMPS FAZAL ABAD</t>
  </si>
  <si>
    <t>Takht Mehal</t>
  </si>
  <si>
    <t>Basti Fazal Abad</t>
  </si>
  <si>
    <t>GGPS CHAK NO 175/7-R</t>
  </si>
  <si>
    <t>175/7r</t>
  </si>
  <si>
    <t>chak no.175/7r tehsil fortabbas distt.bwn</t>
  </si>
  <si>
    <t>GPS BUNGI KULIAN NO. 1</t>
  </si>
  <si>
    <t>Bungi Kaliyan</t>
  </si>
  <si>
    <t>bongi kalian</t>
  </si>
  <si>
    <t>Bongi Kalian No1</t>
  </si>
  <si>
    <t>Baghiwal</t>
  </si>
  <si>
    <t>Yahya Salman</t>
  </si>
  <si>
    <t>25260</t>
  </si>
  <si>
    <t>23065</t>
  </si>
  <si>
    <t>46932</t>
  </si>
  <si>
    <t>GGPS MANJHI KHEL</t>
  </si>
  <si>
    <t>mohalla manjhi khel</t>
  </si>
  <si>
    <t>42931</t>
  </si>
  <si>
    <t>GPS SAHOTE BADHAL</t>
  </si>
  <si>
    <t>Sahote Badhal</t>
  </si>
  <si>
    <t>village sahote badhalp/o choha khala the kallar syedan distt rwp</t>
  </si>
  <si>
    <t>Knoha</t>
  </si>
  <si>
    <t>Syed Naveed Asgar</t>
  </si>
  <si>
    <t>11019</t>
  </si>
  <si>
    <t>50491</t>
  </si>
  <si>
    <t>GGPS 10/11-L (N)</t>
  </si>
  <si>
    <t>Basti Inayat Ali Khan</t>
  </si>
  <si>
    <t>10/11L(N)</t>
  </si>
  <si>
    <t>10/11LN</t>
  </si>
  <si>
    <t>10/11L</t>
  </si>
  <si>
    <t>Rubab Batool</t>
  </si>
  <si>
    <t>14302</t>
  </si>
  <si>
    <t>52289</t>
  </si>
  <si>
    <t>42629</t>
  </si>
  <si>
    <t>GGES MATUA</t>
  </si>
  <si>
    <t>Matua</t>
  </si>
  <si>
    <t>Village &amp; P.O. Matua Tehsil Gujar Khan District Rawalpindi</t>
  </si>
  <si>
    <t>Noshaba Raza</t>
  </si>
  <si>
    <t>17293</t>
  </si>
  <si>
    <t>39989</t>
  </si>
  <si>
    <t>GPS MODEL MALLAHI TOLA</t>
  </si>
  <si>
    <t>Malahi Tola</t>
  </si>
  <si>
    <t>malahi Tola Hazro attock</t>
  </si>
  <si>
    <t>GES CHAK NO. 221/WB</t>
  </si>
  <si>
    <t>MANJHA KOTLA - MALE</t>
  </si>
  <si>
    <t>221 WB</t>
  </si>
  <si>
    <t>Chak no 221 WB Dunyapur district Lodhran</t>
  </si>
  <si>
    <t>231 WB</t>
  </si>
  <si>
    <t>8462</t>
  </si>
  <si>
    <t>35058</t>
  </si>
  <si>
    <t>GGHS 291 EB</t>
  </si>
  <si>
    <t>291/E.B BUREWALA</t>
  </si>
  <si>
    <t>8464</t>
  </si>
  <si>
    <t>GPS JANWAL</t>
  </si>
  <si>
    <t>GPS janwal at pind ratwal Jhelum Punjab</t>
  </si>
  <si>
    <t>Pind Ratwal</t>
  </si>
  <si>
    <t>Bilalshafi</t>
  </si>
  <si>
    <t>2296</t>
  </si>
  <si>
    <t>7171</t>
  </si>
  <si>
    <t>GGPS CHAK NO. 147/6-R W</t>
  </si>
  <si>
    <t>HND-11-FEMALE</t>
  </si>
  <si>
    <t>Chak No 147 /6r</t>
  </si>
  <si>
    <t>Chak no 147 /6r p/o146/6r Haroon Abad</t>
  </si>
  <si>
    <t>147 /6R</t>
  </si>
  <si>
    <t>Chak No 98/6r</t>
  </si>
  <si>
    <t>Nazia Iram</t>
  </si>
  <si>
    <t>8466</t>
  </si>
  <si>
    <t>51920</t>
  </si>
  <si>
    <t>GPS 145 EB</t>
  </si>
  <si>
    <t>Chak 145/eb</t>
  </si>
  <si>
    <t>GPS 145/eb post office chak No 143/eb tehsil arif wala district pakpattan</t>
  </si>
  <si>
    <t>145/eb</t>
  </si>
  <si>
    <t>34867</t>
  </si>
  <si>
    <t>GPS NAHRAN WALA P/O BAIT KACH</t>
  </si>
  <si>
    <t>Nahran Wala</t>
  </si>
  <si>
    <t>basti Bhand</t>
  </si>
  <si>
    <t>GPS CHULLO MIRGALA</t>
  </si>
  <si>
    <t>GBPS Chullo Mirgala Po samot teh kallar syedan distt rwp</t>
  </si>
  <si>
    <t>Chullo Mirgala</t>
  </si>
  <si>
    <t>GES MAMORI</t>
  </si>
  <si>
    <t>P/O MAMOORI KHAS  D.G.KHAN</t>
  </si>
  <si>
    <t>28914</t>
  </si>
  <si>
    <t>GGCMES GAJAN SING WALA</t>
  </si>
  <si>
    <t>Gajjan Singh Wala</t>
  </si>
  <si>
    <t>Gajjan  Singh  wala</t>
  </si>
  <si>
    <t>Khola  Khatoon</t>
  </si>
  <si>
    <t>43218</t>
  </si>
  <si>
    <t>54294</t>
  </si>
  <si>
    <t>44858</t>
  </si>
  <si>
    <t>GHS UMAR WALI</t>
  </si>
  <si>
    <t>Umar Wali</t>
  </si>
  <si>
    <t>Govt.High school Umar wali (Bhakkar)</t>
  </si>
  <si>
    <t>Maibal Daggar</t>
  </si>
  <si>
    <t>19713</t>
  </si>
  <si>
    <t>GGHS KURK MUHAMMADI SHARIF</t>
  </si>
  <si>
    <t>Muhammadi Shareef</t>
  </si>
  <si>
    <t>gghs kurk Muhammadi Shareef bhowana</t>
  </si>
  <si>
    <t>Kurk Muhammadi Shareef</t>
  </si>
  <si>
    <t>9873</t>
  </si>
  <si>
    <t>35080</t>
  </si>
  <si>
    <t>8492</t>
  </si>
  <si>
    <t>GPS ALLAH BAKHSH GOPANG</t>
  </si>
  <si>
    <t>Basti Laskani, Mouza Lundi Pitafi, Tehsil Jatoi, Distt:Muzaffargarh</t>
  </si>
  <si>
    <t>GMPS CHAK NO.47/F BASTI KAMAL DIN</t>
  </si>
  <si>
    <t>47/f</t>
  </si>
  <si>
    <t>47/f basti kmal din</t>
  </si>
  <si>
    <t>47/f Basti Kmal Din</t>
  </si>
  <si>
    <t>48/f</t>
  </si>
  <si>
    <t>Sonia Ghafoor</t>
  </si>
  <si>
    <t>42920</t>
  </si>
  <si>
    <t>GPS DHOK SANGAL</t>
  </si>
  <si>
    <t>dhoke  sangal PO choha khalsa tehsil kallar syedan district Rawalpindi</t>
  </si>
  <si>
    <t>Dhoke  Sangal</t>
  </si>
  <si>
    <t>Muhammad Qamar Us Salam</t>
  </si>
  <si>
    <t>34886</t>
  </si>
  <si>
    <t>GGES HOOT WALA NO 1</t>
  </si>
  <si>
    <t>Hoot Wala</t>
  </si>
  <si>
    <t>bsti hveli amern</t>
  </si>
  <si>
    <t>Havei Ameen</t>
  </si>
  <si>
    <t>Saher Bukhari</t>
  </si>
  <si>
    <t>54573</t>
  </si>
  <si>
    <t>GPS KOT PANAH</t>
  </si>
  <si>
    <t>Panah Kot</t>
  </si>
  <si>
    <t>kot panah tehsil and distt hafizabad</t>
  </si>
  <si>
    <t>Haider ali</t>
  </si>
  <si>
    <t>8282</t>
  </si>
  <si>
    <t>28010</t>
  </si>
  <si>
    <t>52028</t>
  </si>
  <si>
    <t>GMPS 8 EB</t>
  </si>
  <si>
    <t>8/eb</t>
  </si>
  <si>
    <t>chak #8/eb p/o 10/eb arifwala pakpattan</t>
  </si>
  <si>
    <t>Faiza Fida</t>
  </si>
  <si>
    <t>24395</t>
  </si>
  <si>
    <t>GPS NOOR SHAH PALLAH</t>
  </si>
  <si>
    <t>basti noor shah pallah .</t>
  </si>
  <si>
    <t>Ahmad Bukhsh Chishti</t>
  </si>
  <si>
    <t>44586</t>
  </si>
  <si>
    <t>GGCMS BASTI SHEIKHAN WALI</t>
  </si>
  <si>
    <t>Shaikh  Nashaib</t>
  </si>
  <si>
    <t>Govt Girls Community Model School Basti Shaikhan wali</t>
  </si>
  <si>
    <t>Basti Shaikhan Wali</t>
  </si>
  <si>
    <t>Godola</t>
  </si>
  <si>
    <t>Kossar Perveen</t>
  </si>
  <si>
    <t>9744</t>
  </si>
  <si>
    <t>GGPS CHAK NO. 327/TDA</t>
  </si>
  <si>
    <t>Chak No 327TDA</t>
  </si>
  <si>
    <t>Chak No 327TDA Tehsil Choubara Distt Layyah</t>
  </si>
  <si>
    <t>Saleem Bibi</t>
  </si>
  <si>
    <t>41626</t>
  </si>
  <si>
    <t>38679</t>
  </si>
  <si>
    <t>GGPS KOTLA HASSAN KHAN</t>
  </si>
  <si>
    <t>Kotla Hassan Khan</t>
  </si>
  <si>
    <t>government girls primary school kotla hassan khan</t>
  </si>
  <si>
    <t>Shafqat Shaheen</t>
  </si>
  <si>
    <t>46941</t>
  </si>
  <si>
    <t>GGPS MAHARAN WALA</t>
  </si>
  <si>
    <t>Wanda Maharanwala,p/o mkrwal,sultan khel</t>
  </si>
  <si>
    <t>Asima Parveen</t>
  </si>
  <si>
    <t>35233</t>
  </si>
  <si>
    <t>GPS TOBA ALLAH YAR</t>
  </si>
  <si>
    <t>Toba  Allah  Yar</t>
  </si>
  <si>
    <t>Toba   Allah Yar  Tehsil  Bahawalnagar</t>
  </si>
  <si>
    <t>Toba Allah Yar</t>
  </si>
  <si>
    <t>Malak Pura</t>
  </si>
  <si>
    <t>GPS BAZAY WALI</t>
  </si>
  <si>
    <t>Vpo mari tehsil jand distt attock</t>
  </si>
  <si>
    <t>Faqar Alam</t>
  </si>
  <si>
    <t>45511</t>
  </si>
  <si>
    <t>8521</t>
  </si>
  <si>
    <t>52307</t>
  </si>
  <si>
    <t>GGES AMIRA TAJAKA</t>
  </si>
  <si>
    <t>Amira Tejeka</t>
  </si>
  <si>
    <t>GGES AMIRA TEJEKA</t>
  </si>
  <si>
    <t>Nehal Mohar</t>
  </si>
  <si>
    <t>FARIDA TAHIR</t>
  </si>
  <si>
    <t>42939</t>
  </si>
  <si>
    <t>GPS GOHRA</t>
  </si>
  <si>
    <t>village gohra teh kallar syedan</t>
  </si>
  <si>
    <t>15199</t>
  </si>
  <si>
    <t>8523</t>
  </si>
  <si>
    <t>GGHS CHAK 164 RB</t>
  </si>
  <si>
    <t>Chak No 164 RB</t>
  </si>
  <si>
    <t>chak no 164 R.B Faisalabad</t>
  </si>
  <si>
    <t>Chak No 156 RB</t>
  </si>
  <si>
    <t>Shaista tehseen</t>
  </si>
  <si>
    <t>36972</t>
  </si>
  <si>
    <t>43092</t>
  </si>
  <si>
    <t>GPS CHAK 312/HR</t>
  </si>
  <si>
    <t>Chak No 312 HR</t>
  </si>
  <si>
    <t>Chak No 312 /H.R P/O marot Tehsil fortabas district bahawalnagar</t>
  </si>
  <si>
    <t>Chak No 311/HR</t>
  </si>
  <si>
    <t>GES CHAK NO. 98/F</t>
  </si>
  <si>
    <t>Chak 98</t>
  </si>
  <si>
    <t>chak 98/F chishtian</t>
  </si>
  <si>
    <t>8539</t>
  </si>
  <si>
    <t>43086</t>
  </si>
  <si>
    <t>GHSS DHEEDWAL</t>
  </si>
  <si>
    <t>dheedwal</t>
  </si>
  <si>
    <t>vpo dheedwal</t>
  </si>
  <si>
    <t>Nisar Ahmad Malik</t>
  </si>
  <si>
    <t>13144</t>
  </si>
  <si>
    <t>GPS MUSLIM CHAJRA</t>
  </si>
  <si>
    <t>Muslim Chajra</t>
  </si>
  <si>
    <t>Basti Muslim chajra UC binda ishaq tehsil jatoi disrict muzaffar garh</t>
  </si>
  <si>
    <t>8057</t>
  </si>
  <si>
    <t>GPS SHEIKHANI</t>
  </si>
  <si>
    <t>basti sheikhani</t>
  </si>
  <si>
    <t>GPS BADAR DIN</t>
  </si>
  <si>
    <t>Badar Din</t>
  </si>
  <si>
    <t>Badar Din P/o Qaimpur Tehsil Hasil Pur District Bahawal pur</t>
  </si>
  <si>
    <t>BadarDin</t>
  </si>
  <si>
    <t>JamalPur</t>
  </si>
  <si>
    <t>45342</t>
  </si>
  <si>
    <t>13455</t>
  </si>
  <si>
    <t>GPS BURREY WALA</t>
  </si>
  <si>
    <t>JAHANGIR COLONY DAJAL ROAD JAMPUR</t>
  </si>
  <si>
    <t>JAHANGIR COLONY</t>
  </si>
  <si>
    <t>ALLAH ABAD SHARQI</t>
  </si>
  <si>
    <t>GGPS MORI SYEDAN</t>
  </si>
  <si>
    <t>Mori Syedan po delhore teh kahuta</t>
  </si>
  <si>
    <t>Mori Syedan</t>
  </si>
  <si>
    <t>Saiqa Tasaddiq</t>
  </si>
  <si>
    <t>8547</t>
  </si>
  <si>
    <t>42970</t>
  </si>
  <si>
    <t>GGPS NUMB MIRGALA</t>
  </si>
  <si>
    <t>Mir Gala Mangral</t>
  </si>
  <si>
    <t>vill  numb mir gala p/o sar suba shah teh  kallr sayedan  distt Rawalpindi</t>
  </si>
  <si>
    <t>Numb Mir Gala</t>
  </si>
  <si>
    <t>Afia Parveen</t>
  </si>
  <si>
    <t>27721</t>
  </si>
  <si>
    <t>GES DARYA KHAN</t>
  </si>
  <si>
    <t>Darya Khan Daggar</t>
  </si>
  <si>
    <t>Near Jamiya MAsjid Firdoss Qadeem Darya Khan</t>
  </si>
  <si>
    <t>MC Darya Khan</t>
  </si>
  <si>
    <t>Ghulam Murtaza Saleem</t>
  </si>
  <si>
    <t>GGHSS BHOWANA</t>
  </si>
  <si>
    <t>gghss bhowana</t>
  </si>
  <si>
    <t>sorayyia parveen</t>
  </si>
  <si>
    <t>20552</t>
  </si>
  <si>
    <t>GPS ASAD COLONY</t>
  </si>
  <si>
    <t>Asad colony</t>
  </si>
  <si>
    <t>GPS asad colony sheikhu pura road gujranwala</t>
  </si>
  <si>
    <t>53859</t>
  </si>
  <si>
    <t>GPS KLAIR KOT KHANDA</t>
  </si>
  <si>
    <t>Klair Kot</t>
  </si>
  <si>
    <t>klair kot khanda</t>
  </si>
  <si>
    <t>SATRAH</t>
  </si>
  <si>
    <t>50511</t>
  </si>
  <si>
    <t>46366</t>
  </si>
  <si>
    <t>46646</t>
  </si>
  <si>
    <t>GHS KACHA BANGI KHEL</t>
  </si>
  <si>
    <t>Londay Bangi Khel</t>
  </si>
  <si>
    <t>village kacha bangi khel The Is a khel Distt Main wali</t>
  </si>
  <si>
    <t>Kacha Bangi Khel</t>
  </si>
  <si>
    <t>Tabbi Sat</t>
  </si>
  <si>
    <t>Muhammad Muneeb Khan</t>
  </si>
  <si>
    <t>32771</t>
  </si>
  <si>
    <t>GHS CHAK NO. 107/6-R</t>
  </si>
  <si>
    <t>Chak 107/6R</t>
  </si>
  <si>
    <t>Govt. H/S Chak No 107/6R Haroonabad</t>
  </si>
  <si>
    <t>Chak 109/6R</t>
  </si>
  <si>
    <t>GPS CHOUBARA</t>
  </si>
  <si>
    <t>ward no.1 choubara</t>
  </si>
  <si>
    <t>8217</t>
  </si>
  <si>
    <t>GPS KOT MUHAMMAD CHARGAH</t>
  </si>
  <si>
    <t>KOT CHARAGH</t>
  </si>
  <si>
    <t>KOT CHARAGH P/O DHUTTAY TEHSIL CHUNIAN DISTRICT KASUR</t>
  </si>
  <si>
    <t>DHUTTAY</t>
  </si>
  <si>
    <t>IRFAN RASHID</t>
  </si>
  <si>
    <t>10402</t>
  </si>
  <si>
    <t>53826</t>
  </si>
  <si>
    <t>17813</t>
  </si>
  <si>
    <t>GGPS NAI DEHLI</t>
  </si>
  <si>
    <t>Bori</t>
  </si>
  <si>
    <t>ggps new dehli po lang shumali</t>
  </si>
  <si>
    <t>New Dehli</t>
  </si>
  <si>
    <t>Kot Eisa Shah</t>
  </si>
  <si>
    <t>Kousar Purveen</t>
  </si>
  <si>
    <t>GMPS KOT MAKHDUM P/O SADIQIA</t>
  </si>
  <si>
    <t>Kot Makhdom</t>
  </si>
  <si>
    <t>jhulan Arien</t>
  </si>
  <si>
    <t>Kot Makdoom</t>
  </si>
  <si>
    <t>Jhulan ARIEN</t>
  </si>
  <si>
    <t>Samina Javed</t>
  </si>
  <si>
    <t>6012</t>
  </si>
  <si>
    <t>39032</t>
  </si>
  <si>
    <t>GPS KATHA COLONY</t>
  </si>
  <si>
    <t>Behlol</t>
  </si>
  <si>
    <t>katha colony bathar tehsil fateh jang district attock</t>
  </si>
  <si>
    <t>Katha Colony</t>
  </si>
  <si>
    <t>BAthar</t>
  </si>
  <si>
    <t>muhammad irshad</t>
  </si>
  <si>
    <t>16670</t>
  </si>
  <si>
    <t>GPS BASTI LAPRAIRAN</t>
  </si>
  <si>
    <t>Basti Laprairan moza pallah tehsil Hasil pur Dist.Bwp.</t>
  </si>
  <si>
    <t>Laprairan</t>
  </si>
  <si>
    <t>Shakeel Amjid</t>
  </si>
  <si>
    <t>GPS GANDA KASS</t>
  </si>
  <si>
    <t>Ganda Kass</t>
  </si>
  <si>
    <t>vpo ganda Kass tehsil jand district attock</t>
  </si>
  <si>
    <t>khalid Mehmood Malik</t>
  </si>
  <si>
    <t>11860</t>
  </si>
  <si>
    <t>22924</t>
  </si>
  <si>
    <t>20852</t>
  </si>
  <si>
    <t>GGPS MC NO. 2 GUJRANWALA</t>
  </si>
  <si>
    <t>moh. baghbanpura Bali mehar wazir wali hafizabad road, Gujranwala</t>
  </si>
  <si>
    <t>Ruzina Shahin</t>
  </si>
  <si>
    <t>6974</t>
  </si>
  <si>
    <t>50140</t>
  </si>
  <si>
    <t>GHS 69/12-L</t>
  </si>
  <si>
    <t>KAMAND</t>
  </si>
  <si>
    <t>CHAK # 69/12 L KAMAND CCI</t>
  </si>
  <si>
    <t>69/12 L</t>
  </si>
  <si>
    <t>SABIR HUSSAIN KAMAL</t>
  </si>
  <si>
    <t>maharshrif</t>
  </si>
  <si>
    <t>kalo  arain moza maharshrif CTN</t>
  </si>
  <si>
    <t>kalo Arain</t>
  </si>
  <si>
    <t>Maharahrif</t>
  </si>
  <si>
    <t>17257</t>
  </si>
  <si>
    <t>GPS CHAK NO 171 JB MANGANI</t>
  </si>
  <si>
    <t>Chak No171</t>
  </si>
  <si>
    <t>gps 171 jb mangani</t>
  </si>
  <si>
    <t>Chak No175</t>
  </si>
  <si>
    <t>MUHAMMAD Arif</t>
  </si>
  <si>
    <t>9905</t>
  </si>
  <si>
    <t>18658</t>
  </si>
  <si>
    <t>GPS CHAK 334 JB II</t>
  </si>
  <si>
    <t>Ch#334JB</t>
  </si>
  <si>
    <t>334/JB</t>
  </si>
  <si>
    <t>334JB</t>
  </si>
  <si>
    <t>27980</t>
  </si>
  <si>
    <t>21515</t>
  </si>
  <si>
    <t>GPS CHAK HINDA</t>
  </si>
  <si>
    <t>Chak HInda</t>
  </si>
  <si>
    <t>Village Chak Hinda</t>
  </si>
  <si>
    <t>Chak Hinda</t>
  </si>
  <si>
    <t>Aamir Atta</t>
  </si>
  <si>
    <t>GES KAHNOON</t>
  </si>
  <si>
    <t>Basti jan Muhammad wali Mouza kanhoon, jalal pur peer wala Multan</t>
  </si>
  <si>
    <t>10442</t>
  </si>
  <si>
    <t>50152</t>
  </si>
  <si>
    <t>GGPS CHAK NO.190/M-B</t>
  </si>
  <si>
    <t>190/M/B</t>
  </si>
  <si>
    <t>Chak#190/M.B Teh. HSP Dist. BWP</t>
  </si>
  <si>
    <t>190/M /B</t>
  </si>
  <si>
    <t>Abida Bashir</t>
  </si>
  <si>
    <t>24079</t>
  </si>
  <si>
    <t>GHS CHAK NO.269/EB</t>
  </si>
  <si>
    <t>269/EB Burewala</t>
  </si>
  <si>
    <t>269/EB</t>
  </si>
  <si>
    <t>265/EB</t>
  </si>
  <si>
    <t>FALAK SHER BHATTI</t>
  </si>
  <si>
    <t>GGES SHAHBAZ PUR</t>
  </si>
  <si>
    <t>Post office jalal pur jattan village shahbaz pur</t>
  </si>
  <si>
    <t>Fauzia Iqbal</t>
  </si>
  <si>
    <t>GGPS BASTI KARIM BAKHSH</t>
  </si>
  <si>
    <t>Shehbaz Pur</t>
  </si>
  <si>
    <t>basti jhalr bagry wali muza shehbaz pur tehsil jatoi</t>
  </si>
  <si>
    <t>Basti Jhalar Bagry Wali Muza Shehbaz Pur</t>
  </si>
  <si>
    <t>GMPS 18/1-R</t>
  </si>
  <si>
    <t>HND-5-FEMALE</t>
  </si>
  <si>
    <t>Chak NO 18/1R</t>
  </si>
  <si>
    <t>Govt.model p/s chak 18/1.r p.o 171.r Hnd Bwn</t>
  </si>
  <si>
    <t>18/1r</t>
  </si>
  <si>
    <t>Chak 20/3r</t>
  </si>
  <si>
    <t>AZRA NAZ</t>
  </si>
  <si>
    <t>9774</t>
  </si>
  <si>
    <t>GES CHAK NO. 14/M JAWAIN</t>
  </si>
  <si>
    <t>14m Jawain</t>
  </si>
  <si>
    <t>14m jawain dunyapur</t>
  </si>
  <si>
    <t>14m</t>
  </si>
  <si>
    <t>Sultan Ayob Qattal</t>
  </si>
  <si>
    <t>Fazal Ellahi</t>
  </si>
  <si>
    <t>28836</t>
  </si>
  <si>
    <t>GPS KALAS NAU</t>
  </si>
  <si>
    <t>Kalas Nau</t>
  </si>
  <si>
    <t>kalas Nau, near Kangan Pur, tehsil Chunian, kasur</t>
  </si>
  <si>
    <t>GPS BINDA GUL HAIDER SHAH</t>
  </si>
  <si>
    <t>binda Gull Haider Shah  mouza  badiani  p/of shahani tehsil &amp; district bhakkar</t>
  </si>
  <si>
    <t>Binda Gull Haider Shah</t>
  </si>
  <si>
    <t>Syed Muddaser Abbas Shah</t>
  </si>
  <si>
    <t>39520</t>
  </si>
  <si>
    <t>GES BAHAL</t>
  </si>
  <si>
    <t>GBE/S Bhal</t>
  </si>
  <si>
    <t>Electric Moter</t>
  </si>
  <si>
    <t>36045</t>
  </si>
  <si>
    <t>GGPS JODHA DHUDDI</t>
  </si>
  <si>
    <t>basti jodha dhuddi shah pur Sharif p.o khas moza ablani</t>
  </si>
  <si>
    <t>Basti Jodha Dhuddi</t>
  </si>
  <si>
    <t>Khairo Ghazi Khanana</t>
  </si>
  <si>
    <t>Asifa Qamar</t>
  </si>
  <si>
    <t>22828</t>
  </si>
  <si>
    <t>GGPS KISANA KUNJAH</t>
  </si>
  <si>
    <t>GGPS Kasana kunjah  dist /tehsil gujrat</t>
  </si>
  <si>
    <t>Nagranwala</t>
  </si>
  <si>
    <t>Ulfat shahzadi</t>
  </si>
  <si>
    <t>47383</t>
  </si>
  <si>
    <t>32283</t>
  </si>
  <si>
    <t>50189</t>
  </si>
  <si>
    <t>GES  160/9-L</t>
  </si>
  <si>
    <t>Chak no 160/9-L post office khas chichawatni</t>
  </si>
  <si>
    <t>Chak no 160/9-L</t>
  </si>
  <si>
    <t>Muhammad Umair Akhtar</t>
  </si>
  <si>
    <t>GPS JATOI NO. 4</t>
  </si>
  <si>
    <t>Basti lanjuwala ward no 2</t>
  </si>
  <si>
    <t>Nichrani</t>
  </si>
  <si>
    <t>Muncipal</t>
  </si>
  <si>
    <t>Muhammad Usman Jamil</t>
  </si>
  <si>
    <t>9803</t>
  </si>
  <si>
    <t>GGPS CHATTAY WALA</t>
  </si>
  <si>
    <t>Lau</t>
  </si>
  <si>
    <t>GGPS chattay wala</t>
  </si>
  <si>
    <t>Moza Lau</t>
  </si>
  <si>
    <t>Chattah</t>
  </si>
  <si>
    <t>Zaheera Akhtar</t>
  </si>
  <si>
    <t>GPS BASTI FATO KAY</t>
  </si>
  <si>
    <t>Fattoki</t>
  </si>
  <si>
    <t>Muhammads Iqbal</t>
  </si>
  <si>
    <t>31779</t>
  </si>
  <si>
    <t>29696</t>
  </si>
  <si>
    <t>GGES CHAK NO. 171 MURAD (A)</t>
  </si>
  <si>
    <t>171/m</t>
  </si>
  <si>
    <t>GGES 171/m A</t>
  </si>
  <si>
    <t>171/m A</t>
  </si>
  <si>
    <t>173/m</t>
  </si>
  <si>
    <t>Asma Ahmad</t>
  </si>
  <si>
    <t>25427</t>
  </si>
  <si>
    <t>GES 23 GHAGH, P/O 25 PUL, ABDUL HAKIM</t>
  </si>
  <si>
    <t>Chake No 23 Gh</t>
  </si>
  <si>
    <t>chake no 23gh p/o 25 pull Abdul Hakim teh kabirwalw ,kwl</t>
  </si>
  <si>
    <t>Chake No 9 Gh</t>
  </si>
  <si>
    <t>34547</t>
  </si>
  <si>
    <t>42982</t>
  </si>
  <si>
    <t>42530</t>
  </si>
  <si>
    <t>GHS BHAIR KALYAL</t>
  </si>
  <si>
    <t>Bhairkalyal</t>
  </si>
  <si>
    <t>VPO  Bhairkalyal Teh Gujarkhan Dist Rawalpindi</t>
  </si>
  <si>
    <t>Bhair Kalyal</t>
  </si>
  <si>
    <t>45434</t>
  </si>
  <si>
    <t>GES NAI ABADI DARYA KHAN</t>
  </si>
  <si>
    <t>IRSHAD HUSSAIN JAFRI</t>
  </si>
  <si>
    <t>9823</t>
  </si>
  <si>
    <t>35347</t>
  </si>
  <si>
    <t>GGPS 146/EB</t>
  </si>
  <si>
    <t>146 EB</t>
  </si>
  <si>
    <t>146 EB 2 laat</t>
  </si>
  <si>
    <t>148 EB</t>
  </si>
  <si>
    <t>Sadaf Boota</t>
  </si>
  <si>
    <t>9826</t>
  </si>
  <si>
    <t>GGES BHUNGRAN WALA</t>
  </si>
  <si>
    <t>BHUNGRANWALA</t>
  </si>
  <si>
    <t>BARU</t>
  </si>
  <si>
    <t>Javaria Ansar</t>
  </si>
  <si>
    <t>40106</t>
  </si>
  <si>
    <t>GGHS TOOR</t>
  </si>
  <si>
    <t>Toor</t>
  </si>
  <si>
    <t>vpo Toor
teh distt jlm</t>
  </si>
  <si>
    <t>Sameera Noureen</t>
  </si>
  <si>
    <t>9829</t>
  </si>
  <si>
    <t>GGPS WADHAY WALA</t>
  </si>
  <si>
    <t>Maibal Shareef</t>
  </si>
  <si>
    <t>GGPS Wadheywala</t>
  </si>
  <si>
    <t>Wadheywala</t>
  </si>
  <si>
    <t>Rafia Sultana</t>
  </si>
  <si>
    <t>51987</t>
  </si>
  <si>
    <t>GPS 151 EB</t>
  </si>
  <si>
    <t>151/eb teh. arifwala ditt. pakpattan</t>
  </si>
  <si>
    <t>6706</t>
  </si>
  <si>
    <t>9831</t>
  </si>
  <si>
    <t>13485</t>
  </si>
  <si>
    <t>42123</t>
  </si>
  <si>
    <t>GPS ABID ABAD</t>
  </si>
  <si>
    <t>basti Abid abad</t>
  </si>
  <si>
    <t>54620</t>
  </si>
  <si>
    <t>GPS THATTA KHARLAN</t>
  </si>
  <si>
    <t>kharlanwala</t>
  </si>
  <si>
    <t>chakchatha</t>
  </si>
  <si>
    <t>Tahir Raza</t>
  </si>
  <si>
    <t>43068</t>
  </si>
  <si>
    <t>GHS SIR SYED MONA</t>
  </si>
  <si>
    <t>MONA</t>
  </si>
  <si>
    <t>Govt.Sir Syed High School Mona Chakwal</t>
  </si>
  <si>
    <t>Muhammad Iqbal ansari</t>
  </si>
  <si>
    <t>MOTOR</t>
  </si>
  <si>
    <t>24105</t>
  </si>
  <si>
    <t>GGPS 159/9-L</t>
  </si>
  <si>
    <t>159/9 L</t>
  </si>
  <si>
    <t>ggps 159/9 L</t>
  </si>
  <si>
    <t>162/9 L</t>
  </si>
  <si>
    <t>46833</t>
  </si>
  <si>
    <t>GGPS HAKEEM ABAD</t>
  </si>
  <si>
    <t>Hakeem abad</t>
  </si>
  <si>
    <t>Hakeem Abad</t>
  </si>
  <si>
    <t>9283</t>
  </si>
  <si>
    <t>GPS JHANGI SIAL</t>
  </si>
  <si>
    <t>Jhangi Sial</t>
  </si>
  <si>
    <t>jhangi sial chichawatni sahiwal</t>
  </si>
  <si>
    <t>GGHS PANJGRAIN</t>
  </si>
  <si>
    <t>Govt. Girls H/S Panjgirain, Tehsil Darya Khan, District Bhakkar</t>
  </si>
  <si>
    <t>UC Panjgirain daggar</t>
  </si>
  <si>
    <t>ERUM ARSHAD</t>
  </si>
  <si>
    <t>29217</t>
  </si>
  <si>
    <t>GPS KARI BOND GAN PO KANDAL ISA KHEL</t>
  </si>
  <si>
    <t>Attack Panyala</t>
  </si>
  <si>
    <t>kirri powand gan p/o kundal</t>
  </si>
  <si>
    <t>Kirri Powand Gan</t>
  </si>
  <si>
    <t>Nageen Sattar</t>
  </si>
  <si>
    <t>9304</t>
  </si>
  <si>
    <t>38510</t>
  </si>
  <si>
    <t>GPS HEAD KIRYAN WALA</t>
  </si>
  <si>
    <t>Head Kiryan Wala</t>
  </si>
  <si>
    <t>Gps head kariyan wala Dunyapur</t>
  </si>
  <si>
    <t>Chak No 11 M</t>
  </si>
  <si>
    <t>MUHAMMAD MUBUSHER</t>
  </si>
  <si>
    <t>27365</t>
  </si>
  <si>
    <t>GPS TANZEEM BASTI HUSSAINI</t>
  </si>
  <si>
    <t>Basti Hussaini Hasil pur</t>
  </si>
  <si>
    <t>Basti hussaini</t>
  </si>
  <si>
    <t>Hasil pur old</t>
  </si>
  <si>
    <t>Hafiz Muhammad Kamran Anwar</t>
  </si>
  <si>
    <t>GHS CHAK NO. 100/6-R</t>
  </si>
  <si>
    <t>GOVT. HIGH SCHOOL 100/6.R</t>
  </si>
  <si>
    <t>CHAK No 100/6R</t>
  </si>
  <si>
    <t>chak 101/6.R</t>
  </si>
  <si>
    <t>9318</t>
  </si>
  <si>
    <t>42750</t>
  </si>
  <si>
    <t>GGPS MODEL CHAK NABIN</t>
  </si>
  <si>
    <t>Chak Naban</t>
  </si>
  <si>
    <t>V &amp; P/O Chak Naban</t>
  </si>
  <si>
    <t>Mohra Nouri</t>
  </si>
  <si>
    <t>Saba Mumtaz</t>
  </si>
  <si>
    <t>GPS CHAK 323/HR</t>
  </si>
  <si>
    <t>Chak 323hr</t>
  </si>
  <si>
    <t>chak No 323hr</t>
  </si>
  <si>
    <t>323hr</t>
  </si>
  <si>
    <t>Chak327hr</t>
  </si>
  <si>
    <t>Muhammad Azhar Iqbal</t>
  </si>
  <si>
    <t>9682</t>
  </si>
  <si>
    <t>GPS SAHARA</t>
  </si>
  <si>
    <t>Bus stop Sahara near bhurli ada</t>
  </si>
  <si>
    <t>Sahara</t>
  </si>
  <si>
    <t>27194</t>
  </si>
  <si>
    <t>9324</t>
  </si>
  <si>
    <t>GHS BHUTTA MOHABAT</t>
  </si>
  <si>
    <t>MUHAMMAD MUNEER</t>
  </si>
  <si>
    <t>46682</t>
  </si>
  <si>
    <t>Govt.boys p.s sharifabad isakhel</t>
  </si>
  <si>
    <t>Fiaz Muhammad</t>
  </si>
  <si>
    <t>45075</t>
  </si>
  <si>
    <t>GMPS CHAK NO.58-DB</t>
  </si>
  <si>
    <t>58db</t>
  </si>
  <si>
    <t>chak no.58\db tehsil kaloor kot district bhakkar</t>
  </si>
  <si>
    <t>Chak No58 Db</t>
  </si>
  <si>
    <t>9332</t>
  </si>
  <si>
    <t>40006</t>
  </si>
  <si>
    <t>GGHS NARTOPA</t>
  </si>
  <si>
    <t>GGHS, nartopa Tehsil hazro district Attock</t>
  </si>
  <si>
    <t>Asma Javeed</t>
  </si>
  <si>
    <t>9336</t>
  </si>
  <si>
    <t>GGHS MALIK MEHBOOB</t>
  </si>
  <si>
    <t>khanpur mirchan wala</t>
  </si>
  <si>
    <t>Shabana Khanam</t>
  </si>
  <si>
    <t>42879</t>
  </si>
  <si>
    <t>GES DANGALI</t>
  </si>
  <si>
    <t>Pandora Hardo</t>
  </si>
  <si>
    <t>Pandora Hardo  po valayat abad</t>
  </si>
  <si>
    <t>46798</t>
  </si>
  <si>
    <t>GPS NOOR ABAD</t>
  </si>
  <si>
    <t>Trag Ghrbi</t>
  </si>
  <si>
    <t>Wanda Buchan wala Trag Essa Khel Mianwali</t>
  </si>
  <si>
    <t>Trag Garbi</t>
  </si>
  <si>
    <t>Sanaullah Khan</t>
  </si>
  <si>
    <t>49125</t>
  </si>
  <si>
    <t>35086</t>
  </si>
  <si>
    <t>GES CHAK NO.307/EB</t>
  </si>
  <si>
    <t>GES 307/EB Burewala</t>
  </si>
  <si>
    <t>Abdul Shaqur</t>
  </si>
  <si>
    <t>50452</t>
  </si>
  <si>
    <t>GPS 60/12-L</t>
  </si>
  <si>
    <t>,GPS 60/12L</t>
  </si>
  <si>
    <t>20501</t>
  </si>
  <si>
    <t>GGES FARID TOWN GUJRANWALA</t>
  </si>
  <si>
    <t>pasror road farid town gujranwala</t>
  </si>
  <si>
    <t>farid town</t>
  </si>
  <si>
    <t>Tabassum Jabeen</t>
  </si>
  <si>
    <t>GPS CHAK NO 314 TDA</t>
  </si>
  <si>
    <t>chak no314/tda tehsil choubara distric layyah</t>
  </si>
  <si>
    <t>Chak No 314/Tda</t>
  </si>
  <si>
    <t>Azhar Abass Khan</t>
  </si>
  <si>
    <t>22741</t>
  </si>
  <si>
    <t>GMPS KOLOWAL</t>
  </si>
  <si>
    <t>GMPS kolowal</t>
  </si>
  <si>
    <t>Sameea Kuser</t>
  </si>
  <si>
    <t>49440</t>
  </si>
  <si>
    <t>37020</t>
  </si>
  <si>
    <t>9368</t>
  </si>
  <si>
    <t>GMPS PULL SANJAR</t>
  </si>
  <si>
    <t>pull sanjar bwp sadar markez</t>
  </si>
  <si>
    <t>Kotla Bakhat Ali</t>
  </si>
  <si>
    <t>Kaiser Nawaz</t>
  </si>
  <si>
    <t>46914</t>
  </si>
  <si>
    <t>GMPS MUSA KHAN ABAD TARAG</t>
  </si>
  <si>
    <t>moosa khan abad trag</t>
  </si>
  <si>
    <t>ZUBAIDA KOUSAR</t>
  </si>
  <si>
    <t>13372</t>
  </si>
  <si>
    <t>GHS TALAI WALA</t>
  </si>
  <si>
    <t>talai wala tehsil jampur district rajanpur</t>
  </si>
  <si>
    <t>Talai wala</t>
  </si>
  <si>
    <t>Khalid Mahmood Siddiqi</t>
  </si>
  <si>
    <t>GMPS CHAK 279 JB II</t>
  </si>
  <si>
    <t>Bujwara</t>
  </si>
  <si>
    <t>279 jb bujwara</t>
  </si>
  <si>
    <t>279 Jb</t>
  </si>
  <si>
    <t>Usmankot</t>
  </si>
  <si>
    <t>ZERBINASH MAMOONA</t>
  </si>
  <si>
    <t>19130</t>
  </si>
  <si>
    <t>9372</t>
  </si>
  <si>
    <t>42983</t>
  </si>
  <si>
    <t>GGPS KALLAR BADHAL</t>
  </si>
  <si>
    <t>Mohra Mureed</t>
  </si>
  <si>
    <t>mohra mureed kallar Badhal ,kallar syedan</t>
  </si>
  <si>
    <t>Sadia Taj</t>
  </si>
  <si>
    <t>28946</t>
  </si>
  <si>
    <t>GMPS KOT KARAMAT ULLAH</t>
  </si>
  <si>
    <t>Kot Karramt Ullah</t>
  </si>
  <si>
    <t>baghyana khurd</t>
  </si>
  <si>
    <t>Kot Karramat Ullah</t>
  </si>
  <si>
    <t>Baghyana Khurd</t>
  </si>
  <si>
    <t>Sana Hameed</t>
  </si>
  <si>
    <t>44875</t>
  </si>
  <si>
    <t>38944</t>
  </si>
  <si>
    <t>VPO DHURNAL TEHSIL FATEH JANG DISTRICT ATTOCK</t>
  </si>
  <si>
    <t>dHURNAL</t>
  </si>
  <si>
    <t>Zubair Nisar</t>
  </si>
  <si>
    <t>13306</t>
  </si>
  <si>
    <t>GGPS KHANPUR BHANI</t>
  </si>
  <si>
    <t>Kotla Ganmon</t>
  </si>
  <si>
    <t>basti kamad wala kotla ganmon</t>
  </si>
  <si>
    <t>Kamad Wala</t>
  </si>
  <si>
    <t>Sidra Rafiq</t>
  </si>
  <si>
    <t>34951</t>
  </si>
  <si>
    <t>GGPS BHATRAIN JALALPUR PIRWALA</t>
  </si>
  <si>
    <t>GGps bhatrain ghazi pur jlal pur</t>
  </si>
  <si>
    <t>Bhatrain</t>
  </si>
  <si>
    <t>Sharf Ilahi</t>
  </si>
  <si>
    <t>22481</t>
  </si>
  <si>
    <t>GMPS KAINT</t>
  </si>
  <si>
    <t>Kaint</t>
  </si>
  <si>
    <t>village Kaint P/O Jalal pur jattan  Teh &amp; District  Gujrat</t>
  </si>
  <si>
    <t>Fakhra Naseem</t>
  </si>
  <si>
    <t>GPS TALUKA</t>
  </si>
  <si>
    <t>Taluka</t>
  </si>
  <si>
    <t>mouza taluka</t>
  </si>
  <si>
    <t>GGES BASTI BALOCHAN MOSAFIR KHANA</t>
  </si>
  <si>
    <t>Mari Meer Mohammad</t>
  </si>
  <si>
    <t>G.G.E/S basti balouchan</t>
  </si>
  <si>
    <t>Basti Balouchan</t>
  </si>
  <si>
    <t>Mahroosa Naz</t>
  </si>
  <si>
    <t>GGPS AKBAR PARK GOJRA</t>
  </si>
  <si>
    <t>GOJRA CITY FEMALE</t>
  </si>
  <si>
    <t>Govt. Girls P/S Akbar Park Gojra</t>
  </si>
  <si>
    <t>Hafeez Park</t>
  </si>
  <si>
    <t>azra parveen</t>
  </si>
  <si>
    <t>GGPS CHAK NO 11/1-R</t>
  </si>
  <si>
    <t>chak11/1.r,Tehsil:Haroonabad,Distt:BWN.</t>
  </si>
  <si>
    <t>Chak 11/1R</t>
  </si>
  <si>
    <t>Chak 15/1R</t>
  </si>
  <si>
    <t>Humara Nazli</t>
  </si>
  <si>
    <t>40076</t>
  </si>
  <si>
    <t>GHS MAMYAN</t>
  </si>
  <si>
    <t>mamyan</t>
  </si>
  <si>
    <t>v.p.o mamyan tehsil and distt jhelum</t>
  </si>
  <si>
    <t>chotala</t>
  </si>
  <si>
    <t>Khaiber Zaman</t>
  </si>
  <si>
    <t>52553</t>
  </si>
  <si>
    <t>GPS PULLI GUDDAR KAY</t>
  </si>
  <si>
    <t>Pulli Guddar Kay</t>
  </si>
  <si>
    <t>pulli guddar kay, haveli lakha</t>
  </si>
  <si>
    <t>Naeem Abad</t>
  </si>
  <si>
    <t>7057</t>
  </si>
  <si>
    <t>GGPS BASTI SHAMAY WALI</t>
  </si>
  <si>
    <t>Basti shamay wali p/o Mokal Tehsil Chhnian Distt.Kasur</t>
  </si>
  <si>
    <t>Basti shamay wali</t>
  </si>
  <si>
    <t>54550</t>
  </si>
  <si>
    <t>GPS CHANI CHORERA</t>
  </si>
  <si>
    <t>Channi Chorera</t>
  </si>
  <si>
    <t>Hafiz Saifullah</t>
  </si>
  <si>
    <t>4484</t>
  </si>
  <si>
    <t>52011</t>
  </si>
  <si>
    <t>Rung Shah</t>
  </si>
  <si>
    <t>Govt Girls Primary School Rung Shah P/O Jewan Shah tehsil Arifwala District Pakpattan</t>
  </si>
  <si>
    <t>Riffat Iqbal</t>
  </si>
  <si>
    <t>22738</t>
  </si>
  <si>
    <t>GMPS KALAKI</t>
  </si>
  <si>
    <t>Kalyki</t>
  </si>
  <si>
    <t>Sidra Javed</t>
  </si>
  <si>
    <t>19179</t>
  </si>
  <si>
    <t>45385</t>
  </si>
  <si>
    <t>GHS JOYIA</t>
  </si>
  <si>
    <t>joyia(moza goda)</t>
  </si>
  <si>
    <t>P/O joyia teh daryakhan distt bhakkar</t>
  </si>
  <si>
    <t>joyia</t>
  </si>
  <si>
    <t>tufail ahmad</t>
  </si>
  <si>
    <t>44707</t>
  </si>
  <si>
    <t>GHS USAMA BIN TARIQ SHAHEED DEWALIAN</t>
  </si>
  <si>
    <t>GHS Dewalian Usama Bin Tariq Shaheed Teh and Distt Chakwal</t>
  </si>
  <si>
    <t>Matloob Shah</t>
  </si>
  <si>
    <t>GHS BINDU</t>
  </si>
  <si>
    <t>hamoon wala</t>
  </si>
  <si>
    <t>ghs bindoo Bhakkar</t>
  </si>
  <si>
    <t>basti bindu</t>
  </si>
  <si>
    <t>hamoon  wala</t>
  </si>
  <si>
    <t>35084</t>
  </si>
  <si>
    <t>GHS CHAK NO.331/EB</t>
  </si>
  <si>
    <t>chak No 331/EB</t>
  </si>
  <si>
    <t>Chak No 331/EB</t>
  </si>
  <si>
    <t>Water Coler</t>
  </si>
  <si>
    <t>20988</t>
  </si>
  <si>
    <t>39168</t>
  </si>
  <si>
    <t>GMPS MAQAM KALAN</t>
  </si>
  <si>
    <t>Muqam Kalan</t>
  </si>
  <si>
    <t>village muqam kalan u/c jabbi tehsil fateh jang district attock</t>
  </si>
  <si>
    <t>Abida Yasmeen</t>
  </si>
  <si>
    <t>26510</t>
  </si>
  <si>
    <t>26380</t>
  </si>
  <si>
    <t>13404</t>
  </si>
  <si>
    <t>GPS WAJAY WALA</t>
  </si>
  <si>
    <t>Gps wajjay wala basti korae adda charagh shah</t>
  </si>
  <si>
    <t>MUD KORAI</t>
  </si>
  <si>
    <t>Maimoona Malik</t>
  </si>
  <si>
    <t>46934</t>
  </si>
  <si>
    <t>GMPS KHUDA YAR KHEL</t>
  </si>
  <si>
    <t>Gmps khuda yar post office trag tehsil esa khel disstt mianwali</t>
  </si>
  <si>
    <t>42287</t>
  </si>
  <si>
    <t>Ali pur sharqi Gujarat</t>
  </si>
  <si>
    <t>Gulshan Tahira</t>
  </si>
  <si>
    <t>17849</t>
  </si>
  <si>
    <t>GPS CHAK NO 81/1-L</t>
  </si>
  <si>
    <t>81-1L</t>
  </si>
  <si>
    <t>150-2L</t>
  </si>
  <si>
    <t>GES MERIAN</t>
  </si>
  <si>
    <t>Merian</t>
  </si>
  <si>
    <t>Basti Merian</t>
  </si>
  <si>
    <t>Syed M saqlain Bukhari</t>
  </si>
  <si>
    <t>GES GUL PUR</t>
  </si>
  <si>
    <t>GES GULPUR, Moza Qutabpur, Teh: Hasilpur</t>
  </si>
  <si>
    <t>Abdul Hameed Baig</t>
  </si>
  <si>
    <t>GGHS BHALA KHAR</t>
  </si>
  <si>
    <t>GGHS Bhalakhar</t>
  </si>
  <si>
    <t>saiqa noreen</t>
  </si>
  <si>
    <t>30790</t>
  </si>
  <si>
    <t>54577</t>
  </si>
  <si>
    <t>GPS MADHAN PHILLA</t>
  </si>
  <si>
    <t>GPS maddan philah</t>
  </si>
  <si>
    <t>Bilal Ashraf</t>
  </si>
  <si>
    <t>14535</t>
  </si>
  <si>
    <t>51790</t>
  </si>
  <si>
    <t>GHS TIBBI LAL BAIG</t>
  </si>
  <si>
    <t>Tibbi Lal Baig</t>
  </si>
  <si>
    <t>GHS TIBBI LAL BAIG P/ o Tibbi Lal baig tehsil arifwala district pakpattan</t>
  </si>
  <si>
    <t>Machhi singh</t>
  </si>
  <si>
    <t>18524</t>
  </si>
  <si>
    <t>GGHS CHAK 360 JB BOBAK</t>
  </si>
  <si>
    <t>360 Jb</t>
  </si>
  <si>
    <t>gghs 360 jb chak no 360 jb gojra t.t.singh</t>
  </si>
  <si>
    <t>360 Jb Boobk</t>
  </si>
  <si>
    <t>Shazia Rafiq</t>
  </si>
  <si>
    <t>9811</t>
  </si>
  <si>
    <t>GPS CHAK NO.328 A TDA</t>
  </si>
  <si>
    <t>Chak 328-A</t>
  </si>
  <si>
    <t>Chak No 328A/TDA</t>
  </si>
  <si>
    <t>18142</t>
  </si>
  <si>
    <t>GGHS KANOHAN</t>
  </si>
  <si>
    <t>Mora Dayal</t>
  </si>
  <si>
    <t>Kanoha,Kallar Syedan</t>
  </si>
  <si>
    <t>Amna Azad</t>
  </si>
  <si>
    <t>29022</t>
  </si>
  <si>
    <t>GES JODH SINGH WALA CHAK NO.13</t>
  </si>
  <si>
    <t>Jodh Singh Wala 13</t>
  </si>
  <si>
    <t>Jodh Singh wala  Chak 13, chunian. , kasur</t>
  </si>
  <si>
    <t>Traday Wala</t>
  </si>
  <si>
    <t>44547</t>
  </si>
  <si>
    <t>GGPS CHAK NO.35/TDA CHAH PHULKI</t>
  </si>
  <si>
    <t>kamal Theem</t>
  </si>
  <si>
    <t>chak No 35 TDA Chah Phulki Bhakkar</t>
  </si>
  <si>
    <t>chah phulki 35 tda</t>
  </si>
  <si>
    <t>Daggar Rehtas</t>
  </si>
  <si>
    <t>Memoona khattak</t>
  </si>
  <si>
    <t>17144</t>
  </si>
  <si>
    <t>GPS LAK BADHAR EAST</t>
  </si>
  <si>
    <t>CHAH KABEERAY WALA MOUZA LAK BADHAR JHANG</t>
  </si>
  <si>
    <t>CHAH KABEERAY WALA</t>
  </si>
  <si>
    <t>Ghulam Yasin Sajid</t>
  </si>
  <si>
    <t>26953</t>
  </si>
  <si>
    <t>GPS MURADIAN</t>
  </si>
  <si>
    <t>Muradian</t>
  </si>
  <si>
    <t>village muradian P/O Kot goura Hafizabad</t>
  </si>
  <si>
    <t>Mangat Nacheea</t>
  </si>
  <si>
    <t>38534</t>
  </si>
  <si>
    <t>27272</t>
  </si>
  <si>
    <t>GPS 293/WB</t>
  </si>
  <si>
    <t>ZAKHIRA- MALE</t>
  </si>
  <si>
    <t>Chak 293/wb dunypur</t>
  </si>
  <si>
    <t>293/Wb</t>
  </si>
  <si>
    <t>42611</t>
  </si>
  <si>
    <t>9189</t>
  </si>
  <si>
    <t>GPS CHAK NO.45/3-R</t>
  </si>
  <si>
    <t>chak no.45/3r</t>
  </si>
  <si>
    <t>Chak N0.45/3r</t>
  </si>
  <si>
    <t>Chak N0.23/3r Laileka</t>
  </si>
  <si>
    <t>Tanveer Ul Husnain Shah</t>
  </si>
  <si>
    <t>GGHS INJRA</t>
  </si>
  <si>
    <t>--------</t>
  </si>
  <si>
    <t>GGHS INJRA RS</t>
  </si>
  <si>
    <t>Injra</t>
  </si>
  <si>
    <t>Lubnashehnaz</t>
  </si>
  <si>
    <t>9196</t>
  </si>
  <si>
    <t>GMPS SARI</t>
  </si>
  <si>
    <t>sairi village</t>
  </si>
  <si>
    <t>Sairi</t>
  </si>
  <si>
    <t>Tazeem Akhtar</t>
  </si>
  <si>
    <t>GPS GHULAM FARID GUJJAR</t>
  </si>
  <si>
    <t>Basti pachar meer wala teh jatoi m.garh</t>
  </si>
  <si>
    <t>Basti Pachar</t>
  </si>
  <si>
    <t>9204</t>
  </si>
  <si>
    <t>GES CHAK NO. 323 TDA</t>
  </si>
  <si>
    <t>chak no 323/tda</t>
  </si>
  <si>
    <t>Chak No323/Tda</t>
  </si>
  <si>
    <t>Jammal Chapri</t>
  </si>
  <si>
    <t>36592</t>
  </si>
  <si>
    <t>GES KARAM SHAH, SARAI SIDHU</t>
  </si>
  <si>
    <t>Karam Shah</t>
  </si>
  <si>
    <t>mauza karam Shah</t>
  </si>
  <si>
    <t>Baqar Pur</t>
  </si>
  <si>
    <t>11101</t>
  </si>
  <si>
    <t>GPS CHAK 363 JB II BAHMANIWALA</t>
  </si>
  <si>
    <t>Bahmniwala Wala</t>
  </si>
  <si>
    <t>GPS 363 jb 2nd</t>
  </si>
  <si>
    <t>Chak 363</t>
  </si>
  <si>
    <t>Muhammad Kalim Aasi</t>
  </si>
  <si>
    <t>21526</t>
  </si>
  <si>
    <t>37663</t>
  </si>
  <si>
    <t>9219</t>
  </si>
  <si>
    <t>GHS CHAK NO. 48/F</t>
  </si>
  <si>
    <t>CHAK NO.48/F CHISHTIAN</t>
  </si>
  <si>
    <t>CHAK NO.48/F</t>
  </si>
  <si>
    <t>CHAK NO.45/F</t>
  </si>
  <si>
    <t>MUHAMMAD AFZAAL FIRDOUSI</t>
  </si>
  <si>
    <t>GGPS BHONDA KALAN SHARQI</t>
  </si>
  <si>
    <t>Bhonda Kalan Sharqi</t>
  </si>
  <si>
    <t>ggpsbhondakalansharqi</t>
  </si>
  <si>
    <t>Koto Said Muhammad</t>
  </si>
  <si>
    <t>Rehana Kosar</t>
  </si>
  <si>
    <t>GHS KANOHA</t>
  </si>
  <si>
    <t>KANOHA tehsil kallar syedan dist rwp</t>
  </si>
  <si>
    <t>Ahmed Raza Khan</t>
  </si>
  <si>
    <t>37878</t>
  </si>
  <si>
    <t>GGPS 135/10-R JADEED, JAHANIAN</t>
  </si>
  <si>
    <t>Chak 135/10-R</t>
  </si>
  <si>
    <t>Chak 135/10-R(J)Jahania khanewal</t>
  </si>
  <si>
    <t>Thatta Sadiqabad</t>
  </si>
  <si>
    <t>Vectoria Shazia</t>
  </si>
  <si>
    <t>30318</t>
  </si>
  <si>
    <t>52557</t>
  </si>
  <si>
    <t>GPS MATTAY KAY BUKAN</t>
  </si>
  <si>
    <t>Mattay Kay Bukan</t>
  </si>
  <si>
    <t>Mattay kay bukan</t>
  </si>
  <si>
    <t>Kooyeki Bahawal</t>
  </si>
  <si>
    <t>IRFAN ALI</t>
  </si>
  <si>
    <t>29952</t>
  </si>
  <si>
    <t>9232</t>
  </si>
  <si>
    <t>51990</t>
  </si>
  <si>
    <t>GPS 161 EB</t>
  </si>
  <si>
    <t>161/eb</t>
  </si>
  <si>
    <t>chak no. 161/eb Tehsil Arifwala</t>
  </si>
  <si>
    <t>Ahsan Elahi</t>
  </si>
  <si>
    <t>9233</t>
  </si>
  <si>
    <t>GGHS MODEL BAHAWALNAGAR</t>
  </si>
  <si>
    <t>Bahawalnagar1</t>
  </si>
  <si>
    <t>govt girls model high school bahawalnagar jinnah colony jail road bwn</t>
  </si>
  <si>
    <t>SAMEENA YASMEEN</t>
  </si>
  <si>
    <t>940043</t>
  </si>
  <si>
    <t>9236</t>
  </si>
  <si>
    <t>46623</t>
  </si>
  <si>
    <t>GHS MANDA KHEL</t>
  </si>
  <si>
    <t>manda khel</t>
  </si>
  <si>
    <t>vpo manda khel teh;essa khel distt: mianwali</t>
  </si>
  <si>
    <t>MUHAMMAD JUNAID IMRAN</t>
  </si>
  <si>
    <t>GPS CHAH JANJUA</t>
  </si>
  <si>
    <t>Nika Doltana</t>
  </si>
  <si>
    <t>Chah Janjua moza Nikki Doultana</t>
  </si>
  <si>
    <t>Chah Janjua</t>
  </si>
  <si>
    <t>50402</t>
  </si>
  <si>
    <t>GPS HASHAM CHAKER BUB</t>
  </si>
  <si>
    <t>Hasham Chakar Bub</t>
  </si>
  <si>
    <t>hasham chakar bub</t>
  </si>
  <si>
    <t>Hasham Chakar</t>
  </si>
  <si>
    <t>Rustam Ali</t>
  </si>
  <si>
    <t>28748</t>
  </si>
  <si>
    <t>GPS BLOCK NO. 4 CHANGA MANGA</t>
  </si>
  <si>
    <t>Block4</t>
  </si>
  <si>
    <t>BLOCK NO 4 change manga</t>
  </si>
  <si>
    <t>WAN Khara</t>
  </si>
  <si>
    <t>MUHAMMAD TARIQ SHAKIR</t>
  </si>
  <si>
    <t>GGHS KOT CHAJI</t>
  </si>
  <si>
    <t>KOT CHHAJJI</t>
  </si>
  <si>
    <t>V.P.O KOT CHHAJJI</t>
  </si>
  <si>
    <t>MALKA BIBI</t>
  </si>
  <si>
    <t>14704</t>
  </si>
  <si>
    <t>9249</t>
  </si>
  <si>
    <t>52801</t>
  </si>
  <si>
    <t>GGPS CHAK THAKARA</t>
  </si>
  <si>
    <t>Chak Thakra</t>
  </si>
  <si>
    <t>G. G. P. S chak thakra,  markz chak bawa,  Haveli Lakha</t>
  </si>
  <si>
    <t>42 Sp/ Samundry</t>
  </si>
  <si>
    <t>33764</t>
  </si>
  <si>
    <t>9252</t>
  </si>
  <si>
    <t>GGPS CHAK NO. 71/F</t>
  </si>
  <si>
    <t>Basti Bohard</t>
  </si>
  <si>
    <t>chak no 71F Basti Bohard Hasilpur Bahawalpur</t>
  </si>
  <si>
    <t>Chak no 71F</t>
  </si>
  <si>
    <t>GHS CH. MUHAMMAD ALTAF HUSSAIN CIVIL LINES JHELUM</t>
  </si>
  <si>
    <t>Civil Lines Jhelum</t>
  </si>
  <si>
    <t>Jhelum-IV</t>
  </si>
  <si>
    <t>Waheed Javed</t>
  </si>
  <si>
    <t>9656</t>
  </si>
  <si>
    <t>13266</t>
  </si>
  <si>
    <t>GPS BASTI SHADU</t>
  </si>
  <si>
    <t>Hota Hotwani</t>
  </si>
  <si>
    <t>Chah Jafar Wala Mouza Hota Hotwani</t>
  </si>
  <si>
    <t>Chak Ramin</t>
  </si>
  <si>
    <t>9258</t>
  </si>
  <si>
    <t>GMPS CHAK NO 468 JB</t>
  </si>
  <si>
    <t>Korala</t>
  </si>
  <si>
    <t>Chak No 468 J.B Dangaray</t>
  </si>
  <si>
    <t>Chak no 468 J.B</t>
  </si>
  <si>
    <t>Chak NO 125 Jappay</t>
  </si>
  <si>
    <t>19145</t>
  </si>
  <si>
    <t>47345</t>
  </si>
  <si>
    <t>46168</t>
  </si>
  <si>
    <t>9261</t>
  </si>
  <si>
    <t>GPS LAK BADHAR WEST</t>
  </si>
  <si>
    <t>Lak Badhar</t>
  </si>
  <si>
    <t>chah krli wala mouza lak badhar</t>
  </si>
  <si>
    <t>Ezaz Arif</t>
  </si>
  <si>
    <t>GPS AZEEM ABAD</t>
  </si>
  <si>
    <t>basti azeemabad mouza bait suleman tehsil jatoi district muzaffargarh</t>
  </si>
  <si>
    <t>Azeemabad</t>
  </si>
  <si>
    <t>Faiz Abbas</t>
  </si>
  <si>
    <t>9263</t>
  </si>
  <si>
    <t>GPS CHAK NO 412 TDA</t>
  </si>
  <si>
    <t>Chak No.412 choubara Layyah</t>
  </si>
  <si>
    <t>Chak N 412</t>
  </si>
  <si>
    <t>Saharan Chak No 452/TDA</t>
  </si>
  <si>
    <t>Javid Iqbal Zahid</t>
  </si>
  <si>
    <t>GGPS BASTI PALLA MARI</t>
  </si>
  <si>
    <t>GGPS Basti Palla Mari</t>
  </si>
  <si>
    <t>Palla Mari</t>
  </si>
  <si>
    <t>Moza Palla</t>
  </si>
  <si>
    <t>Ishrat Chaudhry</t>
  </si>
  <si>
    <t>27057</t>
  </si>
  <si>
    <t>GGES MADINA COLONY HAFIZABAD</t>
  </si>
  <si>
    <t>Govt girls elementary school Madina Colony</t>
  </si>
  <si>
    <t>Hafizabas</t>
  </si>
  <si>
    <t>Tayyba Irshad</t>
  </si>
  <si>
    <t>GPS MAHAL MAKWAL</t>
  </si>
  <si>
    <t>rakh azmat wala</t>
  </si>
  <si>
    <t>dajal road near floor mil jampur</t>
  </si>
  <si>
    <t>Muhammad sadiq</t>
  </si>
  <si>
    <t>51905</t>
  </si>
  <si>
    <t>GPS CHAK NO. 18 KB</t>
  </si>
  <si>
    <t>Chak 18 kb   p/o Qaboola Tehsil Arifwala District Pakpattan</t>
  </si>
  <si>
    <t>Chak 18 Kb</t>
  </si>
  <si>
    <t>42985</t>
  </si>
  <si>
    <t>GGPS KHANADA DOBERAN</t>
  </si>
  <si>
    <t>Khanada</t>
  </si>
  <si>
    <t>vilaaga Kannada po chao khalsa tehsil kallar syedan</t>
  </si>
  <si>
    <t>Salma Shaheen</t>
  </si>
  <si>
    <t>GPS DHOK TARAP GULYAL</t>
  </si>
  <si>
    <t>Dhoke Tarap Post office Gulyal Kalan Tehsil Jand District Attock</t>
  </si>
  <si>
    <t>Dhoke Tarap</t>
  </si>
  <si>
    <t>Mukhtar Ahmed</t>
  </si>
  <si>
    <t>11369</t>
  </si>
  <si>
    <t>39042</t>
  </si>
  <si>
    <t>GES BHAL SYEDAN</t>
  </si>
  <si>
    <t>Bhall Syedan</t>
  </si>
  <si>
    <t>bhall Syedan p.o &amp;Tehseel Fateh Jang district attock</t>
  </si>
  <si>
    <t>Ajju Wala</t>
  </si>
  <si>
    <t>Abdul Jabbar Shah</t>
  </si>
  <si>
    <t>GMPS DIN PUR, JAHANIAN</t>
  </si>
  <si>
    <t>Zor Cot</t>
  </si>
  <si>
    <t>GNPS din pur</t>
  </si>
  <si>
    <t>15072</t>
  </si>
  <si>
    <t>GHS NEHRIAN WALA</t>
  </si>
  <si>
    <t>GHS NEHRIAN WALA TEHSIL CHOUBARA DISTT.LAYYAH</t>
  </si>
  <si>
    <t>Nehrian Wala</t>
  </si>
  <si>
    <t>Muhammad sohail Abbas</t>
  </si>
  <si>
    <t>22557</t>
  </si>
  <si>
    <t>GMPS HARAR</t>
  </si>
  <si>
    <t>Harar</t>
  </si>
  <si>
    <t>village harar p/ o karianwala Tehsile gujrat</t>
  </si>
  <si>
    <t>32906</t>
  </si>
  <si>
    <t>45006</t>
  </si>
  <si>
    <t>GMPS GULBAIG WALA</t>
  </si>
  <si>
    <t>gmps gul baig wala</t>
  </si>
  <si>
    <t>Gul Baig Wala</t>
  </si>
  <si>
    <t>Shabana Perveen</t>
  </si>
  <si>
    <t>29350</t>
  </si>
  <si>
    <t>GPS TANI KHEL P/O KAMAR MUSHANI ISA KHEL</t>
  </si>
  <si>
    <t>p/o Kamar Mushani mohallah Tanikhel isa khel mianwali</t>
  </si>
  <si>
    <t>MC Kamar Mushani</t>
  </si>
  <si>
    <t>Ghulam Habib Khan</t>
  </si>
  <si>
    <t>24466</t>
  </si>
  <si>
    <t>GPS BOOLA GARHI 10 P/O HUSSAIN KHAN WALA</t>
  </si>
  <si>
    <t>Boola Garhi Chak 10</t>
  </si>
  <si>
    <t>government primary school boola garhi chak 10</t>
  </si>
  <si>
    <t>Trady Wala Chak 13</t>
  </si>
  <si>
    <t>50527</t>
  </si>
  <si>
    <t>GGES 165/9-L</t>
  </si>
  <si>
    <t>165/9-L</t>
  </si>
  <si>
    <t>Chak No 165/9-L</t>
  </si>
  <si>
    <t>GMPS 131/10-R, JAHANIAN</t>
  </si>
  <si>
    <t>131 /10-R</t>
  </si>
  <si>
    <t>131 /10R tehsil Jahanian district khanewal</t>
  </si>
  <si>
    <t>Rizwana Talat</t>
  </si>
  <si>
    <t>13114</t>
  </si>
  <si>
    <t>GPS LUNDI PITAFI</t>
  </si>
  <si>
    <t>basti seech maoza lundi pitafi tehsil jatoi</t>
  </si>
  <si>
    <t>Zahid Sarfraz Ahmed</t>
  </si>
  <si>
    <t>13477</t>
  </si>
  <si>
    <t>moza sonwah</t>
  </si>
  <si>
    <t>Basti Kandal</t>
  </si>
  <si>
    <t>Bakharpur</t>
  </si>
  <si>
    <t>Shoaib Ali</t>
  </si>
  <si>
    <t>22272</t>
  </si>
  <si>
    <t>GPS SWIDISH GUJRAT</t>
  </si>
  <si>
    <t>Swedish</t>
  </si>
  <si>
    <t>Swedish college near service mor gujrat</t>
  </si>
  <si>
    <t>14250</t>
  </si>
  <si>
    <t>40095</t>
  </si>
  <si>
    <t>GGHS JUNIOR MODEL BILAL TOWN JHELUM</t>
  </si>
  <si>
    <t>BILAL TOWN</t>
  </si>
  <si>
    <t>BILAL TOWN JHELUM</t>
  </si>
  <si>
    <t>Bilal Town</t>
  </si>
  <si>
    <t>JHELUM-IV</t>
  </si>
  <si>
    <t>TAHIRA TAYYABA</t>
  </si>
  <si>
    <t>52908</t>
  </si>
  <si>
    <t>36316</t>
  </si>
  <si>
    <t>GMMS ADP WEER KAY</t>
  </si>
  <si>
    <t>Veer Kay</t>
  </si>
  <si>
    <t>Govt M M S Veer Kay Markaz Attari Teh Depalpur, Distt Okara</t>
  </si>
  <si>
    <t>MC Mandi</t>
  </si>
  <si>
    <t>GMPS CHAK NO 131 JB WEST</t>
  </si>
  <si>
    <t>Chukhiyan</t>
  </si>
  <si>
    <t>Chak No. 131 JB( West) Chiniot</t>
  </si>
  <si>
    <t>Kiran Sehar</t>
  </si>
  <si>
    <t>45240</t>
  </si>
  <si>
    <t>GPS CHAK NO. 217/9-R</t>
  </si>
  <si>
    <t>217/9R</t>
  </si>
  <si>
    <t>chak no.217/9R Fortabbas</t>
  </si>
  <si>
    <t>Chak No 213/9R</t>
  </si>
  <si>
    <t>Govt Praimry School Basti Ranjha Markaz Kala DG.Khan</t>
  </si>
  <si>
    <t>Basti  Ranjha</t>
  </si>
  <si>
    <t>42880</t>
  </si>
  <si>
    <t>GHS DARKALI SHER SHAHI</t>
  </si>
  <si>
    <t>darkali Sher shahi</t>
  </si>
  <si>
    <t>Ghulam Gilani</t>
  </si>
  <si>
    <t>18630</t>
  </si>
  <si>
    <t>GPS CHAK 334 JB I</t>
  </si>
  <si>
    <t>Chak No 334 Jb</t>
  </si>
  <si>
    <t>Gp/s 334 jb-1</t>
  </si>
  <si>
    <t>19332</t>
  </si>
  <si>
    <t>GMPS TARA GARH</t>
  </si>
  <si>
    <t>Tara Garh Khurd</t>
  </si>
  <si>
    <t>village tara garh khurd po alipur Sharqi teh and disst Gujrat</t>
  </si>
  <si>
    <t>kathala chenab</t>
  </si>
  <si>
    <t>Neelam Shahzadi</t>
  </si>
  <si>
    <t>outside school</t>
  </si>
  <si>
    <t>21891</t>
  </si>
  <si>
    <t>46899</t>
  </si>
  <si>
    <t>37868</t>
  </si>
  <si>
    <t>GGPS BASTI AIMA, JAHANIAN</t>
  </si>
  <si>
    <t>G G P S Basti Aima</t>
  </si>
  <si>
    <t>Basti Aima</t>
  </si>
  <si>
    <t>Samina Mustafa</t>
  </si>
  <si>
    <t>39936</t>
  </si>
  <si>
    <t>GGHS MARARIA</t>
  </si>
  <si>
    <t>MURARIA</t>
  </si>
  <si>
    <t>GGHS MURARIA HAZRO</t>
  </si>
  <si>
    <t>MUSA</t>
  </si>
  <si>
    <t>Sadia Anjum</t>
  </si>
  <si>
    <t>GGPS CHAK NO.192/M</t>
  </si>
  <si>
    <t>192/M Tehsil Hasilpur District Bhawalpur</t>
  </si>
  <si>
    <t>52970</t>
  </si>
  <si>
    <t>GMMS CHAK AHMED YAR</t>
  </si>
  <si>
    <t>Chak Ahmad Yar</t>
  </si>
  <si>
    <t>chak ahmad yar</t>
  </si>
  <si>
    <t>39471</t>
  </si>
  <si>
    <t>GHS THATTA</t>
  </si>
  <si>
    <t>GHS THATTA TEH:JAND, DISTT:ATTOCK</t>
  </si>
  <si>
    <t>MUHAMMAD MUMTAZ</t>
  </si>
  <si>
    <t>28828</t>
  </si>
  <si>
    <t>GPS KOT FATTO KAY</t>
  </si>
  <si>
    <t>Kot Fatoo Ky</t>
  </si>
  <si>
    <t>kot fatoo ky p/o kangan pur tehsil Chunian district kasur</t>
  </si>
  <si>
    <t>Rural KANGAN PUR</t>
  </si>
  <si>
    <t>Muhammad Humyoun Rafique</t>
  </si>
  <si>
    <t>26491</t>
  </si>
  <si>
    <t>GPS CHAK NO. 116/M</t>
  </si>
  <si>
    <t>chak no. 116/M chishtian markaz 2</t>
  </si>
  <si>
    <t>Muhammad Iqbal Arif</t>
  </si>
  <si>
    <t>34864</t>
  </si>
  <si>
    <t>GPS BASTI BUKHSH P/O GHAZI PUR</t>
  </si>
  <si>
    <t>Mosan Wali</t>
  </si>
  <si>
    <t>basti bukhsh p/o ghazi pur tehsil jalal pur pir wala</t>
  </si>
  <si>
    <t>Basti Bukhsh</t>
  </si>
  <si>
    <t>Hafiz Syed Muhamad Usman</t>
  </si>
  <si>
    <t>9847</t>
  </si>
  <si>
    <t>GES CHAK 69/4-R</t>
  </si>
  <si>
    <t>Chak no 69/4R</t>
  </si>
  <si>
    <t>chak 69/4R</t>
  </si>
  <si>
    <t>chak no 62/4R</t>
  </si>
  <si>
    <t>Ziker Elahi</t>
  </si>
  <si>
    <t>52840</t>
  </si>
  <si>
    <t>50053</t>
  </si>
  <si>
    <t>17133</t>
  </si>
  <si>
    <t>GPS TAHLI GHULAMU</t>
  </si>
  <si>
    <t>MAHRAN WALA</t>
  </si>
  <si>
    <t>CHAH MAHRA NWALA MOUZA MAHRAN WALA JHANG</t>
  </si>
  <si>
    <t>CHAH MAHRAN WALA JHANG</t>
  </si>
  <si>
    <t>GGPS KAT BAGH ALI</t>
  </si>
  <si>
    <t>Murli Garh</t>
  </si>
  <si>
    <t>GGpS kat bag ali moza murli garh</t>
  </si>
  <si>
    <t>Rab Nawaz Purah</t>
  </si>
  <si>
    <t>Rehana Arif</t>
  </si>
  <si>
    <t>27217</t>
  </si>
  <si>
    <t>GGES SANDWAN TARAR</t>
  </si>
  <si>
    <t>Sandhwan Tarar p/o Jalal pur bhattian</t>
  </si>
  <si>
    <t>4905</t>
  </si>
  <si>
    <t>11144</t>
  </si>
  <si>
    <t>15367</t>
  </si>
  <si>
    <t>36796</t>
  </si>
  <si>
    <t>GPS KHAIR DIN HAMIYANA, NAWAN SHEHR</t>
  </si>
  <si>
    <t>Khair Deen Hamiyana</t>
  </si>
  <si>
    <t>khair Deen Hamiyana Post office Mankot Kabirwala Khanewal</t>
  </si>
  <si>
    <t>Salarwahin Now</t>
  </si>
  <si>
    <t>M Ramzan Javid</t>
  </si>
  <si>
    <t>9859</t>
  </si>
  <si>
    <t>GGHS CHAK NO.44 TDA</t>
  </si>
  <si>
    <t>44TDA</t>
  </si>
  <si>
    <t>GOVT GIRLS HIGH SCHOOL 44TDA BKR</t>
  </si>
  <si>
    <t>chak#4444TDA</t>
  </si>
  <si>
    <t>hafiza Ayesha Yaqoob</t>
  </si>
  <si>
    <t>36290</t>
  </si>
  <si>
    <t>30858</t>
  </si>
  <si>
    <t>GPS CHAK HASSAN ARRAIN</t>
  </si>
  <si>
    <t>Hassan Arian</t>
  </si>
  <si>
    <t>Chak Hassan Arian Arifwala</t>
  </si>
  <si>
    <t>15022</t>
  </si>
  <si>
    <t>28781</t>
  </si>
  <si>
    <t>19491</t>
  </si>
  <si>
    <t>GPS TANZEEM KAZMIA</t>
  </si>
  <si>
    <t>Hasilpur City</t>
  </si>
  <si>
    <t>ward No.30 Hasilpur</t>
  </si>
  <si>
    <t>Ward No 30</t>
  </si>
  <si>
    <t>Zahid HUSSAIN</t>
  </si>
  <si>
    <t>53031</t>
  </si>
  <si>
    <t>GHS BASIR PUR TOWN</t>
  </si>
  <si>
    <t>Basir Pur Town</t>
  </si>
  <si>
    <t>Main Bazar</t>
  </si>
  <si>
    <t>Muhammad Jawad Aftab Ahmad Ch</t>
  </si>
  <si>
    <t>46976</t>
  </si>
  <si>
    <t>GGPS BHOPAN WALA</t>
  </si>
  <si>
    <t>wandha bhopan wala p/o kamar mushani</t>
  </si>
  <si>
    <t>Bhopanwala</t>
  </si>
  <si>
    <t>Riffat Bibi</t>
  </si>
  <si>
    <t>38170</t>
  </si>
  <si>
    <t>GMPS BAIT KAITCH</t>
  </si>
  <si>
    <t>Bait Katch</t>
  </si>
  <si>
    <t>basti bhindi bait katch jalal pur pir wala</t>
  </si>
  <si>
    <t>Basti Bhindi</t>
  </si>
  <si>
    <t>Bait Katch Janubi</t>
  </si>
  <si>
    <t>GGHS JAMKAY CHEEMA</t>
  </si>
  <si>
    <t>govt. girlS high school jamke cheema</t>
  </si>
  <si>
    <t>anisa rani</t>
  </si>
  <si>
    <t>GGPS CHAK NO 131 JB EAST</t>
  </si>
  <si>
    <t>Chak No 131jb/E Sharki</t>
  </si>
  <si>
    <t>chak no 131 jb east</t>
  </si>
  <si>
    <t>Chak No 131 Sharki</t>
  </si>
  <si>
    <t>Chak No 128</t>
  </si>
  <si>
    <t>SHAMAILA Hameeed</t>
  </si>
  <si>
    <t>24456</t>
  </si>
  <si>
    <t>42347</t>
  </si>
  <si>
    <t>VILL&amp;PO THATHI TEHSIL GUJAR KHAN RAWALPINDI</t>
  </si>
  <si>
    <t>GULBAHAR KHAN</t>
  </si>
  <si>
    <t>26991</t>
  </si>
  <si>
    <t>GPS LAWARAY KALAN</t>
  </si>
  <si>
    <t>Laveray Kalan</t>
  </si>
  <si>
    <t>Post Office Laveray Kalan, Tehsil and District, Hafizabad</t>
  </si>
  <si>
    <t>Awon Zahid Suraa</t>
  </si>
  <si>
    <t>6903</t>
  </si>
  <si>
    <t>20599</t>
  </si>
  <si>
    <t>GPS BUTRANWALI GUJRNWALA</t>
  </si>
  <si>
    <t>butranwali</t>
  </si>
  <si>
    <t>Misbah Zaheer</t>
  </si>
  <si>
    <t>54051</t>
  </si>
  <si>
    <t>GHS ABBAS NAGAR</t>
  </si>
  <si>
    <t>PO Box abbas nagar bahawalpur</t>
  </si>
  <si>
    <t>muhammad abdullah arbi</t>
  </si>
  <si>
    <t>74240</t>
  </si>
  <si>
    <t>GPS 319/WB</t>
  </si>
  <si>
    <t>319/wb</t>
  </si>
  <si>
    <t>chak no 319/wb tehsail dunyapur distt lodhran</t>
  </si>
  <si>
    <t>Muhammad Siddique Sajid</t>
  </si>
  <si>
    <t>9051</t>
  </si>
  <si>
    <t>38997</t>
  </si>
  <si>
    <t>GPS ZAINDI</t>
  </si>
  <si>
    <t>Zaindi</t>
  </si>
  <si>
    <t>village Zaindi p/0 Bahtar tehsil Fateh jang district Attock</t>
  </si>
  <si>
    <t>Abrar</t>
  </si>
  <si>
    <t>9732</t>
  </si>
  <si>
    <t>36661</t>
  </si>
  <si>
    <t>GHS 30/11-L</t>
  </si>
  <si>
    <t>CHAK NO 30/11-L</t>
  </si>
  <si>
    <t>CHAK NO 30/11-L TEH: CHICHAWATNI DISTT: SAHIWAL</t>
  </si>
  <si>
    <t>MUBBSHIR ALI</t>
  </si>
  <si>
    <t>GMPS ATTOCK KHURD</t>
  </si>
  <si>
    <t>Attock khurd</t>
  </si>
  <si>
    <t>v.p.o Attock khurd hazro Attock</t>
  </si>
  <si>
    <t>Attock Khurd</t>
  </si>
  <si>
    <t>28301</t>
  </si>
  <si>
    <t>GPS KOT NOOR MUHAMMAD</t>
  </si>
  <si>
    <t>Kot Noor Muhammad Muhammad Muhammad  Muhammad Muhammad</t>
  </si>
  <si>
    <t>Kot Noor Muhammad, Post Office Dhuttay, Tehsil Chunian, District Kasur.</t>
  </si>
  <si>
    <t>Kot Noor Muhammad Muhammad</t>
  </si>
  <si>
    <t>GPS BASTI JATTAN</t>
  </si>
  <si>
    <t>Gadan Wala</t>
  </si>
  <si>
    <t>mouza gadan wala uc allahbad dajal road near rkh azmt wala tehisl jampur</t>
  </si>
  <si>
    <t>Busty Jattan Shah Wala</t>
  </si>
  <si>
    <t>Allahbad Gharbe</t>
  </si>
  <si>
    <t>7945</t>
  </si>
  <si>
    <t>GPS JUSSO KEY DHONE</t>
  </si>
  <si>
    <t>JASSOKEY</t>
  </si>
  <si>
    <t>P/O BHUMAN SHAH TEHSIL DEPALPUR DIS:OKARA</t>
  </si>
  <si>
    <t>JAFAR ABAD</t>
  </si>
  <si>
    <t>RAUF ALI</t>
  </si>
  <si>
    <t>GES CHAK NO. 207 EB P.O SAME ARIF WALA</t>
  </si>
  <si>
    <t>CHAK NO. 207 EB</t>
  </si>
  <si>
    <t>CHAK NO. 207 EB Arifwala distt. Pakpattan</t>
  </si>
  <si>
    <t>CHAK NO. 163 EB</t>
  </si>
  <si>
    <t>kashif amin</t>
  </si>
  <si>
    <t>53340</t>
  </si>
  <si>
    <t>43475</t>
  </si>
  <si>
    <t>GGPS MOHRA MAST</t>
  </si>
  <si>
    <t>Mohra  Mast</t>
  </si>
  <si>
    <t>village Mohra Mast P. O sarkal Mair Teh. &amp; Distt. Chakwal</t>
  </si>
  <si>
    <t>Mohra Mast</t>
  </si>
  <si>
    <t>Nabila Akhter</t>
  </si>
  <si>
    <t>10805</t>
  </si>
  <si>
    <t>28116</t>
  </si>
  <si>
    <t>GHS DHEERNKE MIRDADKE</t>
  </si>
  <si>
    <t>Dherenke</t>
  </si>
  <si>
    <t>Village  Dherenke  Mirdadke Hafizabad</t>
  </si>
  <si>
    <t>Dherenke  Mirdadke</t>
  </si>
  <si>
    <t>Dherenke Lalke</t>
  </si>
  <si>
    <t>AMAN ULLAH</t>
  </si>
  <si>
    <t>19930</t>
  </si>
  <si>
    <t>GGHS HERSA SHEIKH</t>
  </si>
  <si>
    <t>Hersa sheikh</t>
  </si>
  <si>
    <t>gghs hersa sheikh lahore road 15 km, chiniot</t>
  </si>
  <si>
    <t>IQRA SAJID</t>
  </si>
  <si>
    <t>42997</t>
  </si>
  <si>
    <t>GMPS MOHRA HIRAN</t>
  </si>
  <si>
    <t>village Mohra Hiran teh Kallar Syedan dist rwp</t>
  </si>
  <si>
    <t>Mohra Hiran</t>
  </si>
  <si>
    <t>Naila Rubi</t>
  </si>
  <si>
    <t>GGPS FAQIR PURA BRANCH</t>
  </si>
  <si>
    <t>IShtiaq hosptial faqeer pora road gujranwala</t>
  </si>
  <si>
    <t>Faqir Pura</t>
  </si>
  <si>
    <t>peopes colony</t>
  </si>
  <si>
    <t>9694</t>
  </si>
  <si>
    <t>GPS CHAK NO 331 TDA</t>
  </si>
  <si>
    <t>Chak no 331 TDA tehsil choubara District Layyah</t>
  </si>
  <si>
    <t>331 TDA</t>
  </si>
  <si>
    <t>GPS DIN PANAH</t>
  </si>
  <si>
    <t>Abluka</t>
  </si>
  <si>
    <t>Basti Din panah</t>
  </si>
  <si>
    <t>Din Panah</t>
  </si>
  <si>
    <t>34938</t>
  </si>
  <si>
    <t>GMPS SHUJAT PUR TEH. JALALPUR PIRWALA</t>
  </si>
  <si>
    <t>Basti Shujat pur,Tehsil Jalalpur Pirwala,Multan</t>
  </si>
  <si>
    <t>Nuzhat Fatima</t>
  </si>
  <si>
    <t>13723</t>
  </si>
  <si>
    <t>GGPS PITAFI WALA</t>
  </si>
  <si>
    <t>Chah khutra</t>
  </si>
  <si>
    <t>ggp/s pitafi wala</t>
  </si>
  <si>
    <t>Mehmod Abd</t>
  </si>
  <si>
    <t>M Pur No 2</t>
  </si>
  <si>
    <t>Anila Yasmin</t>
  </si>
  <si>
    <t>13286</t>
  </si>
  <si>
    <t>GPS QAYYUM NAGER</t>
  </si>
  <si>
    <t>Gps Qayyum nager</t>
  </si>
  <si>
    <t>Basti Changwani</t>
  </si>
  <si>
    <t>Mir Hazzar Khan</t>
  </si>
  <si>
    <t>44462</t>
  </si>
  <si>
    <t>GES BASTI CHHEENA</t>
  </si>
  <si>
    <t>bhakkar nashaib</t>
  </si>
  <si>
    <t>GES basti chheena bhakkar</t>
  </si>
  <si>
    <t>basti chheena bhakkar</t>
  </si>
  <si>
    <t>gadola</t>
  </si>
  <si>
    <t>39771</t>
  </si>
  <si>
    <t>GPS THATTA</t>
  </si>
  <si>
    <t>vpo thatta thesil jand district attock</t>
  </si>
  <si>
    <t>52240</t>
  </si>
  <si>
    <t>25788</t>
  </si>
  <si>
    <t>Kakkay Tibbay</t>
  </si>
  <si>
    <t>kakkay tibbay</t>
  </si>
  <si>
    <t>Rajoa Sadat</t>
  </si>
  <si>
    <t>Nadia Zulfiqar</t>
  </si>
  <si>
    <t>GGPS CHAK NO.193/M-A</t>
  </si>
  <si>
    <t>193/M-A</t>
  </si>
  <si>
    <t>193m/a tehsil Hasilpur,District BWP</t>
  </si>
  <si>
    <t>193m/a</t>
  </si>
  <si>
    <t>Jamshare Kalan</t>
  </si>
  <si>
    <t>shamkot nau p/o shamkot nau the. chunian distric kasur</t>
  </si>
  <si>
    <t>Shahzad Rafique</t>
  </si>
  <si>
    <t>GGMPS MC NO.5</t>
  </si>
  <si>
    <t>Rukan Abad</t>
  </si>
  <si>
    <t>Block no 9 Dera ghazi khan</t>
  </si>
  <si>
    <t>Union Council No 14</t>
  </si>
  <si>
    <t>Misbah Batool</t>
  </si>
  <si>
    <t>GES MEERAN PUR SHUMALI</t>
  </si>
  <si>
    <t>Meeran Pur Shumali</t>
  </si>
  <si>
    <t>Meeran pur shumali near Haji pur jam pur</t>
  </si>
  <si>
    <t>Aamir Raza</t>
  </si>
  <si>
    <t>13301</t>
  </si>
  <si>
    <t>GGPS NAZAR MUHAMMAD WALA</t>
  </si>
  <si>
    <t>basti Sher Muhammad rampur 1 tehsil jatoi</t>
  </si>
  <si>
    <t>44863</t>
  </si>
  <si>
    <t>GGHSS MABILE SHARIF</t>
  </si>
  <si>
    <t>MAIBAL DAGGAR</t>
  </si>
  <si>
    <t>GOVT. GIRLS HIGHER SECONDARY SCHOOL MAIBAL SHARIF</t>
  </si>
  <si>
    <t>MAIBAL SHARIF</t>
  </si>
  <si>
    <t>aTIFUT aISHA</t>
  </si>
  <si>
    <t>43166</t>
  </si>
  <si>
    <t>GGHS KHODEY</t>
  </si>
  <si>
    <t>khoday</t>
  </si>
  <si>
    <t>vpo khoday</t>
  </si>
  <si>
    <t>Asmat Un Nisa</t>
  </si>
  <si>
    <t>Ejector motor</t>
  </si>
  <si>
    <t>38280</t>
  </si>
  <si>
    <t>9144</t>
  </si>
  <si>
    <t>GPS KAPOORAN</t>
  </si>
  <si>
    <t>Basti Noor Kot Moza Kapooran Takhat  Mahal T/D Bahawalnagar</t>
  </si>
  <si>
    <t>9763</t>
  </si>
  <si>
    <t>GGES CHAK NO 450 TDA</t>
  </si>
  <si>
    <t>450/TDA</t>
  </si>
  <si>
    <t>GOVT GIRLS ELEMENTARY SCHOOL CHAK NO 450/TDA</t>
  </si>
  <si>
    <t>Saira Lateef</t>
  </si>
  <si>
    <t>35238</t>
  </si>
  <si>
    <t>GHS CHAK NO.130/EB</t>
  </si>
  <si>
    <t>GHS 130/EB</t>
  </si>
  <si>
    <t>CHAK NO 130/EB TEHSIL BUREWALA DISTRICT VEHARI.</t>
  </si>
  <si>
    <t>CHAK NO 130/EB</t>
  </si>
  <si>
    <t>CHAK NO 124/EB</t>
  </si>
  <si>
    <t>GGPS KHAIROO DEYH</t>
  </si>
  <si>
    <t>Khairoo Deh</t>
  </si>
  <si>
    <t>basti khairoo deh near dak khana khas</t>
  </si>
  <si>
    <t>Rabia Sharif</t>
  </si>
  <si>
    <t>33056</t>
  </si>
  <si>
    <t>GPS TAHLI BHATTIAN</t>
  </si>
  <si>
    <t>Tahli Bhattian</t>
  </si>
  <si>
    <t>Mauza Tahli Bhattian, UC Kariwala, Teh. &amp; Dist. Jhang</t>
  </si>
  <si>
    <t>37851</t>
  </si>
  <si>
    <t>GMMS 117/10-R, JAHANIAN</t>
  </si>
  <si>
    <t>Govt model middle school 117 10 R</t>
  </si>
  <si>
    <t>Chak 117 10 R</t>
  </si>
  <si>
    <t>117 10 R</t>
  </si>
  <si>
    <t>Ms Zatoon Bashir</t>
  </si>
  <si>
    <t>50144</t>
  </si>
  <si>
    <t>GGHS CHICHAWATANI</t>
  </si>
  <si>
    <t>govt girls high school chichawatni</t>
  </si>
  <si>
    <t>10842</t>
  </si>
  <si>
    <t>36752</t>
  </si>
  <si>
    <t>GPS PUL PAKORI, MOUZA BARAG SARGANA, SARAI SIDHU</t>
  </si>
  <si>
    <t>BARJH SARGANA</t>
  </si>
  <si>
    <t>Basti Pull Pakori Moza Barjh Sargana Markaz Sarai Sidhu Tehsil Kabirwala Distt. Khanewal</t>
  </si>
  <si>
    <t>PULL PAKORI</t>
  </si>
  <si>
    <t>Raees Ahmad</t>
  </si>
  <si>
    <t>GGHS CHAK NO 134 JB LOONAY</t>
  </si>
  <si>
    <t>Puber Wala</t>
  </si>
  <si>
    <t>Chak no 134 Jb loonay</t>
  </si>
  <si>
    <t>Chak No 134 Jb Loonay</t>
  </si>
  <si>
    <t>34889</t>
  </si>
  <si>
    <t>GGPS BASTI LONG TEH. JALALPUR PIRWALA</t>
  </si>
  <si>
    <t>Chah haji wala</t>
  </si>
  <si>
    <t>Ggps basti long jppw</t>
  </si>
  <si>
    <t>Basti long</t>
  </si>
  <si>
    <t>Nuraja bhutta</t>
  </si>
  <si>
    <t>Sidra razzaq</t>
  </si>
  <si>
    <t>23764</t>
  </si>
  <si>
    <t>GPS BHANOKAY</t>
  </si>
  <si>
    <t>MOUTRA - MALE</t>
  </si>
  <si>
    <t>Bhanokay</t>
  </si>
  <si>
    <t>bhanokay</t>
  </si>
  <si>
    <t>Jamkay Cheema</t>
  </si>
  <si>
    <t>43107</t>
  </si>
  <si>
    <t>GGHS PADSHAHAN V &amp; P.O PADSHAHAN CHAKWAL</t>
  </si>
  <si>
    <t>GGHS PADSHAHAN  CHAKWAL</t>
  </si>
  <si>
    <t>9926</t>
  </si>
  <si>
    <t>GPS CHAK NO. 243/WB</t>
  </si>
  <si>
    <t>Chsk No 243/wb</t>
  </si>
  <si>
    <t>chak no 243/wb Tehsil dunyapur Dist Lodhran.</t>
  </si>
  <si>
    <t>Chak No 243/wb</t>
  </si>
  <si>
    <t>Chsk No 237/wb</t>
  </si>
  <si>
    <t>GPS CHAK NO. 208/9-R SOUTH</t>
  </si>
  <si>
    <t>GPS 208 9.r s</t>
  </si>
  <si>
    <t>208 9/r S</t>
  </si>
  <si>
    <t>209 9/r</t>
  </si>
  <si>
    <t>28635</t>
  </si>
  <si>
    <t>GES ARZANI PUR</t>
  </si>
  <si>
    <t>Govt. elementary school Arzanipur</t>
  </si>
  <si>
    <t>31103</t>
  </si>
  <si>
    <t>9933</t>
  </si>
  <si>
    <t>46664</t>
  </si>
  <si>
    <t>GGES ISA KHEL</t>
  </si>
  <si>
    <t>mohallashahisakhel</t>
  </si>
  <si>
    <t>GPS MAZEED SHAH</t>
  </si>
  <si>
    <t>Mazeed Shah</t>
  </si>
  <si>
    <t>moza Mazeed shah teh chishtian dist bahawalnagar</t>
  </si>
  <si>
    <t>9936</t>
  </si>
  <si>
    <t>GGPS RASOOL ABAD</t>
  </si>
  <si>
    <t>Rasoolabad</t>
  </si>
  <si>
    <t>Rasoolabad colony</t>
  </si>
  <si>
    <t>18755</t>
  </si>
  <si>
    <t>52243</t>
  </si>
  <si>
    <t>GGPS CHAK 179 GB</t>
  </si>
  <si>
    <t>Saleem Pur</t>
  </si>
  <si>
    <t>chak 179gb</t>
  </si>
  <si>
    <t>179 Gb</t>
  </si>
  <si>
    <t>178 Gb</t>
  </si>
  <si>
    <t>Rabia Mushtaq</t>
  </si>
  <si>
    <t>29969</t>
  </si>
  <si>
    <t>29440</t>
  </si>
  <si>
    <t>27480</t>
  </si>
  <si>
    <t>52322</t>
  </si>
  <si>
    <t>GGES LOOMARI</t>
  </si>
  <si>
    <t>loomari</t>
  </si>
  <si>
    <t>kanduwal saray</t>
  </si>
  <si>
    <t>Shahida Shabbir</t>
  </si>
  <si>
    <t>32198</t>
  </si>
  <si>
    <t>GPS 305 EB</t>
  </si>
  <si>
    <t>305/eb</t>
  </si>
  <si>
    <t>chak no 305/e.b tehsil burewala distt.vehari</t>
  </si>
  <si>
    <t>GGPS JHALALRIEN</t>
  </si>
  <si>
    <t>jhalari</t>
  </si>
  <si>
    <t>norwa nala basti jhalari</t>
  </si>
  <si>
    <t>52033</t>
  </si>
  <si>
    <t>GGPS 22 EB</t>
  </si>
  <si>
    <t>22/eb</t>
  </si>
  <si>
    <t>Shahnaz Liaqat</t>
  </si>
  <si>
    <t>GGPS DAHRAN WALI</t>
  </si>
  <si>
    <t>Dahranwali</t>
  </si>
  <si>
    <t>GGPS Dahranwali</t>
  </si>
  <si>
    <t>Momil Ishfaq</t>
  </si>
  <si>
    <t>35373</t>
  </si>
  <si>
    <t>9953</t>
  </si>
  <si>
    <t>GGES 305 HR</t>
  </si>
  <si>
    <t>FTS-XIII-FEMALE</t>
  </si>
  <si>
    <t>305/hr</t>
  </si>
  <si>
    <t>Chak no 305/hr</t>
  </si>
  <si>
    <t>304/hr</t>
  </si>
  <si>
    <t>Raheela Tahir</t>
  </si>
  <si>
    <t>9711</t>
  </si>
  <si>
    <t>GGPS MODEL CHAK NO 410 TDA</t>
  </si>
  <si>
    <t>chack No 410 T.D.A</t>
  </si>
  <si>
    <t>Chack No 410 TDA</t>
  </si>
  <si>
    <t>Lubna Shaheen</t>
  </si>
  <si>
    <t>47542</t>
  </si>
  <si>
    <t>9962</t>
  </si>
  <si>
    <t>GGMPS Shah Sadar Din #. 2</t>
  </si>
  <si>
    <t>GGMPS Shah Sadar Din # 2</t>
  </si>
  <si>
    <t>Shah Sadar Din</t>
  </si>
  <si>
    <t>9966</t>
  </si>
  <si>
    <t>GPS CHAK NO.79/F</t>
  </si>
  <si>
    <t>chak No. 79/F</t>
  </si>
  <si>
    <t>Saba Tahzeeb</t>
  </si>
  <si>
    <t>from other house</t>
  </si>
  <si>
    <t>9967</t>
  </si>
  <si>
    <t>GPS NAICH</t>
  </si>
  <si>
    <t>Naich</t>
  </si>
  <si>
    <t>moza naich</t>
  </si>
  <si>
    <t>46805</t>
  </si>
  <si>
    <t>GPS BHANBAN WALI CERTER MANJHI KHEL</t>
  </si>
  <si>
    <t>Tibba Sharif Trag</t>
  </si>
  <si>
    <t>Muhammad Ramzan Khan</t>
  </si>
  <si>
    <t>28342</t>
  </si>
  <si>
    <t>22643</t>
  </si>
  <si>
    <t>GMPS KAHNA</t>
  </si>
  <si>
    <t>Kahna P/O Kunjah Teh. &amp; Distt. Gujrat</t>
  </si>
  <si>
    <t>Babra Mahnaz</t>
  </si>
  <si>
    <t>29280</t>
  </si>
  <si>
    <t>39007</t>
  </si>
  <si>
    <t>GGES GHULAMN NO 1</t>
  </si>
  <si>
    <t>post office ghulaman</t>
  </si>
  <si>
    <t>Ghulamn</t>
  </si>
  <si>
    <t>Amber Saleem</t>
  </si>
  <si>
    <t>45112</t>
  </si>
  <si>
    <t>13351</t>
  </si>
  <si>
    <t>GHS RASOOL PUR</t>
  </si>
  <si>
    <t>Govt. High School Rasoolpur</t>
  </si>
  <si>
    <t>Rafi Naseer</t>
  </si>
  <si>
    <t>5657</t>
  </si>
  <si>
    <t>GMPS CHAK NO. 129/M (B)</t>
  </si>
  <si>
    <t>CTN -VII-FEMALE</t>
  </si>
  <si>
    <t>129/M B</t>
  </si>
  <si>
    <t>chak 129/m B</t>
  </si>
  <si>
    <t>129/MB</t>
  </si>
  <si>
    <t>Sabahat Altaf</t>
  </si>
  <si>
    <t>GPS BASTI SHAH MUHAMMAD</t>
  </si>
  <si>
    <t>GPS Basti Shah Muhammad mouchi moor</t>
  </si>
  <si>
    <t>Basti Mouchi Moor</t>
  </si>
  <si>
    <t>Mohammad Saleem</t>
  </si>
  <si>
    <t>10663</t>
  </si>
  <si>
    <t>39940</t>
  </si>
  <si>
    <t>GHS MANSAR</t>
  </si>
  <si>
    <t>gbhs mansar tehsil hazro district attock</t>
  </si>
  <si>
    <t>mansar</t>
  </si>
  <si>
    <t>mullan mansoor</t>
  </si>
  <si>
    <t>muhammad akhtar shah</t>
  </si>
  <si>
    <t>GGPS PABBER WALA</t>
  </si>
  <si>
    <t>mouza Pubber Wala</t>
  </si>
  <si>
    <t>FAHMEEDA YASMIN</t>
  </si>
  <si>
    <t>50479</t>
  </si>
  <si>
    <t>GGPS HAYAT ABAD CHICHAWATNI</t>
  </si>
  <si>
    <t>Hayat Abad</t>
  </si>
  <si>
    <t>street n0 19 hayat abad</t>
  </si>
  <si>
    <t>12641</t>
  </si>
  <si>
    <t>37238</t>
  </si>
  <si>
    <t>41527</t>
  </si>
  <si>
    <t>GGES GILLAN WALA</t>
  </si>
  <si>
    <t>Gillanwala</t>
  </si>
  <si>
    <t>government girls elementary school</t>
  </si>
  <si>
    <t>37865</t>
  </si>
  <si>
    <t>GGPS 56/10-R, JAHANIAN</t>
  </si>
  <si>
    <t>56/10 R</t>
  </si>
  <si>
    <t>GMPS 56/10.r</t>
  </si>
  <si>
    <t>55/10 R Vehnival</t>
  </si>
  <si>
    <t>Nazia Tabassum</t>
  </si>
  <si>
    <t>GPS CHAH MUHAMMAD ALI WALA</t>
  </si>
  <si>
    <t>Narool</t>
  </si>
  <si>
    <t>basti rahim baksh wali moza narool</t>
  </si>
  <si>
    <t>Basti Rahim Baksh Wali</t>
  </si>
  <si>
    <t>Bait Kaich Shumali</t>
  </si>
  <si>
    <t>GGPS WASAWAY WALA</t>
  </si>
  <si>
    <t>Wasaway Wala Mouza Qambar Shah tehsil Jampur District Rajanpur</t>
  </si>
  <si>
    <t>Wasaway Wala</t>
  </si>
  <si>
    <t>Khalida Anwar</t>
  </si>
  <si>
    <t>9657</t>
  </si>
  <si>
    <t>GPS NOOR PUR ARAZI QAIMKA</t>
  </si>
  <si>
    <t>Arazi Qaimka</t>
  </si>
  <si>
    <t>noor pur teh$disst. bahawalnagar</t>
  </si>
  <si>
    <t>Hafeez Ur Rahman</t>
  </si>
  <si>
    <t>39536</t>
  </si>
  <si>
    <t>GES MARI JAND</t>
  </si>
  <si>
    <t>vpo mari tehsil jand district attock</t>
  </si>
  <si>
    <t>Pervez Iqbal</t>
  </si>
  <si>
    <t>9661</t>
  </si>
  <si>
    <t>GGHS DARYA KHAN</t>
  </si>
  <si>
    <t>opposite railway station mohalla islam nagger darya khan bhakkar</t>
  </si>
  <si>
    <t>SURAYYA MASUD</t>
  </si>
  <si>
    <t>26898</t>
  </si>
  <si>
    <t>GHS QILA RAM KOUR</t>
  </si>
  <si>
    <t>QILA RAMKAUR</t>
  </si>
  <si>
    <t>HFD</t>
  </si>
  <si>
    <t>SAQIB SHOAIB AZHAR</t>
  </si>
  <si>
    <t>45002</t>
  </si>
  <si>
    <t>GGPS DHUDDI</t>
  </si>
  <si>
    <t>Gg p/s Dhudi post office tiba naina tehsel kalur kot district bhakkar</t>
  </si>
  <si>
    <t>Dhudi</t>
  </si>
  <si>
    <t>Siraj Bibi</t>
  </si>
  <si>
    <t>38977</t>
  </si>
  <si>
    <t>VPO MOORAT</t>
  </si>
  <si>
    <t>waheeda tanveer</t>
  </si>
  <si>
    <t>27420</t>
  </si>
  <si>
    <t>GPS DARSOLA P/O AWANAN WALA</t>
  </si>
  <si>
    <t>Metha Ktk</t>
  </si>
  <si>
    <t>hailran wala issa khel mianwali</t>
  </si>
  <si>
    <t>Hailran Wala</t>
  </si>
  <si>
    <t>Abdul Jabbar Khan</t>
  </si>
  <si>
    <t>38514</t>
  </si>
  <si>
    <t>GPS 233/WB</t>
  </si>
  <si>
    <t>Nawaban Wali</t>
  </si>
  <si>
    <t>chak no 233 wb th: dunyapur ds:Lodhran</t>
  </si>
  <si>
    <t>Chak 233 Wb</t>
  </si>
  <si>
    <t>water supply connection</t>
  </si>
  <si>
    <t>49015</t>
  </si>
  <si>
    <t>33670</t>
  </si>
  <si>
    <t>GGPS CHAK NO.81/F</t>
  </si>
  <si>
    <t>81 F</t>
  </si>
  <si>
    <t>ggps 81 f Post office 79 f Tehsil Hasil Pur Dist Bahawal Pur</t>
  </si>
  <si>
    <t>79 F</t>
  </si>
  <si>
    <t>22749</t>
  </si>
  <si>
    <t>GGPS PINDI HASANA</t>
  </si>
  <si>
    <t>ggps pindi hasna gujrat</t>
  </si>
  <si>
    <t>52796</t>
  </si>
  <si>
    <t>49041</t>
  </si>
  <si>
    <t>16916</t>
  </si>
  <si>
    <t>GES GHAZALI MODEL</t>
  </si>
  <si>
    <t>yousaf shah road jhang</t>
  </si>
  <si>
    <t>13458</t>
  </si>
  <si>
    <t>Rakh Azmat wala farid abad Tehsil Jampur District Rajanpur</t>
  </si>
  <si>
    <t>Chah Farid Abad</t>
  </si>
  <si>
    <t>Rakh Azmat</t>
  </si>
  <si>
    <t>7266</t>
  </si>
  <si>
    <t>9684</t>
  </si>
  <si>
    <t>52291</t>
  </si>
  <si>
    <t>GES 45/SP KHOTI PUR</t>
  </si>
  <si>
    <t>45/sp</t>
  </si>
  <si>
    <t>GES 45/sp khoti pur Tehsil DepalPur District Okara</t>
  </si>
  <si>
    <t>Muhammad Yasin Ghazi</t>
  </si>
  <si>
    <t>24247</t>
  </si>
  <si>
    <t>34859</t>
  </si>
  <si>
    <t>GES BAIT KAISAR JALALPUR PIRWALA</t>
  </si>
  <si>
    <t>Maoza Bait Qaisar</t>
  </si>
  <si>
    <t>Maoza Bait Qaisar Teh.JalaÄº pur pir wala Dist.Multan</t>
  </si>
  <si>
    <t>Basti molvi Muhammad Hussain Maoza Bait Qaisar</t>
  </si>
  <si>
    <t>Malik Muhammad Siddiq</t>
  </si>
  <si>
    <t>50278</t>
  </si>
  <si>
    <t>GGES 81/12-L</t>
  </si>
  <si>
    <t>81/12L</t>
  </si>
  <si>
    <t>chak no81/12L</t>
  </si>
  <si>
    <t>Ashfa Rashid</t>
  </si>
  <si>
    <t>GPS LOOS PURA</t>
  </si>
  <si>
    <t>Loospura</t>
  </si>
  <si>
    <t>44779</t>
  </si>
  <si>
    <t>GES CHAK NO.4/G</t>
  </si>
  <si>
    <t>Basti Bhatian Wali</t>
  </si>
  <si>
    <t>Basti bhatian walk Chak 4/G</t>
  </si>
  <si>
    <t>Chak No 4/G</t>
  </si>
  <si>
    <t>Akhtar Mahmood Shaheen</t>
  </si>
  <si>
    <t>GPS CHAK NO 180/7-R</t>
  </si>
  <si>
    <t>Chak No 180/7r</t>
  </si>
  <si>
    <t>chak no 180/7r P/O 227/9r Teh Fortabbas</t>
  </si>
  <si>
    <t>Chak 180/7 R</t>
  </si>
  <si>
    <t>Chak No 213/9r</t>
  </si>
  <si>
    <t>Mohammad Fiaz</t>
  </si>
  <si>
    <t>GGHS GHARMALA</t>
  </si>
  <si>
    <t>vpo gharmala jhelum</t>
  </si>
  <si>
    <t>Mamoona Mushtaq</t>
  </si>
  <si>
    <t>9712</t>
  </si>
  <si>
    <t>18810</t>
  </si>
  <si>
    <t>GGES CHAK 418 JB</t>
  </si>
  <si>
    <t>Sarja</t>
  </si>
  <si>
    <t>GGES418jb</t>
  </si>
  <si>
    <t>417jb</t>
  </si>
  <si>
    <t>Rukhshanda Jabeen Akhtar</t>
  </si>
  <si>
    <t>26944</t>
  </si>
  <si>
    <t>GPS MC NO. 6 HAFIZABAD</t>
  </si>
  <si>
    <t>Chowk Farooq e Azam</t>
  </si>
  <si>
    <t>Chowk Farooq E Azam Post Office Road Hafizabad</t>
  </si>
  <si>
    <t>Chowk farooq Azam</t>
  </si>
  <si>
    <t>Hafizabad Ward No</t>
  </si>
  <si>
    <t>Rashid Khan</t>
  </si>
  <si>
    <t>39667</t>
  </si>
  <si>
    <t>GGPS DHOK MAIDA</t>
  </si>
  <si>
    <t>Dhok Maida</t>
  </si>
  <si>
    <t>VPO Pinadi Sarhal, Dhok Maida, Teh. Jand, Distt. Attock</t>
  </si>
  <si>
    <t>52214</t>
  </si>
  <si>
    <t>GHS JANDRAN KALAN</t>
  </si>
  <si>
    <t>Jandran Kalan</t>
  </si>
  <si>
    <t>Jandran Kalan P/O Hujra Shah Muqeem T/O Depalpur D/O Okara</t>
  </si>
  <si>
    <t>GGCMES BARU</t>
  </si>
  <si>
    <t>Village baru Tehsil &amp; district Gujrat</t>
  </si>
  <si>
    <t>Fatima Aliya</t>
  </si>
  <si>
    <t>22137</t>
  </si>
  <si>
    <t>23617</t>
  </si>
  <si>
    <t>GGHS ISLAMIA DASKA</t>
  </si>
  <si>
    <t>Govt. islamia girls high school daska</t>
  </si>
  <si>
    <t>haq pura</t>
  </si>
  <si>
    <t>WATER FILTERATION PLANT</t>
  </si>
  <si>
    <t>9729</t>
  </si>
  <si>
    <t>46839</t>
  </si>
  <si>
    <t>GGPS KATTAL KHEL</t>
  </si>
  <si>
    <t>Cheena Pora</t>
  </si>
  <si>
    <t>village chinapora p.o trag</t>
  </si>
  <si>
    <t>Chinapor</t>
  </si>
  <si>
    <t>Anar Khatoon</t>
  </si>
  <si>
    <t>43193</t>
  </si>
  <si>
    <t>GGHS CHAWALI</t>
  </si>
  <si>
    <t>CHAWALI</t>
  </si>
  <si>
    <t>VILLAGE CHAWLI TEH &amp; DISTT CHAKWAL PUNJAB</t>
  </si>
  <si>
    <t>GPS CHAK NO.29/3-R AZAFI BASTI</t>
  </si>
  <si>
    <t>29/3r</t>
  </si>
  <si>
    <t>29/3rab tehsil haroonabad district bwn</t>
  </si>
  <si>
    <t>29/3r Ab</t>
  </si>
  <si>
    <t>30/3r</t>
  </si>
  <si>
    <t>GHS CHAK 279/HR</t>
  </si>
  <si>
    <t>279/hR</t>
  </si>
  <si>
    <t>CHAK NO 279/H.R</t>
  </si>
  <si>
    <t>279/h.r</t>
  </si>
  <si>
    <t>CHAK NO 281/H.R</t>
  </si>
  <si>
    <t>muhammad zafar iqbal</t>
  </si>
  <si>
    <t>GES CHAK NO.92/F</t>
  </si>
  <si>
    <t>Chak 92/F</t>
  </si>
  <si>
    <t>Chak 92/F, Tehsil Hasilpur</t>
  </si>
  <si>
    <t>Mushtaq Ahmed Anjum</t>
  </si>
  <si>
    <t>GES BASTI KHOJAN WALI NO 1</t>
  </si>
  <si>
    <t>Karam Khan</t>
  </si>
  <si>
    <t>Govt E/S Basti Khawaja Abad</t>
  </si>
  <si>
    <t>Basti Khawaja Abad</t>
  </si>
  <si>
    <t>20570</t>
  </si>
  <si>
    <t>26593</t>
  </si>
  <si>
    <t>13227</t>
  </si>
  <si>
    <t>GGPS BHAMBOO SANDILLA</t>
  </si>
  <si>
    <t>Bhamboo Sandila Sandeela</t>
  </si>
  <si>
    <t>Basti Bhamboo Sandeela</t>
  </si>
  <si>
    <t>Bhamboo Sandeela</t>
  </si>
  <si>
    <t>28791</t>
  </si>
  <si>
    <t>GPS SHAM KOT KOHNA</t>
  </si>
  <si>
    <t>Sham Kot Kohna</t>
  </si>
  <si>
    <t>GO VT P/S SHAM KOT KOHNA</t>
  </si>
  <si>
    <t>12614</t>
  </si>
  <si>
    <t>19481</t>
  </si>
  <si>
    <t>9752</t>
  </si>
  <si>
    <t>GPS CHAK 24-D</t>
  </si>
  <si>
    <t>Chak # 24/D</t>
  </si>
  <si>
    <t>chak # 24/D</t>
  </si>
  <si>
    <t>both hand &amp; water pump</t>
  </si>
  <si>
    <t>17254</t>
  </si>
  <si>
    <t>GPS CHAK NO 168 JB</t>
  </si>
  <si>
    <t>Chak No 168</t>
  </si>
  <si>
    <t>chak no 168 jb jhang</t>
  </si>
  <si>
    <t>Chak No 169</t>
  </si>
  <si>
    <t>38538</t>
  </si>
  <si>
    <t>GPS CHAK NO. 231/WB</t>
  </si>
  <si>
    <t>chak no 231/wb tehsil dunyapur district lodhran</t>
  </si>
  <si>
    <t>27228</t>
  </si>
  <si>
    <t>GGPS SAROOP WALA</t>
  </si>
  <si>
    <t>beemianwala</t>
  </si>
  <si>
    <t>GGPS Saroopwala</t>
  </si>
  <si>
    <t>saroopwala</t>
  </si>
  <si>
    <t>geegay</t>
  </si>
  <si>
    <t>Munazza jubeen</t>
  </si>
  <si>
    <t>48163</t>
  </si>
  <si>
    <t>54105</t>
  </si>
  <si>
    <t>GES GAGAY WALI</t>
  </si>
  <si>
    <t>Gagay wali</t>
  </si>
  <si>
    <t>Ges gagay Wali</t>
  </si>
  <si>
    <t>Hafiz Tahir Mehmood</t>
  </si>
  <si>
    <t>55002</t>
  </si>
  <si>
    <t>GPS JALANDHER COLONY HASILPUR</t>
  </si>
  <si>
    <t>Jalandhar Colony</t>
  </si>
  <si>
    <t>GPS CHAK NO 75 M</t>
  </si>
  <si>
    <t>75/M</t>
  </si>
  <si>
    <t>GPS Chak No.75/M,Moza75/M, Markaz, Nazik Nagar,Tehsil:Jalal Pur Pir Wala,Distt.Multan.</t>
  </si>
  <si>
    <t>Chak No 75/M</t>
  </si>
  <si>
    <t>Lal Wah</t>
  </si>
  <si>
    <t>13462</t>
  </si>
  <si>
    <t>Basti ghulam Hussain m pur No 2</t>
  </si>
  <si>
    <t>10342</t>
  </si>
  <si>
    <t>36536</t>
  </si>
  <si>
    <t>GHS KABIRWALA</t>
  </si>
  <si>
    <t>CITY KABIRWALA</t>
  </si>
  <si>
    <t>Govt. High School Kabirwala</t>
  </si>
  <si>
    <t>Muncipal Committee Kabirwala</t>
  </si>
  <si>
    <t>30379</t>
  </si>
  <si>
    <t>35186</t>
  </si>
  <si>
    <t>GPS CHAK NO.148 EB</t>
  </si>
  <si>
    <t>Chak No.148 EB</t>
  </si>
  <si>
    <t>45836</t>
  </si>
  <si>
    <t>50269</t>
  </si>
  <si>
    <t>GGES 51/12-L</t>
  </si>
  <si>
    <t>51/12-L</t>
  </si>
  <si>
    <t>51/12-l CHICHAWATNI</t>
  </si>
  <si>
    <t>Mrs Sajida Perveen</t>
  </si>
  <si>
    <t>GPS 35/M COLONY</t>
  </si>
  <si>
    <t>chak no 35/m Dunya pur dist. lodhran</t>
  </si>
  <si>
    <t>37839</t>
  </si>
  <si>
    <t>GGPS 134/10-R, JAHANIAN</t>
  </si>
  <si>
    <t>Thatha  Sadiq  Abad</t>
  </si>
  <si>
    <t>134 /10_R</t>
  </si>
  <si>
    <t>134/10R</t>
  </si>
  <si>
    <t>Munirah Sohail</t>
  </si>
  <si>
    <t>22660</t>
  </si>
  <si>
    <t>GGPS GUMRALI</t>
  </si>
  <si>
    <t>Gumrali</t>
  </si>
  <si>
    <t>vill gumrali p/o mungowal teh/dist gujrat</t>
  </si>
  <si>
    <t>nargis yasmin</t>
  </si>
  <si>
    <t>20092</t>
  </si>
  <si>
    <t>GMPS CHAK NO 149 JB I</t>
  </si>
  <si>
    <t>Gmp/s 149</t>
  </si>
  <si>
    <t>Chak no 149</t>
  </si>
  <si>
    <t>9117</t>
  </si>
  <si>
    <t>41076</t>
  </si>
  <si>
    <t>28701</t>
  </si>
  <si>
    <t>GPS GILLAN WALA</t>
  </si>
  <si>
    <t>Ahsaan Habib</t>
  </si>
  <si>
    <t>24546</t>
  </si>
  <si>
    <t>40515</t>
  </si>
  <si>
    <t>41250</t>
  </si>
  <si>
    <t>10471</t>
  </si>
  <si>
    <t>17386</t>
  </si>
  <si>
    <t>GGPS CHAUDRY COLONY</t>
  </si>
  <si>
    <t>Chaudhry Colony Jhang city</t>
  </si>
  <si>
    <t>Shakila Sajjad</t>
  </si>
  <si>
    <t>52844</t>
  </si>
  <si>
    <t>GGPS MATA SINGH</t>
  </si>
  <si>
    <t>Marta Singh</t>
  </si>
  <si>
    <t>matta singh</t>
  </si>
  <si>
    <t>Matta Singh</t>
  </si>
  <si>
    <t>Abida Shamim</t>
  </si>
  <si>
    <t>GGPS BASTI FATEH WALI</t>
  </si>
  <si>
    <t>Basti Fatay Wali</t>
  </si>
  <si>
    <t>basti fatay wali</t>
  </si>
  <si>
    <t>Daokay Kahnyana</t>
  </si>
  <si>
    <t>25554</t>
  </si>
  <si>
    <t>10479</t>
  </si>
  <si>
    <t>26883</t>
  </si>
  <si>
    <t>GHS MIAN RAHEEMAN</t>
  </si>
  <si>
    <t>Mian raheema</t>
  </si>
  <si>
    <t>10482</t>
  </si>
  <si>
    <t>34774</t>
  </si>
  <si>
    <t>GHSS GHAZI PUR JALALPUR PIRWALA</t>
  </si>
  <si>
    <t>Allah Bachaya Khan</t>
  </si>
  <si>
    <t>31936</t>
  </si>
  <si>
    <t>GGMPS CHOHAAN WALA</t>
  </si>
  <si>
    <t>Basti Chohan Wala</t>
  </si>
  <si>
    <t>Chohanwala paigah chak#2</t>
  </si>
  <si>
    <t>Paigah Chak #2</t>
  </si>
  <si>
    <t>Huma Riaz</t>
  </si>
  <si>
    <t>21711</t>
  </si>
  <si>
    <t>GPS NAI ABADI KHOUT</t>
  </si>
  <si>
    <t>New Abadi Khout</t>
  </si>
  <si>
    <t>New Abadi khout</t>
  </si>
  <si>
    <t>Dhanser Paien</t>
  </si>
  <si>
    <t>GGCMPS CHAK NO 283 HR</t>
  </si>
  <si>
    <t>283hr</t>
  </si>
  <si>
    <t>GGps283HR</t>
  </si>
  <si>
    <t>283HR</t>
  </si>
  <si>
    <t>Abida Tasneem</t>
  </si>
  <si>
    <t>GES SADEHRI</t>
  </si>
  <si>
    <t>saidhri</t>
  </si>
  <si>
    <t>deona</t>
  </si>
  <si>
    <t>44612</t>
  </si>
  <si>
    <t>42420</t>
  </si>
  <si>
    <t>Ada 15 meel sultanpur</t>
  </si>
  <si>
    <t>Hafiza Hajra Hassan</t>
  </si>
  <si>
    <t>45102</t>
  </si>
  <si>
    <t>GPS  AWANAN WALA</t>
  </si>
  <si>
    <t>awanwala P/O Jandanwala tehsil kallur kot district Bhskkar</t>
  </si>
  <si>
    <t>37900</t>
  </si>
  <si>
    <t>GGPS 174/10-R CHRISTIAN, JAHANIAN</t>
  </si>
  <si>
    <t>174/10 R</t>
  </si>
  <si>
    <t>chak no 174/10 R post office chak no 173/10 R tehsil jahanian district khanewal</t>
  </si>
  <si>
    <t>174/10 R Christian</t>
  </si>
  <si>
    <t>7815</t>
  </si>
  <si>
    <t>53863</t>
  </si>
  <si>
    <t>GPS LANGIAN WALI</t>
  </si>
  <si>
    <t>GPS langianwali sialkot daska</t>
  </si>
  <si>
    <t>39098</t>
  </si>
  <si>
    <t>40189</t>
  </si>
  <si>
    <t>GGES BIEHRAI COLONY BILAL TOWN</t>
  </si>
  <si>
    <t>GGES behari colony bilal town jhelum</t>
  </si>
  <si>
    <t>AMINA SHAHEEN</t>
  </si>
  <si>
    <t>50276</t>
  </si>
  <si>
    <t>GGES 77/12-L</t>
  </si>
  <si>
    <t>77 /12l</t>
  </si>
  <si>
    <t>Shafia Tasnim</t>
  </si>
  <si>
    <t>GPS 265/HR</t>
  </si>
  <si>
    <t>chak No 265/HR</t>
  </si>
  <si>
    <t>chak No. 265/HR, Tehsil.  Fort Abbas</t>
  </si>
  <si>
    <t>chak No 264/HR</t>
  </si>
  <si>
    <t>GES MC TUFAIL SHAHEED ROAD FSD</t>
  </si>
  <si>
    <t>SHAREEF PURA</t>
  </si>
  <si>
    <t>GOVERNMENT M.C. ELEMENTARY SCHOOL,TUFAIL SHAHEED ROAD, FAISALABAD</t>
  </si>
  <si>
    <t>ROBINA ASLAM</t>
  </si>
  <si>
    <t>29744</t>
  </si>
  <si>
    <t>28243</t>
  </si>
  <si>
    <t>GES SHAMBOO</t>
  </si>
  <si>
    <t>basti shamboo p/o sakhi sarwar tehsil and district DGK</t>
  </si>
  <si>
    <t>pipe line from lake</t>
  </si>
  <si>
    <t>45308</t>
  </si>
  <si>
    <t>26054</t>
  </si>
  <si>
    <t>GPS JOONI CHAK NO. 243/TDA</t>
  </si>
  <si>
    <t>Chak No243A /TDA JOONI WALA</t>
  </si>
  <si>
    <t>chak no 243A/tda joni wala tehsil karor dis layyah</t>
  </si>
  <si>
    <t>Chak No 243A/tda Joni Wala</t>
  </si>
  <si>
    <t>Rural Fateh Pur</t>
  </si>
  <si>
    <t>5715</t>
  </si>
  <si>
    <t>GPS CHAK NO 85/5-R (E)</t>
  </si>
  <si>
    <t>HND-6-MALE</t>
  </si>
  <si>
    <t>chak no.86/5R Allama iqbal nagar</t>
  </si>
  <si>
    <t>86/5R Allama Iqbal  Nagar</t>
  </si>
  <si>
    <t>37785</t>
  </si>
  <si>
    <t>GPS KHANDI WALA, P/O 121/10-R, JAHANIAN</t>
  </si>
  <si>
    <t>Kandhiwala</t>
  </si>
  <si>
    <t>gps kandhiwala 120/10-R Teh. Jahania Distt. Khanewal</t>
  </si>
  <si>
    <t>Chak No 117/10-R</t>
  </si>
  <si>
    <t>29388</t>
  </si>
  <si>
    <t>19314</t>
  </si>
  <si>
    <t>36932</t>
  </si>
  <si>
    <t>GGPS MANSA MAGLANI, ABDUL HAKIM</t>
  </si>
  <si>
    <t>sikandar pur</t>
  </si>
  <si>
    <t>kot islam dak khana khas</t>
  </si>
  <si>
    <t>Nabila Qureshi</t>
  </si>
  <si>
    <t>13133</t>
  </si>
  <si>
    <t>GPS KACHI MIRAN PUR</t>
  </si>
  <si>
    <t>Murad Pur Shumali</t>
  </si>
  <si>
    <t>Mouza murad</t>
  </si>
  <si>
    <t>Machi</t>
  </si>
  <si>
    <t>Nasir Abbas Shah</t>
  </si>
  <si>
    <t>43115</t>
  </si>
  <si>
    <t>GGHS SAIGOLABAD</t>
  </si>
  <si>
    <t>gghs saigolabad vil &amp; p.o saigolabad, tehsil abd district chakwal.</t>
  </si>
  <si>
    <t>amina ghafoor</t>
  </si>
  <si>
    <t>29775</t>
  </si>
  <si>
    <t>GPS GHULAM MUHAMMAD</t>
  </si>
  <si>
    <t>Chann</t>
  </si>
  <si>
    <t>basti ghulam m</t>
  </si>
  <si>
    <t>Basti Ghulam Muhammad</t>
  </si>
  <si>
    <t>Baqir Hussain</t>
  </si>
  <si>
    <t>42806</t>
  </si>
  <si>
    <t>GGPS JURIAN</t>
  </si>
  <si>
    <t>Jourian</t>
  </si>
  <si>
    <t>village JOURIAN, P.O MANDRA ,TEHSIL GUJARKHAN</t>
  </si>
  <si>
    <t>Anam Naz</t>
  </si>
  <si>
    <t>GGES CHAK 285/HR</t>
  </si>
  <si>
    <t>285/ HR</t>
  </si>
  <si>
    <t>chak no 285/hr  Tahsil  Fortabbas District  Bahawalnagar</t>
  </si>
  <si>
    <t>285/HR</t>
  </si>
  <si>
    <t>Razia Shaheen</t>
  </si>
  <si>
    <t>6809</t>
  </si>
  <si>
    <t>43084</t>
  </si>
  <si>
    <t>GHS SHAHPUR SYEDAN</t>
  </si>
  <si>
    <t>Shahpur syedan</t>
  </si>
  <si>
    <t>vpo shahpur syedan tehsil and district chakwal</t>
  </si>
  <si>
    <t>shahpur syedan</t>
  </si>
  <si>
    <t>choa ganj ali shah</t>
  </si>
  <si>
    <t>asif hussain awan</t>
  </si>
  <si>
    <t>25341</t>
  </si>
  <si>
    <t>GPS SAGATER</t>
  </si>
  <si>
    <t>village sagetar p/o banahl tehsil kallar syedan distt. rwp</t>
  </si>
  <si>
    <t>Sagetar</t>
  </si>
  <si>
    <t>Zeeshan Farrukh</t>
  </si>
  <si>
    <t>public well are used</t>
  </si>
  <si>
    <t>27729</t>
  </si>
  <si>
    <t>22496</t>
  </si>
  <si>
    <t>GGCMPS MOJOKI</t>
  </si>
  <si>
    <t>village and p.o box mojoki</t>
  </si>
  <si>
    <t>9541</t>
  </si>
  <si>
    <t>38494</t>
  </si>
  <si>
    <t>GES SYULTAN AYUB QATAAL 307/WB</t>
  </si>
  <si>
    <t>CHAK No 307/WB</t>
  </si>
  <si>
    <t>Chak No.307/W.B. Tehsil Dunyapur</t>
  </si>
  <si>
    <t>Muhammad Inam Bari</t>
  </si>
  <si>
    <t>GPS IKHTIAR KHAN</t>
  </si>
  <si>
    <t>Bhumbha</t>
  </si>
  <si>
    <t>Basti Ikhtiar khan moza bhumbha u/c Harrand teh.Jampur</t>
  </si>
  <si>
    <t>Water coolers</t>
  </si>
  <si>
    <t>29287</t>
  </si>
  <si>
    <t>35196</t>
  </si>
  <si>
    <t>GPS CHAK NO.503/EB</t>
  </si>
  <si>
    <t>chack 503/E.B burewala</t>
  </si>
  <si>
    <t>50346</t>
  </si>
  <si>
    <t>GES 105/7-R</t>
  </si>
  <si>
    <t>105/7.R</t>
  </si>
  <si>
    <t>CHAK NO 105/7.R CHICHAWATNI,SAHIWAL</t>
  </si>
  <si>
    <t>6/11.L</t>
  </si>
  <si>
    <t>Akram Ali</t>
  </si>
  <si>
    <t>40020</t>
  </si>
  <si>
    <t>GGHS WAISA</t>
  </si>
  <si>
    <t>vpo waisa,Tehsil hazro, District Attock</t>
  </si>
  <si>
    <t>waisa</t>
  </si>
  <si>
    <t>kamal pur musa</t>
  </si>
  <si>
    <t>Umara sarwar</t>
  </si>
  <si>
    <t>GPS CHAK DHUDIAN</t>
  </si>
  <si>
    <t>Chak Dhuddian mari shuk shah teh chishtian district Bwn</t>
  </si>
  <si>
    <t>Chak Dhuddian</t>
  </si>
  <si>
    <t>GHS HAFIZ WALA JALALPUR PIRWALA</t>
  </si>
  <si>
    <t>P.O. Hafiiz Wala. Jalalpur Pir Wala. Multan</t>
  </si>
  <si>
    <t>JAFER ALI</t>
  </si>
  <si>
    <t>18226</t>
  </si>
  <si>
    <t>44456</t>
  </si>
  <si>
    <t>GPS CHAH HOOT WALA</t>
  </si>
  <si>
    <t>Khanpur Janubi</t>
  </si>
  <si>
    <t>Chah hoot wala</t>
  </si>
  <si>
    <t>Chah Hoot Wala</t>
  </si>
  <si>
    <t>Ghazanfar Ali Raza</t>
  </si>
  <si>
    <t>18541</t>
  </si>
  <si>
    <t>GGES MC GOJRA</t>
  </si>
  <si>
    <t>gges mc gojra near jinah park gojra</t>
  </si>
  <si>
    <t>8475</t>
  </si>
  <si>
    <t>GGPS KOTLI KUNDU</t>
  </si>
  <si>
    <t>kotli kandu</t>
  </si>
  <si>
    <t>village kotli kanduo gujrat</t>
  </si>
  <si>
    <t>Kotli Kanduo</t>
  </si>
  <si>
    <t>Asia Rashida</t>
  </si>
  <si>
    <t>41721</t>
  </si>
  <si>
    <t>GGPS HINDAL KHEL</t>
  </si>
  <si>
    <t>GGPS Hindalkhel p/o sultankhel teh esakhel dist mianwali</t>
  </si>
  <si>
    <t>Amna Azmatullah</t>
  </si>
  <si>
    <t>9583</t>
  </si>
  <si>
    <t>GPS MOHSIN SHAH WALA</t>
  </si>
  <si>
    <t>basti brnani p/o Kala dgk</t>
  </si>
  <si>
    <t>Basti Barnani</t>
  </si>
  <si>
    <t>50461</t>
  </si>
  <si>
    <t>GPS MALKANI</t>
  </si>
  <si>
    <t>Basti malkani p/ o Hajipur Tehsil Jampur</t>
  </si>
  <si>
    <t>GPS CHAK NO.42/3-R</t>
  </si>
  <si>
    <t>Chak NO 42/3R</t>
  </si>
  <si>
    <t>Chak No42/3R</t>
  </si>
  <si>
    <t>M Iqbal</t>
  </si>
  <si>
    <t>22473</t>
  </si>
  <si>
    <t>GGPS LAMBOUR</t>
  </si>
  <si>
    <t>Lambour</t>
  </si>
  <si>
    <t>village lambour P/O JPJ Teh and dist Gujrat</t>
  </si>
  <si>
    <t>Zakia Bibi</t>
  </si>
  <si>
    <t>26958</t>
  </si>
  <si>
    <t>GPS KALIAN WALA</t>
  </si>
  <si>
    <t>Mohallah Ali Town Hafizabad</t>
  </si>
  <si>
    <t>Mohammad Farooq</t>
  </si>
  <si>
    <t>GES CHAK NO.461/EB</t>
  </si>
  <si>
    <t>chak 461 EB Burewala vehari</t>
  </si>
  <si>
    <t>461 Eb</t>
  </si>
  <si>
    <t>Chak 447 EB</t>
  </si>
  <si>
    <t>40281</t>
  </si>
  <si>
    <t>GGPS DHOK DASWANDI</t>
  </si>
  <si>
    <t>Dhoke Daswandi</t>
  </si>
  <si>
    <t>village dhoke daswandi post office kala gujran teh &amp;distt jhelm</t>
  </si>
  <si>
    <t>37088</t>
  </si>
  <si>
    <t>22831</t>
  </si>
  <si>
    <t>GGPS SHAH JAHANIAN</t>
  </si>
  <si>
    <t>shahjahanian district Gujrat</t>
  </si>
  <si>
    <t>Samina  Kousar</t>
  </si>
  <si>
    <t>52645</t>
  </si>
  <si>
    <t>GPS KOREY WALA</t>
  </si>
  <si>
    <t>Chak korey wala</t>
  </si>
  <si>
    <t>Piroo Wala</t>
  </si>
  <si>
    <t>Muhammad Assad Shabbir</t>
  </si>
  <si>
    <t>39033</t>
  </si>
  <si>
    <t>GPS PIND BAHDAR KHAN</t>
  </si>
  <si>
    <t>Pind Bahadar Khan</t>
  </si>
  <si>
    <t>district attock, tensil Fateh Jang .</t>
  </si>
  <si>
    <t>Amjad Mehmood</t>
  </si>
  <si>
    <t>50453</t>
  </si>
  <si>
    <t>9630</t>
  </si>
  <si>
    <t>GPS CHAK NO 128/6-R</t>
  </si>
  <si>
    <t>128/6R</t>
  </si>
  <si>
    <t>Chak no 128/6R</t>
  </si>
  <si>
    <t>132/6R</t>
  </si>
  <si>
    <t>42613</t>
  </si>
  <si>
    <t>GGPS JARMOT KHURD</t>
  </si>
  <si>
    <t>Dakhli Mohra Burj</t>
  </si>
  <si>
    <t>VILL JARMOT KHURD P/O JARMOT KALAN TEH GUJAR KHAN DIST RWP</t>
  </si>
  <si>
    <t>Jarmot Khurd</t>
  </si>
  <si>
    <t>Afshan Kanwal</t>
  </si>
  <si>
    <t>9634</t>
  </si>
  <si>
    <t>GPS BASTI KANJWAN</t>
  </si>
  <si>
    <t>Hasilpur OLD Tehsil Hasilpur District Bhawalpur</t>
  </si>
  <si>
    <t>Basti Kanjwan Mouza Hasilpur Old Tehsil Hasilpur District Bhawalpur</t>
  </si>
  <si>
    <t>Basti Kanjwan</t>
  </si>
  <si>
    <t>Hasilpur OLD</t>
  </si>
  <si>
    <t>M Akram Ghori</t>
  </si>
  <si>
    <t>10552</t>
  </si>
  <si>
    <t>38507</t>
  </si>
  <si>
    <t>GPS CHAK NO. 7/M</t>
  </si>
  <si>
    <t>CHAK NO 7/M</t>
  </si>
  <si>
    <t>27113</t>
  </si>
  <si>
    <t>GMPS BHOPAY CHADHRAN</t>
  </si>
  <si>
    <t>Bhopay Chadhran</t>
  </si>
  <si>
    <t>Amna Yaqoob</t>
  </si>
  <si>
    <t>GES CHAK NO 154/3-L E</t>
  </si>
  <si>
    <t>chak 154/3.L (E)</t>
  </si>
  <si>
    <t>Chak 154/3L</t>
  </si>
  <si>
    <t>Yousaf Saeed</t>
  </si>
  <si>
    <t>GGPS BASTI KHAKI</t>
  </si>
  <si>
    <t>Shadi Kachalah</t>
  </si>
  <si>
    <t>basti khakhi maoza shadi kachalah p/o ghazi pur teh. jalalpur pirwala multan</t>
  </si>
  <si>
    <t>Kot Ali Adil</t>
  </si>
  <si>
    <t>GPS BHIRR RASHID SHAH</t>
  </si>
  <si>
    <t>basti rathi mauza bhirr rasheed shah teh.&amp; distt.bhakkar</t>
  </si>
  <si>
    <t>Basti Rathi</t>
  </si>
  <si>
    <t>10117</t>
  </si>
  <si>
    <t>GGPS SOTAY WALA</t>
  </si>
  <si>
    <t>ggps sotay wala</t>
  </si>
  <si>
    <t>Sotay Wala</t>
  </si>
  <si>
    <t>Miss Razia Sardar</t>
  </si>
  <si>
    <t>38489</t>
  </si>
  <si>
    <t>GPS GHARBI WARD NO 4</t>
  </si>
  <si>
    <t>Dunyapur Gharbi ward no 4</t>
  </si>
  <si>
    <t>GPS Gharbi Wardno.4 Dunyapur</t>
  </si>
  <si>
    <t>Eidgah Wali</t>
  </si>
  <si>
    <t>Muhammad Islam Naveed</t>
  </si>
  <si>
    <t>10136</t>
  </si>
  <si>
    <t>27218</t>
  </si>
  <si>
    <t>GES KOT CHIAN</t>
  </si>
  <si>
    <t>Kot chian</t>
  </si>
  <si>
    <t>Arfan Akhter</t>
  </si>
  <si>
    <t>42775</t>
  </si>
  <si>
    <t>GGPS BAJRANA KANYAL</t>
  </si>
  <si>
    <t>Bajrana</t>
  </si>
  <si>
    <t>vpo bajrana kanyal gujar khan rawalpindi</t>
  </si>
  <si>
    <t>Bajrana Kanyal</t>
  </si>
  <si>
    <t>Syeda Nuzhat  Naheed</t>
  </si>
  <si>
    <t>GGPS CHAK NO.160/MA</t>
  </si>
  <si>
    <t>160/MA</t>
  </si>
  <si>
    <t>160m/A</t>
  </si>
  <si>
    <t>NAZIA KANWAL</t>
  </si>
  <si>
    <t>GES CHAK NO. 37/3-R</t>
  </si>
  <si>
    <t>37/3R</t>
  </si>
  <si>
    <t>Govt Elementary school chak # 37/3R tehsil Haroonabad district Bahawalnahar</t>
  </si>
  <si>
    <t>Sabir Ali Tahir</t>
  </si>
  <si>
    <t>GPS MACHRALA</t>
  </si>
  <si>
    <t>Machala</t>
  </si>
  <si>
    <t>Qamar Shehzad</t>
  </si>
  <si>
    <t>GES MAI DA FARM</t>
  </si>
  <si>
    <t>Rakhazmatwala</t>
  </si>
  <si>
    <t>6071</t>
  </si>
  <si>
    <t>37872</t>
  </si>
  <si>
    <t>GMPS 101/10-R DHOREE, JAHANIAN</t>
  </si>
  <si>
    <t>101/10R</t>
  </si>
  <si>
    <t>chak no 101/10r jahania</t>
  </si>
  <si>
    <t>101/10RDhori</t>
  </si>
  <si>
    <t>NASREEN Akhtar</t>
  </si>
  <si>
    <t>GGPS ULMAN WALA</t>
  </si>
  <si>
    <t>ulman wala</t>
  </si>
  <si>
    <t>Ulman Wala</t>
  </si>
  <si>
    <t>Samra Gul</t>
  </si>
  <si>
    <t>GPS BANGLA JAL WALA</t>
  </si>
  <si>
    <t>Chak gohdoo Wala</t>
  </si>
  <si>
    <t>Gohdoo Wala</t>
  </si>
  <si>
    <t>Kot Fathe Mohmmad</t>
  </si>
  <si>
    <t>Muhammad Khalid Javed</t>
  </si>
  <si>
    <t>36736</t>
  </si>
  <si>
    <t>GPS GUL MUHAMMAD WALA, SARAI SIDHU</t>
  </si>
  <si>
    <t>Shakroo Wala</t>
  </si>
  <si>
    <t>moza shakroo wala p/o sarai sidhu kabirwala district khanewal</t>
  </si>
  <si>
    <t>Bharaj Sargana</t>
  </si>
  <si>
    <t>Raza Muhammad</t>
  </si>
  <si>
    <t>28862</t>
  </si>
  <si>
    <t>GMPS GURDAS WALA</t>
  </si>
  <si>
    <t>Sandras</t>
  </si>
  <si>
    <t>gurdas wala tehsil Chugiak district kasur</t>
  </si>
  <si>
    <t>Gurdas Wala</t>
  </si>
  <si>
    <t>Farzana Fazal</t>
  </si>
  <si>
    <t>2e+006</t>
  </si>
  <si>
    <t>35465</t>
  </si>
  <si>
    <t>22458</t>
  </si>
  <si>
    <t>GMPS LALA CHAK</t>
  </si>
  <si>
    <t>Lala Chak</t>
  </si>
  <si>
    <t>village lala chak p/o jalal pur jattan district gujrat</t>
  </si>
  <si>
    <t>Thatha Musa</t>
  </si>
  <si>
    <t>Sheeza Mubeen</t>
  </si>
  <si>
    <t>10153</t>
  </si>
  <si>
    <t>GPS KONDRAN WALI</t>
  </si>
  <si>
    <t>hammu wala</t>
  </si>
  <si>
    <t>basti kondran wali p/o basti bakhtawar</t>
  </si>
  <si>
    <t>kondran wali</t>
  </si>
  <si>
    <t>10156</t>
  </si>
  <si>
    <t>GGPS DHUDHI WALA</t>
  </si>
  <si>
    <t>dhudhi wala markaz akreanwala tehsil district jhang</t>
  </si>
  <si>
    <t>Dhudhi Wala</t>
  </si>
  <si>
    <t>Sadia Jawad</t>
  </si>
  <si>
    <t>10159</t>
  </si>
  <si>
    <t>GPS CHAK 235/9-R</t>
  </si>
  <si>
    <t>Chak 235/9r</t>
  </si>
  <si>
    <t>chak 235/9r p/o chak 204/9r Tehsil Fort Abbas District Bahawal Nagar</t>
  </si>
  <si>
    <t>Chak 238/9r</t>
  </si>
  <si>
    <t>Hashim  Ali</t>
  </si>
  <si>
    <t>GGES CHAK NO.18/F.W</t>
  </si>
  <si>
    <t>Hasilpur Purana</t>
  </si>
  <si>
    <t>chak18/FW hasilpur</t>
  </si>
  <si>
    <t>10163</t>
  </si>
  <si>
    <t>38652</t>
  </si>
  <si>
    <t>GGPS 235 WB</t>
  </si>
  <si>
    <t>CHAK NO 235/WB</t>
  </si>
  <si>
    <t>SAIMA RASHEED</t>
  </si>
  <si>
    <t>48328</t>
  </si>
  <si>
    <t>39552</t>
  </si>
  <si>
    <t>GPS KUNDRALA</t>
  </si>
  <si>
    <t>Kundrala</t>
  </si>
  <si>
    <t>boo kundralla.teh Jand  .d!attached attock</t>
  </si>
  <si>
    <t>Kundralla</t>
  </si>
  <si>
    <t>JalWal</t>
  </si>
  <si>
    <t>30832</t>
  </si>
  <si>
    <t>28112</t>
  </si>
  <si>
    <t>49237</t>
  </si>
  <si>
    <t>31537</t>
  </si>
  <si>
    <t>19968</t>
  </si>
  <si>
    <t>GPS RAO BAGH MAL</t>
  </si>
  <si>
    <t>GPS raobaghmal</t>
  </si>
  <si>
    <t>Rab Bagh</t>
  </si>
  <si>
    <t>shahid imran</t>
  </si>
  <si>
    <t>52060</t>
  </si>
  <si>
    <t>42370</t>
  </si>
  <si>
    <t>GHS BHATTA</t>
  </si>
  <si>
    <t>bhata</t>
  </si>
  <si>
    <t>v &amp; p/o bhata teh gujar khan</t>
  </si>
  <si>
    <t>noor dolal</t>
  </si>
  <si>
    <t>tariq Masood</t>
  </si>
  <si>
    <t>50245</t>
  </si>
  <si>
    <t>GGES 87/12-L GUJRAN WALI</t>
  </si>
  <si>
    <t>87/12LG</t>
  </si>
  <si>
    <t>87/12.L G</t>
  </si>
  <si>
    <t>87/12L G</t>
  </si>
  <si>
    <t>Saima Yaqoob</t>
  </si>
  <si>
    <t>46654</t>
  </si>
  <si>
    <t>GES CHASHMIAH</t>
  </si>
  <si>
    <t>Chashmiah</t>
  </si>
  <si>
    <t>Govt. E/s chashmiah</t>
  </si>
  <si>
    <t>Hafeez Ur Rehman</t>
  </si>
  <si>
    <t>GPS FAQIR PURA NO.2 (TARIQ ABAD)</t>
  </si>
  <si>
    <t>GUJRANWALA CITY 1 - MALE</t>
  </si>
  <si>
    <t>Tariq ABAD</t>
  </si>
  <si>
    <t>4 E block Aman choka khokharke Gujranwala</t>
  </si>
  <si>
    <t>Khokharke</t>
  </si>
  <si>
    <t>Gulzar Colony</t>
  </si>
  <si>
    <t>Muhammad Uzair</t>
  </si>
  <si>
    <t>10194</t>
  </si>
  <si>
    <t>GPS CHAK KHUSHHAL KHELAN WALA</t>
  </si>
  <si>
    <t>p/o jandanwala</t>
  </si>
  <si>
    <t>Khushal Khailanwala</t>
  </si>
  <si>
    <t>38506</t>
  </si>
  <si>
    <t>GPS CHAK NO. 219/WB</t>
  </si>
  <si>
    <t>Chak # 219</t>
  </si>
  <si>
    <t>chak # 219 wb</t>
  </si>
  <si>
    <t>219 Wb</t>
  </si>
  <si>
    <t>Chak # 231 Wb</t>
  </si>
  <si>
    <t>10197</t>
  </si>
  <si>
    <t>22653</t>
  </si>
  <si>
    <t>GMPS KAKA</t>
  </si>
  <si>
    <t>gmps kakka disstt gujrat p.o box kunjah</t>
  </si>
  <si>
    <t>Golyki</t>
  </si>
  <si>
    <t>GPS KOCHA KOKARI</t>
  </si>
  <si>
    <t>Kocha Kokari</t>
  </si>
  <si>
    <t>kala kaloni  mouza kocha kokari</t>
  </si>
  <si>
    <t>Kokari</t>
  </si>
  <si>
    <t>10211</t>
  </si>
  <si>
    <t>40201</t>
  </si>
  <si>
    <t>GGPS MC SOCIAL UP LIFT JHELUM</t>
  </si>
  <si>
    <t>Abbas Poora</t>
  </si>
  <si>
    <t>Osama chowk mohalla Abbas poora</t>
  </si>
  <si>
    <t>Rukhsana Asghar</t>
  </si>
  <si>
    <t>10214</t>
  </si>
  <si>
    <t>GGPS PALAHAY</t>
  </si>
  <si>
    <t>PALAHAY</t>
  </si>
  <si>
    <t>mouza palahy</t>
  </si>
  <si>
    <t>GPS JHEDWAN</t>
  </si>
  <si>
    <t>JHEDWAN p/o Mahta jhedu Teh.chishtian</t>
  </si>
  <si>
    <t>46864</t>
  </si>
  <si>
    <t>GGES SANGINI</t>
  </si>
  <si>
    <t>Village Sangini, Tola Bangi khel, Isa Khel</t>
  </si>
  <si>
    <t>Sangini</t>
  </si>
  <si>
    <t>Saadia Jabbar</t>
  </si>
  <si>
    <t>25172</t>
  </si>
  <si>
    <t>GGPS HAZARA JANUBI</t>
  </si>
  <si>
    <t>Hazara Janubi</t>
  </si>
  <si>
    <t>ggps hazara janubi bhakkar</t>
  </si>
  <si>
    <t>Asia Ahsan</t>
  </si>
  <si>
    <t>17811</t>
  </si>
  <si>
    <t>GGPS LALIAN WALA</t>
  </si>
  <si>
    <t>Lalianwala</t>
  </si>
  <si>
    <t>lalianwala jhang</t>
  </si>
  <si>
    <t>Dhoriwala</t>
  </si>
  <si>
    <t>Kanwal Shahzadi</t>
  </si>
  <si>
    <t>25128</t>
  </si>
  <si>
    <t>10227</t>
  </si>
  <si>
    <t>28718</t>
  </si>
  <si>
    <t>GPS BAQA PUR</t>
  </si>
  <si>
    <t>Baqa PUR</t>
  </si>
  <si>
    <t>Govt P/S Baqa Pur Markaz Gehlan Hithar.Tehsil Chunian.Disstt Kasur.Punjab.</t>
  </si>
  <si>
    <t>Baqa Pur SHAMALI</t>
  </si>
  <si>
    <t>GGPS NAGERIAN WALA</t>
  </si>
  <si>
    <t>Nagrainwala</t>
  </si>
  <si>
    <t>nagrainwala</t>
  </si>
  <si>
    <t>Memoona Batool</t>
  </si>
  <si>
    <t>GGPS 16/1-R</t>
  </si>
  <si>
    <t>16/1R</t>
  </si>
  <si>
    <t>Chak No 16/1R Haroon abad Bahawalnagar</t>
  </si>
  <si>
    <t>KANEEZ BATOOL</t>
  </si>
  <si>
    <t>38522</t>
  </si>
  <si>
    <t>GPS CHAK NO. 223/WB</t>
  </si>
  <si>
    <t>Chak Number 223 Wb</t>
  </si>
  <si>
    <t>chak number 223wb</t>
  </si>
  <si>
    <t>10591</t>
  </si>
  <si>
    <t>27079</t>
  </si>
  <si>
    <t>GGES PHEROKE</t>
  </si>
  <si>
    <t>Pheroki</t>
  </si>
  <si>
    <t>village Pheroki Distt Hafizabad</t>
  </si>
  <si>
    <t>Kot Said Mohammad</t>
  </si>
  <si>
    <t>GPS CHAK NO 122/M</t>
  </si>
  <si>
    <t>122/M</t>
  </si>
  <si>
    <t>Chak 122/M post office same tehsil chishtian</t>
  </si>
  <si>
    <t>Chak 122/M</t>
  </si>
  <si>
    <t>Chak 118/M</t>
  </si>
  <si>
    <t>Imran Ul Haq</t>
  </si>
  <si>
    <t>28948</t>
  </si>
  <si>
    <t>GGPS QILLA NATHA SINGH</t>
  </si>
  <si>
    <t>Qila Natha Singh</t>
  </si>
  <si>
    <t>qila natha singh</t>
  </si>
  <si>
    <t>Sakeena Ashraf</t>
  </si>
  <si>
    <t>3377</t>
  </si>
  <si>
    <t>33029</t>
  </si>
  <si>
    <t>13635</t>
  </si>
  <si>
    <t>GGPS JAMPUR NO. 3</t>
  </si>
  <si>
    <t>CITY JAMPUR</t>
  </si>
  <si>
    <t>BASTI SHEIKHAN MOHALA ALIPUR JAMPUR</t>
  </si>
  <si>
    <t>jamila mubeen</t>
  </si>
  <si>
    <t>54822</t>
  </si>
  <si>
    <t>GGES PIR ISLAM</t>
  </si>
  <si>
    <t>gges peer islam</t>
  </si>
  <si>
    <t>Peer Islam</t>
  </si>
  <si>
    <t>GGES KALI DILI</t>
  </si>
  <si>
    <t>Kalidilli</t>
  </si>
  <si>
    <t>gges kalidilli teh jand district attock</t>
  </si>
  <si>
    <t>Afshan Ehsan</t>
  </si>
  <si>
    <t>GGCMES BASTI PIR BAKHTIAR SHARIF</t>
  </si>
  <si>
    <t>Chapsandi</t>
  </si>
  <si>
    <t>Basti peer Bakhtiar sharif kallur kot District Bhakkar</t>
  </si>
  <si>
    <t>11964</t>
  </si>
  <si>
    <t>38459</t>
  </si>
  <si>
    <t>GGHS 297/WB</t>
  </si>
  <si>
    <t>GGHS 297/WB DUNYAPUR</t>
  </si>
  <si>
    <t>297/WB</t>
  </si>
  <si>
    <t>MAQBOOL WAH</t>
  </si>
  <si>
    <t>GPS PHUL NAI WALA</t>
  </si>
  <si>
    <t>SAMINA GHARBI</t>
  </si>
  <si>
    <t>basti phull nai wala mouza samina union samina</t>
  </si>
  <si>
    <t>PHUL NAI WALA</t>
  </si>
  <si>
    <t>RAHEEM BAKHSH</t>
  </si>
  <si>
    <t>GGHS CHAK PINDI</t>
  </si>
  <si>
    <t>Chak Pindi, Gujrat</t>
  </si>
  <si>
    <t>Maqsooda Javaid</t>
  </si>
  <si>
    <t>50563</t>
  </si>
  <si>
    <t>GGHS 16/14-L</t>
  </si>
  <si>
    <t>GGHS16/14.L</t>
  </si>
  <si>
    <t>16/14.L</t>
  </si>
  <si>
    <t>7/14.L</t>
  </si>
  <si>
    <t>Huma Rukh</t>
  </si>
  <si>
    <t>11969</t>
  </si>
  <si>
    <t>23592</t>
  </si>
  <si>
    <t>GGHSS SATRAH</t>
  </si>
  <si>
    <t>GGHSSS SATRAH TEHSIL DASKA DI ST. SIALKOT</t>
  </si>
  <si>
    <t>raheela ahmed</t>
  </si>
  <si>
    <t>11970</t>
  </si>
  <si>
    <t>GPS JANDIAL MEHMOOD</t>
  </si>
  <si>
    <t>Jandial</t>
  </si>
  <si>
    <t>jandial Mehmood tehsil and district chakwal</t>
  </si>
  <si>
    <t>Jandial Mehmood</t>
  </si>
  <si>
    <t>Hasnat Ahmed</t>
  </si>
  <si>
    <t>46205</t>
  </si>
  <si>
    <t>46873</t>
  </si>
  <si>
    <t>GGPS MISER WALA</t>
  </si>
  <si>
    <t>village Miser Wala, Tabbi Sar, isa Khel</t>
  </si>
  <si>
    <t>Miser Wala</t>
  </si>
  <si>
    <t>tola Bangi Khel</t>
  </si>
  <si>
    <t>Nusrat Shaheen</t>
  </si>
  <si>
    <t>39559</t>
  </si>
  <si>
    <t>GPS CHHAJI MAR</t>
  </si>
  <si>
    <t>Chajji Mar</t>
  </si>
  <si>
    <t>p/o  Chajji Mar teh jand distt Attock</t>
  </si>
  <si>
    <t>13958</t>
  </si>
  <si>
    <t>14703</t>
  </si>
  <si>
    <t>GPS CHAK NO.155/M</t>
  </si>
  <si>
    <t>chak 155 M</t>
  </si>
  <si>
    <t>chak 155 M Tehsil Hasilpure district Bahawalpure</t>
  </si>
  <si>
    <t>163 M</t>
  </si>
  <si>
    <t>ZISHAN NAVEED</t>
  </si>
  <si>
    <t>42536</t>
  </si>
  <si>
    <t>GMPS DHOK NISHAN-E-HAIDER</t>
  </si>
  <si>
    <t>villg dk n haider</t>
  </si>
  <si>
    <t>GMPs Dk  N Haider</t>
  </si>
  <si>
    <t>Safeera Noreen Abad Gul</t>
  </si>
  <si>
    <t>borng</t>
  </si>
  <si>
    <t>25511</t>
  </si>
  <si>
    <t>30073</t>
  </si>
  <si>
    <t>27117</t>
  </si>
  <si>
    <t>GGPS SAWAN PURA (MARKAZ KALEKE)</t>
  </si>
  <si>
    <t>Sawan Pura</t>
  </si>
  <si>
    <t>sawan pura</t>
  </si>
  <si>
    <t>Sajida Baigum</t>
  </si>
  <si>
    <t>15842</t>
  </si>
  <si>
    <t>GPS CHAK NO 125/M</t>
  </si>
  <si>
    <t>chak 125-M</t>
  </si>
  <si>
    <t>chak no125/M P.O. chak  no122/m</t>
  </si>
  <si>
    <t>chak  128-M  E</t>
  </si>
  <si>
    <t>17791</t>
  </si>
  <si>
    <t>GGPS CHAK NO. 183 II CHAH WATTAY WALA</t>
  </si>
  <si>
    <t>chak no 183/2 chah watty wala Mochiwala</t>
  </si>
  <si>
    <t>Chah Watty Wala</t>
  </si>
  <si>
    <t>Shabnam Nayab</t>
  </si>
  <si>
    <t>34801</t>
  </si>
  <si>
    <t>GGHS KHAN BELA P/O KHAN BELA</t>
  </si>
  <si>
    <t>GGHS Khanbela Jalal pur pir wala, Multan</t>
  </si>
  <si>
    <t>Sheni</t>
  </si>
  <si>
    <t>Saira Amanat</t>
  </si>
  <si>
    <t>46843</t>
  </si>
  <si>
    <t>GGPS KALLWAN WALA</t>
  </si>
  <si>
    <t>ggps kalluan wala</t>
  </si>
  <si>
    <t>GPS GHAZI KHANANA</t>
  </si>
  <si>
    <t>Khairodeh</t>
  </si>
  <si>
    <t>basti Nawazabad moaza Khero Deh tehsil Hasilpur  distict  bahawalpur</t>
  </si>
  <si>
    <t>Hafiz Muhammad Yousaf</t>
  </si>
  <si>
    <t>GGPS R.S. BASAL</t>
  </si>
  <si>
    <t>g g p s r basal</t>
  </si>
  <si>
    <t>Robina Nawaz</t>
  </si>
  <si>
    <t>14734</t>
  </si>
  <si>
    <t>GHS MILLAT-E-ISLAMIA GHULAM MUHAMMAD ABAD FSD</t>
  </si>
  <si>
    <t>GHS Millat-e-Islamia GM Abad faisalabad</t>
  </si>
  <si>
    <t>GM Abad Faisalabad</t>
  </si>
  <si>
    <t>Gol Masjid Wali GM Abad Fsd</t>
  </si>
  <si>
    <t>17327</t>
  </si>
  <si>
    <t>GPS CHAH GHULAM ALI WALA</t>
  </si>
  <si>
    <t>Kari wala</t>
  </si>
  <si>
    <t>Chah Ghulam Ali wala moza Kari wala</t>
  </si>
  <si>
    <t>Chah Ghulam Ali wala</t>
  </si>
  <si>
    <t>8639</t>
  </si>
  <si>
    <t>GPS CITY NO. 16</t>
  </si>
  <si>
    <t>Dera Gharbi</t>
  </si>
  <si>
    <t>Near Pull Dot</t>
  </si>
  <si>
    <t>Rukan Abad/ Shakoor Abad</t>
  </si>
  <si>
    <t>Rukan Abad Shakurabad Ruin Abad</t>
  </si>
  <si>
    <t>Khursheed Ahmed Buzdar</t>
  </si>
  <si>
    <t>GGPS NAI ABADI 14/G</t>
  </si>
  <si>
    <t>14/g</t>
  </si>
  <si>
    <t>nai a bad i 14/g</t>
  </si>
  <si>
    <t>GPS CHAK 315/HR</t>
  </si>
  <si>
    <t>Chak No.315/HR</t>
  </si>
  <si>
    <t>Chak NO 315/HR</t>
  </si>
  <si>
    <t>Chak NO 319/HR</t>
  </si>
  <si>
    <t>M Nabeel Khuram</t>
  </si>
  <si>
    <t>35203</t>
  </si>
  <si>
    <t>GPS CHAK NO.519/EB</t>
  </si>
  <si>
    <t>519/EB</t>
  </si>
  <si>
    <t>CHAK #519/E.B,TEHSIL BUREWALA,DISTRICT VEHARI.</t>
  </si>
  <si>
    <t>515/EB</t>
  </si>
  <si>
    <t>Tuseef Ahmad</t>
  </si>
  <si>
    <t>22572</t>
  </si>
  <si>
    <t>GGPS SARHALI KALAN</t>
  </si>
  <si>
    <t>sarhali kalan p o box baru  gujrat</t>
  </si>
  <si>
    <t>34644</t>
  </si>
  <si>
    <t>47296</t>
  </si>
  <si>
    <t>11789</t>
  </si>
  <si>
    <t>GGES CHAK 205/9-R</t>
  </si>
  <si>
    <t>205/9R</t>
  </si>
  <si>
    <t>G.G.E.S 205/9R P/O 204/9R</t>
  </si>
  <si>
    <t>6961</t>
  </si>
  <si>
    <t>11792</t>
  </si>
  <si>
    <t>26891</t>
  </si>
  <si>
    <t>GHS BURJ DARA</t>
  </si>
  <si>
    <t>Burj Dara</t>
  </si>
  <si>
    <t>Village Burj Dara Tehsil &amp; Distt Hafizabad</t>
  </si>
  <si>
    <t>Nanona</t>
  </si>
  <si>
    <t>Muhammad Sajid Mahmood -ul-Hassan</t>
  </si>
  <si>
    <t>6722</t>
  </si>
  <si>
    <t>46740</t>
  </si>
  <si>
    <t>GPS KALU KHEL</t>
  </si>
  <si>
    <t>KuchTander Khel</t>
  </si>
  <si>
    <t>Kalukhel Th Isakhel Distt Mianwali po Kalabagh</t>
  </si>
  <si>
    <t>Kalu Khel</t>
  </si>
  <si>
    <t>23807</t>
  </si>
  <si>
    <t>44748</t>
  </si>
  <si>
    <t>GGHS BAKHTAWAR</t>
  </si>
  <si>
    <t>Khansar Tehsil &amp; District Bhakkar</t>
  </si>
  <si>
    <t>Sumaira Fatima</t>
  </si>
  <si>
    <t>53795</t>
  </si>
  <si>
    <t>GES CHAK NO 211/F</t>
  </si>
  <si>
    <t>CHAK211</t>
  </si>
  <si>
    <t>211/F</t>
  </si>
  <si>
    <t>GGES CHAK 351 JB I</t>
  </si>
  <si>
    <t>Chak 351jb</t>
  </si>
  <si>
    <t>GGES 351 JB kalyandas</t>
  </si>
  <si>
    <t>Kalyandas</t>
  </si>
  <si>
    <t>363jb</t>
  </si>
  <si>
    <t>35012</t>
  </si>
  <si>
    <t>GGHS ASLAM ABAD (HAFIZ WALA)</t>
  </si>
  <si>
    <t>P.O. Hafiz Wala, Jalalpur Pir Wala, Multan</t>
  </si>
  <si>
    <t>Arifa Noreen</t>
  </si>
  <si>
    <t>42720</t>
  </si>
  <si>
    <t>11826</t>
  </si>
  <si>
    <t>17476</t>
  </si>
  <si>
    <t>GGPS KIKAR WALA</t>
  </si>
  <si>
    <t>faisal town faisalabad road jhang</t>
  </si>
  <si>
    <t>Aalia Mehboob</t>
  </si>
  <si>
    <t>18870</t>
  </si>
  <si>
    <t>11828</t>
  </si>
  <si>
    <t>42834</t>
  </si>
  <si>
    <t>GPS DHOK KASHMIRIAN</t>
  </si>
  <si>
    <t>Thati</t>
  </si>
  <si>
    <t>Village Gasroor P. O Thati Tehsil Gujar Khan Distt Rawalpindi.</t>
  </si>
  <si>
    <t>Gasroor</t>
  </si>
  <si>
    <t>Saiqa Jahangir</t>
  </si>
  <si>
    <t>35595</t>
  </si>
  <si>
    <t>GPS DHUP SARI</t>
  </si>
  <si>
    <t>Village Dhop Sari Markaz Wahndo Teh Kamoke</t>
  </si>
  <si>
    <t>Dhup sari</t>
  </si>
  <si>
    <t>Nangal Dona Singh</t>
  </si>
  <si>
    <t>Mian Fazal E Subhan</t>
  </si>
  <si>
    <t>11338</t>
  </si>
  <si>
    <t>GPS CHAK NO 16 BARKI</t>
  </si>
  <si>
    <t>Chak#16 Barki</t>
  </si>
  <si>
    <t>Chak#16 Barki Tehsil Chunian District Kasur</t>
  </si>
  <si>
    <t>Munday Ki</t>
  </si>
  <si>
    <t>Aqil Hussain</t>
  </si>
  <si>
    <t>7681</t>
  </si>
  <si>
    <t>GHS CHABRI BALA</t>
  </si>
  <si>
    <t>Chabri Bala Dera Ghazi Khan</t>
  </si>
  <si>
    <t>chabri Bala</t>
  </si>
  <si>
    <t>Hameedullah Khosa</t>
  </si>
  <si>
    <t>GGES GAGEY WALI</t>
  </si>
  <si>
    <t>Gagaywali</t>
  </si>
  <si>
    <t>gagaywali,Nizam pur,Gujranwala</t>
  </si>
  <si>
    <t>Nazish Ikram</t>
  </si>
  <si>
    <t>11854</t>
  </si>
  <si>
    <t>GGPS MC NO.1 KAMOKE</t>
  </si>
  <si>
    <t>GT road Almgir road kamoke</t>
  </si>
  <si>
    <t>Kamoke Town Urban 1</t>
  </si>
  <si>
    <t>Zohra Parveen</t>
  </si>
  <si>
    <t>Bedanagharbi</t>
  </si>
  <si>
    <t>basti hafeezabad</t>
  </si>
  <si>
    <t>Hafeezabad</t>
  </si>
  <si>
    <t>Najma Mai</t>
  </si>
  <si>
    <t>11859</t>
  </si>
  <si>
    <t>GPS MIAN NAZAR WALI NARA</t>
  </si>
  <si>
    <t>vpo nara</t>
  </si>
  <si>
    <t>23417</t>
  </si>
  <si>
    <t>GGPS CHAK JAHAMAT</t>
  </si>
  <si>
    <t>Chak jhammat</t>
  </si>
  <si>
    <t>Near punjab college shujabad road jalal pur pir wala</t>
  </si>
  <si>
    <t>Ali Pur sadat</t>
  </si>
  <si>
    <t>Nafees Batool</t>
  </si>
  <si>
    <t>35313</t>
  </si>
  <si>
    <t>GGPS MC AZIM ABAD</t>
  </si>
  <si>
    <t>Azeemabad burewala</t>
  </si>
  <si>
    <t>19910</t>
  </si>
  <si>
    <t>GHS RASHIDA</t>
  </si>
  <si>
    <t>Mouza rashida</t>
  </si>
  <si>
    <t>mathroma</t>
  </si>
  <si>
    <t>22350</t>
  </si>
  <si>
    <t>GPS MALOWAL</t>
  </si>
  <si>
    <t>malowal</t>
  </si>
  <si>
    <t>karianwala</t>
  </si>
  <si>
    <t>Atif Ali</t>
  </si>
  <si>
    <t>22535</t>
  </si>
  <si>
    <t>24018</t>
  </si>
  <si>
    <t>GPS YOUNIS ABAD DASKA</t>
  </si>
  <si>
    <t>22612</t>
  </si>
  <si>
    <t>GES MUHAMMAD PUR NO. 2</t>
  </si>
  <si>
    <t>Muhammad Pur Teh Jam Pur Distt Rajan Pur.</t>
  </si>
  <si>
    <t>Sher Muhammad Yasir</t>
  </si>
  <si>
    <t>GGHS WARD NO.11 ARFAT COLONY</t>
  </si>
  <si>
    <t>Arfat Colony</t>
  </si>
  <si>
    <t>GGES ward11 Arfat colony</t>
  </si>
  <si>
    <t>Ward#11</t>
  </si>
  <si>
    <t>Quaimpur</t>
  </si>
  <si>
    <t>Naheed Akbar</t>
  </si>
  <si>
    <t>34468</t>
  </si>
  <si>
    <t>46665</t>
  </si>
  <si>
    <t>GGHS KHAGLAN WALA</t>
  </si>
  <si>
    <t>SArwar KHEL</t>
  </si>
  <si>
    <t>village khaglanwala tehsil isa khel district mainwali</t>
  </si>
  <si>
    <t>Balqees Bibi</t>
  </si>
  <si>
    <t>33102</t>
  </si>
  <si>
    <t>GHS JAHAN PUR JALALPUR PIRWALA</t>
  </si>
  <si>
    <t>Basti Jahan pur jppw multan</t>
  </si>
  <si>
    <t>Muhammad Ans Tariq</t>
  </si>
  <si>
    <t>22687</t>
  </si>
  <si>
    <t>GGPS NEW MIR PUR</t>
  </si>
  <si>
    <t>New Mir Pur</t>
  </si>
  <si>
    <t>GGPS  New Mir Pur P O Box Daulat Nagar</t>
  </si>
  <si>
    <t>Sumaira Shabnam</t>
  </si>
  <si>
    <t>11897</t>
  </si>
  <si>
    <t>43061</t>
  </si>
  <si>
    <t>GHS NO. 1 CHAKWAL</t>
  </si>
  <si>
    <t>BHOUN CHOWK CHAKWAL</t>
  </si>
  <si>
    <t>MUHAMMAD PERVAIZ</t>
  </si>
  <si>
    <t>11899</t>
  </si>
  <si>
    <t>GPS GURMAKH SINGH WALA</t>
  </si>
  <si>
    <t>Gurmukh Singh Wala</t>
  </si>
  <si>
    <t>Gurmukh singh wala Teh. Chunian Distt. Kasur</t>
  </si>
  <si>
    <t>Rana Muhammad Sarwar Shakir</t>
  </si>
  <si>
    <t>8682</t>
  </si>
  <si>
    <t>21118</t>
  </si>
  <si>
    <t>26310</t>
  </si>
  <si>
    <t>39203</t>
  </si>
  <si>
    <t>GPS DHOK OTHIAN</t>
  </si>
  <si>
    <t>Dhoke Othian</t>
  </si>
  <si>
    <t>Dhoke Othian, village langer, post office Bahtar, tehsil fateh jang district Attock</t>
  </si>
  <si>
    <t>10713</t>
  </si>
  <si>
    <t>GGES QAHER WALI</t>
  </si>
  <si>
    <t>Qaherwali</t>
  </si>
  <si>
    <t>GGES qaherwal</t>
  </si>
  <si>
    <t>Dhesar Pareen</t>
  </si>
  <si>
    <t>Quratullain</t>
  </si>
  <si>
    <t>23760</t>
  </si>
  <si>
    <t>GHS PIND SAWIKA</t>
  </si>
  <si>
    <t>pind sawikka</t>
  </si>
  <si>
    <t>village &amp; p.o.    pind sawikka, teh. &amp; distt. jhelum</t>
  </si>
  <si>
    <t>nakka khurd</t>
  </si>
  <si>
    <t>raja shoukat hayat</t>
  </si>
  <si>
    <t>25719</t>
  </si>
  <si>
    <t>39466</t>
  </si>
  <si>
    <t>GHS CHOORA SHARIF</t>
  </si>
  <si>
    <t>GPS PARATHI CHAK NO 451 TDA</t>
  </si>
  <si>
    <t>Chak No 451/TDA</t>
  </si>
  <si>
    <t>chak no 451/TDA tehsil choubara distrct layyah</t>
  </si>
  <si>
    <t>7988</t>
  </si>
  <si>
    <t>54003</t>
  </si>
  <si>
    <t>46376</t>
  </si>
  <si>
    <t>10006</t>
  </si>
  <si>
    <t>GHS MUNDAYKEY GORAYA</t>
  </si>
  <si>
    <t>MUNDEKI GORAYA</t>
  </si>
  <si>
    <t>MUNDEKI GORAYA, DASKA, SIALKOT</t>
  </si>
  <si>
    <t>MUHAMMAD JAFER</t>
  </si>
  <si>
    <t>10014</t>
  </si>
  <si>
    <t>16221</t>
  </si>
  <si>
    <t>GGHS CHAK 535 GB FSD</t>
  </si>
  <si>
    <t>535GB</t>
  </si>
  <si>
    <t>gGHS 535GB FSD</t>
  </si>
  <si>
    <t>PATHANA WALI</t>
  </si>
  <si>
    <t>CHUGAL PURA 659GB</t>
  </si>
  <si>
    <t>Sana Tabassum</t>
  </si>
  <si>
    <t>5587</t>
  </si>
  <si>
    <t>7449</t>
  </si>
  <si>
    <t>GMPS QADIAN</t>
  </si>
  <si>
    <t>Qadian</t>
  </si>
  <si>
    <t>monza qadian</t>
  </si>
  <si>
    <t>farhat jabeen</t>
  </si>
  <si>
    <t>GPS CHAK NO.33/3-R</t>
  </si>
  <si>
    <t>33/3-r</t>
  </si>
  <si>
    <t>Chak No.33/3-r</t>
  </si>
  <si>
    <t>Chak No 33/3-r</t>
  </si>
  <si>
    <t>Muhammad Altaf Bajwa</t>
  </si>
  <si>
    <t>GMPS KOT NAINAN</t>
  </si>
  <si>
    <t>gmps kot nainan markaz gillanwala</t>
  </si>
  <si>
    <t>Nadia LIAQAT</t>
  </si>
  <si>
    <t>21582</t>
  </si>
  <si>
    <t>22722</t>
  </si>
  <si>
    <t>GGPS KHANOWAL</t>
  </si>
  <si>
    <t>Village Khanowal Post Office Fatehpur Teh&amp;Distt Gujrat</t>
  </si>
  <si>
    <t>36553</t>
  </si>
  <si>
    <t>GHS ABDUL HAKIM</t>
  </si>
  <si>
    <t>GOVT.BOYS HIGH SCHOOL ABDUL HAKIM.P/O ABDUL HAKIM.TEHSIL.KABIRWALA.DISTRICT.KHANEWAL. Postal code #58180.</t>
  </si>
  <si>
    <t>SHARAJIA</t>
  </si>
  <si>
    <t>TARIQ SALEEM KHATTAK</t>
  </si>
  <si>
    <t>24735</t>
  </si>
  <si>
    <t>10041</t>
  </si>
  <si>
    <t>GMPS MONAN</t>
  </si>
  <si>
    <t>village monan PO gharmala jhelum</t>
  </si>
  <si>
    <t>Maryam Saghir</t>
  </si>
  <si>
    <t>13299</t>
  </si>
  <si>
    <t>10042</t>
  </si>
  <si>
    <t>15043</t>
  </si>
  <si>
    <t>GPS MOZA HERCHOKAY</t>
  </si>
  <si>
    <t>Herchukay</t>
  </si>
  <si>
    <t>moza herchukay</t>
  </si>
  <si>
    <t>Moza Herchukay</t>
  </si>
  <si>
    <t>583gb</t>
  </si>
  <si>
    <t>10047</t>
  </si>
  <si>
    <t>20048</t>
  </si>
  <si>
    <t>GMPS CHAK NO 14 MURAD WALA</t>
  </si>
  <si>
    <t>Chak No 14 Jb</t>
  </si>
  <si>
    <t>Chak no 14 jb muradwala chiniot</t>
  </si>
  <si>
    <t>Attique Anwar</t>
  </si>
  <si>
    <t>GPS TANZEEM BANGLA YATEEM WALA</t>
  </si>
  <si>
    <t>Yateem Wala</t>
  </si>
  <si>
    <t>Abid colony yateem wala</t>
  </si>
  <si>
    <t>128/6-R</t>
  </si>
  <si>
    <t>132/6-R</t>
  </si>
  <si>
    <t>53034</t>
  </si>
  <si>
    <t>GPS GOKAL WAAL</t>
  </si>
  <si>
    <t>Gokal Wala</t>
  </si>
  <si>
    <t>Gokal wala mandi ahmadabad okara</t>
  </si>
  <si>
    <t>Kalasan Paramal</t>
  </si>
  <si>
    <t>10053</t>
  </si>
  <si>
    <t>GES FAROOQ ABAD</t>
  </si>
  <si>
    <t>GES Farooqabad Bahawalnagar</t>
  </si>
  <si>
    <t>Mohammad Tahir Munir</t>
  </si>
  <si>
    <t>10061</t>
  </si>
  <si>
    <t>28782</t>
  </si>
  <si>
    <t>GPS KOT LAD KHAN</t>
  </si>
  <si>
    <t>kot lad khan</t>
  </si>
  <si>
    <t>kot Lad Khan post office talwandi post code 55020</t>
  </si>
  <si>
    <t>MUHAMMAD ARSALAN  NASIR</t>
  </si>
  <si>
    <t>46585</t>
  </si>
  <si>
    <t>23774</t>
  </si>
  <si>
    <t>GPS DUGRI HINDWAN</t>
  </si>
  <si>
    <t>Kotli Besakha Sing</t>
  </si>
  <si>
    <t>Kotli Besakha Sing p.o Budha Goraya Tehsil Daska District Sialkot</t>
  </si>
  <si>
    <t>27730</t>
  </si>
  <si>
    <t>22531</t>
  </si>
  <si>
    <t>10069</t>
  </si>
  <si>
    <t>13268</t>
  </si>
  <si>
    <t>GGPS BASTI BABRAN</t>
  </si>
  <si>
    <t>basti babran shehbaz pur tehsil jatoi distrct muzafar garh</t>
  </si>
  <si>
    <t>M/c Jatoi  Wade No  20</t>
  </si>
  <si>
    <t>Mumtaz Iqbal</t>
  </si>
  <si>
    <t>20148</t>
  </si>
  <si>
    <t>46708</t>
  </si>
  <si>
    <t>GPS CHAPRI QUTAB KHEL</t>
  </si>
  <si>
    <t>Pos Bangi Khel</t>
  </si>
  <si>
    <t>Chapri qutab khel tabisar</t>
  </si>
  <si>
    <t>Chapri qutab khel</t>
  </si>
  <si>
    <t>Hameed Ullah Shah Khattak</t>
  </si>
  <si>
    <t>29816</t>
  </si>
  <si>
    <t>30772</t>
  </si>
  <si>
    <t>21446</t>
  </si>
  <si>
    <t>GPS NITHRAN WALI</t>
  </si>
  <si>
    <t>Nithranwali</t>
  </si>
  <si>
    <t>village nithran wali teh,kamoke Grw</t>
  </si>
  <si>
    <t>Gunnaur</t>
  </si>
  <si>
    <t>Gulam Mujtaba</t>
  </si>
  <si>
    <t>10075</t>
  </si>
  <si>
    <t>GGPS BAHADAR PUR</t>
  </si>
  <si>
    <t>Basti Bahadarpur</t>
  </si>
  <si>
    <t>basti bahadarpur</t>
  </si>
  <si>
    <t>45731</t>
  </si>
  <si>
    <t>38449</t>
  </si>
  <si>
    <t>GES CHAK NO. 344/WB</t>
  </si>
  <si>
    <t>344wb</t>
  </si>
  <si>
    <t>chak 344/WB teh.Dunyapur Distt.Lodhran</t>
  </si>
  <si>
    <t>344/WB</t>
  </si>
  <si>
    <t>357/WB</t>
  </si>
  <si>
    <t>46902</t>
  </si>
  <si>
    <t>GGPS DARBAR INAYAT SHAH</t>
  </si>
  <si>
    <t>Olakh Thal</t>
  </si>
  <si>
    <t>darbar inayat shah</t>
  </si>
  <si>
    <t>Darbar Inayat Shah</t>
  </si>
  <si>
    <t>Aoulakh Thal Klan</t>
  </si>
  <si>
    <t>Khudija Shahid</t>
  </si>
  <si>
    <t>GGPS CHAK NO.107/6-R</t>
  </si>
  <si>
    <t>Chak No 107/6r</t>
  </si>
  <si>
    <t>chak no 107/6r haroonabad dist bhawalnagar</t>
  </si>
  <si>
    <t>Chak No 109/6r</t>
  </si>
  <si>
    <t>Shahida Praveen</t>
  </si>
  <si>
    <t>22666</t>
  </si>
  <si>
    <t>GGCMS KUNG SOHARI</t>
  </si>
  <si>
    <t>Kangsohari</t>
  </si>
  <si>
    <t>GGCMS Kangsohar dist/Teh Gujrat.</t>
  </si>
  <si>
    <t>Nadia Akram</t>
  </si>
  <si>
    <t>clear water bore</t>
  </si>
  <si>
    <t>27069</t>
  </si>
  <si>
    <t>GMPS KOT JAN MUHAMMAD</t>
  </si>
  <si>
    <t>Kot Jan Muhammad  Muhammad</t>
  </si>
  <si>
    <t>kot Jan Muhammad pobox vanike tarar district hafizabad</t>
  </si>
  <si>
    <t>Kot Jan Muhammad</t>
  </si>
  <si>
    <t>Alloudin k Kalan</t>
  </si>
  <si>
    <t>Hafiza Kashifa Riaz</t>
  </si>
  <si>
    <t>11293</t>
  </si>
  <si>
    <t>10089</t>
  </si>
  <si>
    <t>GGES CHAK BAWA</t>
  </si>
  <si>
    <t>chak bawa</t>
  </si>
  <si>
    <t>Chak Bawa Breet</t>
  </si>
  <si>
    <t>SADIA AMBREEN</t>
  </si>
  <si>
    <t>10091</t>
  </si>
  <si>
    <t>GHS HADDO WALI</t>
  </si>
  <si>
    <t>VPO HADDOWALI TEHSIL JAND DISTRICT ATTOCK</t>
  </si>
  <si>
    <t>ADAM KHAN</t>
  </si>
  <si>
    <t>13481</t>
  </si>
  <si>
    <t>GPS BASTI MUHAMMAD AFZAL</t>
  </si>
  <si>
    <t>farid abad mauza islampur</t>
  </si>
  <si>
    <t>GPS 42/12-L</t>
  </si>
  <si>
    <t>42/12L</t>
  </si>
  <si>
    <t>Chak No 42/12L Tehsil Chichawatni</t>
  </si>
  <si>
    <t>10102</t>
  </si>
  <si>
    <t>54205</t>
  </si>
  <si>
    <t>GGPS HAIDAR COLONY</t>
  </si>
  <si>
    <t>Potana Wala</t>
  </si>
  <si>
    <t>Mohala potanay wala near sheliyani mosque</t>
  </si>
  <si>
    <t>Asifa Tabassum</t>
  </si>
  <si>
    <t>7430</t>
  </si>
  <si>
    <t>34764</t>
  </si>
  <si>
    <t>10103</t>
  </si>
  <si>
    <t>27063</t>
  </si>
  <si>
    <t>GMPS BAHRI TARAR</t>
  </si>
  <si>
    <t>Bahri Tarar</t>
  </si>
  <si>
    <t>village bahri Tarar dist Hafiz abad</t>
  </si>
  <si>
    <t>Aloudin Ke Chattha</t>
  </si>
  <si>
    <t>Mubashra Habib</t>
  </si>
  <si>
    <t>10107</t>
  </si>
  <si>
    <t>28918</t>
  </si>
  <si>
    <t>GGPS WAN KHARA</t>
  </si>
  <si>
    <t>Wan khara</t>
  </si>
  <si>
    <t>govt girls primary school wan khara</t>
  </si>
  <si>
    <t>Shakila Bano</t>
  </si>
  <si>
    <t>39540</t>
  </si>
  <si>
    <t>35309</t>
  </si>
  <si>
    <t>GPS BAHKU WALA</t>
  </si>
  <si>
    <t>Bakhu wala p/o adda jamlera teh. burewala. district.vehari</t>
  </si>
  <si>
    <t>Bakhu Wala</t>
  </si>
  <si>
    <t>15171</t>
  </si>
  <si>
    <t>19462</t>
  </si>
  <si>
    <t>GPS CHAK 338 JB II NIA LAHORE</t>
  </si>
  <si>
    <t>338 jb nia lahore</t>
  </si>
  <si>
    <t>nia lahore</t>
  </si>
  <si>
    <t>Ghulam Afzaal Ahmad</t>
  </si>
  <si>
    <t>32317</t>
  </si>
  <si>
    <t>10114</t>
  </si>
  <si>
    <t>23668</t>
  </si>
  <si>
    <t>GGHS SEHJO KALA</t>
  </si>
  <si>
    <t>v. p. o ghuinke gghs sehjokala Daska</t>
  </si>
  <si>
    <t>Sehjokaka</t>
  </si>
  <si>
    <t>shahnaz akhtar</t>
  </si>
  <si>
    <t>20510</t>
  </si>
  <si>
    <t>39591</t>
  </si>
  <si>
    <t>GPS DHOK CHOUDRIAN (DINGI NARI)</t>
  </si>
  <si>
    <t>dk choudrian tehsil Jand district attock</t>
  </si>
  <si>
    <t>Bibi Sania Zahra</t>
  </si>
  <si>
    <t>40367</t>
  </si>
  <si>
    <t>11429</t>
  </si>
  <si>
    <t>42678</t>
  </si>
  <si>
    <t>GGES SAPIALI FIRM SIAL</t>
  </si>
  <si>
    <t>Sapiali Firm Sihal</t>
  </si>
  <si>
    <t>Sapiali Firm Sihal PO Mankiala Muslim Tehsil Gujar Khan District RWP</t>
  </si>
  <si>
    <t>Mankiala Muslim</t>
  </si>
  <si>
    <t>47918</t>
  </si>
  <si>
    <t>GGHS CHAK NO.30/3-R</t>
  </si>
  <si>
    <t>Chak 30/3R</t>
  </si>
  <si>
    <t>chak 30/3R tehsil hnd distt bwn</t>
  </si>
  <si>
    <t>40090</t>
  </si>
  <si>
    <t>43176</t>
  </si>
  <si>
    <t>GGHS KAL</t>
  </si>
  <si>
    <t>Kaal</t>
  </si>
  <si>
    <t>vill. kaal Po Panjdhera teh &amp; Dist. Chakwal</t>
  </si>
  <si>
    <t>Jand  Khanzada</t>
  </si>
  <si>
    <t>Subiha KHANUM</t>
  </si>
  <si>
    <t>22697</t>
  </si>
  <si>
    <t>GMPS BAHOWAL</t>
  </si>
  <si>
    <t>Bahowal</t>
  </si>
  <si>
    <t>Village Bahowal p o Chechian Teh &amp; Distt Gujrat</t>
  </si>
  <si>
    <t>Rizwana Sharif</t>
  </si>
  <si>
    <t>26387</t>
  </si>
  <si>
    <t>28426</t>
  </si>
  <si>
    <t>39388</t>
  </si>
  <si>
    <t>GES HUSSAIN COLONY</t>
  </si>
  <si>
    <t>GES  Hussain Colony CTN</t>
  </si>
  <si>
    <t>Faisal Sultan</t>
  </si>
  <si>
    <t>GMPS THATTI ANOK SINGH</t>
  </si>
  <si>
    <t>Thatti Anok Singh</t>
  </si>
  <si>
    <t>Govt Model Primry School Thatti anok singh</t>
  </si>
  <si>
    <t>Alaudin Ke Kalan</t>
  </si>
  <si>
    <t>Shabana Azam</t>
  </si>
  <si>
    <t>46964</t>
  </si>
  <si>
    <t>GGPS CHAPRI THAL APPAR KHEL</t>
  </si>
  <si>
    <t>ggps chapri than appar khel kamarmushani isakhel mianwali</t>
  </si>
  <si>
    <t>Appar Khel</t>
  </si>
  <si>
    <t>Kalsoom aziz</t>
  </si>
  <si>
    <t>11454</t>
  </si>
  <si>
    <t>20090</t>
  </si>
  <si>
    <t>GGPS CHAK NO 136 JB RAJOKA</t>
  </si>
  <si>
    <t>Rajokay</t>
  </si>
  <si>
    <t>chak no 136 JB Rajokay</t>
  </si>
  <si>
    <t>Chak 136rajokay</t>
  </si>
  <si>
    <t>Bhukrri Jhok</t>
  </si>
  <si>
    <t>Asyia Batool</t>
  </si>
  <si>
    <t>34873</t>
  </si>
  <si>
    <t>GGPS BASTI ATA NOOR</t>
  </si>
  <si>
    <t>chak 84/m</t>
  </si>
  <si>
    <t>Near stadium Chak 84/m basti nonari ali pur road jppw</t>
  </si>
  <si>
    <t>Basti Nonari</t>
  </si>
  <si>
    <t>City Ward 2</t>
  </si>
  <si>
    <t>Shakeela Arif</t>
  </si>
  <si>
    <t>28761</t>
  </si>
  <si>
    <t>GPS KOT MATA SAR</t>
  </si>
  <si>
    <t>Mundeki</t>
  </si>
  <si>
    <t>Kot Mata Sir Teh Chunian q</t>
  </si>
  <si>
    <t>Kot Mata Sir</t>
  </si>
  <si>
    <t>AbdulGhafoor Bhatti</t>
  </si>
  <si>
    <t>68062</t>
  </si>
  <si>
    <t>34622</t>
  </si>
  <si>
    <t>51899</t>
  </si>
  <si>
    <t>GPS CHAK NO. 31 EB</t>
  </si>
  <si>
    <t>Chak No 31/eb</t>
  </si>
  <si>
    <t>Gps 31/EB</t>
  </si>
  <si>
    <t>Chak No 31/EB</t>
  </si>
  <si>
    <t>Peer Sadar Din</t>
  </si>
  <si>
    <t>Faqair Muhammad</t>
  </si>
  <si>
    <t>2908</t>
  </si>
  <si>
    <t>48451</t>
  </si>
  <si>
    <t>GGHSS MUNDAKEY GORAYA</t>
  </si>
  <si>
    <t>Mundekey Goraya</t>
  </si>
  <si>
    <t>mundake goraya</t>
  </si>
  <si>
    <t>Mundake Goraya</t>
  </si>
  <si>
    <t>Shamaila Ijaz</t>
  </si>
  <si>
    <t>11464</t>
  </si>
  <si>
    <t>22313</t>
  </si>
  <si>
    <t>GPS SHAHBDIWAL</t>
  </si>
  <si>
    <t>Shahabdiwal</t>
  </si>
  <si>
    <t>Shabdiwal dinga road gujrat</t>
  </si>
  <si>
    <t>mosque</t>
  </si>
  <si>
    <t>41694</t>
  </si>
  <si>
    <t>GGHS 41/12-L</t>
  </si>
  <si>
    <t>41/12L</t>
  </si>
  <si>
    <t>chak # 41/12.L</t>
  </si>
  <si>
    <t>RABIA NAEEM</t>
  </si>
  <si>
    <t>27134</t>
  </si>
  <si>
    <t>GGHS KOT NANAK</t>
  </si>
  <si>
    <t>kotnanak@gmail.com</t>
  </si>
  <si>
    <t>Vini</t>
  </si>
  <si>
    <t>Khalida Batool</t>
  </si>
  <si>
    <t>11493</t>
  </si>
  <si>
    <t>GPS CHAK NO. 170/M</t>
  </si>
  <si>
    <t>170 M</t>
  </si>
  <si>
    <t>Chak No.170m Dahranwala</t>
  </si>
  <si>
    <t>169 M</t>
  </si>
  <si>
    <t>43587</t>
  </si>
  <si>
    <t>GGPS MOHRA SHARIF</t>
  </si>
  <si>
    <t>Mohra Sharief</t>
  </si>
  <si>
    <t>mohra sharief</t>
  </si>
  <si>
    <t>Saadia Aslam</t>
  </si>
  <si>
    <t>water supply system</t>
  </si>
  <si>
    <t>11498</t>
  </si>
  <si>
    <t>GPS CHAK NO.61/4-R</t>
  </si>
  <si>
    <t>chak no 61/4R Teh Haroon Abad Disstrict BWN</t>
  </si>
  <si>
    <t>61/4R</t>
  </si>
  <si>
    <t>Chak No 62/4R</t>
  </si>
  <si>
    <t>GES DADUANA SARAI SIDHU</t>
  </si>
  <si>
    <t>Basti Daduana</t>
  </si>
  <si>
    <t>10690</t>
  </si>
  <si>
    <t>35138</t>
  </si>
  <si>
    <t>GES CHAK NO.521/EB</t>
  </si>
  <si>
    <t>Chak No.521/EB, Burewala</t>
  </si>
  <si>
    <t>Chak No 521/EB</t>
  </si>
  <si>
    <t>Farooq Azam</t>
  </si>
  <si>
    <t>GGHS 88/12-L BASTI KHUKHRAN</t>
  </si>
  <si>
    <t>88/12-l</t>
  </si>
  <si>
    <t>chak no.88/12-l basti khukhran</t>
  </si>
  <si>
    <t>RAZIA ANDLEEB</t>
  </si>
  <si>
    <t>42851</t>
  </si>
  <si>
    <t>GGES MIANA DULIAL</t>
  </si>
  <si>
    <t>Miana Dulial</t>
  </si>
  <si>
    <t>Po Box Daryala khaki village miana dulial gujar khan</t>
  </si>
  <si>
    <t>Jermot Kalan</t>
  </si>
  <si>
    <t>Sumaira Jamil</t>
  </si>
  <si>
    <t>34772</t>
  </si>
  <si>
    <t>GHS ALI PUR SADAT J.P. PIRWALA</t>
  </si>
  <si>
    <t>ali pur sadat</t>
  </si>
  <si>
    <t>Ali Pur Sadat tehsil jalal pur pir wala multan</t>
  </si>
  <si>
    <t>40032</t>
  </si>
  <si>
    <t>GGPS CHAK NO 189/7-R W</t>
  </si>
  <si>
    <t>189 7R</t>
  </si>
  <si>
    <t>189 7R( w ) Teh: Fort Abbas. Distt: Bahawal Nagar.</t>
  </si>
  <si>
    <t>187 7R</t>
  </si>
  <si>
    <t>Nargas Parveen</t>
  </si>
  <si>
    <t>GGPS CHAK NO.188/M</t>
  </si>
  <si>
    <t>188\m hasilpur bwp</t>
  </si>
  <si>
    <t>188m</t>
  </si>
  <si>
    <t>Adeela Shabeer</t>
  </si>
  <si>
    <t>GES KASO WALA</t>
  </si>
  <si>
    <t>Kassowala</t>
  </si>
  <si>
    <t>P/O Kassowala Tehsil Daska (Sialkot)</t>
  </si>
  <si>
    <t>Malomehay</t>
  </si>
  <si>
    <t>tanveer ahmad</t>
  </si>
  <si>
    <t>54571</t>
  </si>
  <si>
    <t>28695</t>
  </si>
  <si>
    <t>GPS KOT GAMAN</t>
  </si>
  <si>
    <t>Kot  Gaman</t>
  </si>
  <si>
    <t>kot gaman</t>
  </si>
  <si>
    <t>Kot Gaman</t>
  </si>
  <si>
    <t>Anjam Aziz Abbas</t>
  </si>
  <si>
    <t>52094</t>
  </si>
  <si>
    <t>GGES NOORA RATH NO.1 TEH.ARIFWALA</t>
  </si>
  <si>
    <t>Noora Rathp/o Noora Rath</t>
  </si>
  <si>
    <t>Anam Abdul Razzaq</t>
  </si>
  <si>
    <t>54565</t>
  </si>
  <si>
    <t>GPS JAHANIAN</t>
  </si>
  <si>
    <t>Jahsnian</t>
  </si>
  <si>
    <t>23498</t>
  </si>
  <si>
    <t>43404</t>
  </si>
  <si>
    <t>GGPS THATI JAMOO P.O THATI JANGA</t>
  </si>
  <si>
    <t>Thatti Jamoo</t>
  </si>
  <si>
    <t>VPO janga tehsil and District chakwal</t>
  </si>
  <si>
    <t>Javairia Rubab</t>
  </si>
  <si>
    <t>10838</t>
  </si>
  <si>
    <t>45117</t>
  </si>
  <si>
    <t>GGHSS RODDI</t>
  </si>
  <si>
    <t>Gullaman</t>
  </si>
  <si>
    <t>p /o rodi Kullar kot Disst.bhakkar</t>
  </si>
  <si>
    <t>Roddi</t>
  </si>
  <si>
    <t>Gullman</t>
  </si>
  <si>
    <t>shamim iqbal</t>
  </si>
  <si>
    <t>10015</t>
  </si>
  <si>
    <t>34769</t>
  </si>
  <si>
    <t>GHS BASTI LAR JANUBI</t>
  </si>
  <si>
    <t>basti lar janubi jppw multan</t>
  </si>
  <si>
    <t>Basti Lar Janubi</t>
  </si>
  <si>
    <t>24224</t>
  </si>
  <si>
    <t>10845</t>
  </si>
  <si>
    <t>45577</t>
  </si>
  <si>
    <t>GGPS MUHAMMAD JOIYA</t>
  </si>
  <si>
    <t>Dagar Lail</t>
  </si>
  <si>
    <t>GGPS mehmand Joiya</t>
  </si>
  <si>
    <t>Mehmand Joiya</t>
  </si>
  <si>
    <t>Dagar Waghwra</t>
  </si>
  <si>
    <t>Rehana Aleem</t>
  </si>
  <si>
    <t>GHS JAMKAY CHEEMA</t>
  </si>
  <si>
    <t>JAMKE CHEEMA</t>
  </si>
  <si>
    <t>GHS JAMKE CHEEMA</t>
  </si>
  <si>
    <t>SIR BULAND</t>
  </si>
  <si>
    <t>WATER FILTRATION PLAN</t>
  </si>
  <si>
    <t>54538</t>
  </si>
  <si>
    <t>GPS AHMED PUR</t>
  </si>
  <si>
    <t>Ahmed pur chattah</t>
  </si>
  <si>
    <t>ahmed pur chattah hafizabad</t>
  </si>
  <si>
    <t>ahmed pur chattah</t>
  </si>
  <si>
    <t>27236</t>
  </si>
  <si>
    <t>GGPS BALEKE NAU</t>
  </si>
  <si>
    <t>Baleki Nau District Hafizabad</t>
  </si>
  <si>
    <t>GGES KASHMIR COLONY NO 1 QILA CHANDA</t>
  </si>
  <si>
    <t>Kashmir Colony No1</t>
  </si>
  <si>
    <t>Govt Girls Elementary School Kashmir Colony No.1,qila chanc</t>
  </si>
  <si>
    <t>Beyroni Khyali</t>
  </si>
  <si>
    <t>Munazza Rani</t>
  </si>
  <si>
    <t>10852</t>
  </si>
  <si>
    <t>22657</t>
  </si>
  <si>
    <t>GGPS KOT FATEH DIN</t>
  </si>
  <si>
    <t>Kot Fateh Din</t>
  </si>
  <si>
    <t>kot fateh deen</t>
  </si>
  <si>
    <t>Kot Fateh Deen</t>
  </si>
  <si>
    <t>Nafeesa Munawar</t>
  </si>
  <si>
    <t>10855</t>
  </si>
  <si>
    <t>42914</t>
  </si>
  <si>
    <t>52052</t>
  </si>
  <si>
    <t>GGPS 73 EB</t>
  </si>
  <si>
    <t>Chak 73/eb</t>
  </si>
  <si>
    <t>chak 73/eb Tehsil Arifwala dostrict Pakpattan</t>
  </si>
  <si>
    <t>Chak No 75/eb</t>
  </si>
  <si>
    <t>BATOOL ASHRAF</t>
  </si>
  <si>
    <t>39484</t>
  </si>
  <si>
    <t>GGHS JAND</t>
  </si>
  <si>
    <t>MOH. HUSSAIN ABAD JAND, ATTOCK</t>
  </si>
  <si>
    <t>HUSSAIN ABAD JAND</t>
  </si>
  <si>
    <t>FIRDOUS BEGUM</t>
  </si>
  <si>
    <t>10861</t>
  </si>
  <si>
    <t>GES CHAK NO 227 B TDA</t>
  </si>
  <si>
    <t>MOJ GARH</t>
  </si>
  <si>
    <t>GES CHAK NO 227B TDA</t>
  </si>
  <si>
    <t>CHAK 227 B TDA</t>
  </si>
  <si>
    <t>Electric cooler/hand pump/electric moter</t>
  </si>
  <si>
    <t>48467</t>
  </si>
  <si>
    <t>34533</t>
  </si>
  <si>
    <t>10864</t>
  </si>
  <si>
    <t>GPS CHAK NO.44/3-R</t>
  </si>
  <si>
    <t>44-3r</t>
  </si>
  <si>
    <t>GPS 44 3 r .haroonabad</t>
  </si>
  <si>
    <t>23 24 laleka</t>
  </si>
  <si>
    <t>Atif Mumtaz</t>
  </si>
  <si>
    <t>10865</t>
  </si>
  <si>
    <t>44367</t>
  </si>
  <si>
    <t>GGHS SARDAR BAKHSH</t>
  </si>
  <si>
    <t>SARDAR BAKHSH</t>
  </si>
  <si>
    <t>GPS HASILPUR CITY OLD</t>
  </si>
  <si>
    <t>Hasilpur old</t>
  </si>
  <si>
    <t>37740</t>
  </si>
  <si>
    <t>GGHS JAHANIAN, JAHANIAN</t>
  </si>
  <si>
    <t>gghs jahania</t>
  </si>
  <si>
    <t>jahania</t>
  </si>
  <si>
    <t>mc 500</t>
  </si>
  <si>
    <t>farhat sultana</t>
  </si>
  <si>
    <t>81760</t>
  </si>
  <si>
    <t>GGPS 94-A/12-L</t>
  </si>
  <si>
    <t>94A/12L</t>
  </si>
  <si>
    <t>chak NO 94.A/12.L Teshil chichawatni District sahiwal</t>
  </si>
  <si>
    <t>94-A/12-L</t>
  </si>
  <si>
    <t>Aasma Bano</t>
  </si>
  <si>
    <t>GPS CHAK 233/9-R</t>
  </si>
  <si>
    <t>Walhar</t>
  </si>
  <si>
    <t>260/HR Walhar</t>
  </si>
  <si>
    <t>Walhar Qasba</t>
  </si>
  <si>
    <t>Syed Mubashar Hassan Shah</t>
  </si>
  <si>
    <t>10625</t>
  </si>
  <si>
    <t>46775</t>
  </si>
  <si>
    <t>GPS MULLA KHELAN WALA</t>
  </si>
  <si>
    <t>malla khelan wala kamer mushani</t>
  </si>
  <si>
    <t>malla khekan wala</t>
  </si>
  <si>
    <t>42699</t>
  </si>
  <si>
    <t>GGPS NARALI MIRZIAN</t>
  </si>
  <si>
    <t>NARALI JABBAIR</t>
  </si>
  <si>
    <t>Narali Mirzian.Post Office Qazian.Tehsil Gujar Khan.Distt Rawalpindi.</t>
  </si>
  <si>
    <t>NARALI MIRZIAN</t>
  </si>
  <si>
    <t>misbah Shaheen</t>
  </si>
  <si>
    <t>11589</t>
  </si>
  <si>
    <t>12648</t>
  </si>
  <si>
    <t>GGPS MORE WALA</t>
  </si>
  <si>
    <t>bair band</t>
  </si>
  <si>
    <t>basti dara shehr sultan</t>
  </si>
  <si>
    <t>basti dara</t>
  </si>
  <si>
    <t>bair bnd</t>
  </si>
  <si>
    <t>Fozia Saeed Sial</t>
  </si>
  <si>
    <t>GGPS CHAK NO. 317/ EB JANUBI</t>
  </si>
  <si>
    <t>317/E.B Dewan sahib</t>
  </si>
  <si>
    <t>317/EB Dewan Sahib</t>
  </si>
  <si>
    <t>Azim Javaid</t>
  </si>
  <si>
    <t>31810</t>
  </si>
  <si>
    <t>10885</t>
  </si>
  <si>
    <t>GPS CHAK 82/M JALALPUR PIRWALA</t>
  </si>
  <si>
    <t>Post office Mir kot Jalal pur pir wala</t>
  </si>
  <si>
    <t>Jindu Wali</t>
  </si>
  <si>
    <t>32711</t>
  </si>
  <si>
    <t>GES MAKI DHOK</t>
  </si>
  <si>
    <t>V &amp; P.O Meki Dhok Tehsil Fateh Jang District Attock</t>
  </si>
  <si>
    <t>Meki Dhok</t>
  </si>
  <si>
    <t>25022</t>
  </si>
  <si>
    <t>16798</t>
  </si>
  <si>
    <t>42609</t>
  </si>
  <si>
    <t>GPS MODEL DERA SYEDAN</t>
  </si>
  <si>
    <t>Village and p/o Dara syedan theh g khan district rwp gmps Dara syedan</t>
  </si>
  <si>
    <t>Dara Syedan</t>
  </si>
  <si>
    <t>Shang</t>
  </si>
  <si>
    <t>Sadia Qaddus</t>
  </si>
  <si>
    <t>GPS TIBBA MUNDAYKI P/O MUHAMMADI PUR</t>
  </si>
  <si>
    <t>Tibba Munday Ki</t>
  </si>
  <si>
    <t>GGPS CHAK NO.68/F</t>
  </si>
  <si>
    <t>68/f</t>
  </si>
  <si>
    <t>Village 68/f</t>
  </si>
  <si>
    <t>aunber hussain</t>
  </si>
  <si>
    <t>51387</t>
  </si>
  <si>
    <t>GGPS SHERAN WALIDANI</t>
  </si>
  <si>
    <t>ggps shiran walidani</t>
  </si>
  <si>
    <t>Shiran Walidani</t>
  </si>
  <si>
    <t>Tumn Leghari Bala</t>
  </si>
  <si>
    <t>38545</t>
  </si>
  <si>
    <t>GPS BOHAR LANGAH</t>
  </si>
  <si>
    <t>P/O sardar pur jhandir tehsil Duniyapur Distt Lodhran</t>
  </si>
  <si>
    <t>10911</t>
  </si>
  <si>
    <t>GHS CHAK 58/4-R</t>
  </si>
  <si>
    <t>Chak NO. 58/4R Tehsil Haroonabad</t>
  </si>
  <si>
    <t>Ahmed Raza</t>
  </si>
  <si>
    <t>GPS CHAK RAMDAS KOHNA</t>
  </si>
  <si>
    <t>Chak Ramdas Kohna</t>
  </si>
  <si>
    <t>Chak ramdas kohna p.o mandiala tega kamoke</t>
  </si>
  <si>
    <t>Rana Muhammad Nawaz</t>
  </si>
  <si>
    <t>10919</t>
  </si>
  <si>
    <t>39482</t>
  </si>
  <si>
    <t>GHS DAKHNAIR (JAND)</t>
  </si>
  <si>
    <t>VPO DAKHNAIR TEH.JAND DISTT. ATTOCK</t>
  </si>
  <si>
    <t>34982</t>
  </si>
  <si>
    <t>Jang Wala</t>
  </si>
  <si>
    <t>basti bhutta moza Jang wala</t>
  </si>
  <si>
    <t>Behli Sharef</t>
  </si>
  <si>
    <t>Sabeen Fatima</t>
  </si>
  <si>
    <t>GPS 10-D HAMONA ABAD</t>
  </si>
  <si>
    <t>10D</t>
  </si>
  <si>
    <t>10D Hamonabad</t>
  </si>
  <si>
    <t>10D jhok Niven khan</t>
  </si>
  <si>
    <t>Ameera tejeka</t>
  </si>
  <si>
    <t>49406</t>
  </si>
  <si>
    <t>22451</t>
  </si>
  <si>
    <t>GGES CHRISTIAN JALAL PUR JATTAN</t>
  </si>
  <si>
    <t>GG christian model E/S jpj shahbaz pur road near choppala stand jpj</t>
  </si>
  <si>
    <t>Rehana Akbar</t>
  </si>
  <si>
    <t>GPS CHAK NO.196/M</t>
  </si>
  <si>
    <t>Chak No 196/M</t>
  </si>
  <si>
    <t>chak No.196/m post office 194/m teh:hasilpur district Bahawalpur</t>
  </si>
  <si>
    <t>Chak No 196/m</t>
  </si>
  <si>
    <t>Chak192/m</t>
  </si>
  <si>
    <t>GPS 64 EB ARIFWALA</t>
  </si>
  <si>
    <t>64eb</t>
  </si>
  <si>
    <t>chak no 64eb arifwala</t>
  </si>
  <si>
    <t>25057</t>
  </si>
  <si>
    <t>GPS BAKHU SHAH NO.2</t>
  </si>
  <si>
    <t>Bakhu Shah no2 (Basti Said Meraan) Tehsil and district Bahawal Nagar</t>
  </si>
  <si>
    <t>Bakhu Shah No2</t>
  </si>
  <si>
    <t>Korian wali</t>
  </si>
  <si>
    <t>Allah Ditta Shad</t>
  </si>
  <si>
    <t>35108</t>
  </si>
  <si>
    <t>GGHS 497 EB</t>
  </si>
  <si>
    <t>gghs 497/eb ,burewala</t>
  </si>
  <si>
    <t>Chak No497/EB</t>
  </si>
  <si>
    <t>Nadia Firdous</t>
  </si>
  <si>
    <t>130524</t>
  </si>
  <si>
    <t>GPS GAJJAN SINGH WALA</t>
  </si>
  <si>
    <t>mojoki</t>
  </si>
  <si>
    <t>gaGajjan singh wala p.o budhoki tehsil chunian district kasur.</t>
  </si>
  <si>
    <t>gajjan singh wala</t>
  </si>
  <si>
    <t>10937</t>
  </si>
  <si>
    <t>GGHS CHAK NO 183 TDA</t>
  </si>
  <si>
    <t>dagger rehtas</t>
  </si>
  <si>
    <t>chak no 183/tea bhakkar</t>
  </si>
  <si>
    <t>183/tda</t>
  </si>
  <si>
    <t>WAQAR-UN-NISA SHAMIM</t>
  </si>
  <si>
    <t>10944</t>
  </si>
  <si>
    <t>17234</t>
  </si>
  <si>
    <t>GPS CHAK NO 179 JB</t>
  </si>
  <si>
    <t>Chak no 179 jb post office 214 jb T/ D Jhang.</t>
  </si>
  <si>
    <t>Chak 179</t>
  </si>
  <si>
    <t>Garwah</t>
  </si>
  <si>
    <t>15014</t>
  </si>
  <si>
    <t>36987</t>
  </si>
  <si>
    <t>GPS NAWAN RAM KALI, MOUZA MARI SAHU, KABIRWALA</t>
  </si>
  <si>
    <t>Gps, nawan ramkalli mari sahu</t>
  </si>
  <si>
    <t>21054</t>
  </si>
  <si>
    <t>17264</t>
  </si>
  <si>
    <t>Chak  Baig</t>
  </si>
  <si>
    <t>Muhammed Arshad</t>
  </si>
  <si>
    <t>37139</t>
  </si>
  <si>
    <t>24846</t>
  </si>
  <si>
    <t>GMPS CHAK NO 224/9-R N</t>
  </si>
  <si>
    <t>Chak224/9-R</t>
  </si>
  <si>
    <t>chak224/9-R(N)TehsilFortabbasDistrict Bahawalnagar</t>
  </si>
  <si>
    <t>224/9-R</t>
  </si>
  <si>
    <t>10714</t>
  </si>
  <si>
    <t>42339</t>
  </si>
  <si>
    <t>GHS JHAND NAJJAR</t>
  </si>
  <si>
    <t>Jand Najjar</t>
  </si>
  <si>
    <t>VPO Jand Najjar Tehsil Gujarkhan District Rawalpindi</t>
  </si>
  <si>
    <t>Tanveer Ahmad Qazi</t>
  </si>
  <si>
    <t>10717</t>
  </si>
  <si>
    <t>GHS KOTLA DEEWAN</t>
  </si>
  <si>
    <t>kotla dewan</t>
  </si>
  <si>
    <t>p/o kotla dewan, tehsil jampur.</t>
  </si>
  <si>
    <t>muhammad zaheer asghar</t>
  </si>
  <si>
    <t>100268</t>
  </si>
  <si>
    <t>10718</t>
  </si>
  <si>
    <t>50347</t>
  </si>
  <si>
    <t>GPS 108/7-R</t>
  </si>
  <si>
    <t>108/7R</t>
  </si>
  <si>
    <t>108/7R west chichawatni</t>
  </si>
  <si>
    <t>108/7R West</t>
  </si>
  <si>
    <t>110/7R</t>
  </si>
  <si>
    <t>8039</t>
  </si>
  <si>
    <t>52271</t>
  </si>
  <si>
    <t>GGPS BASTI HASSAN BAKHSH WALA</t>
  </si>
  <si>
    <t>Mosin Wali</t>
  </si>
  <si>
    <t>GAPS Hassan wala basti  talha moxa mosin wali</t>
  </si>
  <si>
    <t>Basti Talha</t>
  </si>
  <si>
    <t>Khalida Jafir</t>
  </si>
  <si>
    <t>10721</t>
  </si>
  <si>
    <t>38943</t>
  </si>
  <si>
    <t>GHS MOORAT</t>
  </si>
  <si>
    <t>moorat</t>
  </si>
  <si>
    <t>VPO MOORAT TEHSIL FATEH JANG DISTT: ATTOCK</t>
  </si>
  <si>
    <t>mooart</t>
  </si>
  <si>
    <t>Tawab Ahmed</t>
  </si>
  <si>
    <t>GGHS MANCHARIAN</t>
  </si>
  <si>
    <t>MOZA MANCHARIAN ,TEH. DEPALPUR, DISTT. OKARA</t>
  </si>
  <si>
    <t>ASIA SHAHEEN</t>
  </si>
  <si>
    <t>38564</t>
  </si>
  <si>
    <t>GPS KOTLI WAJWAH</t>
  </si>
  <si>
    <t>Government Primary School Kotly Wajwah</t>
  </si>
  <si>
    <t>Raqba</t>
  </si>
  <si>
    <t>366/wb</t>
  </si>
  <si>
    <t>Muhammad Tariq Naveed</t>
  </si>
  <si>
    <t>10729</t>
  </si>
  <si>
    <t>GPS CHAK NO 45 TDA</t>
  </si>
  <si>
    <t>Chak No 45 TDA</t>
  </si>
  <si>
    <t>Chak No 45 TDA P.O.BOX CHAK 47 TDA BHAKKAR</t>
  </si>
  <si>
    <t>Khuda Bukhsh</t>
  </si>
  <si>
    <t>16270</t>
  </si>
  <si>
    <t>GMPS NOUKRIAN</t>
  </si>
  <si>
    <t>Noukarian</t>
  </si>
  <si>
    <t>noukarian mitranwali daska sialkot</t>
  </si>
  <si>
    <t>Fozia Naseem</t>
  </si>
  <si>
    <t>24969</t>
  </si>
  <si>
    <t>GGPS KULA CHOUR NO. 1</t>
  </si>
  <si>
    <t>Kulachour</t>
  </si>
  <si>
    <t>Govt girls p/s no 1 kulachour</t>
  </si>
  <si>
    <t>Jalalpur jattan</t>
  </si>
  <si>
    <t>Uzma Anwar</t>
  </si>
  <si>
    <t>33146</t>
  </si>
  <si>
    <t>38550</t>
  </si>
  <si>
    <t>GES MADRAIN WALA KALAR</t>
  </si>
  <si>
    <t>Madhrinwala Kalar</t>
  </si>
  <si>
    <t>madhrianwla kalar tehsil kamoke</t>
  </si>
  <si>
    <t>Madhrianwala Kalar</t>
  </si>
  <si>
    <t>Dhenser Paye</t>
  </si>
  <si>
    <t>Faisal Anwar</t>
  </si>
  <si>
    <t>6855</t>
  </si>
  <si>
    <t>34241</t>
  </si>
  <si>
    <t>GPS CHAK 52/f</t>
  </si>
  <si>
    <t>52f</t>
  </si>
  <si>
    <t>52f Masood Abad</t>
  </si>
  <si>
    <t>54f</t>
  </si>
  <si>
    <t>10749</t>
  </si>
  <si>
    <t>GPS DHOK DARSAKI</t>
  </si>
  <si>
    <t>Darsaki</t>
  </si>
  <si>
    <t>GBPS DHOK DARSAKI.</t>
  </si>
  <si>
    <t>Kousar Ameer</t>
  </si>
  <si>
    <t>12139</t>
  </si>
  <si>
    <t>25121</t>
  </si>
  <si>
    <t>43133</t>
  </si>
  <si>
    <t>17191</t>
  </si>
  <si>
    <t>GPS NIJABAT</t>
  </si>
  <si>
    <t>Nijabat</t>
  </si>
  <si>
    <t>Mouza Nijabat</t>
  </si>
  <si>
    <t>Havali Shekh Rajoo</t>
  </si>
  <si>
    <t>Amjed Ali</t>
  </si>
  <si>
    <t>10751</t>
  </si>
  <si>
    <t>20594</t>
  </si>
  <si>
    <t>GPS KOTLI SAHBO</t>
  </si>
  <si>
    <t>Kotli Sahbo</t>
  </si>
  <si>
    <t>Kotli sahbo</t>
  </si>
  <si>
    <t>Mudasar Rehman</t>
  </si>
  <si>
    <t>10758</t>
  </si>
  <si>
    <t>27209</t>
  </si>
  <si>
    <t>GGPS CHAH KAKU</t>
  </si>
  <si>
    <t>Chah Kaku</t>
  </si>
  <si>
    <t>chah kaku</t>
  </si>
  <si>
    <t>uddoki</t>
  </si>
  <si>
    <t>Asma Zahid</t>
  </si>
  <si>
    <t>GHS KOTLA CHAKAR</t>
  </si>
  <si>
    <t>kotla chakar</t>
  </si>
  <si>
    <t>muhammad RASHID</t>
  </si>
  <si>
    <t>22759</t>
  </si>
  <si>
    <t>GGPS CHANNI HAFIZ</t>
  </si>
  <si>
    <t>Channi Hafiz</t>
  </si>
  <si>
    <t>channi hafiz post office deona</t>
  </si>
  <si>
    <t>Kalsoom Zahra</t>
  </si>
  <si>
    <t>28892</t>
  </si>
  <si>
    <t>GGCMS ROSSA TIBBA CHAK NO 1</t>
  </si>
  <si>
    <t>Rossa Tibba</t>
  </si>
  <si>
    <t>GG cms rossa tibba</t>
  </si>
  <si>
    <t>Saddha</t>
  </si>
  <si>
    <t>Rahila Anjum</t>
  </si>
  <si>
    <t>13556</t>
  </si>
  <si>
    <t>GPS BABRA</t>
  </si>
  <si>
    <t>mauza rasoolpur post office rasoolpur</t>
  </si>
  <si>
    <t>8631</t>
  </si>
  <si>
    <t>GPS CITY NO. 1</t>
  </si>
  <si>
    <t>Railway Road DG Khan</t>
  </si>
  <si>
    <t>Block 5</t>
  </si>
  <si>
    <t>Tariq Siddique</t>
  </si>
  <si>
    <t>42387</t>
  </si>
  <si>
    <t>GGHS RAMAN</t>
  </si>
  <si>
    <t>VPO RAMAN</t>
  </si>
  <si>
    <t>maria rehman</t>
  </si>
  <si>
    <t>10772</t>
  </si>
  <si>
    <t>23751</t>
  </si>
  <si>
    <t>GPS SEHJO KALA</t>
  </si>
  <si>
    <t>sehjokala tehsil daska district sialkot</t>
  </si>
  <si>
    <t>33886</t>
  </si>
  <si>
    <t>54204</t>
  </si>
  <si>
    <t>GGPS EID GAH JHANG CITY</t>
  </si>
  <si>
    <t>Moh Qazian wala ward no 8 jhang city</t>
  </si>
  <si>
    <t>shahida islam</t>
  </si>
  <si>
    <t>10778</t>
  </si>
  <si>
    <t>44459</t>
  </si>
  <si>
    <t>GPS KHAN PUR JANUBI</t>
  </si>
  <si>
    <t>Khan Purjanoobi</t>
  </si>
  <si>
    <t>Chah meran wala moza khanpur janoobi teh&amp; distt bhakkar</t>
  </si>
  <si>
    <t>Meran Wala</t>
  </si>
  <si>
    <t>Chak 78 Ml</t>
  </si>
  <si>
    <t>39390</t>
  </si>
  <si>
    <t>GMPS KOT PER SHAH</t>
  </si>
  <si>
    <t>Kot Pir Shah</t>
  </si>
  <si>
    <t>p/o langay village kot pir shah teh and dis gujrat</t>
  </si>
  <si>
    <t>Aina Sehrish</t>
  </si>
  <si>
    <t>10768</t>
  </si>
  <si>
    <t>7192</t>
  </si>
  <si>
    <t>47872</t>
  </si>
  <si>
    <t>35261</t>
  </si>
  <si>
    <t>GPS CHAK NO. 199/EB</t>
  </si>
  <si>
    <t>199/eb teh. burewala dist .vehari</t>
  </si>
  <si>
    <t>199/eb</t>
  </si>
  <si>
    <t>Arif Aleem</t>
  </si>
  <si>
    <t>GGES ALI ABAD</t>
  </si>
  <si>
    <t>Govt,Girls/E .School Ali abad</t>
  </si>
  <si>
    <t>Ansa Noreen</t>
  </si>
  <si>
    <t>GPS SHER ALI CHANG</t>
  </si>
  <si>
    <t>hajiour</t>
  </si>
  <si>
    <t>Hajiour</t>
  </si>
  <si>
    <t>10793</t>
  </si>
  <si>
    <t>38529</t>
  </si>
  <si>
    <t>GPS 325/WB</t>
  </si>
  <si>
    <t>Chak 325/wb</t>
  </si>
  <si>
    <t>chak#325/w.b teh: dunyapur, distt: lodhran</t>
  </si>
  <si>
    <t>Chak 342/wb</t>
  </si>
  <si>
    <t>GPS CHAK 2 GAJIANI</t>
  </si>
  <si>
    <t>Chak 2/G</t>
  </si>
  <si>
    <t>Chak NO.  2\G</t>
  </si>
  <si>
    <t>Chak NO 2/G</t>
  </si>
  <si>
    <t>Chak NO 4/G</t>
  </si>
  <si>
    <t>10803</t>
  </si>
  <si>
    <t>GHS CHAK NO. 40-D  DEPAL PUR</t>
  </si>
  <si>
    <t>CHAK NO 40D</t>
  </si>
  <si>
    <t>CHAK NO 40D TEHSIL DEPAL PUR OKARA</t>
  </si>
  <si>
    <t>40D</t>
  </si>
  <si>
    <t>Syed Toqeer Altaf</t>
  </si>
  <si>
    <t>52401</t>
  </si>
  <si>
    <t>GMPS AHATA MUKHIAN</t>
  </si>
  <si>
    <t>Takht Mehal Otar</t>
  </si>
  <si>
    <t>ahata mukhian</t>
  </si>
  <si>
    <t>Ahata mukhian</t>
  </si>
  <si>
    <t>Sidra Maqbool</t>
  </si>
  <si>
    <t>10807</t>
  </si>
  <si>
    <t>39644</t>
  </si>
  <si>
    <t>GGPS CHAKKIAN</t>
  </si>
  <si>
    <t>BASAL</t>
  </si>
  <si>
    <t>DHOK CHAKIAN VILL AND POST OFFICE BASAL TEH JAND DISTT ATTOCK</t>
  </si>
  <si>
    <t>DHOK CHAKIAN</t>
  </si>
  <si>
    <t>Mashal Bibi</t>
  </si>
  <si>
    <t>33043</t>
  </si>
  <si>
    <t>GGPS KHALA BATT</t>
  </si>
  <si>
    <t>Khala Butt</t>
  </si>
  <si>
    <t>village and po khala butt teh gujarkhan distt rawalpindi</t>
  </si>
  <si>
    <t>Kanwal Saghir</t>
  </si>
  <si>
    <t>45486</t>
  </si>
  <si>
    <t>GPS ANGRA</t>
  </si>
  <si>
    <t>angra dagar</t>
  </si>
  <si>
    <t>Haji Gul</t>
  </si>
  <si>
    <t>23279</t>
  </si>
  <si>
    <t>22682</t>
  </si>
  <si>
    <t>GMPS DUMANIANWALI</t>
  </si>
  <si>
    <t>Dumnianwali</t>
  </si>
  <si>
    <t>Dumnianwali village near mangowal gahrbi Tehsil Gujrat</t>
  </si>
  <si>
    <t>Hifza Shawaiz</t>
  </si>
  <si>
    <t>51645</t>
  </si>
  <si>
    <t>33740</t>
  </si>
  <si>
    <t>10818</t>
  </si>
  <si>
    <t>GGHS CHAK 272 RB FSD</t>
  </si>
  <si>
    <t>CHAK NO 272 RB</t>
  </si>
  <si>
    <t>CHAK NO 272 RB SAIMA NAAG</t>
  </si>
  <si>
    <t>270 RB MAJHIWAL</t>
  </si>
  <si>
    <t>ROBILA KOUSAR</t>
  </si>
  <si>
    <t>GGHS SAEELA</t>
  </si>
  <si>
    <t>Government Girls High School Saeela Jhelum</t>
  </si>
  <si>
    <t>Kotla faqir</t>
  </si>
  <si>
    <t>Fehmina Choudhery</t>
  </si>
  <si>
    <t>11237</t>
  </si>
  <si>
    <t>7683</t>
  </si>
  <si>
    <t>GHS GUJAR WALA</t>
  </si>
  <si>
    <t>village &amp; p/o kot haibat  ,dera ghazi khan</t>
  </si>
  <si>
    <t>Qamar ul Hassan</t>
  </si>
  <si>
    <t>10829</t>
  </si>
  <si>
    <t>38530</t>
  </si>
  <si>
    <t>GPS 327/WB</t>
  </si>
  <si>
    <t>CHAK NO 327/WB</t>
  </si>
  <si>
    <t>chak NO 327/WB</t>
  </si>
  <si>
    <t>Chack No 327/WB</t>
  </si>
  <si>
    <t>22861</t>
  </si>
  <si>
    <t>10951</t>
  </si>
  <si>
    <t>GGES 25/14-L</t>
  </si>
  <si>
    <t>25/14</t>
  </si>
  <si>
    <t>chak no 25/14 teh cci sahiwal</t>
  </si>
  <si>
    <t>Chak 25/14</t>
  </si>
  <si>
    <t>23/14</t>
  </si>
  <si>
    <t>Safoora Hashmi</t>
  </si>
  <si>
    <t>6952</t>
  </si>
  <si>
    <t>20104</t>
  </si>
  <si>
    <t>GMPS KOT ISMAIL</t>
  </si>
  <si>
    <t>Kot Ismail</t>
  </si>
  <si>
    <t>kot Ismail chiniot</t>
  </si>
  <si>
    <t>Anam Orangzaib</t>
  </si>
  <si>
    <t>50232</t>
  </si>
  <si>
    <t>46513</t>
  </si>
  <si>
    <t>34773</t>
  </si>
  <si>
    <t>GHS ANAYAT PUR</t>
  </si>
  <si>
    <t>Basti Anayat Pur jalalpur pirwala Multan</t>
  </si>
  <si>
    <t>MUHAMMAD SAJID MANSOOR</t>
  </si>
  <si>
    <t>34258</t>
  </si>
  <si>
    <t>GGHS BAGGA</t>
  </si>
  <si>
    <t>Bagga jhelum</t>
  </si>
  <si>
    <t>21376</t>
  </si>
  <si>
    <t>GES TATLAY MALI</t>
  </si>
  <si>
    <t>Tatlay Mali</t>
  </si>
  <si>
    <t>Tatlay Mali P/O Eminabad Tehsil Kamoke district Gujranwala</t>
  </si>
  <si>
    <t>Nand Pur</t>
  </si>
  <si>
    <t>Akhtar Rasool</t>
  </si>
  <si>
    <t>52797</t>
  </si>
  <si>
    <t>Aminkot</t>
  </si>
  <si>
    <t>ggps amin kot</t>
  </si>
  <si>
    <t>42/sp Sumandry</t>
  </si>
  <si>
    <t>52199</t>
  </si>
  <si>
    <t>GGPS 21/KB</t>
  </si>
  <si>
    <t>Chak #21kb</t>
  </si>
  <si>
    <t>chak # 21kb teh arifwala distt pakpattan</t>
  </si>
  <si>
    <t>Chak# 21kb</t>
  </si>
  <si>
    <t>Gulnaz Ishfaq</t>
  </si>
  <si>
    <t>42198</t>
  </si>
  <si>
    <t>38290</t>
  </si>
  <si>
    <t>GGHS CHAK NO.194/M</t>
  </si>
  <si>
    <t>chak 194/m hasilpur</t>
  </si>
  <si>
    <t>194/M</t>
  </si>
  <si>
    <t>Batool Akhtar</t>
  </si>
  <si>
    <t>13146</t>
  </si>
  <si>
    <t>GPS CHAK GUZRWANI</t>
  </si>
  <si>
    <t>Chak Garzwani</t>
  </si>
  <si>
    <t>Chah Kheyaray wala Mouza Chak Garzwani, D.G.KHAN</t>
  </si>
  <si>
    <t>Kheyaray Wala</t>
  </si>
  <si>
    <t>10973</t>
  </si>
  <si>
    <t>39659</t>
  </si>
  <si>
    <t>GMPS TRAGAR</t>
  </si>
  <si>
    <t>TRAGAR</t>
  </si>
  <si>
    <t>VPO TRAGAR TEHSIL JAND DISTRICT ATTOCK</t>
  </si>
  <si>
    <t>NAILA JABEEN</t>
  </si>
  <si>
    <t>42094</t>
  </si>
  <si>
    <t>28986</t>
  </si>
  <si>
    <t>22546</t>
  </si>
  <si>
    <t>GGES GHEERERA</t>
  </si>
  <si>
    <t>Gharera</t>
  </si>
  <si>
    <t>village gharera post office gharera</t>
  </si>
  <si>
    <t>Jalapur Sobtian</t>
  </si>
  <si>
    <t>Zamir Fatima</t>
  </si>
  <si>
    <t>32515</t>
  </si>
  <si>
    <t>52941</t>
  </si>
  <si>
    <t>GMMS SAHIB BHATTI</t>
  </si>
  <si>
    <t>Sahib Din Bhatti</t>
  </si>
  <si>
    <t>sahib din bhatti p/o Haveli lakha Teh Depalpur Distt Okara</t>
  </si>
  <si>
    <t>Mohib Ali Utaar</t>
  </si>
  <si>
    <t>10992</t>
  </si>
  <si>
    <t>43359</t>
  </si>
  <si>
    <t>GPS LATIFAL</t>
  </si>
  <si>
    <t>Latifal</t>
  </si>
  <si>
    <t>latifal  tehsil  and  district  chakwal</t>
  </si>
  <si>
    <t>Nadia Majeed</t>
  </si>
  <si>
    <t>43907</t>
  </si>
  <si>
    <t>11012</t>
  </si>
  <si>
    <t>26989</t>
  </si>
  <si>
    <t>GES TOOTRA</t>
  </si>
  <si>
    <t>Tootra</t>
  </si>
  <si>
    <t>Uddoki</t>
  </si>
  <si>
    <t>Rai Umer Farooq</t>
  </si>
  <si>
    <t>19153</t>
  </si>
  <si>
    <t>11014</t>
  </si>
  <si>
    <t>GGPS KOTLA PIRAN SHAH NO. 1</t>
  </si>
  <si>
    <t>Gps kotla piran shah no.1</t>
  </si>
  <si>
    <t>Basti Dena</t>
  </si>
  <si>
    <t>Samia Begum</t>
  </si>
  <si>
    <t>GGPS HERCHOKI HITTAR</t>
  </si>
  <si>
    <t>GGPS Herchoki Hithar</t>
  </si>
  <si>
    <t>sughra mansha</t>
  </si>
  <si>
    <t>GPS TAKHWANA</t>
  </si>
  <si>
    <t>Govt. primary school Takhwana</t>
  </si>
  <si>
    <t>Shah Muhammad Habib</t>
  </si>
  <si>
    <t>11022</t>
  </si>
  <si>
    <t>47001</t>
  </si>
  <si>
    <t>GGPS MIANAH WALA</t>
  </si>
  <si>
    <t>Mitha Khatak</t>
  </si>
  <si>
    <t>dakkhana awanawala tahseel isakhel district miawali</t>
  </si>
  <si>
    <t>Taj Bibi</t>
  </si>
  <si>
    <t>34171</t>
  </si>
  <si>
    <t>50617</t>
  </si>
  <si>
    <t>GGPS 79/12-L</t>
  </si>
  <si>
    <t>79/12L</t>
  </si>
  <si>
    <t>Rameeza Batool</t>
  </si>
  <si>
    <t>12586</t>
  </si>
  <si>
    <t>GGPS BALOCHAN TEH. JALALPUR PIRWALA</t>
  </si>
  <si>
    <t>Basti attarwala moza hoot Wala tehsil jalal pur pir wala district multan</t>
  </si>
  <si>
    <t>Basti Attarwala</t>
  </si>
  <si>
    <t>Sumara Perveen</t>
  </si>
  <si>
    <t>38465</t>
  </si>
  <si>
    <t>GGHS 343/WB DUNYA PUR</t>
  </si>
  <si>
    <t>CHAK NO:343.WB DUNYAPUR</t>
  </si>
  <si>
    <t>357.WB</t>
  </si>
  <si>
    <t>PALWASHA MEHMOOD</t>
  </si>
  <si>
    <t>GPS CHAK 228/9-R</t>
  </si>
  <si>
    <t>chak No.228/9r po.227/9r Fortabbas Bahawalnagar</t>
  </si>
  <si>
    <t>Faqir Muhammad Dilshad</t>
  </si>
  <si>
    <t>GPS KOT WALA</t>
  </si>
  <si>
    <t>chaha barko wala</t>
  </si>
  <si>
    <t>Barko Wala</t>
  </si>
  <si>
    <t>11034</t>
  </si>
  <si>
    <t>GGPS 164/7-R AB WEST</t>
  </si>
  <si>
    <t>Chak No 164/7R</t>
  </si>
  <si>
    <t>chak no 164/7R AB</t>
  </si>
  <si>
    <t>Shabana Nazli</t>
  </si>
  <si>
    <t>GHSS CHAK NO.188/M</t>
  </si>
  <si>
    <t>chak no. 188 m</t>
  </si>
  <si>
    <t>GOVT. H.S.S CHAK NO. 188 M HASILPUR BAHAWALPUR</t>
  </si>
  <si>
    <t>Chak No. 188 M</t>
  </si>
  <si>
    <t>11037</t>
  </si>
  <si>
    <t>42572</t>
  </si>
  <si>
    <t>GPS MODEL KASRAN</t>
  </si>
  <si>
    <t>Kasran</t>
  </si>
  <si>
    <t>kasran</t>
  </si>
  <si>
    <t>Asma Mumtaz</t>
  </si>
  <si>
    <t>10609</t>
  </si>
  <si>
    <t>GPS UDDOWAL KALAN</t>
  </si>
  <si>
    <t>Udhowal kalan</t>
  </si>
  <si>
    <t>udhowal kalan gujrat</t>
  </si>
  <si>
    <t>Syed Tasawar Hussain  Bukhari</t>
  </si>
  <si>
    <t>40197</t>
  </si>
  <si>
    <t>GGPS MC MUJAHID ABAD JEHLUM</t>
  </si>
  <si>
    <t>gg mc primary school mujahidabad jhelum</t>
  </si>
  <si>
    <t>43210</t>
  </si>
  <si>
    <t>GGES MOHRA ALLO</t>
  </si>
  <si>
    <t>Mohra Allo</t>
  </si>
  <si>
    <t>vpo mohra Allo chakwal</t>
  </si>
  <si>
    <t>Waheeda Rehman</t>
  </si>
  <si>
    <t>12730</t>
  </si>
  <si>
    <t>38935</t>
  </si>
  <si>
    <t>GHS FATEH JANG NO.2</t>
  </si>
  <si>
    <t>fateh jang</t>
  </si>
  <si>
    <t>Mohallah Sunblan fateh jang</t>
  </si>
  <si>
    <t>mohallah sunblan</t>
  </si>
  <si>
    <t>sharqi fateh jang</t>
  </si>
  <si>
    <t>muhammad miskeen</t>
  </si>
  <si>
    <t>50591</t>
  </si>
  <si>
    <t>GHS CHAK NO. 43/F</t>
  </si>
  <si>
    <t>chak. 43f chishtian.</t>
  </si>
  <si>
    <t>Chak 43f</t>
  </si>
  <si>
    <t>42F</t>
  </si>
  <si>
    <t>49033</t>
  </si>
  <si>
    <t>42805</t>
  </si>
  <si>
    <t>GGPS JOHLAY</t>
  </si>
  <si>
    <t>Johlay</t>
  </si>
  <si>
    <t>village johlay po sukho</t>
  </si>
  <si>
    <t>Mehwish Saddique</t>
  </si>
  <si>
    <t>7721</t>
  </si>
  <si>
    <t>25246</t>
  </si>
  <si>
    <t>GPS CHAK NO.43/3-R (W)</t>
  </si>
  <si>
    <t>chak no 43 3/R Tehsil haronabad District Bahawalnagar</t>
  </si>
  <si>
    <t>43 3/R W</t>
  </si>
  <si>
    <t>42 3/R</t>
  </si>
  <si>
    <t>Asma Ashraf</t>
  </si>
  <si>
    <t>10593</t>
  </si>
  <si>
    <t>24007</t>
  </si>
  <si>
    <t>GGPS NANAK VIRK</t>
  </si>
  <si>
    <t>Nanak virk</t>
  </si>
  <si>
    <t>nanak virk teh daska dist sialkot</t>
  </si>
  <si>
    <t>Bhagat pur</t>
  </si>
  <si>
    <t>Ghazala Khushi Muhammad</t>
  </si>
  <si>
    <t>GPS CHAK NO 26/3-R W</t>
  </si>
  <si>
    <t>26 3r</t>
  </si>
  <si>
    <t>Chak No 26. 3r</t>
  </si>
  <si>
    <t>30 3r</t>
  </si>
  <si>
    <t>M Boota</t>
  </si>
  <si>
    <t>35206</t>
  </si>
  <si>
    <t>10596</t>
  </si>
  <si>
    <t>GPS CHAK NO. 289/WB</t>
  </si>
  <si>
    <t>289/WB</t>
  </si>
  <si>
    <t>chak no 289/wb p/o Noor Garh Teh Dunya Pur (Lodhran)</t>
  </si>
  <si>
    <t>Chak No 289/wb</t>
  </si>
  <si>
    <t>AbdulGhani</t>
  </si>
  <si>
    <t>10598</t>
  </si>
  <si>
    <t>39519</t>
  </si>
  <si>
    <t>GPS HAVIALY</t>
  </si>
  <si>
    <t>Havely</t>
  </si>
  <si>
    <t>village  Havaily  tehsil jand district Attock</t>
  </si>
  <si>
    <t>7224</t>
  </si>
  <si>
    <t>GES BUKHARA</t>
  </si>
  <si>
    <t>BUKHARA POST OFFICE M.PUR TEHSIL JAMPUR DISTRICT RAJANPUR</t>
  </si>
  <si>
    <t>30825</t>
  </si>
  <si>
    <t>GGHS JHONGAL</t>
  </si>
  <si>
    <t>Govt girls high school jhungal Gujarkhan rwp</t>
  </si>
  <si>
    <t>Jhnugal</t>
  </si>
  <si>
    <t>salma noreen</t>
  </si>
  <si>
    <t>GPS CHAK 196/HB</t>
  </si>
  <si>
    <t>196 HB</t>
  </si>
  <si>
    <t>chak no.196 H.B teh.fortabbas dist bwn</t>
  </si>
  <si>
    <t>204 9T</t>
  </si>
  <si>
    <t>10612</t>
  </si>
  <si>
    <t>GES AROOP WEST</t>
  </si>
  <si>
    <t>Govt. Elementary School Aroop West</t>
  </si>
  <si>
    <t>Aroop / Bhindran</t>
  </si>
  <si>
    <t>30626</t>
  </si>
  <si>
    <t>11642</t>
  </si>
  <si>
    <t>10622</t>
  </si>
  <si>
    <t>GES NO.4 HAVELI LAKHA</t>
  </si>
  <si>
    <t>Boarding house haveli lakha tehsil depalpur distt. okara</t>
  </si>
  <si>
    <t>Boarding house</t>
  </si>
  <si>
    <t>MC Haveli lakha</t>
  </si>
  <si>
    <t>3379</t>
  </si>
  <si>
    <t>10623</t>
  </si>
  <si>
    <t>39607</t>
  </si>
  <si>
    <t>GPS TORANG ABAD</t>
  </si>
  <si>
    <t>Narrah Tarf Narrah</t>
  </si>
  <si>
    <t>vpo Chhab tehsil jand district attock</t>
  </si>
  <si>
    <t>Torang Abad</t>
  </si>
  <si>
    <t>KARRA KHAN</t>
  </si>
  <si>
    <t>13081</t>
  </si>
  <si>
    <t>GPS BASTI GHAZAN</t>
  </si>
  <si>
    <t>Daulat Wahi</t>
  </si>
  <si>
    <t>government ps basti ghazen</t>
  </si>
  <si>
    <t>Ghazen</t>
  </si>
  <si>
    <t>10628</t>
  </si>
  <si>
    <t>GGPS KISHAN GARH</t>
  </si>
  <si>
    <t>Gg p/s kishan  garh p/0 sawai wala bwn</t>
  </si>
  <si>
    <t>36794</t>
  </si>
  <si>
    <t>GPS QAIM WALA, NAWAN SHEHR</t>
  </si>
  <si>
    <t>Blochan</t>
  </si>
  <si>
    <t>chaha qaim wala mouza blochan thesil kabir wala khanewal</t>
  </si>
  <si>
    <t>GGHS JAMALPUR</t>
  </si>
  <si>
    <t>Jamal pur, Tehsil Hasil pur District Bahawal pur</t>
  </si>
  <si>
    <t>Shamim Ishaq</t>
  </si>
  <si>
    <t>48172</t>
  </si>
  <si>
    <t>28725</t>
  </si>
  <si>
    <t>GPS KORAY SIAL</t>
  </si>
  <si>
    <t>Korey Sial</t>
  </si>
  <si>
    <t>korey sial</t>
  </si>
  <si>
    <t>20971</t>
  </si>
  <si>
    <t>44976</t>
  </si>
  <si>
    <t>GGPS BASTI KUMHARAN WALI</t>
  </si>
  <si>
    <t>Govt Girls primary School Basti Kandiyaran Wali Kallur Kot</t>
  </si>
  <si>
    <t>Urban Kallur Kot</t>
  </si>
  <si>
    <t>NOUREEN HYDER</t>
  </si>
  <si>
    <t>22256</t>
  </si>
  <si>
    <t>GGHS MEHMDA</t>
  </si>
  <si>
    <t>Mehmada Sharqi Gujrat</t>
  </si>
  <si>
    <t>Government Girls High School Mehmada Sharqi Gujrat</t>
  </si>
  <si>
    <t>Mehmada Gujrat</t>
  </si>
  <si>
    <t>Chak Mehmada Sharqi</t>
  </si>
  <si>
    <t>Sadia Waheed</t>
  </si>
  <si>
    <t>51557</t>
  </si>
  <si>
    <t>10648</t>
  </si>
  <si>
    <t>17140</t>
  </si>
  <si>
    <t>GPS BASTI KARAM HUSSAIN</t>
  </si>
  <si>
    <t>Majhi Sultan</t>
  </si>
  <si>
    <t>GPS Karam hussain shah majhi sultan jhang</t>
  </si>
  <si>
    <t>Karam Hussain Shah</t>
  </si>
  <si>
    <t>GPS CHAK NO. 223/ TDA</t>
  </si>
  <si>
    <t>chak no 223/TDA</t>
  </si>
  <si>
    <t>chak no 223</t>
  </si>
  <si>
    <t>shaukat abad</t>
  </si>
  <si>
    <t>7899</t>
  </si>
  <si>
    <t>GPS RAIKH KALA</t>
  </si>
  <si>
    <t>Rakh Kala</t>
  </si>
  <si>
    <t>P/O kala Tehsil and District DG Khan</t>
  </si>
  <si>
    <t>Nahr Vala</t>
  </si>
  <si>
    <t>10653</t>
  </si>
  <si>
    <t>GPS KAT SHER MUHAMMAD</t>
  </si>
  <si>
    <t>Kot Sher Muhammad Muhammad Muhammad Muhammad</t>
  </si>
  <si>
    <t>Bangla Kot Sher Muhammad near adda nahar Gujyani Tahsil and District Bahawal Nagar</t>
  </si>
  <si>
    <t>Bangla Kat Sher Muhammad</t>
  </si>
  <si>
    <t>Swai Wala</t>
  </si>
  <si>
    <t>Muhammad Ifrahim</t>
  </si>
  <si>
    <t>10656</t>
  </si>
  <si>
    <t>39588</t>
  </si>
  <si>
    <t>GPS SANGLA THATTA</t>
  </si>
  <si>
    <t>Dhok singla, vpo thatta, tehsil jand, distt attock</t>
  </si>
  <si>
    <t>M Yaqub</t>
  </si>
  <si>
    <t>10659</t>
  </si>
  <si>
    <t>GGPS 84/12-L</t>
  </si>
  <si>
    <t>chak no 84\12L</t>
  </si>
  <si>
    <t>84 /12L</t>
  </si>
  <si>
    <t>Asima Shafique</t>
  </si>
  <si>
    <t>7637</t>
  </si>
  <si>
    <t>GGPS KIHAR WAH</t>
  </si>
  <si>
    <t>Kehar Wah</t>
  </si>
  <si>
    <t>GGPS KIHAR WAH P/O karmali wala tehsil jalal pur pir wala</t>
  </si>
  <si>
    <t>Perveen Fazal</t>
  </si>
  <si>
    <t>10661</t>
  </si>
  <si>
    <t>GGES 164/7-R</t>
  </si>
  <si>
    <t>chak #164/7r p/o faqeerwali teh Haroona bad</t>
  </si>
  <si>
    <t>GGCMS HAMEED WALA</t>
  </si>
  <si>
    <t>HAMEED WALA - FEMALE</t>
  </si>
  <si>
    <t>Mulanwala</t>
  </si>
  <si>
    <t>Hameed Wala</t>
  </si>
  <si>
    <t>Nasreen Perveen</t>
  </si>
  <si>
    <t>GGPS CHAK NO.75/F</t>
  </si>
  <si>
    <t>75/F</t>
  </si>
  <si>
    <t>Chak 75/F Tehsil Hasil Pur</t>
  </si>
  <si>
    <t>Chak 71/F</t>
  </si>
  <si>
    <t>Asia Maqbool</t>
  </si>
  <si>
    <t>10675</t>
  </si>
  <si>
    <t>50555</t>
  </si>
  <si>
    <t>GGPS 56/12-L MANDAIL</t>
  </si>
  <si>
    <t>Mudhyal</t>
  </si>
  <si>
    <t>Chak No 56/12L Mudhyal Post office Hayatpur Tarr  Chichawatni Sahiwal</t>
  </si>
  <si>
    <t>Chak No 56/12L</t>
  </si>
  <si>
    <t>Chak No 57/12L</t>
  </si>
  <si>
    <t>Balqees Tabasum</t>
  </si>
  <si>
    <t>Abbas Nagar BWN</t>
  </si>
  <si>
    <t>Shoaib Ur Rehman</t>
  </si>
  <si>
    <t>10679</t>
  </si>
  <si>
    <t>15393</t>
  </si>
  <si>
    <t>GHS CHAK NO 378 GB</t>
  </si>
  <si>
    <t>CHAK NO 378 GB, TEHSIL JARANWALA DISTRICT FAISALABAD</t>
  </si>
  <si>
    <t>HAMAND KA CHAK</t>
  </si>
  <si>
    <t>CHAK NO 378 GB</t>
  </si>
  <si>
    <t>Riaz Ahmad Shahid</t>
  </si>
  <si>
    <t>GGPS NO.2 NEW PLOT HABIB PARK GOJRA</t>
  </si>
  <si>
    <t>Habib Park</t>
  </si>
  <si>
    <t>g.g.p/s no.2  habib park new plot gojra</t>
  </si>
  <si>
    <t>New Plot</t>
  </si>
  <si>
    <t>10687</t>
  </si>
  <si>
    <t>34828</t>
  </si>
  <si>
    <t>chah molay wala moza sabra tehsil jalal pur pir wala district multan.</t>
  </si>
  <si>
    <t>Molay Wala</t>
  </si>
  <si>
    <t>27101</t>
  </si>
  <si>
    <t>GGPS CHANNI GHULLA</t>
  </si>
  <si>
    <t>channi ghulla p/o qadirabad colony  tehsil distt hafizabad</t>
  </si>
  <si>
    <t>16820</t>
  </si>
  <si>
    <t>10691</t>
  </si>
  <si>
    <t>40107</t>
  </si>
  <si>
    <t>GGHS KHURD</t>
  </si>
  <si>
    <t>khurd</t>
  </si>
  <si>
    <t>vpo khurd</t>
  </si>
  <si>
    <t>Sidra Jabeen Akhtar</t>
  </si>
  <si>
    <t>50647</t>
  </si>
  <si>
    <t>GGPS 69-A/12-L (Newly Established)</t>
  </si>
  <si>
    <t>GGP69/a12L CCI  dist  Sahiwal</t>
  </si>
  <si>
    <t>69/12 Kamand</t>
  </si>
  <si>
    <t>NASIRA  YASMIN</t>
  </si>
  <si>
    <t>11628</t>
  </si>
  <si>
    <t>GPS 301/WB</t>
  </si>
  <si>
    <t>chak no 301/W B</t>
  </si>
  <si>
    <t>Chak No 301/WB</t>
  </si>
  <si>
    <t>22381</t>
  </si>
  <si>
    <t>GPS MOTA</t>
  </si>
  <si>
    <t>Village Mota,P.O Tanda, Tehsil  and District Gujrat</t>
  </si>
  <si>
    <t>GMPS QILA JANDA</t>
  </si>
  <si>
    <t>Qila Jhanda</t>
  </si>
  <si>
    <t>Qila jhanda</t>
  </si>
  <si>
    <t>Sajida parveen</t>
  </si>
  <si>
    <t>27033</t>
  </si>
  <si>
    <t>GMPS HERDO PIPLI</t>
  </si>
  <si>
    <t>Her Do Pipli</t>
  </si>
  <si>
    <t>irshad ullah</t>
  </si>
  <si>
    <t>GGES ASSAR WALA</t>
  </si>
  <si>
    <t>WADAY WALI</t>
  </si>
  <si>
    <t>GGES ELEMENTARY SCHOOL ASSAR WALA</t>
  </si>
  <si>
    <t>ASSAR WALA</t>
  </si>
  <si>
    <t>WARAH SEHRAN</t>
  </si>
  <si>
    <t>saira parveen</t>
  </si>
  <si>
    <t>29911</t>
  </si>
  <si>
    <t>GGHS KALA BAGH</t>
  </si>
  <si>
    <t>gghs kalabagh tehsil isa khel district mianwali</t>
  </si>
  <si>
    <t>mohallah eid gah</t>
  </si>
  <si>
    <t>mc kalabagh</t>
  </si>
  <si>
    <t>NAHEED ARIF</t>
  </si>
  <si>
    <t>9449</t>
  </si>
  <si>
    <t>43270</t>
  </si>
  <si>
    <t>GPS  dhoda post office  Dhoda Teh chakwal distt chakwal</t>
  </si>
  <si>
    <t>Malik khan</t>
  </si>
  <si>
    <t>51144</t>
  </si>
  <si>
    <t>48767</t>
  </si>
  <si>
    <t>31914</t>
  </si>
  <si>
    <t>GHS HAROONABAD</t>
  </si>
  <si>
    <t>Govt.H/S Haroonabad</t>
  </si>
  <si>
    <t>11355</t>
  </si>
  <si>
    <t>38667</t>
  </si>
  <si>
    <t>GGPS LADHA BOHAR</t>
  </si>
  <si>
    <t>moza ladha  bohat Teh dunnya Pur  district lodhran</t>
  </si>
  <si>
    <t>Fouzia  Naheed</t>
  </si>
  <si>
    <t>44682</t>
  </si>
  <si>
    <t>GGPS CHAK NO 32 TDA</t>
  </si>
  <si>
    <t>chak no 32 tda</t>
  </si>
  <si>
    <t>Chak No 32tda</t>
  </si>
  <si>
    <t>Aneeqa Aslam</t>
  </si>
  <si>
    <t>37235</t>
  </si>
  <si>
    <t>39706</t>
  </si>
  <si>
    <t>GGPS PARI</t>
  </si>
  <si>
    <t>Pari</t>
  </si>
  <si>
    <t>ggps pari</t>
  </si>
  <si>
    <t>Naghma Naheed</t>
  </si>
  <si>
    <t>50043</t>
  </si>
  <si>
    <t>27128</t>
  </si>
  <si>
    <t>GMPS CHANI MAMORA</t>
  </si>
  <si>
    <t>Channi Mamoora</t>
  </si>
  <si>
    <t>ChanniMamoora P/O kalekemandi  Hafizabad</t>
  </si>
  <si>
    <t>Kalekemandi</t>
  </si>
  <si>
    <t>Nusrat bano</t>
  </si>
  <si>
    <t>52733</t>
  </si>
  <si>
    <t>GGPS SAHNI WAL</t>
  </si>
  <si>
    <t>Sahniwal</t>
  </si>
  <si>
    <t>GGP S Sahniwal</t>
  </si>
  <si>
    <t>Awan kalan</t>
  </si>
  <si>
    <t>13119</t>
  </si>
  <si>
    <t>34952</t>
  </si>
  <si>
    <t>GGPS MOLVI ATTA NO. 1</t>
  </si>
  <si>
    <t>Molvi Atta</t>
  </si>
  <si>
    <t>GGPS molvi Atta</t>
  </si>
  <si>
    <t>Saeeda Noreen</t>
  </si>
  <si>
    <t>16060</t>
  </si>
  <si>
    <t>GPS FAREED KOT</t>
  </si>
  <si>
    <t>Farid kot</t>
  </si>
  <si>
    <t>11366</t>
  </si>
  <si>
    <t>GHS JATOI</t>
  </si>
  <si>
    <t>Ghulam Ali Bhatti</t>
  </si>
  <si>
    <t>GPS 7/D, P/O DARKHANA, ABDUL HAKIM</t>
  </si>
  <si>
    <t>Chak 7 D darkhana</t>
  </si>
  <si>
    <t>Chak 7 D</t>
  </si>
  <si>
    <t>48674</t>
  </si>
  <si>
    <t>20702</t>
  </si>
  <si>
    <t>GGPS NANDI PUR POWER HOUSE</t>
  </si>
  <si>
    <t>ggps nandipur power house</t>
  </si>
  <si>
    <t>Nandipur</t>
  </si>
  <si>
    <t>43305</t>
  </si>
  <si>
    <t>GPS CHAK KOKA</t>
  </si>
  <si>
    <t>village chak koka p/o dullah district/teh chakwal</t>
  </si>
  <si>
    <t>26247</t>
  </si>
  <si>
    <t>11376</t>
  </si>
  <si>
    <t>51879</t>
  </si>
  <si>
    <t>GPS 49 EB</t>
  </si>
  <si>
    <t>49eb</t>
  </si>
  <si>
    <t>Village number 49eb, Teh. arifwala,  district pakpattan</t>
  </si>
  <si>
    <t>18kb</t>
  </si>
  <si>
    <t>Khuda Bakhsh</t>
  </si>
  <si>
    <t>GPS KHAIROO GHAZI KHANANA</t>
  </si>
  <si>
    <t>Basti Alamgheer Moza Khero Deh Tehsil Hadilpur</t>
  </si>
  <si>
    <t>Basti alamgheer</t>
  </si>
  <si>
    <t>Muhammad Hanif Fiaz</t>
  </si>
  <si>
    <t>48254</t>
  </si>
  <si>
    <t>22724</t>
  </si>
  <si>
    <t>GMPS SHAH PUR</t>
  </si>
  <si>
    <t>GMPS Shahpur</t>
  </si>
  <si>
    <t>Tamseela Parveen</t>
  </si>
  <si>
    <t>23149</t>
  </si>
  <si>
    <t>GGHS NO. 1 JAMPUR</t>
  </si>
  <si>
    <t>gghs jampur no.1</t>
  </si>
  <si>
    <t>Aneela Zafar</t>
  </si>
  <si>
    <t>238689</t>
  </si>
  <si>
    <t>11386</t>
  </si>
  <si>
    <t>39691</t>
  </si>
  <si>
    <t>GGPS DHOK QAZI (LANGER)</t>
  </si>
  <si>
    <t>Govt Girls Primary School Dhok Qazi</t>
  </si>
  <si>
    <t>Dhok Qazi</t>
  </si>
  <si>
    <t>46159</t>
  </si>
  <si>
    <t>11387</t>
  </si>
  <si>
    <t>GGPS BASTI LOORY</t>
  </si>
  <si>
    <t>BASTI LOORY, MOZA MARHANWALI TEHSIL KAROR LAL EASON DISTRICT LAYYAH.</t>
  </si>
  <si>
    <t>BASTI LOORY</t>
  </si>
  <si>
    <t>salma kousar</t>
  </si>
  <si>
    <t>46952</t>
  </si>
  <si>
    <t>GGPS AKRAM WALA</t>
  </si>
  <si>
    <t>kacha kamar mushani</t>
  </si>
  <si>
    <t>Navid Akhter</t>
  </si>
  <si>
    <t>11393</t>
  </si>
  <si>
    <t>GPS MC NO. 3 HAFIZABAD</t>
  </si>
  <si>
    <t>Moh-Hussain Pura</t>
  </si>
  <si>
    <t>Moh- Hussain pura qatal garha chok</t>
  </si>
  <si>
    <t>Moh- Hussain Pura</t>
  </si>
  <si>
    <t>A Khalid Pervaiz</t>
  </si>
  <si>
    <t>32676</t>
  </si>
  <si>
    <t>GPS 6 EB P/O MALKA HANS</t>
  </si>
  <si>
    <t>6 /EB</t>
  </si>
  <si>
    <t>Chak No 6/EB p/o Malka Hans</t>
  </si>
  <si>
    <t>6/EB</t>
  </si>
  <si>
    <t>23772</t>
  </si>
  <si>
    <t>GPS GAGGAR WALI</t>
  </si>
  <si>
    <t>Gagarwali</t>
  </si>
  <si>
    <t>gagarwali P/O Buddha Goraya Tehsil Daska District Sialkot</t>
  </si>
  <si>
    <t>Malomay</t>
  </si>
  <si>
    <t>GES GHUGH</t>
  </si>
  <si>
    <t>Ghugh</t>
  </si>
  <si>
    <t>Village and Postoffice Ghugh Chakwal</t>
  </si>
  <si>
    <t>10059</t>
  </si>
  <si>
    <t>GHS CHAK NO. 201 MURAD</t>
  </si>
  <si>
    <t>Chak No 201/M</t>
  </si>
  <si>
    <t>Chak No. 201/M, P/O Chak No. 205/M, Tehsil Chishtian, District Bahawalnagar</t>
  </si>
  <si>
    <t>Chak No. 201/M</t>
  </si>
  <si>
    <t>19916</t>
  </si>
  <si>
    <t>GGHSS RAJOA SADAT</t>
  </si>
  <si>
    <t>Rajoya Sadat Tehsil and District Chiniot</t>
  </si>
  <si>
    <t>Khadijah Bukhari</t>
  </si>
  <si>
    <t>32229</t>
  </si>
  <si>
    <t>GHS DULLE WALA</t>
  </si>
  <si>
    <t>Dulleywala</t>
  </si>
  <si>
    <t>R/o P/O dulleywala teh datya khan distt bhakkar</t>
  </si>
  <si>
    <t>Mc Dulleywala</t>
  </si>
  <si>
    <t>Muhammad Qayyum Khan</t>
  </si>
  <si>
    <t>50350</t>
  </si>
  <si>
    <t>39755</t>
  </si>
  <si>
    <t>GGPS DHOK SAROBA (BHATIOT)</t>
  </si>
  <si>
    <t>Dhok saroba.Bhatiot</t>
  </si>
  <si>
    <t>33402</t>
  </si>
  <si>
    <t>11416</t>
  </si>
  <si>
    <t>GGPS CHAK NO. 70/F</t>
  </si>
  <si>
    <t>chak no 71/f a</t>
  </si>
  <si>
    <t>70/fa</t>
  </si>
  <si>
    <t>Sumaia Rasheed</t>
  </si>
  <si>
    <t>33635</t>
  </si>
  <si>
    <t>GPS CHAK NO.182/7-R</t>
  </si>
  <si>
    <t>Chak No 182/7-R</t>
  </si>
  <si>
    <t>GPS Chak No. 182/7-R</t>
  </si>
  <si>
    <t>Chak No 176/7-R</t>
  </si>
  <si>
    <t>12647</t>
  </si>
  <si>
    <t>10655</t>
  </si>
  <si>
    <t>46675</t>
  </si>
  <si>
    <t>GGES MEHR SHAH WALI</t>
  </si>
  <si>
    <t>P/O Trag Sharif Teh Essa Khel Distt Mianwali</t>
  </si>
  <si>
    <t>Mehrshah wali</t>
  </si>
  <si>
    <t>Trag Sharki</t>
  </si>
  <si>
    <t>Zainab Qasim</t>
  </si>
  <si>
    <t>GPS CHAK NO.234-B/TDA</t>
  </si>
  <si>
    <t>chak  234.b</t>
  </si>
  <si>
    <t>Chak 234B</t>
  </si>
  <si>
    <t>36776</t>
  </si>
  <si>
    <t>22384</t>
  </si>
  <si>
    <t>GPS REHAN</t>
  </si>
  <si>
    <t>Rehan</t>
  </si>
  <si>
    <t>village Rehan. p/o Lakhanwal</t>
  </si>
  <si>
    <t>Mohammad Yaseen Khawar</t>
  </si>
  <si>
    <t>GPS MOSIN WALI JALALPUR PIRWALA</t>
  </si>
  <si>
    <t>Basti Mosin Wali,near Ghazi Pur</t>
  </si>
  <si>
    <t>Khuda Baksh</t>
  </si>
  <si>
    <t>GPS CHAK NO.15/F.W</t>
  </si>
  <si>
    <t>Chak No 15FW</t>
  </si>
  <si>
    <t>Basti Abdul Haq Cjak No 15 FW Hasil pir</t>
  </si>
  <si>
    <t>15FW</t>
  </si>
  <si>
    <t>Chak No 58 F</t>
  </si>
  <si>
    <t>46631</t>
  </si>
  <si>
    <t>GGHSS KAMMAR MUSHANI</t>
  </si>
  <si>
    <t>Kamarmushani</t>
  </si>
  <si>
    <t>gghs kammar mushani district mianwali</t>
  </si>
  <si>
    <t>Kammar Mushani</t>
  </si>
  <si>
    <t>6352</t>
  </si>
  <si>
    <t>GGPS CHAK 427 JB</t>
  </si>
  <si>
    <t>PUL AADA-FEMALE</t>
  </si>
  <si>
    <t>427 Jb</t>
  </si>
  <si>
    <t>chak no 427</t>
  </si>
  <si>
    <t>427jb</t>
  </si>
  <si>
    <t>shanza saleem</t>
  </si>
  <si>
    <t>11512</t>
  </si>
  <si>
    <t>GGPS HOOLAN WALI</t>
  </si>
  <si>
    <t>HolanWali Moza fateh pur</t>
  </si>
  <si>
    <t>Holan Wali</t>
  </si>
  <si>
    <t>Farhat Naseem</t>
  </si>
  <si>
    <t>11513</t>
  </si>
  <si>
    <t>44879</t>
  </si>
  <si>
    <t>GHS CHAK NO. 30.31 ML</t>
  </si>
  <si>
    <t>30-31 ML</t>
  </si>
  <si>
    <t>chak no: 31 ML tehsil Kalor kot district Bhakkar</t>
  </si>
  <si>
    <t>31ml</t>
  </si>
  <si>
    <t>Ali Hasnain Khan</t>
  </si>
  <si>
    <t>19002</t>
  </si>
  <si>
    <t>52502</t>
  </si>
  <si>
    <t>43712</t>
  </si>
  <si>
    <t>17318</t>
  </si>
  <si>
    <t>GPS BUNNAY WALA</t>
  </si>
  <si>
    <t>Aqil Pur</t>
  </si>
  <si>
    <t>Banay wala</t>
  </si>
  <si>
    <t>Banay Wala</t>
  </si>
  <si>
    <t>Yasir Ameer Khan</t>
  </si>
  <si>
    <t>53021</t>
  </si>
  <si>
    <t>GGES 34-D</t>
  </si>
  <si>
    <t>DOLOO WAL   -FEMALE</t>
  </si>
  <si>
    <t>chak no 34-d tehsil depalpur</t>
  </si>
  <si>
    <t>34-d</t>
  </si>
  <si>
    <t>Shagufta Nosheen</t>
  </si>
  <si>
    <t>GPS CHAK NO 108 F</t>
  </si>
  <si>
    <t>Chak no.108/f  p/o chak no. 109/f  tehsil chishtian district bahawalnagar</t>
  </si>
  <si>
    <t>Chak No108/F</t>
  </si>
  <si>
    <t>Chak No 35/F</t>
  </si>
  <si>
    <t>Muhammad Ashrif</t>
  </si>
  <si>
    <t>11531</t>
  </si>
  <si>
    <t>GGPS CHAK NO. 28 TDA</t>
  </si>
  <si>
    <t>28tda</t>
  </si>
  <si>
    <t>28tda thesil &amp; district bhakkar</t>
  </si>
  <si>
    <t>Daggar Aoulakh</t>
  </si>
  <si>
    <t>Imtiaz Shaheen Awan</t>
  </si>
  <si>
    <t>17071</t>
  </si>
  <si>
    <t>GPS HEER CAMP</t>
  </si>
  <si>
    <t>BASTI HEER CAMP JHANG</t>
  </si>
  <si>
    <t>MAI HEER</t>
  </si>
  <si>
    <t>MUHAMMAD ASLAM RAFIQUE</t>
  </si>
  <si>
    <t>11536</t>
  </si>
  <si>
    <t>22763</t>
  </si>
  <si>
    <t>GGPS DHOOL SARAY</t>
  </si>
  <si>
    <t>Dhool Saray</t>
  </si>
  <si>
    <t>GGPS Dhool Saray</t>
  </si>
  <si>
    <t>ayeida kanwal</t>
  </si>
  <si>
    <t>52283</t>
  </si>
  <si>
    <t>GPS USMAN ABAD</t>
  </si>
  <si>
    <t>Kott Butta</t>
  </si>
  <si>
    <t>chah bhandhay wala mouza kott Butta</t>
  </si>
  <si>
    <t>Chah Bhandhay wala</t>
  </si>
  <si>
    <t>Shero Dusti</t>
  </si>
  <si>
    <t>Muhammad yousuf</t>
  </si>
  <si>
    <t>52708</t>
  </si>
  <si>
    <t>GMPS JALLU JHUGIAN NO. 1</t>
  </si>
  <si>
    <t>Jughian Jullo</t>
  </si>
  <si>
    <t>Awaan Kalan</t>
  </si>
  <si>
    <t>Kouser Bibi</t>
  </si>
  <si>
    <t>51676</t>
  </si>
  <si>
    <t>49568</t>
  </si>
  <si>
    <t>11543</t>
  </si>
  <si>
    <t>23603</t>
  </si>
  <si>
    <t>GHS LURHIKI</t>
  </si>
  <si>
    <t>Lurhiki</t>
  </si>
  <si>
    <t>V.p.o. lurhiki tehail daska distt. sialkot</t>
  </si>
  <si>
    <t>MUHAMMAD AKRAM ASHRAF</t>
  </si>
  <si>
    <t>22658</t>
  </si>
  <si>
    <t>GMPS GAGE KEY</t>
  </si>
  <si>
    <t>Ghakaki</t>
  </si>
  <si>
    <t>Gmps ghakaki</t>
  </si>
  <si>
    <t>31272</t>
  </si>
  <si>
    <t>48886</t>
  </si>
  <si>
    <t>11196</t>
  </si>
  <si>
    <t>GGES CHAK NO. 42/F</t>
  </si>
  <si>
    <t>Chak No 42f</t>
  </si>
  <si>
    <t>GGES 42F Post office chak no 43f  Tehsil  Chishtian BWN</t>
  </si>
  <si>
    <t>Robina  Shaheen</t>
  </si>
  <si>
    <t>25718</t>
  </si>
  <si>
    <t>42337</t>
  </si>
  <si>
    <t>GHS DORA BUDHAL</t>
  </si>
  <si>
    <t>Dora Budhal</t>
  </si>
  <si>
    <t>VPO Dora Budhal Tensil Gujar Khan</t>
  </si>
  <si>
    <t>21422</t>
  </si>
  <si>
    <t>GPS FAIZ-E-MUHAMMADI</t>
  </si>
  <si>
    <t>kassoke road, Near Ismail School, Kamoke</t>
  </si>
  <si>
    <t>Muhammad Tauqeer ul Zafar  Sandhu</t>
  </si>
  <si>
    <t>59296</t>
  </si>
  <si>
    <t>11216</t>
  </si>
  <si>
    <t>GES DHARORKY</t>
  </si>
  <si>
    <t>Dharorky</t>
  </si>
  <si>
    <t>Jhewranwali</t>
  </si>
  <si>
    <t>21666</t>
  </si>
  <si>
    <t>GGPS KOT KHEWAN MAL NO.2</t>
  </si>
  <si>
    <t>Kot Khewan Mall No 2</t>
  </si>
  <si>
    <t>kot khewan mall</t>
  </si>
  <si>
    <t>11219</t>
  </si>
  <si>
    <t>GGHS HAVELI LONG</t>
  </si>
  <si>
    <t>Theiklan</t>
  </si>
  <si>
    <t>Haveli Lang Teh JPPW Multan</t>
  </si>
  <si>
    <t>Saadia Nihal Qureshi</t>
  </si>
  <si>
    <t>53875</t>
  </si>
  <si>
    <t>11227</t>
  </si>
  <si>
    <t>17921</t>
  </si>
  <si>
    <t>GGPS ABADI MULAZIM HUSSAIN</t>
  </si>
  <si>
    <t>Kot Khera</t>
  </si>
  <si>
    <t>GGPS Abadi Mulazim Hussain Mouza Kot Khera Jhang</t>
  </si>
  <si>
    <t>Malhana</t>
  </si>
  <si>
    <t>22286</t>
  </si>
  <si>
    <t>GPS NO. 3 DUNYAPUR</t>
  </si>
  <si>
    <t>Ward No 9</t>
  </si>
  <si>
    <t>Ward No. 9, Dunyapur City</t>
  </si>
  <si>
    <t>18131</t>
  </si>
  <si>
    <t>GGHS CHAK NO. 42-43 TDA</t>
  </si>
  <si>
    <t>Chak No 42/43tda Bhakkar</t>
  </si>
  <si>
    <t>chak no 42 tda bhakkar</t>
  </si>
  <si>
    <t>Chak No 42/43 Tda Bhakkar</t>
  </si>
  <si>
    <t>Pir-Ashab</t>
  </si>
  <si>
    <t>abida akhtar</t>
  </si>
  <si>
    <t>GPS CHAK NO 164/7-R WEST</t>
  </si>
  <si>
    <t>govt primary school 164/7r</t>
  </si>
  <si>
    <t>Ihsan Ullah Masood</t>
  </si>
  <si>
    <t>GPS TANAZA</t>
  </si>
  <si>
    <t>Bunga Jhedu</t>
  </si>
  <si>
    <t>basti Tanaza Moazza bunga jhedu Tehsil Chishtian district Bahawalnagar</t>
  </si>
  <si>
    <t>Basti Tanaza</t>
  </si>
  <si>
    <t>Jheduan</t>
  </si>
  <si>
    <t>46847</t>
  </si>
  <si>
    <t>GGPS HABIB ULLLAH KHAN WALA</t>
  </si>
  <si>
    <t>Bore Sharif</t>
  </si>
  <si>
    <t>wahanda Habib ullah Khan</t>
  </si>
  <si>
    <t>Habibullah</t>
  </si>
  <si>
    <t>Kalluan Walla</t>
  </si>
  <si>
    <t>Zeb ul Nisa</t>
  </si>
  <si>
    <t>12530</t>
  </si>
  <si>
    <t>11244</t>
  </si>
  <si>
    <t>GGHSS CHAK NO.153/M</t>
  </si>
  <si>
    <t>Chak 153M</t>
  </si>
  <si>
    <t>GOVT.gilrs higher secondary school 153M hasilpur</t>
  </si>
  <si>
    <t>Chak no 153M</t>
  </si>
  <si>
    <t>Chak No 188M</t>
  </si>
  <si>
    <t>GGPS NO 4 PETROL PUMP BASIR PUR</t>
  </si>
  <si>
    <t>petrol pump</t>
  </si>
  <si>
    <t>pso petrol pump main bazar basirpur</t>
  </si>
  <si>
    <t>municipal comettee MC Basirpur</t>
  </si>
  <si>
    <t>12840</t>
  </si>
  <si>
    <t>35897</t>
  </si>
  <si>
    <t>50242</t>
  </si>
  <si>
    <t>GGES 87-A/12-L</t>
  </si>
  <si>
    <t>87A/12L</t>
  </si>
  <si>
    <t>90/12l</t>
  </si>
  <si>
    <t>Zahida Rashid</t>
  </si>
  <si>
    <t>19929</t>
  </si>
  <si>
    <t>GGHS CHAK NO 11 SIDHU</t>
  </si>
  <si>
    <t>CHAK NO 11J B</t>
  </si>
  <si>
    <t>CHAK NO 11J B,Tehsil &amp; Distt chiniot</t>
  </si>
  <si>
    <t>CHAK 13/JB</t>
  </si>
  <si>
    <t>11252</t>
  </si>
  <si>
    <t>27080</t>
  </si>
  <si>
    <t>GGES CHAK GHAZI</t>
  </si>
  <si>
    <t>Vpo Chak ghazi Teh distt hafizabad</t>
  </si>
  <si>
    <t>Ramke Chatha</t>
  </si>
  <si>
    <t>Syeda Zaira Hassan Naqvi</t>
  </si>
  <si>
    <t>43108</t>
  </si>
  <si>
    <t>GGHS BALKASSAR</t>
  </si>
  <si>
    <t>GGHSBalkassar vpo Balkassar Teh&amp;Distt Chakwal</t>
  </si>
  <si>
    <t>azra bibi</t>
  </si>
  <si>
    <t>39579</t>
  </si>
  <si>
    <t>GPS PIR ASHAB</t>
  </si>
  <si>
    <t>Domel</t>
  </si>
  <si>
    <t>Mohallah pir ashab, vpo domel, tehsil jand district attock</t>
  </si>
  <si>
    <t>Bashir Alam</t>
  </si>
  <si>
    <t>GGPS HANBRAN WALA</t>
  </si>
  <si>
    <t>kalluanwala</t>
  </si>
  <si>
    <t>p/o Awana wala tahseelesakhel dist mianwali</t>
  </si>
  <si>
    <t>Humbaranwala</t>
  </si>
  <si>
    <t>fazal khatoon</t>
  </si>
  <si>
    <t>11263</t>
  </si>
  <si>
    <t>44981</t>
  </si>
  <si>
    <t>GGPS SEED FORM</t>
  </si>
  <si>
    <t>Kallur KOT</t>
  </si>
  <si>
    <t>SEED FORM COLONY</t>
  </si>
  <si>
    <t>NOON DAGGAR</t>
  </si>
  <si>
    <t>Naila  Noreen</t>
  </si>
  <si>
    <t>41784</t>
  </si>
  <si>
    <t>11266</t>
  </si>
  <si>
    <t>GHS 236/RB</t>
  </si>
  <si>
    <t>236 RB Faisalabad</t>
  </si>
  <si>
    <t>Chak No 236 RB Faisalabad</t>
  </si>
  <si>
    <t>chak no 236 rB Faisalabad</t>
  </si>
  <si>
    <t>CHAK NO 235 RB Faisalabad</t>
  </si>
  <si>
    <t>21476</t>
  </si>
  <si>
    <t>GES GHUMA</t>
  </si>
  <si>
    <t>Ghoma</t>
  </si>
  <si>
    <t>Gov't Elementary school Ghoma post office dargapur teh,kamoki.distt,gujranwala</t>
  </si>
  <si>
    <t>zulafqar ahmad</t>
  </si>
  <si>
    <t>GPS CHAK NO 21 G</t>
  </si>
  <si>
    <t>chak no 21/ G p/o chak no 23/G Teh. chishtian district bahawalnagar</t>
  </si>
  <si>
    <t>Chak No21/G</t>
  </si>
  <si>
    <t>Chak No 42/F</t>
  </si>
  <si>
    <t>11277</t>
  </si>
  <si>
    <t>GGPS CHAK NO 181/7-R (EAST)</t>
  </si>
  <si>
    <t>chak no 181/7-R (E) p.o 213/9-R Fortabbas</t>
  </si>
  <si>
    <t>181/7-R E</t>
  </si>
  <si>
    <t>Shabina Tufail</t>
  </si>
  <si>
    <t>52940</t>
  </si>
  <si>
    <t>GMMS CHAK BEGUM</t>
  </si>
  <si>
    <t>CHAK BEGUM</t>
  </si>
  <si>
    <t>Ghaus Pur CHAK BEGUM Tehsil Depalpur District Okara</t>
  </si>
  <si>
    <t>Mohib  Ali Utar</t>
  </si>
  <si>
    <t>TanveerYaseen</t>
  </si>
  <si>
    <t>22294</t>
  </si>
  <si>
    <t>GPS DHOOL KHURD</t>
  </si>
  <si>
    <t>Dhool Khurd</t>
  </si>
  <si>
    <t>Dhool Khurd Gujrat</t>
  </si>
  <si>
    <t>51928</t>
  </si>
  <si>
    <t>51162</t>
  </si>
  <si>
    <t>GES GULLO KHANDAGH</t>
  </si>
  <si>
    <t>Gullukhandagh</t>
  </si>
  <si>
    <t>tribal area dg khan gullukhandagh</t>
  </si>
  <si>
    <t>Tumn Leghari Zarin</t>
  </si>
  <si>
    <t>GES CHAK NO. 76/F</t>
  </si>
  <si>
    <t>Chak No. 76/F</t>
  </si>
  <si>
    <t>10438</t>
  </si>
  <si>
    <t>GPS BASTI KUMHARAN 99/T</t>
  </si>
  <si>
    <t>Basti Kumharan ChaK no 99 TDA</t>
  </si>
  <si>
    <t>Chak NO 99 TDA</t>
  </si>
  <si>
    <t>11294</t>
  </si>
  <si>
    <t>45091</t>
  </si>
  <si>
    <t>GGPS NAIYAN WALA</t>
  </si>
  <si>
    <t>Naiyanwala</t>
  </si>
  <si>
    <t>ggps Naiyanwala</t>
  </si>
  <si>
    <t>Shaheen Aslam</t>
  </si>
  <si>
    <t>GGPS BIBI PUR DUMMER</t>
  </si>
  <si>
    <t>Bi Bi Pur Dammar</t>
  </si>
  <si>
    <t>Basti shah wala Mouza BiBi pur dummar tehsil Jatoi Mzg</t>
  </si>
  <si>
    <t>Dammar Wala Shumali Shumali</t>
  </si>
  <si>
    <t>23965</t>
  </si>
  <si>
    <t>GGPS BUREKEY</t>
  </si>
  <si>
    <t>Burekey</t>
  </si>
  <si>
    <t>village burekey post office wadala sundhwan tehsil daska district sialkot</t>
  </si>
  <si>
    <t>Wadala Sundhwan</t>
  </si>
  <si>
    <t>Sobia Murtaza</t>
  </si>
  <si>
    <t>21424</t>
  </si>
  <si>
    <t>GGPS CHANNI CHORERAH</t>
  </si>
  <si>
    <t>Channi Chorara</t>
  </si>
  <si>
    <t>Channi chorara</t>
  </si>
  <si>
    <t>Kaleki Mandi</t>
  </si>
  <si>
    <t>GPS CHAK NO.62/F</t>
  </si>
  <si>
    <t>Chak No. 62/F</t>
  </si>
  <si>
    <t>Govt P /S 62/F</t>
  </si>
  <si>
    <t>Chak no. 62/F</t>
  </si>
  <si>
    <t>MC Hsp</t>
  </si>
  <si>
    <t>23632</t>
  </si>
  <si>
    <t>12023</t>
  </si>
  <si>
    <t>GGES CHAK 437/6-R</t>
  </si>
  <si>
    <t>437/6r</t>
  </si>
  <si>
    <t>Chak 437 6r</t>
  </si>
  <si>
    <t>Chak No 438/6r</t>
  </si>
  <si>
    <t>Saba  Arshad</t>
  </si>
  <si>
    <t>52387</t>
  </si>
  <si>
    <t>GPS CHAK ILYAS</t>
  </si>
  <si>
    <t>AHMED NAGAR</t>
  </si>
  <si>
    <t>GPS Chak Ilyas Ahmad Nagar Ladhu ka</t>
  </si>
  <si>
    <t>AHMED NAGAR LADHU KA</t>
  </si>
  <si>
    <t>M. Nagar</t>
  </si>
  <si>
    <t>Imdad Ahmad</t>
  </si>
  <si>
    <t>38576</t>
  </si>
  <si>
    <t>GGPS 20/M</t>
  </si>
  <si>
    <t>20M</t>
  </si>
  <si>
    <t>chak 20m</t>
  </si>
  <si>
    <t>GPS CHAK NO.154/M</t>
  </si>
  <si>
    <t>Gps154 M</t>
  </si>
  <si>
    <t>chak no 154 murad post office 153 m</t>
  </si>
  <si>
    <t>Chak No 154 Murad</t>
  </si>
  <si>
    <t>Chak No 163 M</t>
  </si>
  <si>
    <t>Shabnam Naheed</t>
  </si>
  <si>
    <t>46668</t>
  </si>
  <si>
    <t>GGHS KALUR SHAREEF</t>
  </si>
  <si>
    <t>kallur sharif</t>
  </si>
  <si>
    <t>govt girls high school kallur sharif  isakhel</t>
  </si>
  <si>
    <t>Ameer BiBi</t>
  </si>
  <si>
    <t>12039</t>
  </si>
  <si>
    <t>44385</t>
  </si>
  <si>
    <t>GGES DEGER AULAKH</t>
  </si>
  <si>
    <t>Daggar aoulakh near tibbi noor shah bhakkar</t>
  </si>
  <si>
    <t>33116</t>
  </si>
  <si>
    <t>42495</t>
  </si>
  <si>
    <t>GES MUBARAK PUR</t>
  </si>
  <si>
    <t>Mubarakpur</t>
  </si>
  <si>
    <t>Basti mubarakpur</t>
  </si>
  <si>
    <t>Hafiz Muhammad Shareef</t>
  </si>
  <si>
    <t>GHS BALA ARIAN</t>
  </si>
  <si>
    <t>Bala Arain</t>
  </si>
  <si>
    <t>chalk Bala Arain Tehsil Bahawalnagar</t>
  </si>
  <si>
    <t>Malk Pura</t>
  </si>
  <si>
    <t>Jamshaid Ahmed</t>
  </si>
  <si>
    <t>10451</t>
  </si>
  <si>
    <t>GPS CHAK NO. 231 TDA</t>
  </si>
  <si>
    <t>Chak No.231/TDA Fatehpur Tehsil Karor District Layyah</t>
  </si>
  <si>
    <t>Chak No 231/TDA</t>
  </si>
  <si>
    <t>13413</t>
  </si>
  <si>
    <t>42374</t>
  </si>
  <si>
    <t>GGHSS BEWAL</t>
  </si>
  <si>
    <t>Bewal. p.o Bewal tehsil Gujar khan District Rawalpindi</t>
  </si>
  <si>
    <t>GGHS SHAH BURHAN</t>
  </si>
  <si>
    <t>MOH SHAH BURHAN CHINIOT DISTRICT CHINIOT</t>
  </si>
  <si>
    <t>MOH SHAH BURHAN CHINIOT</t>
  </si>
  <si>
    <t>moh. Tarkhana chiniot</t>
  </si>
  <si>
    <t>ISMAT MANSOOR</t>
  </si>
  <si>
    <t>School water filtration plant</t>
  </si>
  <si>
    <t>12064</t>
  </si>
  <si>
    <t>GPS CHAK NO.210/9-R</t>
  </si>
  <si>
    <t>210/9-R</t>
  </si>
  <si>
    <t>Chak # 210/9-R. Tehsil Fortabbas. District Bahawal Nagar</t>
  </si>
  <si>
    <t>Mohammad Akhtar Khan</t>
  </si>
  <si>
    <t>25244</t>
  </si>
  <si>
    <t>12066</t>
  </si>
  <si>
    <t>22349</t>
  </si>
  <si>
    <t>GPS JINDER KHURD</t>
  </si>
  <si>
    <t>Jindar Khurd</t>
  </si>
  <si>
    <t>village jindar Khurd  p/ o karianwala Gujrat</t>
  </si>
  <si>
    <t>Karianwala</t>
  </si>
  <si>
    <t>13765</t>
  </si>
  <si>
    <t>12068</t>
  </si>
  <si>
    <t>27168</t>
  </si>
  <si>
    <t>GPS MADINA COLONY HAFIZABAD</t>
  </si>
  <si>
    <t>muhallah madina colony hafizabad</t>
  </si>
  <si>
    <t>36 City</t>
  </si>
  <si>
    <t>43742</t>
  </si>
  <si>
    <t>GHS QAIMPUR</t>
  </si>
  <si>
    <t>Shahpur Road Qaimpur</t>
  </si>
  <si>
    <t>12076</t>
  </si>
  <si>
    <t>34765</t>
  </si>
  <si>
    <t>GHS BUMB  JALALPUR PIRWALA</t>
  </si>
  <si>
    <t>Basti Bumb, mouza karam Ali Wala Tehsil Jalal pur peer Wala, District Multan.</t>
  </si>
  <si>
    <t>Basti Bumb</t>
  </si>
  <si>
    <t>38582</t>
  </si>
  <si>
    <t>GGPS 9/M</t>
  </si>
  <si>
    <t>9m</t>
  </si>
  <si>
    <t>chak 9/m</t>
  </si>
  <si>
    <t>SHAZIA RAFIQ</t>
  </si>
  <si>
    <t>GMPS CHAK NO. 4/GA</t>
  </si>
  <si>
    <t>4g</t>
  </si>
  <si>
    <t>chak 4 g ctn</t>
  </si>
  <si>
    <t>Chak 4 G</t>
  </si>
  <si>
    <t>Janat Ul Farzana</t>
  </si>
  <si>
    <t>GHS KALLOR SHARIF</t>
  </si>
  <si>
    <t>ghs high school kallur sharif</t>
  </si>
  <si>
    <t>Muhammad Sohail Malik</t>
  </si>
  <si>
    <t>22271</t>
  </si>
  <si>
    <t>GPS ISLAM NAGAR GUJRAT</t>
  </si>
  <si>
    <t>islam nagar</t>
  </si>
  <si>
    <t>Asia tahir</t>
  </si>
  <si>
    <t>48580</t>
  </si>
  <si>
    <t>48532</t>
  </si>
  <si>
    <t>12087</t>
  </si>
  <si>
    <t>13427</t>
  </si>
  <si>
    <t>GPS MAREH WALA</t>
  </si>
  <si>
    <t>Bangla korae, Muhammad Pur</t>
  </si>
  <si>
    <t>Inayat Ali</t>
  </si>
  <si>
    <t>12090</t>
  </si>
  <si>
    <t>21724</t>
  </si>
  <si>
    <t>GPS MC NO.4 KAMOKE</t>
  </si>
  <si>
    <t>mohalla Hajvery railway road kamoke</t>
  </si>
  <si>
    <t>Mohalla Hajvery</t>
  </si>
  <si>
    <t>27948</t>
  </si>
  <si>
    <t>44697</t>
  </si>
  <si>
    <t>GGPS CHAH DARKHAN WALA</t>
  </si>
  <si>
    <t>po karari kot</t>
  </si>
  <si>
    <t>Karari  Kot</t>
  </si>
  <si>
    <t>Andleeb Usman</t>
  </si>
  <si>
    <t>43777</t>
  </si>
  <si>
    <t>GGPS BHOOI</t>
  </si>
  <si>
    <t>Bhooi</t>
  </si>
  <si>
    <t>bhooi</t>
  </si>
  <si>
    <t>Budhagoraya</t>
  </si>
  <si>
    <t>Farida Bashir</t>
  </si>
  <si>
    <t>48995</t>
  </si>
  <si>
    <t>14293</t>
  </si>
  <si>
    <t>17342</t>
  </si>
  <si>
    <t>34702</t>
  </si>
  <si>
    <t>50576</t>
  </si>
  <si>
    <t>GGPS 117/7-DR</t>
  </si>
  <si>
    <t>117/7DR Bamba</t>
  </si>
  <si>
    <t>117/7DR</t>
  </si>
  <si>
    <t>Hira Tariq</t>
  </si>
  <si>
    <t>4119</t>
  </si>
  <si>
    <t>21465</t>
  </si>
  <si>
    <t>12099</t>
  </si>
  <si>
    <t>GMPS CHAK NO. 173 GAHRAH</t>
  </si>
  <si>
    <t>chak 173 gahra</t>
  </si>
  <si>
    <t>Gahra</t>
  </si>
  <si>
    <t>Bilqees Fatima</t>
  </si>
  <si>
    <t>12101</t>
  </si>
  <si>
    <t>42358</t>
  </si>
  <si>
    <t>GHS KAZMIA SYED</t>
  </si>
  <si>
    <t>vpo sayyed tehsil gujarkhan distt Rwp</t>
  </si>
  <si>
    <t>SYED ZAFAR ABBAS KAZMI</t>
  </si>
  <si>
    <t>35765</t>
  </si>
  <si>
    <t>12102</t>
  </si>
  <si>
    <t>GGCMS 71/4-R</t>
  </si>
  <si>
    <t>71/4r</t>
  </si>
  <si>
    <t>Shama Nasreen</t>
  </si>
  <si>
    <t>35220</t>
  </si>
  <si>
    <t>GPS CHAK NO.195 EB</t>
  </si>
  <si>
    <t>Khoh Wala Derah</t>
  </si>
  <si>
    <t>chak#195/EB Gaggo Mandi Burewala</t>
  </si>
  <si>
    <t>Chak#195/EB</t>
  </si>
  <si>
    <t>Babar Ali</t>
  </si>
  <si>
    <t>12104</t>
  </si>
  <si>
    <t>GPS CHAK NO 177/M</t>
  </si>
  <si>
    <t>CHAK 177/M TEHSIL CHISHTIAN DISTRICT BAHAWALNAGAR</t>
  </si>
  <si>
    <t>177/murad</t>
  </si>
  <si>
    <t>12108</t>
  </si>
  <si>
    <t>3758</t>
  </si>
  <si>
    <t>GGPS BASTI BOHRAN</t>
  </si>
  <si>
    <t>chungi no 4 street no 14 ward no 15 hasilpur</t>
  </si>
  <si>
    <t>chungi no 4</t>
  </si>
  <si>
    <t>Sara Saeed</t>
  </si>
  <si>
    <t>GGCMS 293 WB</t>
  </si>
  <si>
    <t>293wb</t>
  </si>
  <si>
    <t>chak no293wb tehsil dunyapur lodhran</t>
  </si>
  <si>
    <t>Chak 293wb</t>
  </si>
  <si>
    <t>Jhandeerwah</t>
  </si>
  <si>
    <t>Saba Younis</t>
  </si>
  <si>
    <t>12112</t>
  </si>
  <si>
    <t>GMES LOHARAN WALI</t>
  </si>
  <si>
    <t>Loharanwali</t>
  </si>
  <si>
    <t>village Loharanwali po qila kalar wala teh. daska distt. skt</t>
  </si>
  <si>
    <t>Sonia Tabassum</t>
  </si>
  <si>
    <t>11342</t>
  </si>
  <si>
    <t>GGHS BUKHARA</t>
  </si>
  <si>
    <t>27373</t>
  </si>
  <si>
    <t>48556</t>
  </si>
  <si>
    <t>44975</t>
  </si>
  <si>
    <t>GGES KALLUR KOT GHARBI</t>
  </si>
  <si>
    <t>Muhallah madni eid gah kallur kot</t>
  </si>
  <si>
    <t>Urban K Kot</t>
  </si>
  <si>
    <t>Seemab Yousaf</t>
  </si>
  <si>
    <t>19211</t>
  </si>
  <si>
    <t>GGHS CHAK NO.53/TDA</t>
  </si>
  <si>
    <t>Govt.Girls High School ChakNo. 53 TDA Bhakkar</t>
  </si>
  <si>
    <t>Chak No 53 TDA Bkr</t>
  </si>
  <si>
    <t>Chak No 57 TDA Bkr</t>
  </si>
  <si>
    <t>11625</t>
  </si>
  <si>
    <t>GGPS ALIMIA COLONY CHISHTIAN</t>
  </si>
  <si>
    <t>alimia colony Chishtian</t>
  </si>
  <si>
    <t>GPS NIKKI SHAFI P/O SHAFI ARIFWALA</t>
  </si>
  <si>
    <t>NIKKI SHAFI</t>
  </si>
  <si>
    <t>GPS NIKKI SHAFI</t>
  </si>
  <si>
    <t>Nikki Shafi</t>
  </si>
  <si>
    <t>Chak Shafii</t>
  </si>
  <si>
    <t>42715</t>
  </si>
  <si>
    <t>GMPS NATA GUJAR MALL</t>
  </si>
  <si>
    <t>Nata Gujarmal</t>
  </si>
  <si>
    <t>Nata gujarmal</t>
  </si>
  <si>
    <t>38586</t>
  </si>
  <si>
    <t>GGPS 7/M</t>
  </si>
  <si>
    <t>7/m</t>
  </si>
  <si>
    <t>chak no 7/m teh.dunya pur dist.lodhran</t>
  </si>
  <si>
    <t>Chak 7/m</t>
  </si>
  <si>
    <t>Chak11/m</t>
  </si>
  <si>
    <t>Shazia Dildar</t>
  </si>
  <si>
    <t>36823</t>
  </si>
  <si>
    <t>50540</t>
  </si>
  <si>
    <t>GGES 166/9-L</t>
  </si>
  <si>
    <t>166/9.L</t>
  </si>
  <si>
    <t>Chak no 166/9.L, Teh Chichawatni, Distt Sahiwal</t>
  </si>
  <si>
    <t>168/9.L</t>
  </si>
  <si>
    <t>GGHS TARAP</t>
  </si>
  <si>
    <t>GOVT GIRLS HIGH SCHOOL TARAP TEHSIL JAND DISTRICT ATTOCK</t>
  </si>
  <si>
    <t>11664</t>
  </si>
  <si>
    <t>GWPS CHAK NO. 9/FW MUNSHI WALA</t>
  </si>
  <si>
    <t>9/f  W  M  W</t>
  </si>
  <si>
    <t>Chak 9/F W  Munshi Wala</t>
  </si>
  <si>
    <t>Chak9/fw  M  W</t>
  </si>
  <si>
    <t>Bakhshan Khan</t>
  </si>
  <si>
    <t>11665</t>
  </si>
  <si>
    <t>GGHS JANGA P.O. JANGA</t>
  </si>
  <si>
    <t>vpo janga teh&amp;disst.chakwal</t>
  </si>
  <si>
    <t>Adeela Irum</t>
  </si>
  <si>
    <t>GES BAHARI COLONY</t>
  </si>
  <si>
    <t>Behari Colony, Gujranwala</t>
  </si>
  <si>
    <t>ZIA-UL-MUSTAFA</t>
  </si>
  <si>
    <t>45712</t>
  </si>
  <si>
    <t>GHS CHOWK PERMAT</t>
  </si>
  <si>
    <t>Jhalarin</t>
  </si>
  <si>
    <t>chowk Nasser Abad tehsil jatoi district muzaffargarh</t>
  </si>
  <si>
    <t>Nasser Abad</t>
  </si>
  <si>
    <t>11672</t>
  </si>
  <si>
    <t>GGHS CITY HAROON ABAD</t>
  </si>
  <si>
    <t>Baldia Colony</t>
  </si>
  <si>
    <t>govt. girls city high school haroonabad</t>
  </si>
  <si>
    <t>Mrs shahnaz saeed</t>
  </si>
  <si>
    <t>18021</t>
  </si>
  <si>
    <t>28899</t>
  </si>
  <si>
    <t>GGCMHS HERCHOKI</t>
  </si>
  <si>
    <t>GGHS herchoki</t>
  </si>
  <si>
    <t>17336</t>
  </si>
  <si>
    <t>GES RATTA KALAN</t>
  </si>
  <si>
    <t>Ratta Kalan</t>
  </si>
  <si>
    <t>ratta kalan</t>
  </si>
  <si>
    <t>Mubasher Haq</t>
  </si>
  <si>
    <t>GGES KANG CHANAN</t>
  </si>
  <si>
    <t>Kang Chanan</t>
  </si>
  <si>
    <t>Gakhara Kalan</t>
  </si>
  <si>
    <t>Fayyaz Akhter</t>
  </si>
  <si>
    <t>47704</t>
  </si>
  <si>
    <t>11680</t>
  </si>
  <si>
    <t>GGPS THARO WALI</t>
  </si>
  <si>
    <t>basti tharowali mouza bait kaitch</t>
  </si>
  <si>
    <t>Tharowali</t>
  </si>
  <si>
    <t>Bait Kaitch janubi</t>
  </si>
  <si>
    <t>Ambreen  Bi Bi</t>
  </si>
  <si>
    <t>52086</t>
  </si>
  <si>
    <t>GMPS CHAK NO 26 KB</t>
  </si>
  <si>
    <t>26 Kb</t>
  </si>
  <si>
    <t>26 kb</t>
  </si>
  <si>
    <t>Jomoo B0dla</t>
  </si>
  <si>
    <t>17426</t>
  </si>
  <si>
    <t>GPS CHAK NO 136/M</t>
  </si>
  <si>
    <t>136M</t>
  </si>
  <si>
    <t>Chak No 136M PO Chak No 134M Tehsil Chishtian Distt Bahawalnagar</t>
  </si>
  <si>
    <t>Chak No 136M</t>
  </si>
  <si>
    <t>Chak No 134M</t>
  </si>
  <si>
    <t>10475</t>
  </si>
  <si>
    <t>GGPS CHAK NO. 107/TDA CHAH KARORREE WALA</t>
  </si>
  <si>
    <t>Khokhar Isra Thal</t>
  </si>
  <si>
    <t>chak # 107/TDA karori wala</t>
  </si>
  <si>
    <t>107/ Tea karori wala</t>
  </si>
  <si>
    <t>Garay wala</t>
  </si>
  <si>
    <t>farzana sami</t>
  </si>
  <si>
    <t>52431</t>
  </si>
  <si>
    <t>GPS BAKKA JHUJH</t>
  </si>
  <si>
    <t>Bakka Jhujh</t>
  </si>
  <si>
    <t>Mouza Bakka jhujh Basirpur town teh Depalpur Dist. Okara</t>
  </si>
  <si>
    <t>Phollan Toli</t>
  </si>
  <si>
    <t>49660</t>
  </si>
  <si>
    <t>GPS GAGGU</t>
  </si>
  <si>
    <t>Guggu</t>
  </si>
  <si>
    <t>p/o samina muza gaggu</t>
  </si>
  <si>
    <t>39003</t>
  </si>
  <si>
    <t>Malik Pur, p.o. Ratwal, tehsil Fateh Jang, district Attock</t>
  </si>
  <si>
    <t>Gali Jagerr</t>
  </si>
  <si>
    <t>11959</t>
  </si>
  <si>
    <t>20008</t>
  </si>
  <si>
    <t>GGPS KUMHAR BASTI</t>
  </si>
  <si>
    <t>Korrala</t>
  </si>
  <si>
    <t>G.G.P/S basti kumhar chiniot</t>
  </si>
  <si>
    <t>Tariq Colony</t>
  </si>
  <si>
    <t>Kauser Parveen</t>
  </si>
  <si>
    <t>GGHS SHAHER SULTAN</t>
  </si>
  <si>
    <t>SHAHER SUTLAN</t>
  </si>
  <si>
    <t>NEAR UNION COUNCILE SHAHER SULTAN</t>
  </si>
  <si>
    <t>SHAHER SULTAN</t>
  </si>
  <si>
    <t>Asma Sultana</t>
  </si>
  <si>
    <t>11071</t>
  </si>
  <si>
    <t>21433</t>
  </si>
  <si>
    <t>GPS KOTLI PAKKI</t>
  </si>
  <si>
    <t>KOTLI PAKKI</t>
  </si>
  <si>
    <t>VILLAGE KOTLI Pakki TEHSIL  KAMOKI DISTT GUJRANWALA</t>
  </si>
  <si>
    <t>KoTLI PAKKI</t>
  </si>
  <si>
    <t>10970</t>
  </si>
  <si>
    <t>GPS BOOBKAN WALA</t>
  </si>
  <si>
    <t>Boobkanwala</t>
  </si>
  <si>
    <t>village Boobkanwala tehsil Daska District Sialkot</t>
  </si>
  <si>
    <t>Glotian Khurd</t>
  </si>
  <si>
    <t>19959</t>
  </si>
  <si>
    <t>village chachian P.O baru teh. &amp; Distt.Gujrat</t>
  </si>
  <si>
    <t>Sadia Nawaz</t>
  </si>
  <si>
    <t>11075</t>
  </si>
  <si>
    <t>GPS CHAK 283 JB I</t>
  </si>
  <si>
    <t>chak no.283jb1st tehsil gojra district toba tek singh</t>
  </si>
  <si>
    <t>283jb 1st</t>
  </si>
  <si>
    <t>Dawakhari</t>
  </si>
  <si>
    <t>Munawar Iqbal</t>
  </si>
  <si>
    <t>53025</t>
  </si>
  <si>
    <t>GMPS MAHLA BUKKAN</t>
  </si>
  <si>
    <t>Mahla Bukkan</t>
  </si>
  <si>
    <t>chak wali Mohammed mahla Bukkan tesh depal pur dest okara</t>
  </si>
  <si>
    <t>Gudar Malkana</t>
  </si>
  <si>
    <t>11078</t>
  </si>
  <si>
    <t>GGHS 377/WB</t>
  </si>
  <si>
    <t>CHAK NO 377/WB</t>
  </si>
  <si>
    <t>CHAK NO 377/WB TEHSIL DUNYAPUR DISTRICT LODHRAN</t>
  </si>
  <si>
    <t>CHAK NO 384/WB</t>
  </si>
  <si>
    <t>Mehwish Nazar</t>
  </si>
  <si>
    <t>13689</t>
  </si>
  <si>
    <t>GMPS BASTI PIR BUX</t>
  </si>
  <si>
    <t>chah behary wala</t>
  </si>
  <si>
    <t>Muhammad pur 2</t>
  </si>
  <si>
    <t>Imrana Bibi</t>
  </si>
  <si>
    <t>40246</t>
  </si>
  <si>
    <t>GMPS DHOK KANIAL</t>
  </si>
  <si>
    <t>Kanial</t>
  </si>
  <si>
    <t>dhok kanial teh and district jhelum</t>
  </si>
  <si>
    <t>Dhok Kanial</t>
  </si>
  <si>
    <t>Attia Raqueeb</t>
  </si>
  <si>
    <t>28280</t>
  </si>
  <si>
    <t>GES ABDUL HAKIM NO.1 ABDUL HAKIM</t>
  </si>
  <si>
    <t>Abdulhakim</t>
  </si>
  <si>
    <t>near qismat chaok abdulhakim</t>
  </si>
  <si>
    <t>50016</t>
  </si>
  <si>
    <t>GPS CHAK NO 76/4-R AB</t>
  </si>
  <si>
    <t>76 4r</t>
  </si>
  <si>
    <t>76/4r</t>
  </si>
  <si>
    <t>76 4r Ab</t>
  </si>
  <si>
    <t>Muhammad Yousaf Ashrafi</t>
  </si>
  <si>
    <t>50536</t>
  </si>
  <si>
    <t>GGPS 179/9-L</t>
  </si>
  <si>
    <t>179/9L</t>
  </si>
  <si>
    <t>chak no 179/9L</t>
  </si>
  <si>
    <t>Chak No180/9L</t>
  </si>
  <si>
    <t>Qaisira Noreen</t>
  </si>
  <si>
    <t>54814</t>
  </si>
  <si>
    <t>GPS MC NO.7 HAFIZABAD</t>
  </si>
  <si>
    <t>Moh Sharif pura hafizabad</t>
  </si>
  <si>
    <t>City Hafizabadward</t>
  </si>
  <si>
    <t>Abdul Raza</t>
  </si>
  <si>
    <t>52197</t>
  </si>
  <si>
    <t>GMPS 353/EB NEW</t>
  </si>
  <si>
    <t>Chak 353/eb</t>
  </si>
  <si>
    <t>adda trikhni</t>
  </si>
  <si>
    <t>Adda Trikhni</t>
  </si>
  <si>
    <t>11103</t>
  </si>
  <si>
    <t>35013</t>
  </si>
  <si>
    <t>GGPS RIPRI JPP</t>
  </si>
  <si>
    <t>Riprri</t>
  </si>
  <si>
    <t>Basti Ripri Tehsil Jalal pur pir Wala</t>
  </si>
  <si>
    <t>Asmat Batool</t>
  </si>
  <si>
    <t>42546</t>
  </si>
  <si>
    <t>GMPS NOTHIA ALAM SHER</t>
  </si>
  <si>
    <t>Nathia Alam Sher</t>
  </si>
  <si>
    <t>Village Nathia Alam Sher P.O Raman Tehsil Gujarkhan Disttt Rwp</t>
  </si>
  <si>
    <t>Anum Fatima</t>
  </si>
  <si>
    <t>30079</t>
  </si>
  <si>
    <t>GPS CHAK 159 GB GAGO MAL</t>
  </si>
  <si>
    <t>Gogomal</t>
  </si>
  <si>
    <t>chak  No 159 GB Gogomal Teh. Gojra</t>
  </si>
  <si>
    <t>Chak No 159 GB</t>
  </si>
  <si>
    <t>161 GB</t>
  </si>
  <si>
    <t>9329</t>
  </si>
  <si>
    <t>11111</t>
  </si>
  <si>
    <t>20553</t>
  </si>
  <si>
    <t>GPS KANGNI WALA</t>
  </si>
  <si>
    <t>main bazar kangniwala</t>
  </si>
  <si>
    <t>Muhammad Adnan Anwar</t>
  </si>
  <si>
    <t>GGHS CHAK NO.71/F</t>
  </si>
  <si>
    <t>shakila akhtar</t>
  </si>
  <si>
    <t>36914</t>
  </si>
  <si>
    <t>GGHS CHAK NO 190/7-R</t>
  </si>
  <si>
    <t>190/7r</t>
  </si>
  <si>
    <t>Chak no 190/7R PO Khichiwala</t>
  </si>
  <si>
    <t>Chak No 190/7R</t>
  </si>
  <si>
    <t>Shahnaz Kouser</t>
  </si>
  <si>
    <t>26973</t>
  </si>
  <si>
    <t>GPS KOT BUKSH</t>
  </si>
  <si>
    <t>Kot Bukhsh</t>
  </si>
  <si>
    <t>kot bukhsh</t>
  </si>
  <si>
    <t>Waqas Ahmad</t>
  </si>
  <si>
    <t>30615</t>
  </si>
  <si>
    <t>22154</t>
  </si>
  <si>
    <t>GGHS MALIK PUR CHARA</t>
  </si>
  <si>
    <t>malikpur chara</t>
  </si>
  <si>
    <t>govt. girls high school malikpur chara tehsil and district Gujrat</t>
  </si>
  <si>
    <t>malikpur</t>
  </si>
  <si>
    <t>amtal aziz</t>
  </si>
  <si>
    <t>65440</t>
  </si>
  <si>
    <t>49461</t>
  </si>
  <si>
    <t>GPS 384 GB  II</t>
  </si>
  <si>
    <t>384GB</t>
  </si>
  <si>
    <t>CHAK No.384 GB</t>
  </si>
  <si>
    <t>Chak 384 GB</t>
  </si>
  <si>
    <t>Chak 383 GB</t>
  </si>
  <si>
    <t>ZAHOOR AHMAD ABID</t>
  </si>
  <si>
    <t>GPS CHAK RAIMAN</t>
  </si>
  <si>
    <t>Chack Ramin</t>
  </si>
  <si>
    <t>chah Kalar wala mauza chack Ramin</t>
  </si>
  <si>
    <t>Chah Kalar Wala</t>
  </si>
  <si>
    <t>Khaliq Dad</t>
  </si>
  <si>
    <t>51978</t>
  </si>
  <si>
    <t>GPS 72 EB</t>
  </si>
  <si>
    <t>72/EB</t>
  </si>
  <si>
    <t>72/EB Arifwala</t>
  </si>
  <si>
    <t>11136</t>
  </si>
  <si>
    <t>42616</t>
  </si>
  <si>
    <t>GGPS JATAIL SURKHURU</t>
  </si>
  <si>
    <t>Jatal Surkhru</t>
  </si>
  <si>
    <t>GGPS Jatal Surkhuru p/o missa kaswal</t>
  </si>
  <si>
    <t>Jatal Surkhuru</t>
  </si>
  <si>
    <t>Jhand Melu</t>
  </si>
  <si>
    <t>Aneesa Iram</t>
  </si>
  <si>
    <t>31294</t>
  </si>
  <si>
    <t>11141</t>
  </si>
  <si>
    <t>39526</t>
  </si>
  <si>
    <t>GPS  ZIARAT</t>
  </si>
  <si>
    <t>Village Ziarat. Tahsil Jand. District Attock.</t>
  </si>
  <si>
    <t>OGDCL  water supply</t>
  </si>
  <si>
    <t>GPS KHAMEESA</t>
  </si>
  <si>
    <t>Khameesa</t>
  </si>
  <si>
    <t>Basti o Moza Khameesa</t>
  </si>
  <si>
    <t>Muhammed Naseer</t>
  </si>
  <si>
    <t>27235</t>
  </si>
  <si>
    <t>Kot Ibrahim</t>
  </si>
  <si>
    <t>kot Ibrahim Hafiz abad</t>
  </si>
  <si>
    <t>Hafiz Muhammad  Asadullah</t>
  </si>
  <si>
    <t>20546</t>
  </si>
  <si>
    <t>GPS KALAR ABADI</t>
  </si>
  <si>
    <t>GPS kallar Abadi boys</t>
  </si>
  <si>
    <t>Kallar Abadi</t>
  </si>
  <si>
    <t>11157</t>
  </si>
  <si>
    <t>GGPS CHAK NO. 112 MURAD</t>
  </si>
  <si>
    <t>112/m</t>
  </si>
  <si>
    <t>chak no.112/m,tehsil chishtian,district bhawalnaget</t>
  </si>
  <si>
    <t>Chak No112/m</t>
  </si>
  <si>
    <t>112 /m</t>
  </si>
  <si>
    <t>Tabinda Javeed</t>
  </si>
  <si>
    <t>21513</t>
  </si>
  <si>
    <t>GPS SADOKE</t>
  </si>
  <si>
    <t>p/o sadhoke sadhoke tensile kamoki District.  Gujranwala</t>
  </si>
  <si>
    <t>GGES THATHA KALIAN</t>
  </si>
  <si>
    <t>thatha kalian</t>
  </si>
  <si>
    <t>38454</t>
  </si>
  <si>
    <t>GES CHAK NO. 305/WB</t>
  </si>
  <si>
    <t>Chak No 305/W.B tehsil dunya pur district lodhran</t>
  </si>
  <si>
    <t>Chak No 305/W B</t>
  </si>
  <si>
    <t>Sultan Ayyoub Qatal</t>
  </si>
  <si>
    <t>Tariq Raheem</t>
  </si>
  <si>
    <t>5002</t>
  </si>
  <si>
    <t>GPS MODEL GARMALA</t>
  </si>
  <si>
    <t>vpo garmala</t>
  </si>
  <si>
    <t>Kaniyat Khalil</t>
  </si>
  <si>
    <t>Fakhera Bibi</t>
  </si>
  <si>
    <t>21351</t>
  </si>
  <si>
    <t>GPS OKALA CHANDA</t>
  </si>
  <si>
    <t>Poss Bangi Khel Darmyni</t>
  </si>
  <si>
    <t>okala chanda p/o Tabbi sar  teh  essa  khel distt mianwali</t>
  </si>
  <si>
    <t>Okala Chanda</t>
  </si>
  <si>
    <t>Muhammad Ismail Khan</t>
  </si>
  <si>
    <t>39514</t>
  </si>
  <si>
    <t>GPS DINGI NARI</t>
  </si>
  <si>
    <t>Dingi Nari Tehsil jand District Attock</t>
  </si>
  <si>
    <t>22559</t>
  </si>
  <si>
    <t>GMPS GHAIAN</t>
  </si>
  <si>
    <t>ghayian</t>
  </si>
  <si>
    <t>village ghayian post office karianwala tehsil &amp; district gujrat</t>
  </si>
  <si>
    <t>hazara mughlan</t>
  </si>
  <si>
    <t>Asia Shaheen</t>
  </si>
  <si>
    <t>24627</t>
  </si>
  <si>
    <t>41780</t>
  </si>
  <si>
    <t>GHS MOHAR WALI</t>
  </si>
  <si>
    <t>GHS Mohar Wali, post office same tehsil &amp; district Bahawalnagar</t>
  </si>
  <si>
    <t>Muhammad Tahir Mahmood</t>
  </si>
  <si>
    <t>23706</t>
  </si>
  <si>
    <t>GPS DASKA NO.4</t>
  </si>
  <si>
    <t>Shafique town Awami road daska.</t>
  </si>
  <si>
    <t>Daska City</t>
  </si>
  <si>
    <t>47940</t>
  </si>
  <si>
    <t>39641</t>
  </si>
  <si>
    <t>13555</t>
  </si>
  <si>
    <t>GPS DULOO WALA</t>
  </si>
  <si>
    <t>Duloo wala</t>
  </si>
  <si>
    <t>Duloo Wala</t>
  </si>
  <si>
    <t>GPS SAJAWAL ABAD</t>
  </si>
  <si>
    <t>pati makwal post office kala Tehsil and District Dera Ghazi khan</t>
  </si>
  <si>
    <t>Muza Pati Makwal</t>
  </si>
  <si>
    <t>Bastion Ranjha</t>
  </si>
  <si>
    <t>28797</t>
  </si>
  <si>
    <t>GPS QILA NATHA SINGH</t>
  </si>
  <si>
    <t>Muhammad  Zubair</t>
  </si>
  <si>
    <t>11185</t>
  </si>
  <si>
    <t>GGPS CHAK NO 206/9-R</t>
  </si>
  <si>
    <t>206/9r</t>
  </si>
  <si>
    <t>Anees Akhter</t>
  </si>
  <si>
    <t>GGPS CHUNOO ABAD</t>
  </si>
  <si>
    <t>bsti namurdi</t>
  </si>
  <si>
    <t>Namurdi</t>
  </si>
  <si>
    <t>Rabia Shafi</t>
  </si>
  <si>
    <t>26789</t>
  </si>
  <si>
    <t>GGES NAHRIAN WALA</t>
  </si>
  <si>
    <t>nAHRIANWALA</t>
  </si>
  <si>
    <t>NAHRIANWALA</t>
  </si>
  <si>
    <t>hafiza Farheena Shamshair</t>
  </si>
  <si>
    <t>11708</t>
  </si>
  <si>
    <t>39720</t>
  </si>
  <si>
    <t>GGPS DHOK BAZ GUL</t>
  </si>
  <si>
    <t>ggps dhoke bazgul post office lakarmar tehsil jand district attock</t>
  </si>
  <si>
    <t>Baz Gul</t>
  </si>
  <si>
    <t>Naurin Bibi</t>
  </si>
  <si>
    <t>18950</t>
  </si>
  <si>
    <t>45890</t>
  </si>
  <si>
    <t>GPS MUHAMMAD KHAN KOKARA</t>
  </si>
  <si>
    <t>Basti Muhammad Khan Kokara, Tehsil Hasilpur, District Bahawalpur.</t>
  </si>
  <si>
    <t>Muhammad Khan Kokara</t>
  </si>
  <si>
    <t>Syed Abid Hussain</t>
  </si>
  <si>
    <t>11711</t>
  </si>
  <si>
    <t>GES BILOOKA HITHAR</t>
  </si>
  <si>
    <t>Billuka</t>
  </si>
  <si>
    <t>Bahadarka P/O Chak Abdullah Tehsile and District Bahawalnagar.</t>
  </si>
  <si>
    <t>Chah Ahamad Khan</t>
  </si>
  <si>
    <t>57175</t>
  </si>
  <si>
    <t>52081</t>
  </si>
  <si>
    <t>GGPS HEEMAN MEHROOKA</t>
  </si>
  <si>
    <t>GGPS Heeman Mehrooka</t>
  </si>
  <si>
    <t>Heeman Mehrooka</t>
  </si>
  <si>
    <t>Machi Sing</t>
  </si>
  <si>
    <t>Wajiha Kiran</t>
  </si>
  <si>
    <t>11466</t>
  </si>
  <si>
    <t>38322</t>
  </si>
  <si>
    <t>11713</t>
  </si>
  <si>
    <t>GES CHAK NO. 213/F</t>
  </si>
  <si>
    <t>Chak No 213/f B</t>
  </si>
  <si>
    <t>chak no 213/f B</t>
  </si>
  <si>
    <t>95/f A</t>
  </si>
  <si>
    <t>GMPS CHAHAL NAO</t>
  </si>
  <si>
    <t>Chahal Nao</t>
  </si>
  <si>
    <t>chahal nao</t>
  </si>
  <si>
    <t>Sadia Sohail</t>
  </si>
  <si>
    <t>52358</t>
  </si>
  <si>
    <t>35234</t>
  </si>
  <si>
    <t>GPS 227 EB</t>
  </si>
  <si>
    <t>chak no 227 EB Tehsil Burewala District Vehari</t>
  </si>
  <si>
    <t>Chak no 227 EB</t>
  </si>
  <si>
    <t>Chak no 223 EB</t>
  </si>
  <si>
    <t>Amjad Shafiq</t>
  </si>
  <si>
    <t>19706</t>
  </si>
  <si>
    <t>38957</t>
  </si>
  <si>
    <t>GHS RATWAL</t>
  </si>
  <si>
    <t>V.P.O RATWAL</t>
  </si>
  <si>
    <t>GALLI JAGIR</t>
  </si>
  <si>
    <t>atique ahmed</t>
  </si>
  <si>
    <t>chak godha</t>
  </si>
  <si>
    <t>Basti wajar chak godha</t>
  </si>
  <si>
    <t>CHAK GODHA</t>
  </si>
  <si>
    <t>Muhammad pur No1</t>
  </si>
  <si>
    <t>52947</t>
  </si>
  <si>
    <t>GMMS MUHAMMAD YAAR CHISHTI</t>
  </si>
  <si>
    <t>M Yar Chishti</t>
  </si>
  <si>
    <t>Abadi Pathan Kot</t>
  </si>
  <si>
    <t>Muhammad Yar chishti</t>
  </si>
  <si>
    <t>Farid Pur Suhag</t>
  </si>
  <si>
    <t>38546</t>
  </si>
  <si>
    <t>Mouza jamala tehsil dunya pur district lodhran post office gahi mummer</t>
  </si>
  <si>
    <t>Shah Rasool</t>
  </si>
  <si>
    <t>39629</t>
  </si>
  <si>
    <t>GGPS DHOK ALAM SHERI</t>
  </si>
  <si>
    <t>vpo basal dhok alam  sheri</t>
  </si>
  <si>
    <t>Asma jabeen</t>
  </si>
  <si>
    <t>47476</t>
  </si>
  <si>
    <t>11737</t>
  </si>
  <si>
    <t>21487</t>
  </si>
  <si>
    <t>GES RAJA BHULAH</t>
  </si>
  <si>
    <t>Raja Bhulla</t>
  </si>
  <si>
    <t>village raja bullah tehsil kamoke gujranwala</t>
  </si>
  <si>
    <t>Raja Bullah</t>
  </si>
  <si>
    <t>GPS BAIT ALAM KHAN</t>
  </si>
  <si>
    <t>Bait Aalam Khan</t>
  </si>
  <si>
    <t>Bait Alam khan tehsil and district dera ghazi khan</t>
  </si>
  <si>
    <t>Bait Alam Khan</t>
  </si>
  <si>
    <t>Chack Raimin</t>
  </si>
  <si>
    <t>GPS KANADI</t>
  </si>
  <si>
    <t>Kanadi</t>
  </si>
  <si>
    <t>kanadi</t>
  </si>
  <si>
    <t>Sobaraam</t>
  </si>
  <si>
    <t>Hussain Farabi</t>
  </si>
  <si>
    <t>GGPS JHALAR DINA TULA</t>
  </si>
  <si>
    <t>Jhalar Dina Tulla</t>
  </si>
  <si>
    <t>chak no 116/7-CR Moza Jhalar Dina Tulla, Tehsil Chichawatni Distt Sahiwal</t>
  </si>
  <si>
    <t>Kousar Anjum</t>
  </si>
  <si>
    <t>GHS PAKKAY WALA</t>
  </si>
  <si>
    <t>Mouza Pakkay Wala Sargodha Road Jhang</t>
  </si>
  <si>
    <t>35610</t>
  </si>
  <si>
    <t>GHS CHAK 213/9-R</t>
  </si>
  <si>
    <t>Chak no 213/9R Fort Abbas</t>
  </si>
  <si>
    <t>Chack No 213/9R</t>
  </si>
  <si>
    <t>Chak No 213/9R Abbas</t>
  </si>
  <si>
    <t>Mr MUHAMMAD AFZAL</t>
  </si>
  <si>
    <t>46599</t>
  </si>
  <si>
    <t>45763</t>
  </si>
  <si>
    <t>22729</t>
  </si>
  <si>
    <t>GMPS JEOWANJAL</t>
  </si>
  <si>
    <t>Jeowanjal</t>
  </si>
  <si>
    <t>ThathaMusa</t>
  </si>
  <si>
    <t>27426</t>
  </si>
  <si>
    <t>32450</t>
  </si>
  <si>
    <t>52658</t>
  </si>
  <si>
    <t>GES BHANDAR</t>
  </si>
  <si>
    <t>v p/o bhander tehsil Jand district attock</t>
  </si>
  <si>
    <t>11765</t>
  </si>
  <si>
    <t>GPS GULLAY WALA</t>
  </si>
  <si>
    <t>Jungle Rukanpura</t>
  </si>
  <si>
    <t>Gullay Wala</t>
  </si>
  <si>
    <t>38975</t>
  </si>
  <si>
    <t>GGHS JAFFAR</t>
  </si>
  <si>
    <t>Jaffar</t>
  </si>
  <si>
    <t>vpo jaffar tehsil fateh jang</t>
  </si>
  <si>
    <t>Bibi sumaira khatoon</t>
  </si>
  <si>
    <t>GES CHAK NO.89/F</t>
  </si>
  <si>
    <t>chak No.89/F</t>
  </si>
  <si>
    <t>51057</t>
  </si>
  <si>
    <t>GPS DANGRIAN WALI</t>
  </si>
  <si>
    <t>RUM WALI</t>
  </si>
  <si>
    <t>DANGRIAN WALI</t>
  </si>
  <si>
    <t>Mahboob ali</t>
  </si>
  <si>
    <t>GGPS IMAM DIN WALA</t>
  </si>
  <si>
    <t>wandha imamdin wala</t>
  </si>
  <si>
    <t>Imamdin Wala</t>
  </si>
  <si>
    <t>52575</t>
  </si>
  <si>
    <t>GPS ADLI KAY SOHAG</t>
  </si>
  <si>
    <t>Adli Kay Sohag</t>
  </si>
  <si>
    <t>Adli kay sohag havli lakha</t>
  </si>
  <si>
    <t>Adli Kay Sohg</t>
  </si>
  <si>
    <t>Ali  Waqas</t>
  </si>
  <si>
    <t>21836</t>
  </si>
  <si>
    <t>ALLAH ABAD TEH JAM PUR</t>
  </si>
  <si>
    <t>ALLAH ABAD WEST</t>
  </si>
  <si>
    <t>MUHAMMAD Afzal</t>
  </si>
  <si>
    <t>16075</t>
  </si>
  <si>
    <t>GHS CHAK 199 RB</t>
  </si>
  <si>
    <t>199 RB</t>
  </si>
  <si>
    <t>GHS Chak No 199 RB Gattwala</t>
  </si>
  <si>
    <t>Gattwala</t>
  </si>
  <si>
    <t>Musaddiq Ali</t>
  </si>
  <si>
    <t>42721</t>
  </si>
  <si>
    <t>GGES RAYAN GORSIAN</t>
  </si>
  <si>
    <t>Rayyan Gorsian</t>
  </si>
  <si>
    <t>GGES RAYYAN GORSIAN TEH GUJAR KHAN DISTRICT RAWALPINDI</t>
  </si>
  <si>
    <t>Yasmeen Bibi</t>
  </si>
  <si>
    <t>45520</t>
  </si>
  <si>
    <t>41710</t>
  </si>
  <si>
    <t>13662</t>
  </si>
  <si>
    <t>38551</t>
  </si>
  <si>
    <t>GPS 368/WB</t>
  </si>
  <si>
    <t>368wb</t>
  </si>
  <si>
    <t>chak no.368/W.B</t>
  </si>
  <si>
    <t>368/WB</t>
  </si>
  <si>
    <t>353/WB</t>
  </si>
  <si>
    <t>Muhammad tufail shahid</t>
  </si>
  <si>
    <t>GES DARAJKE</t>
  </si>
  <si>
    <t>Darajke</t>
  </si>
  <si>
    <t>Darajke (Sadhoke) tehsil kamoke district Gujranwala.</t>
  </si>
  <si>
    <t>Muzammil Hussain</t>
  </si>
  <si>
    <t>46452</t>
  </si>
  <si>
    <t>GPS PUL GAMOON WALI, SARAI SIDHU</t>
  </si>
  <si>
    <t>Baqirpur</t>
  </si>
  <si>
    <t>pull Gamoon Wali Moza Baqirpur markaz sardar pur</t>
  </si>
  <si>
    <t>Pull Gamoon Wali</t>
  </si>
  <si>
    <t>7862</t>
  </si>
  <si>
    <t>GPS SABRA NACHA</t>
  </si>
  <si>
    <t>Subranachan</t>
  </si>
  <si>
    <t>subranachan</t>
  </si>
  <si>
    <t>Mohammad Sharif</t>
  </si>
  <si>
    <t>17896</t>
  </si>
  <si>
    <t>GPS CHAH ROSHAN WALA</t>
  </si>
  <si>
    <t>Nikka Doltana</t>
  </si>
  <si>
    <t>Roshan wala Nika Doltana tehsil and district jhang</t>
  </si>
  <si>
    <t>Chah Roshan Wala</t>
  </si>
  <si>
    <t>Satyana</t>
  </si>
  <si>
    <t>52055</t>
  </si>
  <si>
    <t>GMPS PARNAY SHAH PO NOORA RATH ARIF WALA</t>
  </si>
  <si>
    <t>Budhan Shah</t>
  </si>
  <si>
    <t>Gmps parnay shah p/o Noora rath tahsil Arifwala District pakpattan</t>
  </si>
  <si>
    <t>Aisha Perveen</t>
  </si>
  <si>
    <t>22825</t>
  </si>
  <si>
    <t>19922</t>
  </si>
  <si>
    <t>46618</t>
  </si>
  <si>
    <t>GHS KHAGLAN WALA</t>
  </si>
  <si>
    <t>GHS KHAGLANWALA,ISA KHEL, MIANWALI</t>
  </si>
  <si>
    <t>MOHAMMAD HASNAT</t>
  </si>
  <si>
    <t>GGPS CHAK 368 JB I CHANDO BATALA</t>
  </si>
  <si>
    <t>TARIQ ABAD-FEMALE</t>
  </si>
  <si>
    <t>Chak 368 Jb</t>
  </si>
  <si>
    <t>chak 368 jb</t>
  </si>
  <si>
    <t>Chak No  367 Jb</t>
  </si>
  <si>
    <t>Uzma Noureen</t>
  </si>
  <si>
    <t>28861</t>
  </si>
  <si>
    <t>GMPS CHAH ALAM WALA</t>
  </si>
  <si>
    <t>Chah Alam Wala</t>
  </si>
  <si>
    <t>chah Alam wala</t>
  </si>
  <si>
    <t>Chunain Hathar</t>
  </si>
  <si>
    <t>Rukhsana Sardar</t>
  </si>
  <si>
    <t>41731</t>
  </si>
  <si>
    <t>31204</t>
  </si>
  <si>
    <t>8829</t>
  </si>
  <si>
    <t>GGES BASTI KHOJAN WALI PO BHAKKAR</t>
  </si>
  <si>
    <t>Fate Khan</t>
  </si>
  <si>
    <t>G.G.E/S Khawaja Abad Bhakkar</t>
  </si>
  <si>
    <t>Abida Malik</t>
  </si>
  <si>
    <t>30329</t>
  </si>
  <si>
    <t>23886</t>
  </si>
  <si>
    <t>GPS CHAK NO. 52/F</t>
  </si>
  <si>
    <t>GPS.52.F  CTN</t>
  </si>
  <si>
    <t>13476</t>
  </si>
  <si>
    <t>GES PAIGAH</t>
  </si>
  <si>
    <t>Paigah Chak No.3</t>
  </si>
  <si>
    <t>Paigah khas</t>
  </si>
  <si>
    <t>Paigah Chak 3</t>
  </si>
  <si>
    <t>Malik Amjad Farooq</t>
  </si>
  <si>
    <t>28997</t>
  </si>
  <si>
    <t>GGPS KOT MAQBOOL AHMAD</t>
  </si>
  <si>
    <t>Kot Maqbool Ahmad</t>
  </si>
  <si>
    <t>Kot Maqbool Ahmad teh chunian dist kasur</t>
  </si>
  <si>
    <t>Jajjal</t>
  </si>
  <si>
    <t>25853</t>
  </si>
  <si>
    <t>43375</t>
  </si>
  <si>
    <t>GGPS WARD NO. 113 KOTLA JAM</t>
  </si>
  <si>
    <t>GGP/S WARD NO113 kotla jam basti dhool,tehsil bhakkar</t>
  </si>
  <si>
    <t>Basti Dhool</t>
  </si>
  <si>
    <t>Daulat Wala</t>
  </si>
  <si>
    <t>Bushra Hassan</t>
  </si>
  <si>
    <t>21475</t>
  </si>
  <si>
    <t>GES DARGA PUR</t>
  </si>
  <si>
    <t>Dargha Pur</t>
  </si>
  <si>
    <t>Mari Thakiran</t>
  </si>
  <si>
    <t>MICHAEL  SOHOTRA</t>
  </si>
  <si>
    <t>50149</t>
  </si>
  <si>
    <t>GGHS 39/12-L</t>
  </si>
  <si>
    <t>39/12l</t>
  </si>
  <si>
    <t>chak no 39/12l cci</t>
  </si>
  <si>
    <t>39/12l Cci</t>
  </si>
  <si>
    <t>36/12l Cci</t>
  </si>
  <si>
    <t>Zahida Dastgir</t>
  </si>
  <si>
    <t>19565</t>
  </si>
  <si>
    <t>GGPS CHAK NO. 428/6-R AB</t>
  </si>
  <si>
    <t>428/6R</t>
  </si>
  <si>
    <t>chak no 428/6R P/O same Tehsil Haroonabad District Bahawalnagar</t>
  </si>
  <si>
    <t>428/6R AB</t>
  </si>
  <si>
    <t>Khalida  Perveen</t>
  </si>
  <si>
    <t>GMPS CHAK NO.53/F ARBI (W)</t>
  </si>
  <si>
    <t>53f</t>
  </si>
  <si>
    <t>54f , bakshankhan,tehsil chishtian, district bahawalnager</t>
  </si>
  <si>
    <t>SHAGUFTA  YASMEEN</t>
  </si>
  <si>
    <t>43078</t>
  </si>
  <si>
    <t>GHS WEEROO CHAKWAL</t>
  </si>
  <si>
    <t>VERO</t>
  </si>
  <si>
    <t>Village Vero Post office Lakhwal Tehsil &amp; District Chakwal</t>
  </si>
  <si>
    <t>44950</t>
  </si>
  <si>
    <t>12498</t>
  </si>
  <si>
    <t>39501</t>
  </si>
  <si>
    <t>GGHS PINDI SARHAL</t>
  </si>
  <si>
    <t>PINDI SARHAL</t>
  </si>
  <si>
    <t>VPO PINDI SARHAL,TEH JAND,DISTT ATTOCK.</t>
  </si>
  <si>
    <t>12501</t>
  </si>
  <si>
    <t>GHS AL-ISLAH</t>
  </si>
  <si>
    <t>Mohallah kalkati</t>
  </si>
  <si>
    <t>GPS CHAK NO.4/1-R</t>
  </si>
  <si>
    <t>4/1R</t>
  </si>
  <si>
    <t>chak No 4/1.R post office same tehsil haronabad</t>
  </si>
  <si>
    <t>Muhammad Rasheed Nasir</t>
  </si>
  <si>
    <t>5163</t>
  </si>
  <si>
    <t>36425</t>
  </si>
  <si>
    <t>42714</t>
  </si>
  <si>
    <t>GGPS MODEL NATHIA GULBAZ</t>
  </si>
  <si>
    <t>Nothia Gulbaz</t>
  </si>
  <si>
    <t>village Nothia Gulbaz Teh. Gujar Khan Distt. Rawalpindi</t>
  </si>
  <si>
    <t>Punj Garan Kalan</t>
  </si>
  <si>
    <t>Saiqa Batool</t>
  </si>
  <si>
    <t>GGES BHAWAN PUR SHUMALI</t>
  </si>
  <si>
    <t>Bhawanpur</t>
  </si>
  <si>
    <t>GGES bhawanpur shumali</t>
  </si>
  <si>
    <t>Izza Bilal Karori</t>
  </si>
  <si>
    <t>24110</t>
  </si>
  <si>
    <t>village Majra po kunjah</t>
  </si>
  <si>
    <t>Adnan Faiz</t>
  </si>
  <si>
    <t>43522</t>
  </si>
  <si>
    <t>45636</t>
  </si>
  <si>
    <t>GGPS CHAK 19/M</t>
  </si>
  <si>
    <t>Chak 19 M</t>
  </si>
  <si>
    <t>chak No 19M</t>
  </si>
  <si>
    <t>Chak 19M</t>
  </si>
  <si>
    <t>Chokii Mastti</t>
  </si>
  <si>
    <t>Kalsoom hussain</t>
  </si>
  <si>
    <t>21438</t>
  </si>
  <si>
    <t>GPS KOT MIRZA JAN</t>
  </si>
  <si>
    <t>Kot  Mirza  Jan</t>
  </si>
  <si>
    <t>gps  kot  mirza. jan</t>
  </si>
  <si>
    <t>Kot   Mirza  Jan</t>
  </si>
  <si>
    <t>Kotli  Nawab</t>
  </si>
  <si>
    <t>12518</t>
  </si>
  <si>
    <t>46829</t>
  </si>
  <si>
    <t>GGPS WALI DAD KHAN WALA</t>
  </si>
  <si>
    <t>Choranwala</t>
  </si>
  <si>
    <t>WALI DAD KHAN WALA BANU ROAD ISA KHEL</t>
  </si>
  <si>
    <t>WALI DAD KHAN WALA</t>
  </si>
  <si>
    <t>Tayyaba Maryam</t>
  </si>
  <si>
    <t>Chak no 62/4R</t>
  </si>
  <si>
    <t>27579</t>
  </si>
  <si>
    <t>GHS KALLAR WALI</t>
  </si>
  <si>
    <t>GOVT. HIGH SCHOOL KALLAR WALI TEHSIL JATOI M.GARH</t>
  </si>
  <si>
    <t>BAKHSHAY WALA</t>
  </si>
  <si>
    <t>MUHAMMAD AKRAM KHAN</t>
  </si>
  <si>
    <t>12528</t>
  </si>
  <si>
    <t>GHS JURIAN</t>
  </si>
  <si>
    <t>Muhammad Sultan Ahmed</t>
  </si>
  <si>
    <t>17581</t>
  </si>
  <si>
    <t>12531</t>
  </si>
  <si>
    <t>52877</t>
  </si>
  <si>
    <t>GMPS CHAK FAZAL SHAH</t>
  </si>
  <si>
    <t>chak fazalshah depalpur</t>
  </si>
  <si>
    <t>38/d Kalan</t>
  </si>
  <si>
    <t>Ayesha Kiran</t>
  </si>
  <si>
    <t>36742</t>
  </si>
  <si>
    <t>GES CHAK NO.509/EB</t>
  </si>
  <si>
    <t>509/EB</t>
  </si>
  <si>
    <t>Chak No 509/EB Burewala</t>
  </si>
  <si>
    <t>Chak No 509/EB</t>
  </si>
  <si>
    <t>521/EB</t>
  </si>
  <si>
    <t>Riaz Ul Hassan Shahid</t>
  </si>
  <si>
    <t>25978</t>
  </si>
  <si>
    <t>GGPS KABIR WALA</t>
  </si>
  <si>
    <t>chah kabeer wala</t>
  </si>
  <si>
    <t>Rizwana Aslam</t>
  </si>
  <si>
    <t>GMPS CHOKARA</t>
  </si>
  <si>
    <t>chakora,p.o kunjah</t>
  </si>
  <si>
    <t>Aleena Pervaiz</t>
  </si>
  <si>
    <t>46880</t>
  </si>
  <si>
    <t>GGPS NO. 3 KALA BAGH</t>
  </si>
  <si>
    <t>ggpsno.3 kalabagh</t>
  </si>
  <si>
    <t>GGPS DHOLLA MUSTAQEEM</t>
  </si>
  <si>
    <t>Dolla Mustqeem</t>
  </si>
  <si>
    <t>Ggps Dolla Mustaqeem</t>
  </si>
  <si>
    <t>Kando Wal Sary</t>
  </si>
  <si>
    <t>GPS MUFTI WALA</t>
  </si>
  <si>
    <t>Khaki Gharbi</t>
  </si>
  <si>
    <t>GPS  Mufti Wala  khaki Gharbi d g khan</t>
  </si>
  <si>
    <t>Mufti Wala</t>
  </si>
  <si>
    <t>Sania Nasir</t>
  </si>
  <si>
    <t>GGCMPS CHAK 367 JB JALAN WALA</t>
  </si>
  <si>
    <t>Chak No 367 Jb</t>
  </si>
  <si>
    <t>chak no. 367 jb</t>
  </si>
  <si>
    <t>Romana Zia</t>
  </si>
  <si>
    <t>39469</t>
  </si>
  <si>
    <t>GHSS NARA</t>
  </si>
  <si>
    <t>GOVT BOYS HIGHER SECONDARY SCHOOL NARA TEHSIL JAND DISTT ATTOCK</t>
  </si>
  <si>
    <t>MUHAMMAD ASKAR</t>
  </si>
  <si>
    <t>GMPS KOOKAN WALA</t>
  </si>
  <si>
    <t>Kokaan Wala</t>
  </si>
  <si>
    <t>kokaan wala</t>
  </si>
  <si>
    <t>Ramky Chattha</t>
  </si>
  <si>
    <t>Sabiqa Sajjad</t>
  </si>
  <si>
    <t>GPS GORALA</t>
  </si>
  <si>
    <t>village and p/o gorala gujrat</t>
  </si>
  <si>
    <t>GPS CHAK NO 36/F/24/G</t>
  </si>
  <si>
    <t>CHAK NO 24/G JW</t>
  </si>
  <si>
    <t>CHAK NO 35/F</t>
  </si>
  <si>
    <t>AIMEN HABIB</t>
  </si>
  <si>
    <t>GPS CHAK NO.99/6-R</t>
  </si>
  <si>
    <t>chak No 99/6R</t>
  </si>
  <si>
    <t>Chak No 99/6R</t>
  </si>
  <si>
    <t>Chak  No 98/6R</t>
  </si>
  <si>
    <t>30310</t>
  </si>
  <si>
    <t>GGPS KAMAL  SHUMALI</t>
  </si>
  <si>
    <t>p/o dayamurad uc dagar Oulakh no 7 kamalshumali  (bhakkar)</t>
  </si>
  <si>
    <t>Kamalshumali</t>
  </si>
  <si>
    <t>GPS RANAY WALA A&amp;T</t>
  </si>
  <si>
    <t>Ranay Wala</t>
  </si>
  <si>
    <t>GPS Ranay Wala A&amp;T</t>
  </si>
  <si>
    <t>Muhammad Umer Tahir</t>
  </si>
  <si>
    <t>12594</t>
  </si>
  <si>
    <t>39605</t>
  </si>
  <si>
    <t>GPS TORA BERA</t>
  </si>
  <si>
    <t>TORA BERA</t>
  </si>
  <si>
    <t>VILLAGE TORA BERA, POST OFFICE LAKARMAR, TEHSIL JAND, DISTT ATOOCK.</t>
  </si>
  <si>
    <t>Mursaleen Khan</t>
  </si>
  <si>
    <t>GES CHAK NO. 89 EB</t>
  </si>
  <si>
    <t>89/eb</t>
  </si>
  <si>
    <t>chak# 89/eb p/o QABULA teh.ARIFWALA  distt pakpattan</t>
  </si>
  <si>
    <t>11741</t>
  </si>
  <si>
    <t>22293</t>
  </si>
  <si>
    <t>GPS ADOWAL</t>
  </si>
  <si>
    <t>village &amp; post office adowal gujrat</t>
  </si>
  <si>
    <t>Atta ullah yaqoob</t>
  </si>
  <si>
    <t>12604</t>
  </si>
  <si>
    <t>GHS MUKHIANA</t>
  </si>
  <si>
    <t>Govt. high school mukhiana. moza mukhiana jhang</t>
  </si>
  <si>
    <t>GGPS 149/6-R (E)</t>
  </si>
  <si>
    <t>149/6r</t>
  </si>
  <si>
    <t>Chak#149/6r east mianwala bngla haroon abad</t>
  </si>
  <si>
    <t>98/6r</t>
  </si>
  <si>
    <t>Sajida Naveed Aslam</t>
  </si>
  <si>
    <t>GHS KHATRAN WALA</t>
  </si>
  <si>
    <t>Khatranwala</t>
  </si>
  <si>
    <t>govt.high school khatranwala P/O Dunga Bonga Bahawalnagar.</t>
  </si>
  <si>
    <t>50850</t>
  </si>
  <si>
    <t>23671</t>
  </si>
  <si>
    <t>GMES KOT KARAM BUKHSH</t>
  </si>
  <si>
    <t>Ghuinke teh Daska Disst Sialkot</t>
  </si>
  <si>
    <t>Kot Karam Bukhsh</t>
  </si>
  <si>
    <t>Ghuinke</t>
  </si>
  <si>
    <t>Khalida Iftikhar Ghuman</t>
  </si>
  <si>
    <t>44712</t>
  </si>
  <si>
    <t>22659</t>
  </si>
  <si>
    <t>GMPS ISHRA</t>
  </si>
  <si>
    <t>Ishra</t>
  </si>
  <si>
    <t>village ishra tehsil and district gujrat</t>
  </si>
  <si>
    <t>48228</t>
  </si>
  <si>
    <t>12405</t>
  </si>
  <si>
    <t>13357</t>
  </si>
  <si>
    <t>GHS TIBBI SOLGI</t>
  </si>
  <si>
    <t>NEAR OFFICE OF THE  U/C WAH LASHARI, TIBBI SOLGI</t>
  </si>
  <si>
    <t>12407</t>
  </si>
  <si>
    <t>GPS CHAK NO 168/M</t>
  </si>
  <si>
    <t>Chak 168/M</t>
  </si>
  <si>
    <t>CHAK 168/M TEHSIL CHISHTIAN DISTT BAHAWALNAGAR</t>
  </si>
  <si>
    <t>Chak 167/M</t>
  </si>
  <si>
    <t>Mohammad Shahzad Siddique</t>
  </si>
  <si>
    <t>28753</t>
  </si>
  <si>
    <t>GPS VEER SINGH WALA</t>
  </si>
  <si>
    <t>Veer Sngh Wala P.O Gillan Wala Tehsil Chunian District Kasur.</t>
  </si>
  <si>
    <t>Veer Singh Wala</t>
  </si>
  <si>
    <t>26929</t>
  </si>
  <si>
    <t>GGES ASADULLAH PUR</t>
  </si>
  <si>
    <t>Asadullah pur, Vanike Tarar, Hafizabad</t>
  </si>
  <si>
    <t>Alloudin Kay Chatta</t>
  </si>
  <si>
    <t>GGPS CHAK NO. 168/7-R MIDDLE</t>
  </si>
  <si>
    <t>168/7R M</t>
  </si>
  <si>
    <t>Balqees AKhter</t>
  </si>
  <si>
    <t>13735</t>
  </si>
  <si>
    <t>GMPS RANA NAGAR</t>
  </si>
  <si>
    <t>GGMPS Rana Nagar</t>
  </si>
  <si>
    <t>Basti Lunjawani</t>
  </si>
  <si>
    <t>Alishah Mazhar</t>
  </si>
  <si>
    <t>27104</t>
  </si>
  <si>
    <t>GMPS KOT SALEEM</t>
  </si>
  <si>
    <t>Kot Saleem</t>
  </si>
  <si>
    <t>kot Salem.p/o qadirabad colony.tehsil &amp; district hafizabad</t>
  </si>
  <si>
    <t>Shoaib Ullah</t>
  </si>
  <si>
    <t>28604</t>
  </si>
  <si>
    <t>GHS HUSSAIN KHAN WALA CHAK NO 8</t>
  </si>
  <si>
    <t>HUSSAIN KHAN WALA CHAK NO 8</t>
  </si>
  <si>
    <t>GOVT. HIGH SCHOOL HUSSAIN KHAN WALA CHAK NO 8</t>
  </si>
  <si>
    <t>107325</t>
  </si>
  <si>
    <t>11554</t>
  </si>
  <si>
    <t>GMPS SANDAN WALA</t>
  </si>
  <si>
    <t>Sindhana Wala</t>
  </si>
  <si>
    <t>village sindhana wala p.o kallur</t>
  </si>
  <si>
    <t>Sindhanawala</t>
  </si>
  <si>
    <t>Azra yasmeen</t>
  </si>
  <si>
    <t>25933</t>
  </si>
  <si>
    <t>38934</t>
  </si>
  <si>
    <t>GHS FATEH JANG NO.1</t>
  </si>
  <si>
    <t>PINDI ROAD NEAR PANI WALI TANKI FATEH JANG</t>
  </si>
  <si>
    <t>MOH. HIGH SCHOOL NO. 1 FATEH JANG</t>
  </si>
  <si>
    <t>mc fateh jang</t>
  </si>
  <si>
    <t>Ajmal Baig</t>
  </si>
  <si>
    <t>GES CHAK NO 50 TDA</t>
  </si>
  <si>
    <t>chak no 50 tda</t>
  </si>
  <si>
    <t>50 TDA</t>
  </si>
  <si>
    <t>11265</t>
  </si>
  <si>
    <t>21964</t>
  </si>
  <si>
    <t>39556</t>
  </si>
  <si>
    <t>GPS DHOK NAKKA</t>
  </si>
  <si>
    <t>GBPS NAKA pindsultani</t>
  </si>
  <si>
    <t>GHS CHAK 199/8R</t>
  </si>
  <si>
    <t>chak no.199 /8r</t>
  </si>
  <si>
    <t>Chak No199/8r</t>
  </si>
  <si>
    <t>Husnain Ahmad Nasir</t>
  </si>
  <si>
    <t>112500</t>
  </si>
  <si>
    <t>27119</t>
  </si>
  <si>
    <t>GMES QILA USMAN GHANI</t>
  </si>
  <si>
    <t>Qila Usman Ghanni</t>
  </si>
  <si>
    <t>qila usman ghanni</t>
  </si>
  <si>
    <t>Noreen Iqbal</t>
  </si>
  <si>
    <t>Bailal Kot</t>
  </si>
  <si>
    <t>bilal kot chishtian</t>
  </si>
  <si>
    <t>IMTiAZ AHMED</t>
  </si>
  <si>
    <t>34990</t>
  </si>
  <si>
    <t>GGPS BASTI ZOHRA</t>
  </si>
  <si>
    <t>basti Zahra po ghazi pur</t>
  </si>
  <si>
    <t>Basti Zahra</t>
  </si>
  <si>
    <t>Sumaira Sadiq</t>
  </si>
  <si>
    <t>42663</t>
  </si>
  <si>
    <t>GGPS DHARAN PUJGRAN</t>
  </si>
  <si>
    <t>dherian punjgran</t>
  </si>
  <si>
    <t>Dherian Punjgran</t>
  </si>
  <si>
    <t>Iqra Israr</t>
  </si>
  <si>
    <t>42470</t>
  </si>
  <si>
    <t>11584</t>
  </si>
  <si>
    <t>GGHS CHAK NO 152 JB</t>
  </si>
  <si>
    <t>GOVT. GIRLS HIGH SCHOOL, CHAK NO. 152-JB GATTI KAMOKA, TEHSIL &amp; DISTRICT CHINIOT</t>
  </si>
  <si>
    <t>GATTI KAMOKA</t>
  </si>
  <si>
    <t>CHAK NO. 153-JB GATTI SYEDAN</t>
  </si>
  <si>
    <t>Asmat Jalal</t>
  </si>
  <si>
    <t>11585</t>
  </si>
  <si>
    <t>14963</t>
  </si>
  <si>
    <t>GPS 35/GB</t>
  </si>
  <si>
    <t>Ladhi Majra</t>
  </si>
  <si>
    <t>Chak no 35 GB</t>
  </si>
  <si>
    <t>Chak 35 GB</t>
  </si>
  <si>
    <t>11588</t>
  </si>
  <si>
    <t>22608</t>
  </si>
  <si>
    <t>GGES CPC KUNJAH NO.2</t>
  </si>
  <si>
    <t>Mohallah Aloki Kunjah</t>
  </si>
  <si>
    <t>39472</t>
  </si>
  <si>
    <t>GHS BHATIOT</t>
  </si>
  <si>
    <t>v&amp;po Bhatiot Tehsil jand District Attok</t>
  </si>
  <si>
    <t>Noman Qadeer</t>
  </si>
  <si>
    <t>7717</t>
  </si>
  <si>
    <t>GES GHUMAN</t>
  </si>
  <si>
    <t>Ghuman</t>
  </si>
  <si>
    <t>ghuman</t>
  </si>
  <si>
    <t>27223</t>
  </si>
  <si>
    <t>GPS DHAKOO SHAHAN NAU</t>
  </si>
  <si>
    <t>Dhakoo Shahana Nau</t>
  </si>
  <si>
    <t>Dhakoo shahana nau</t>
  </si>
  <si>
    <t>Dhkoo Shahana Nau</t>
  </si>
  <si>
    <t>11598</t>
  </si>
  <si>
    <t>46658</t>
  </si>
  <si>
    <t>GHS NASRI WALA</t>
  </si>
  <si>
    <t>nasri wala</t>
  </si>
  <si>
    <t>NASRI WALA Kamar Mushani Mianwali</t>
  </si>
  <si>
    <t>SHAHZAD HASSAN khan</t>
  </si>
  <si>
    <t>11599</t>
  </si>
  <si>
    <t>13626</t>
  </si>
  <si>
    <t>GGPS MULLAN WALA</t>
  </si>
  <si>
    <t>Pol Wala</t>
  </si>
  <si>
    <t>basti perhar mouza pool wah jampur</t>
  </si>
  <si>
    <t>Basti perhar</t>
  </si>
  <si>
    <t>Imtiaz Begum</t>
  </si>
  <si>
    <t>GHS CHAK NO. 103/F</t>
  </si>
  <si>
    <t>103f</t>
  </si>
  <si>
    <t>chak # 103f chishtian</t>
  </si>
  <si>
    <t>40f</t>
  </si>
  <si>
    <t>35043</t>
  </si>
  <si>
    <t>GHS DAD JAMLERA</t>
  </si>
  <si>
    <t>basti Dad jamlera</t>
  </si>
  <si>
    <t>abdul khaliq</t>
  </si>
  <si>
    <t>11603</t>
  </si>
  <si>
    <t>GES CHAK NO. 94/ML</t>
  </si>
  <si>
    <t>chak no 94 ml</t>
  </si>
  <si>
    <t>94 Ml</t>
  </si>
  <si>
    <t>90 Ml</t>
  </si>
  <si>
    <t>Muhammad Nouman Habib</t>
  </si>
  <si>
    <t>GPS NADDAY</t>
  </si>
  <si>
    <t>Mouza Nadday</t>
  </si>
  <si>
    <t>mouza nadday p/o hujra shah muqeem</t>
  </si>
  <si>
    <t>Moza Nadday</t>
  </si>
  <si>
    <t>Phola Toli</t>
  </si>
  <si>
    <t>47736</t>
  </si>
  <si>
    <t>11607</t>
  </si>
  <si>
    <t>44349</t>
  </si>
  <si>
    <t>GES BHAWANPUR</t>
  </si>
  <si>
    <t>bhawan pur p/o behal tehsil and district bhakkar</t>
  </si>
  <si>
    <t>Bhawan Pur</t>
  </si>
  <si>
    <t>46464</t>
  </si>
  <si>
    <t>37134</t>
  </si>
  <si>
    <t>28945</t>
  </si>
  <si>
    <t>GGPS BHAIR SODIAN</t>
  </si>
  <si>
    <t>Bhair Sodian</t>
  </si>
  <si>
    <t>bhair sodian teh chunian disit kasur</t>
  </si>
  <si>
    <t>Bhair Sidian</t>
  </si>
  <si>
    <t>Bhaghyana Khurd</t>
  </si>
  <si>
    <t>Uzma Sehar</t>
  </si>
  <si>
    <t>51105</t>
  </si>
  <si>
    <t>11611</t>
  </si>
  <si>
    <t>43286</t>
  </si>
  <si>
    <t>GPS PUNJAIN</t>
  </si>
  <si>
    <t>PUNJAIN</t>
  </si>
  <si>
    <t>VPO PUNJAIN TEHSIL AND DISTRICT CHAKWAL</t>
  </si>
  <si>
    <t>11612</t>
  </si>
  <si>
    <t>GGES CHAK 181 GB ARIAN WALI</t>
  </si>
  <si>
    <t>Arian Wali</t>
  </si>
  <si>
    <t>chak no 181 gb</t>
  </si>
  <si>
    <t>181 Gb</t>
  </si>
  <si>
    <t>245 Gb</t>
  </si>
  <si>
    <t>11613</t>
  </si>
  <si>
    <t>GGES CHAK NO 444 JB GAWANS</t>
  </si>
  <si>
    <t>Korianwala</t>
  </si>
  <si>
    <t>G GES Chack no 444</t>
  </si>
  <si>
    <t>Chack no 444</t>
  </si>
  <si>
    <t>Khudija Akhter</t>
  </si>
  <si>
    <t>49084</t>
  </si>
  <si>
    <t>38295</t>
  </si>
  <si>
    <t>GPS CHAK NO.27/3-R</t>
  </si>
  <si>
    <t>27/3r</t>
  </si>
  <si>
    <t>chak 27/3r</t>
  </si>
  <si>
    <t>M Akmal Khan</t>
  </si>
  <si>
    <t>32058</t>
  </si>
  <si>
    <t>GGHS CHAK 258 RB LAMA PIND FSD</t>
  </si>
  <si>
    <t>dijkot</t>
  </si>
  <si>
    <t>258rb lama pind</t>
  </si>
  <si>
    <t>lama pind</t>
  </si>
  <si>
    <t>pharala</t>
  </si>
  <si>
    <t>Gulraiz Ghazala</t>
  </si>
  <si>
    <t>11621</t>
  </si>
  <si>
    <t>27076</t>
  </si>
  <si>
    <t>GMPS RAI CHAND</t>
  </si>
  <si>
    <t>Raichand</t>
  </si>
  <si>
    <t>rai chand</t>
  </si>
  <si>
    <t>Rai Chand</t>
  </si>
  <si>
    <t>Sadwahtarar</t>
  </si>
  <si>
    <t>Musarat Bano</t>
  </si>
  <si>
    <t>GPS GAGA</t>
  </si>
  <si>
    <t>GAGA KALAN</t>
  </si>
  <si>
    <t>GPS GAGA DASKA SIALKOT</t>
  </si>
  <si>
    <t>YOUNAS-ABAD</t>
  </si>
  <si>
    <t>Muhammad Tanveer Mughal</t>
  </si>
  <si>
    <t>39524</t>
  </si>
  <si>
    <t>GPS BAILA</t>
  </si>
  <si>
    <t>Baila</t>
  </si>
  <si>
    <t>village Baila Tehsil Jand District Attock</t>
  </si>
  <si>
    <t>Asghar Mahmood</t>
  </si>
  <si>
    <t>49410</t>
  </si>
  <si>
    <t>22361</t>
  </si>
  <si>
    <t>GPS KOANKH</t>
  </si>
  <si>
    <t>koankh</t>
  </si>
  <si>
    <t>jalalpur sobtian</t>
  </si>
  <si>
    <t>Imrozia Bashir</t>
  </si>
  <si>
    <t>11632</t>
  </si>
  <si>
    <t>GHS 28 EB TEH ARIF WALA</t>
  </si>
  <si>
    <t>28EB</t>
  </si>
  <si>
    <t>Chak No.28/E.B Tehsil Arifwala District Pakpattan</t>
  </si>
  <si>
    <t>Chak No. 28/EB</t>
  </si>
  <si>
    <t>Chak No.34/E.B</t>
  </si>
  <si>
    <t>10031</t>
  </si>
  <si>
    <t>11635</t>
  </si>
  <si>
    <t>20482</t>
  </si>
  <si>
    <t>GES AROOP (EAST)</t>
  </si>
  <si>
    <t>GPS RAUM WALI</t>
  </si>
  <si>
    <t>Raum Wali</t>
  </si>
  <si>
    <t>GPS Raum Wali</t>
  </si>
  <si>
    <t>GGHS CHAK NO 13 JB</t>
  </si>
  <si>
    <t>Chak 13jb</t>
  </si>
  <si>
    <t>Chak No 13 Sarwala teh/distt. Chiniot</t>
  </si>
  <si>
    <t>Chak 13 Sarwala Chak 13 Sarwala</t>
  </si>
  <si>
    <t>Chak 13 Sarwala</t>
  </si>
  <si>
    <t>Rizwana Batool</t>
  </si>
  <si>
    <t>8401</t>
  </si>
  <si>
    <t>GGPS PACCA SHEHDAD</t>
  </si>
  <si>
    <t>G.g p/s pacca shehdad</t>
  </si>
  <si>
    <t>Pacca Shehdad</t>
  </si>
  <si>
    <t>Hina Yasmin</t>
  </si>
  <si>
    <t>44370</t>
  </si>
  <si>
    <t>GGES YOUSAF SHAH</t>
  </si>
  <si>
    <t>GGES yousaf shah bhakkar</t>
  </si>
  <si>
    <t>Basti Amir Khan</t>
  </si>
  <si>
    <t>ROOH AFZA</t>
  </si>
  <si>
    <t>42701</t>
  </si>
  <si>
    <t>GGPS SIHAL KHAINGER</t>
  </si>
  <si>
    <t>sahal khingar</t>
  </si>
  <si>
    <t>GGPS sahal khingar po daryala khaki</t>
  </si>
  <si>
    <t>jarmot kalan</t>
  </si>
  <si>
    <t>Shahnaz Fazal Karim</t>
  </si>
  <si>
    <t>GHS CHINIOT</t>
  </si>
  <si>
    <t>NEAR GERNAL BUS STAND, SARGODHA ROAD, CHINIOT</t>
  </si>
  <si>
    <t>FATEH ABAD</t>
  </si>
  <si>
    <t>SALARY</t>
  </si>
  <si>
    <t>ghulam fareed</t>
  </si>
  <si>
    <t>GPS JAGGA SANATEKA</t>
  </si>
  <si>
    <t>Jagga Sanateka</t>
  </si>
  <si>
    <t>Chak rany wala moza jagga sanateka tehsil and district bahawal nagar</t>
  </si>
  <si>
    <t>Sobia Masood</t>
  </si>
  <si>
    <t>22773</t>
  </si>
  <si>
    <t>12421</t>
  </si>
  <si>
    <t>22562</t>
  </si>
  <si>
    <t>GGPS SARHALI KHURD</t>
  </si>
  <si>
    <t>Sarhali khurd</t>
  </si>
  <si>
    <t>village Sarhali khurd t/d gujrat</t>
  </si>
  <si>
    <t>Maimona Ali</t>
  </si>
  <si>
    <t>40450</t>
  </si>
  <si>
    <t>13058</t>
  </si>
  <si>
    <t>GHS BINDA ISHAQ</t>
  </si>
  <si>
    <t>binda ishaq</t>
  </si>
  <si>
    <t>Mouza and p/o binda ishaq tehsil jatoi district muzaffar garh</t>
  </si>
  <si>
    <t>Ghulam Nazik Malik</t>
  </si>
  <si>
    <t>10318</t>
  </si>
  <si>
    <t>GGPS SIDHU PURA, P/O QATAL PUR, SARAI SIDHU</t>
  </si>
  <si>
    <t>Ggps sidhu Pura dakhana qtal pur</t>
  </si>
  <si>
    <t>Qtal Pur</t>
  </si>
  <si>
    <t>21053</t>
  </si>
  <si>
    <t>12427</t>
  </si>
  <si>
    <t>42679</t>
  </si>
  <si>
    <t>GGPS HABIB KINAL</t>
  </si>
  <si>
    <t>Dhuma</t>
  </si>
  <si>
    <t>GGMPSHabib kanyal Gujar Khan</t>
  </si>
  <si>
    <t>Habib Kanyal</t>
  </si>
  <si>
    <t>mamoona batool</t>
  </si>
  <si>
    <t>7391</t>
  </si>
  <si>
    <t>20790</t>
  </si>
  <si>
    <t>12429</t>
  </si>
  <si>
    <t>Boole Wala</t>
  </si>
  <si>
    <t>basti rindan</t>
  </si>
  <si>
    <t>52228</t>
  </si>
  <si>
    <t>GHS HUJRA SHAH MUQEEM</t>
  </si>
  <si>
    <t>hujra shah muqeem</t>
  </si>
  <si>
    <t>MODHAWALA</t>
  </si>
  <si>
    <t>46909</t>
  </si>
  <si>
    <t>GGPS JHALLAR</t>
  </si>
  <si>
    <t>trag sharki</t>
  </si>
  <si>
    <t>p/o trag village jhallar teh eesakhel dist mianwali.</t>
  </si>
  <si>
    <t>jhallar</t>
  </si>
  <si>
    <t>trag</t>
  </si>
  <si>
    <t>Sajda Rashid</t>
  </si>
  <si>
    <t>GMES 353/WB</t>
  </si>
  <si>
    <t>Chak No 353/wb</t>
  </si>
  <si>
    <t>chak no 353/w.b Tehsil Dunyapur District LodhranL</t>
  </si>
  <si>
    <t>chak No 353/wb</t>
  </si>
  <si>
    <t>353WB</t>
  </si>
  <si>
    <t>shazia nasim</t>
  </si>
  <si>
    <t>12438</t>
  </si>
  <si>
    <t>50450</t>
  </si>
  <si>
    <t>GPS 88/12-L KALAN</t>
  </si>
  <si>
    <t>8812L</t>
  </si>
  <si>
    <t>Muhammad bashir</t>
  </si>
  <si>
    <t>12652</t>
  </si>
  <si>
    <t>GGES OLD CHISHTIAN</t>
  </si>
  <si>
    <t>G.G.E/S old ctn</t>
  </si>
  <si>
    <t>Humera  Tariq</t>
  </si>
  <si>
    <t>4985</t>
  </si>
  <si>
    <t>12441</t>
  </si>
  <si>
    <t>GHS CHAK NO.455/EB</t>
  </si>
  <si>
    <t>Chak No 455/EB</t>
  </si>
  <si>
    <t>Chak No. 455/EB Burewala District Vehari</t>
  </si>
  <si>
    <t>43484</t>
  </si>
  <si>
    <t>GGPS JANDIAL FAIZULLAH</t>
  </si>
  <si>
    <t>Jandial Faizullah</t>
  </si>
  <si>
    <t>Robia Perveen</t>
  </si>
  <si>
    <t>12447</t>
  </si>
  <si>
    <t>GES CHAPRI</t>
  </si>
  <si>
    <t>VILLAGE CHAPHRI BHORAL, TEHSIL JAND, DISTT. ATTOCK</t>
  </si>
  <si>
    <t>Mansoor Khalid</t>
  </si>
  <si>
    <t>43958</t>
  </si>
  <si>
    <t>28750</t>
  </si>
  <si>
    <t>GPS TEARTH CHUNIAN</t>
  </si>
  <si>
    <t>village teerath po wan khara via changa manga  chunian kasur</t>
  </si>
  <si>
    <t>20915</t>
  </si>
  <si>
    <t>21423</t>
  </si>
  <si>
    <t>GPS KOT HARI CHAND</t>
  </si>
  <si>
    <t>mohala rasool nagar line par kamoke tehsile kamoke district gujranwala</t>
  </si>
  <si>
    <t>Kot Rafiq</t>
  </si>
  <si>
    <t>13392</t>
  </si>
  <si>
    <t>GGES LAL GARH</t>
  </si>
  <si>
    <t>lal garh</t>
  </si>
  <si>
    <t>Harand</t>
  </si>
  <si>
    <t>Ayesha Riaz</t>
  </si>
  <si>
    <t>12455</t>
  </si>
  <si>
    <t>23659</t>
  </si>
  <si>
    <t>GGHS RAM RAYAN KHURD</t>
  </si>
  <si>
    <t>Ram Arian Khurd</t>
  </si>
  <si>
    <t>village ram arian khurd p.o talhara tehsil daska district sialkot</t>
  </si>
  <si>
    <t>Ram Arian  Khurd</t>
  </si>
  <si>
    <t>Salokey</t>
  </si>
  <si>
    <t>Sadaf Ashraf</t>
  </si>
  <si>
    <t>44736</t>
  </si>
  <si>
    <t>GGPS BAIR WALA CHAK NO. 26 TDA</t>
  </si>
  <si>
    <t>Dgar Aulakh</t>
  </si>
  <si>
    <t>chack no 26 TDA bairwala</t>
  </si>
  <si>
    <t>Farkhanda Khursheed</t>
  </si>
  <si>
    <t>GHS GAJUJI</t>
  </si>
  <si>
    <t>POST OFFICE CHABRI BALA, DGKHAN</t>
  </si>
  <si>
    <t>GAJOOJI</t>
  </si>
  <si>
    <t>22641</t>
  </si>
  <si>
    <t>GGES MUND</t>
  </si>
  <si>
    <t>Mand</t>
  </si>
  <si>
    <t>GGES Mand, gujrat</t>
  </si>
  <si>
    <t>27148</t>
  </si>
  <si>
    <t>samra</t>
  </si>
  <si>
    <t>AZRA SHARIF</t>
  </si>
  <si>
    <t>12463</t>
  </si>
  <si>
    <t>GGPS SARKAL KASSAR</t>
  </si>
  <si>
    <t>VPO KHAS SARKAL KASSAR</t>
  </si>
  <si>
    <t>12469</t>
  </si>
  <si>
    <t>28792</t>
  </si>
  <si>
    <t>GPS MARATHIAN</t>
  </si>
  <si>
    <t>Martian</t>
  </si>
  <si>
    <t>martian</t>
  </si>
  <si>
    <t>Sarisar</t>
  </si>
  <si>
    <t>12472</t>
  </si>
  <si>
    <t>39739</t>
  </si>
  <si>
    <t>GGPS PAIE KHAIL</t>
  </si>
  <si>
    <t>paikhail</t>
  </si>
  <si>
    <t>dist attock,teh jand,p/o paikhel</t>
  </si>
  <si>
    <t>dakhnair</t>
  </si>
  <si>
    <t>naheed kosar</t>
  </si>
  <si>
    <t>local arrange</t>
  </si>
  <si>
    <t>34143</t>
  </si>
  <si>
    <t>15095</t>
  </si>
  <si>
    <t>GGES SHEIKH MEHMOOD WALA</t>
  </si>
  <si>
    <t>sheikh mehood waka</t>
  </si>
  <si>
    <t>gges sheikh mehmood wala</t>
  </si>
  <si>
    <t>sheikh mehmood  wala</t>
  </si>
  <si>
    <t>Farah un Nisa</t>
  </si>
  <si>
    <t>15058</t>
  </si>
  <si>
    <t>GGES CHAK NO 130/6-R</t>
  </si>
  <si>
    <t>Azafi Basti 130/6r</t>
  </si>
  <si>
    <t>chak no 130/6 R</t>
  </si>
  <si>
    <t>438/6 R</t>
  </si>
  <si>
    <t>12479</t>
  </si>
  <si>
    <t>27019</t>
  </si>
  <si>
    <t>GMPS SHORI CHATHA</t>
  </si>
  <si>
    <t>Shori Chatha</t>
  </si>
  <si>
    <t>shori  chatha</t>
  </si>
  <si>
    <t>Kaliawala</t>
  </si>
  <si>
    <t>Andleeb Afzal</t>
  </si>
  <si>
    <t>GMPS NIYA NOORSAR</t>
  </si>
  <si>
    <t>BWN.11-FEMALE</t>
  </si>
  <si>
    <t>Moran Wala</t>
  </si>
  <si>
    <t>chak new noor sar teh&amp; dist bahawlnagar</t>
  </si>
  <si>
    <t>New Noor Sar</t>
  </si>
  <si>
    <t>12483</t>
  </si>
  <si>
    <t>38419</t>
  </si>
  <si>
    <t>GHS MIAN PUR ARIAN</t>
  </si>
  <si>
    <t>MIAN PUR ARAIN</t>
  </si>
  <si>
    <t>TEHSIL DUNYA PUR P/O QUTAB PUR DISTRICT LODHRAN</t>
  </si>
  <si>
    <t>Syed Muhammad Jamil Shah</t>
  </si>
  <si>
    <t>22849</t>
  </si>
  <si>
    <t>GGPS BABAY DA LAHORE</t>
  </si>
  <si>
    <t>Babay Da Lahore</t>
  </si>
  <si>
    <t>babay da lahore</t>
  </si>
  <si>
    <t>Gulshan Shehzadi</t>
  </si>
  <si>
    <t>12494</t>
  </si>
  <si>
    <t>28819</t>
  </si>
  <si>
    <t>GPS BASTI BHALI WALI</t>
  </si>
  <si>
    <t>Basti Bhali Wali</t>
  </si>
  <si>
    <t>basti bhali wali teh. chunian district kasur</t>
  </si>
  <si>
    <t>Basti Bhali wali</t>
  </si>
  <si>
    <t>bagihana  Khurd</t>
  </si>
  <si>
    <t>GGPS MOHANEY KHEL</t>
  </si>
  <si>
    <t>Saeeda Khanam</t>
  </si>
  <si>
    <t>46948</t>
  </si>
  <si>
    <t>GMPS QURESHIAN WALA</t>
  </si>
  <si>
    <t>uc no 4 Sultan khel Isa khel</t>
  </si>
  <si>
    <t>Naheed Bibi</t>
  </si>
  <si>
    <t>28854</t>
  </si>
  <si>
    <t>GGPS BOOTA SINGH</t>
  </si>
  <si>
    <t>Kot Boota Singh</t>
  </si>
  <si>
    <t>kot boota Singh</t>
  </si>
  <si>
    <t>18385</t>
  </si>
  <si>
    <t>12618</t>
  </si>
  <si>
    <t>GPS CHAK NO.327/HRL</t>
  </si>
  <si>
    <t>Post Office Maroot Chak No 327/HR Tehsi:Fortabbas District:Bahawalnagar</t>
  </si>
  <si>
    <t>327/HR Pull Colony</t>
  </si>
  <si>
    <t>Abdul Sattar Zain</t>
  </si>
  <si>
    <t>12619</t>
  </si>
  <si>
    <t>GPS CHAK NO 426/6-R</t>
  </si>
  <si>
    <t>426/6r</t>
  </si>
  <si>
    <t>chak No 426/6r tehsil Haroonabad Dist BWN</t>
  </si>
  <si>
    <t>GPS CHAK NO. 245 TDA</t>
  </si>
  <si>
    <t>CHAK NO. 245TDA</t>
  </si>
  <si>
    <t>Chak no 245TDA</t>
  </si>
  <si>
    <t>MC FATEHPUR</t>
  </si>
  <si>
    <t>muhammad sami ullah</t>
  </si>
  <si>
    <t>12624</t>
  </si>
  <si>
    <t>GGPS MODEL DHOK BAGH</t>
  </si>
  <si>
    <t>Baghsana</t>
  </si>
  <si>
    <t>dhoke bagh</t>
  </si>
  <si>
    <t>Dhoke Bagh</t>
  </si>
  <si>
    <t>11659</t>
  </si>
  <si>
    <t>46853</t>
  </si>
  <si>
    <t>GGPS CHORAN WALA</t>
  </si>
  <si>
    <t>sharif abad teh isakhel district mianwali</t>
  </si>
  <si>
    <t>12626</t>
  </si>
  <si>
    <t>GGPS KANJOORI</t>
  </si>
  <si>
    <t>GGPS Kanjuri</t>
  </si>
  <si>
    <t>Kanjuri</t>
  </si>
  <si>
    <t>Gohar Nishan</t>
  </si>
  <si>
    <t>mizile motor</t>
  </si>
  <si>
    <t>12627</t>
  </si>
  <si>
    <t>22524</t>
  </si>
  <si>
    <t>GMPS KHARIAN KHURD</t>
  </si>
  <si>
    <t>Kharin Khurd</t>
  </si>
  <si>
    <t>gmps kharian khurd</t>
  </si>
  <si>
    <t>Kharian Khurd</t>
  </si>
  <si>
    <t>Hazara Mughla</t>
  </si>
  <si>
    <t>Misbah Kousar</t>
  </si>
  <si>
    <t>13228</t>
  </si>
  <si>
    <t>GGHS KOTLA GAMOON</t>
  </si>
  <si>
    <t>Kotla Ganmun</t>
  </si>
  <si>
    <t>kotla ganmun tehsil jatoi distt. m.garh</t>
  </si>
  <si>
    <t>Neelmah Akhtar</t>
  </si>
  <si>
    <t>51160</t>
  </si>
  <si>
    <t>39645</t>
  </si>
  <si>
    <t>GGPS DHOK BAND</t>
  </si>
  <si>
    <t>Dhoke Band</t>
  </si>
  <si>
    <t>vpo basal teh Jand Distt attock</t>
  </si>
  <si>
    <t>Maryum Sultana</t>
  </si>
  <si>
    <t>GPS 94 RB</t>
  </si>
  <si>
    <t>Atti</t>
  </si>
  <si>
    <t>chak no 94 R.B Atti</t>
  </si>
  <si>
    <t>Chak 94 RB</t>
  </si>
  <si>
    <t>Chak 97</t>
  </si>
  <si>
    <t>13161</t>
  </si>
  <si>
    <t>51938</t>
  </si>
  <si>
    <t>GPS 349 EB</t>
  </si>
  <si>
    <t>349/eb</t>
  </si>
  <si>
    <t>M Aslam Tahir</t>
  </si>
  <si>
    <t>11914</t>
  </si>
  <si>
    <t>53106</t>
  </si>
  <si>
    <t>GPS MUD DUR MUHAMMAD</t>
  </si>
  <si>
    <t>HAJIPUR</t>
  </si>
  <si>
    <t>MUD GLORY SHARQI HAJIPUR TEHSIL JAMPUR</t>
  </si>
  <si>
    <t>MUD GLORY</t>
  </si>
  <si>
    <t>Jamshaid Ghaffar</t>
  </si>
  <si>
    <t>take water from pond</t>
  </si>
  <si>
    <t>12651</t>
  </si>
  <si>
    <t>38533</t>
  </si>
  <si>
    <t>GES CHAK NO. 297/WB</t>
  </si>
  <si>
    <t>297 wb</t>
  </si>
  <si>
    <t>chak no 297 wb tehsil dunya pur</t>
  </si>
  <si>
    <t>maqool wah</t>
  </si>
  <si>
    <t>Naveed Akhtar Bashir</t>
  </si>
  <si>
    <t>12653</t>
  </si>
  <si>
    <t>GES CHAK CHOOPA</t>
  </si>
  <si>
    <t>Chak Chopa</t>
  </si>
  <si>
    <t>GES Chak Chopa</t>
  </si>
  <si>
    <t>12654</t>
  </si>
  <si>
    <t>17794</t>
  </si>
  <si>
    <t>GGPS CHERAG PAK</t>
  </si>
  <si>
    <t>Chak No171/JB</t>
  </si>
  <si>
    <t>GGPS Cheragh Pak</t>
  </si>
  <si>
    <t>Mangani</t>
  </si>
  <si>
    <t>Chak No175/JB</t>
  </si>
  <si>
    <t>Shoukat Bagum</t>
  </si>
  <si>
    <t>GHS JAND WALA</t>
  </si>
  <si>
    <t>jand wala</t>
  </si>
  <si>
    <t>jand wala p/o chunian</t>
  </si>
  <si>
    <t>Muhammad Imran Sarwar</t>
  </si>
  <si>
    <t>22307</t>
  </si>
  <si>
    <t>GPS PHULLARWAN</t>
  </si>
  <si>
    <t>vpo phularwan gujrat</t>
  </si>
  <si>
    <t>Muhammad Inayat</t>
  </si>
  <si>
    <t>51780</t>
  </si>
  <si>
    <t>50306</t>
  </si>
  <si>
    <t>GHS CHAK NO. 132/6R</t>
  </si>
  <si>
    <t>chak no.132-6r Tehsil:Haroonabad</t>
  </si>
  <si>
    <t>132-6r</t>
  </si>
  <si>
    <t>49196</t>
  </si>
  <si>
    <t>30350</t>
  </si>
  <si>
    <t>13823</t>
  </si>
  <si>
    <t>GGCMS SINDHI WALA</t>
  </si>
  <si>
    <t>MAHAL MAKOWAL</t>
  </si>
  <si>
    <t>CHAH SINDHI WALA</t>
  </si>
  <si>
    <t>afsheen zahra</t>
  </si>
  <si>
    <t>42647</t>
  </si>
  <si>
    <t>GGPS NARALI JABBAR</t>
  </si>
  <si>
    <t>Narali Jabbair</t>
  </si>
  <si>
    <t>village narali jabbair.post office changa bangial.Tehsil Gujar khan.Distt Rawalpindi</t>
  </si>
  <si>
    <t>5064</t>
  </si>
  <si>
    <t>50637</t>
  </si>
  <si>
    <t>GGCMES 13/11-L</t>
  </si>
  <si>
    <t>13/11L</t>
  </si>
  <si>
    <t>Sumera Rafiq</t>
  </si>
  <si>
    <t>50478</t>
  </si>
  <si>
    <t>51874</t>
  </si>
  <si>
    <t>GPS MEHMOOD PUR ABOHAR</t>
  </si>
  <si>
    <t>Mehmood Pur Abohar</t>
  </si>
  <si>
    <t>chak Mehmood pur Abohar P/0 7Eb Tesil  Arif wala Distt Pakpattan</t>
  </si>
  <si>
    <t>Jewan Shah</t>
  </si>
  <si>
    <t>12673</t>
  </si>
  <si>
    <t>GES TOLEKE</t>
  </si>
  <si>
    <t>Toleke</t>
  </si>
  <si>
    <t>toleke virkan</t>
  </si>
  <si>
    <t>Rana Muhammad Zafar Iqbal</t>
  </si>
  <si>
    <t>GPS JHANDEER WAH</t>
  </si>
  <si>
    <t>Moza jhandirwah P /O Same Tehsil Dunyapur District Lodhran</t>
  </si>
  <si>
    <t>Ejaz Ahmed Awan</t>
  </si>
  <si>
    <t>12676</t>
  </si>
  <si>
    <t>GGHS DAGGAR RATHAS</t>
  </si>
  <si>
    <t>Daggar Rahtas</t>
  </si>
  <si>
    <t>GGHS DAGGAR RAHTAS NEAR UC DAGGAR RAHTAS BASTI MIAN PANJA</t>
  </si>
  <si>
    <t>naheed parveen</t>
  </si>
  <si>
    <t>7107</t>
  </si>
  <si>
    <t>GPS MODEL KHINGER MAMDHAL</t>
  </si>
  <si>
    <t>Khinger Mamdal</t>
  </si>
  <si>
    <t>village and p/o khinger mamdal kalan Teh Gujarkhan Distt Rawalpindi</t>
  </si>
  <si>
    <t>Khinger Mamdal Kalan</t>
  </si>
  <si>
    <t>Yasmeen Arshad</t>
  </si>
  <si>
    <t>Moter</t>
  </si>
  <si>
    <t>27299</t>
  </si>
  <si>
    <t>24755</t>
  </si>
  <si>
    <t>22678</t>
  </si>
  <si>
    <t>GMPS DHILLO GHARBI</t>
  </si>
  <si>
    <t>Dhillo Gharbi</t>
  </si>
  <si>
    <t>village dehlu gharbi p/o kunjah tehsile and district Gujrat</t>
  </si>
  <si>
    <t>Shehar Bano Saleem</t>
  </si>
  <si>
    <t>22284</t>
  </si>
  <si>
    <t>GPS MOHLA KHURD</t>
  </si>
  <si>
    <t>Mohla Khurad</t>
  </si>
  <si>
    <t>village mohla khurd post office mohla klan District and tehsil gujrat</t>
  </si>
  <si>
    <t>Mohla khurad</t>
  </si>
  <si>
    <t>Amir Nazeer</t>
  </si>
  <si>
    <t>49045</t>
  </si>
  <si>
    <t>39767</t>
  </si>
  <si>
    <t>GPS DHOK KHATAR</t>
  </si>
  <si>
    <t>Dhoke Khattar</t>
  </si>
  <si>
    <t>VPO Thatti Sayedan</t>
  </si>
  <si>
    <t>Muhammad Sabir Khan</t>
  </si>
  <si>
    <t>25742</t>
  </si>
  <si>
    <t>35237</t>
  </si>
  <si>
    <t>GPS 239 EB</t>
  </si>
  <si>
    <t>239eb</t>
  </si>
  <si>
    <t>chak no 239/eb</t>
  </si>
  <si>
    <t>239/EB</t>
  </si>
  <si>
    <t>Ijaz Abbas</t>
  </si>
  <si>
    <t>28903</t>
  </si>
  <si>
    <t>GGPS BURJ RANSINGH</t>
  </si>
  <si>
    <t>Burj Run Singh</t>
  </si>
  <si>
    <t>Burj Run Singh tech.chunian dist.kasur</t>
  </si>
  <si>
    <t>47037</t>
  </si>
  <si>
    <t>53947</t>
  </si>
  <si>
    <t>GGPS CHAK NO 69 RB-II</t>
  </si>
  <si>
    <t>ghaseet pura</t>
  </si>
  <si>
    <t>69 rB -II jaranwala faisalabad</t>
  </si>
  <si>
    <t>chota ghaseet pura</t>
  </si>
  <si>
    <t>70 chak</t>
  </si>
  <si>
    <t>39535</t>
  </si>
  <si>
    <t>GPS DHOK DOSA</t>
  </si>
  <si>
    <t>Dhoke Dosa</t>
  </si>
  <si>
    <t>vpo rangli tehsil jand distt attock</t>
  </si>
  <si>
    <t>Pinsultani</t>
  </si>
  <si>
    <t>12708</t>
  </si>
  <si>
    <t>GHS MANGHERAN SHARIF</t>
  </si>
  <si>
    <t>MANGHERAN SHARIF</t>
  </si>
  <si>
    <t>GOVT HIGH SCHOOL MANGHERAN SHARIF CHISHTIAN</t>
  </si>
  <si>
    <t>JHEDUAN</t>
  </si>
  <si>
    <t>IRSHAD AHMED</t>
  </si>
  <si>
    <t>GPS GHAZI CHAK</t>
  </si>
  <si>
    <t>Ghazi chak, gujrat</t>
  </si>
  <si>
    <t>Ghazi Chak</t>
  </si>
  <si>
    <t>Umer Hassan Butt</t>
  </si>
  <si>
    <t>GPS CHAK NO. 16/1-R</t>
  </si>
  <si>
    <t>Chak 16/1R</t>
  </si>
  <si>
    <t>chak.no. 16/1R</t>
  </si>
  <si>
    <t>20/3r</t>
  </si>
  <si>
    <t>sana ullah</t>
  </si>
  <si>
    <t>12714</t>
  </si>
  <si>
    <t>42357</t>
  </si>
  <si>
    <t>GHSS KAUNTRILA</t>
  </si>
  <si>
    <t>VILL AND PO KAUNTRILA TEHSIL GUJARKHAN DISTRICT RAWALPINDI</t>
  </si>
  <si>
    <t>54867</t>
  </si>
  <si>
    <t>GPS SHARIF FARM RAHWALI</t>
  </si>
  <si>
    <t>Sharif Farm Rahwali</t>
  </si>
  <si>
    <t>Muhammad Luqman Sajid</t>
  </si>
  <si>
    <t>38595</t>
  </si>
  <si>
    <t>GGPS CHAK 22/M</t>
  </si>
  <si>
    <t>22/m</t>
  </si>
  <si>
    <t>chakno 22/m</t>
  </si>
  <si>
    <t>Robina Farooq</t>
  </si>
  <si>
    <t>34156</t>
  </si>
  <si>
    <t>13665</t>
  </si>
  <si>
    <t>GGPS KHOT WALA</t>
  </si>
  <si>
    <t>basti rindan mushraf abad</t>
  </si>
  <si>
    <t>Rashida Begum</t>
  </si>
  <si>
    <t>12729</t>
  </si>
  <si>
    <t>22688</t>
  </si>
  <si>
    <t>GMPS SAIDA</t>
  </si>
  <si>
    <t>village Saida post office Bazuragwal tehsil &amp; district Gujrat</t>
  </si>
  <si>
    <t>Sana Aqeel</t>
  </si>
  <si>
    <t>50134</t>
  </si>
  <si>
    <t>GHS 23/14-L</t>
  </si>
  <si>
    <t>CHAK NO 23/14-L CHICHawatni distt sahiwal</t>
  </si>
  <si>
    <t>23/14-L</t>
  </si>
  <si>
    <t>GPS CHAK NO 101 TDA GARA</t>
  </si>
  <si>
    <t>Dagar sewag</t>
  </si>
  <si>
    <t>chak no 101 T D A Gara Tehsil karor District Layyah</t>
  </si>
  <si>
    <t>chak no 101 T D A Gara</t>
  </si>
  <si>
    <t>42122</t>
  </si>
  <si>
    <t>GMPS KUNJARI</t>
  </si>
  <si>
    <t>Kunjahri</t>
  </si>
  <si>
    <t>kunjhari</t>
  </si>
  <si>
    <t>Farah Deeba</t>
  </si>
  <si>
    <t>35759</t>
  </si>
  <si>
    <t>GGPS CHAK NO. 128/M DARBAR</t>
  </si>
  <si>
    <t>128m</t>
  </si>
  <si>
    <t>128 m basti darbar</t>
  </si>
  <si>
    <t>38677</t>
  </si>
  <si>
    <t>GGPS 30 M</t>
  </si>
  <si>
    <t>Chk30/m</t>
  </si>
  <si>
    <t>30M</t>
  </si>
  <si>
    <t>35M</t>
  </si>
  <si>
    <t>Rashida Naseer</t>
  </si>
  <si>
    <t>18788</t>
  </si>
  <si>
    <t>GGCMES CHAK 299 JB</t>
  </si>
  <si>
    <t>299JB</t>
  </si>
  <si>
    <t>Govt. girls community model elementary school 299jb gojra</t>
  </si>
  <si>
    <t>Chak No 301JB</t>
  </si>
  <si>
    <t>Aisha Rehman</t>
  </si>
  <si>
    <t>12271</t>
  </si>
  <si>
    <t>GPS TIBBA MUHAMMAD NAGAR NO.3</t>
  </si>
  <si>
    <t>Purana Chajjoke Road Tibba Muhammad Nagar Kamoke ,Gujranwala</t>
  </si>
  <si>
    <t>Tibba Muhammad Nagar  Kamoke</t>
  </si>
  <si>
    <t>Kamoke Urban</t>
  </si>
  <si>
    <t>SALMAN KHAN</t>
  </si>
  <si>
    <t>41674</t>
  </si>
  <si>
    <t>GGPS RAVI</t>
  </si>
  <si>
    <t>Ravi k.kot</t>
  </si>
  <si>
    <t>31743</t>
  </si>
  <si>
    <t>GPS JAMADAR WALA</t>
  </si>
  <si>
    <t>Rukan Wala</t>
  </si>
  <si>
    <t>chah jamadar wala</t>
  </si>
  <si>
    <t>Jamadarwala</t>
  </si>
  <si>
    <t>Jasso Kanwain</t>
  </si>
  <si>
    <t>30641</t>
  </si>
  <si>
    <t>12275</t>
  </si>
  <si>
    <t>GHS HARRAND</t>
  </si>
  <si>
    <t>P/O Harrand Tehsil Jampur District Rajanpur</t>
  </si>
  <si>
    <t>Muhammad Imran Khalil</t>
  </si>
  <si>
    <t>16328</t>
  </si>
  <si>
    <t>GGPS CHAK NO 297 TDA</t>
  </si>
  <si>
    <t>Chak No 297/TDA</t>
  </si>
  <si>
    <t>GGPS chak no. 297/TDA tehsil karor district layyah</t>
  </si>
  <si>
    <t>Chak No. 297/TDA</t>
  </si>
  <si>
    <t>Chak No. 306/TDA</t>
  </si>
  <si>
    <t>13171</t>
  </si>
  <si>
    <t>11116</t>
  </si>
  <si>
    <t>12282</t>
  </si>
  <si>
    <t>42713</t>
  </si>
  <si>
    <t>GGPS MUSTALA</t>
  </si>
  <si>
    <t>Mastala</t>
  </si>
  <si>
    <t>vil mastala,p.o adhi</t>
  </si>
  <si>
    <t>Summera Bashir</t>
  </si>
  <si>
    <t>12283</t>
  </si>
  <si>
    <t>22230</t>
  </si>
  <si>
    <t>GGES BAKHRI WALI</t>
  </si>
  <si>
    <t>Bhakrewali</t>
  </si>
  <si>
    <t>bhakrewali</t>
  </si>
  <si>
    <t>Noor Un Nahar</t>
  </si>
  <si>
    <t>12284</t>
  </si>
  <si>
    <t>GPS CHAK NO 175/M</t>
  </si>
  <si>
    <t>175/ MURAD</t>
  </si>
  <si>
    <t>GPS Chak No 175/Murad</t>
  </si>
  <si>
    <t>175/Murad</t>
  </si>
  <si>
    <t>Chak No 167/Murad</t>
  </si>
  <si>
    <t>43185</t>
  </si>
  <si>
    <t>GGHS WARWAL</t>
  </si>
  <si>
    <t>WARWAL</t>
  </si>
  <si>
    <t>VILLAGE AND POST OFFICE WARWAL</t>
  </si>
  <si>
    <t>TALAT ABBAS</t>
  </si>
  <si>
    <t>28739</t>
  </si>
  <si>
    <t>GPS LAMBAY KHALSA</t>
  </si>
  <si>
    <t>Lambay Khalsa</t>
  </si>
  <si>
    <t>lambay khalsa po chunian district kasur</t>
  </si>
  <si>
    <t>GPS CHAK NO 80/1-L (A)</t>
  </si>
  <si>
    <t>80/1l A</t>
  </si>
  <si>
    <t>80/1l</t>
  </si>
  <si>
    <t>80/1 L A</t>
  </si>
  <si>
    <t>Muhammad Saleem Shahid</t>
  </si>
  <si>
    <t>12295</t>
  </si>
  <si>
    <t>GPS CHAK NO 529/EB</t>
  </si>
  <si>
    <t>Chack No 529/EB</t>
  </si>
  <si>
    <t>Chack No 529/EB Burewala</t>
  </si>
  <si>
    <t>Chack No 521/EB</t>
  </si>
  <si>
    <t>Muhammad Nadeem Shan</t>
  </si>
  <si>
    <t>54602</t>
  </si>
  <si>
    <t>GPS SOLANGI AWAN</t>
  </si>
  <si>
    <t>village solangi awan hafizabad</t>
  </si>
  <si>
    <t>42677</t>
  </si>
  <si>
    <t>GGPS DONGI DAIM</t>
  </si>
  <si>
    <t>Dhore</t>
  </si>
  <si>
    <t>village n po dongi dam, tehsil gujar khan,distt rawalpindi</t>
  </si>
  <si>
    <t>Dongi Dam</t>
  </si>
  <si>
    <t>Adeela Nazir</t>
  </si>
  <si>
    <t>24387</t>
  </si>
  <si>
    <t>GMPS KHOKHAR BHUDDO</t>
  </si>
  <si>
    <t>Khokhar Bhuddu</t>
  </si>
  <si>
    <t>khokhar bhoudo</t>
  </si>
  <si>
    <t>Khokhar Bhoudo</t>
  </si>
  <si>
    <t>Marri Thakran</t>
  </si>
  <si>
    <t>Khalida Meraj</t>
  </si>
  <si>
    <t>44983</t>
  </si>
  <si>
    <t>GMPS MODEL SAGWAN</t>
  </si>
  <si>
    <t>Saggu Shumali Dagar</t>
  </si>
  <si>
    <t>saggu shumali Teh.Kallur Kot District Bhakkar</t>
  </si>
  <si>
    <t>Noon Dagger</t>
  </si>
  <si>
    <t>FATIMA AROOJ</t>
  </si>
  <si>
    <t>12308</t>
  </si>
  <si>
    <t>6321</t>
  </si>
  <si>
    <t>GMPS 120 MURAD</t>
  </si>
  <si>
    <t>FEMALE-21</t>
  </si>
  <si>
    <t>120 M</t>
  </si>
  <si>
    <t>8/1R Tehsil Haroonabad</t>
  </si>
  <si>
    <t>118 M</t>
  </si>
  <si>
    <t>Shafqat Tahira</t>
  </si>
  <si>
    <t>23628</t>
  </si>
  <si>
    <t>GGHS LURHIKI</t>
  </si>
  <si>
    <t>lurhiki</t>
  </si>
  <si>
    <t>gghs lurhiki</t>
  </si>
  <si>
    <t>bhrthanwala</t>
  </si>
  <si>
    <t>FARAH ZARIN</t>
  </si>
  <si>
    <t>12312</t>
  </si>
  <si>
    <t>GGPS LASKANI WALA</t>
  </si>
  <si>
    <t>Government  Girls  primary school Laskani wala</t>
  </si>
  <si>
    <t>Laskani wala</t>
  </si>
  <si>
    <t>21455</t>
  </si>
  <si>
    <t>GPS KORI KOT</t>
  </si>
  <si>
    <t>Kori Kot</t>
  </si>
  <si>
    <t>Markaz wahndo village kori kot kamoke gujranwala</t>
  </si>
  <si>
    <t>Syed Dildar Hussain</t>
  </si>
  <si>
    <t>28821</t>
  </si>
  <si>
    <t>GPS BIA SINGH WALA</t>
  </si>
  <si>
    <t>Bia Singh Wala</t>
  </si>
  <si>
    <t>Bia Singh Wala, Tehsil Chunian Distt. Kasur.</t>
  </si>
  <si>
    <t>GPS CHAK NO. 19/1-R</t>
  </si>
  <si>
    <t>GPS 19/1-R, Tehsil Haroonabad, District Bahawalnagar</t>
  </si>
  <si>
    <t>Inayat Hussain</t>
  </si>
  <si>
    <t>46913</t>
  </si>
  <si>
    <t>GGPS YOUSUF KHAN WALA</t>
  </si>
  <si>
    <t>Trug Sharqi</t>
  </si>
  <si>
    <t>Ggps yousaf khan wala lalanwala thalp/o trug ESA khel mianwala</t>
  </si>
  <si>
    <t>Trug</t>
  </si>
  <si>
    <t>Rukhsana Kauser</t>
  </si>
  <si>
    <t>GES ALIANI</t>
  </si>
  <si>
    <t>Government boys elementary school basti Aliani Moza wadoor dera ghazi khan</t>
  </si>
  <si>
    <t>Aliani</t>
  </si>
  <si>
    <t>Mlk Abdul rasheed</t>
  </si>
  <si>
    <t>GPS GEEGAY</t>
  </si>
  <si>
    <t>GPS KALARA KHASA</t>
  </si>
  <si>
    <t>kalra khasa</t>
  </si>
  <si>
    <t>kalra khasa estate area gujrat</t>
  </si>
  <si>
    <t>kalra kalan</t>
  </si>
  <si>
    <t>Tanzila Munir</t>
  </si>
  <si>
    <t>37441</t>
  </si>
  <si>
    <t>GGPS MIAN DHAKI</t>
  </si>
  <si>
    <t>Nara Taraf Nara</t>
  </si>
  <si>
    <t>village miandahki po chhab tehsil jand district attock</t>
  </si>
  <si>
    <t>Miandhakki</t>
  </si>
  <si>
    <t>Miandhaki</t>
  </si>
  <si>
    <t>21463</t>
  </si>
  <si>
    <t>GPS KHOTHREY</t>
  </si>
  <si>
    <t>Khotrey</t>
  </si>
  <si>
    <t>khotrey</t>
  </si>
  <si>
    <t>Shoakat Ali</t>
  </si>
  <si>
    <t>GHS CHAK NO 125 JB</t>
  </si>
  <si>
    <t>chak no 125 jb jappay tehsil and district chiniot</t>
  </si>
  <si>
    <t>chak no. 125 jb jappay</t>
  </si>
  <si>
    <t>chak no 125 jappay</t>
  </si>
  <si>
    <t>8435</t>
  </si>
  <si>
    <t>GGPS 35/M SOUTH COLONY</t>
  </si>
  <si>
    <t>35M Colony</t>
  </si>
  <si>
    <t>chak 35/m calony tehsil dunyapur,district lodhran</t>
  </si>
  <si>
    <t>35/m calony</t>
  </si>
  <si>
    <t>chak 35/m</t>
  </si>
  <si>
    <t>Fauzia Perveen</t>
  </si>
  <si>
    <t>32204</t>
  </si>
  <si>
    <t>34201</t>
  </si>
  <si>
    <t>GGPS MUHAMMAD PURA</t>
  </si>
  <si>
    <t>GGpS Muhammad pura</t>
  </si>
  <si>
    <t>247/EB</t>
  </si>
  <si>
    <t>Ayesha Habib</t>
  </si>
  <si>
    <t>23418</t>
  </si>
  <si>
    <t>GGPS GOBIND PURA</t>
  </si>
  <si>
    <t>Moza gobind pura post office sawai wala</t>
  </si>
  <si>
    <t>Deenan Wala</t>
  </si>
  <si>
    <t>22502</t>
  </si>
  <si>
    <t>GMPS GILI WALA</t>
  </si>
  <si>
    <t>Gilliwala</t>
  </si>
  <si>
    <t>Vill Gilliwala P.O Jalal Pur Jattan Tehsil And Dist Gujrat</t>
  </si>
  <si>
    <t>Musarrat Kausar</t>
  </si>
  <si>
    <t>15537</t>
  </si>
  <si>
    <t>12367</t>
  </si>
  <si>
    <t>46663</t>
  </si>
  <si>
    <t>GHS DALLA MIR WALA</t>
  </si>
  <si>
    <t>Dala Mir Wala</t>
  </si>
  <si>
    <t>village dila mir wala po kamar tehsil isa khel district mianwali</t>
  </si>
  <si>
    <t>Pakka Kamar Mishani</t>
  </si>
  <si>
    <t>muhammad shakeel khan</t>
  </si>
  <si>
    <t>GPS SAHKAY</t>
  </si>
  <si>
    <t>Sahkay</t>
  </si>
  <si>
    <t>sahkay</t>
  </si>
  <si>
    <t>14874</t>
  </si>
  <si>
    <t>GGPS NANDRAK ABAD</t>
  </si>
  <si>
    <t>Nara Taraf</t>
  </si>
  <si>
    <t>village nandrakabad  tehsil jand district attock</t>
  </si>
  <si>
    <t>Nandrak Abad</t>
  </si>
  <si>
    <t>Fatima Rehman</t>
  </si>
  <si>
    <t>42088</t>
  </si>
  <si>
    <t>22283</t>
  </si>
  <si>
    <t>GPS DHERKEY KALAN</t>
  </si>
  <si>
    <t>Dheerkey Kalan</t>
  </si>
  <si>
    <t>village deerky kalan</t>
  </si>
  <si>
    <t>Ashiqh Hussain</t>
  </si>
  <si>
    <t>30150</t>
  </si>
  <si>
    <t>GPS BHELOWAL</t>
  </si>
  <si>
    <t>village bhelowal p/o bhagowal kalan tehsile&amp;district gujrat</t>
  </si>
  <si>
    <t>46458</t>
  </si>
  <si>
    <t>32037</t>
  </si>
  <si>
    <t>GHS CHAK NO. 206 MURAD</t>
  </si>
  <si>
    <t>Chak No. 206/M Chishtian</t>
  </si>
  <si>
    <t>chak 206/M</t>
  </si>
  <si>
    <t>Muhammad Yousuf</t>
  </si>
  <si>
    <t>20521</t>
  </si>
  <si>
    <t>GGHS WANIA WALA</t>
  </si>
  <si>
    <t>Village wania Wala near sialkot bypass grw</t>
  </si>
  <si>
    <t>Iqra Saifullah</t>
  </si>
  <si>
    <t>GGPS MAKKI MASJID</t>
  </si>
  <si>
    <t>moh kherowal p/o Trag try issa khel msinwali</t>
  </si>
  <si>
    <t>25841</t>
  </si>
  <si>
    <t>22464</t>
  </si>
  <si>
    <t>GMPS RAMBRIAN WALA</t>
  </si>
  <si>
    <t>Ramberianwala</t>
  </si>
  <si>
    <t>Khajasta Azam</t>
  </si>
  <si>
    <t>GPS QAMAR-UL-ISLAM</t>
  </si>
  <si>
    <t>Jhang Janoobi</t>
  </si>
  <si>
    <t>Near Tanky Basti Dewan Wali Jhang Sadder</t>
  </si>
  <si>
    <t>Basti Dewan Wali Jhang Sadder</t>
  </si>
  <si>
    <t>Ward 17 MC Jhang</t>
  </si>
  <si>
    <t>42727</t>
  </si>
  <si>
    <t>Thekrian Gujran</t>
  </si>
  <si>
    <t>will&amp;P.O Thekrian Gujran Teh Gujar Khan Distt Rawalpindi</t>
  </si>
  <si>
    <t>Naveeda Naz</t>
  </si>
  <si>
    <t>GPS RAHMANNI</t>
  </si>
  <si>
    <t>Rahmani</t>
  </si>
  <si>
    <t>Basti rahmani post office mehta jhedu tehsil chishtain district Bahawalnagar</t>
  </si>
  <si>
    <t>13125</t>
  </si>
  <si>
    <t>28907</t>
  </si>
  <si>
    <t>GGPS CHEENA HITHAR</t>
  </si>
  <si>
    <t>Cheena Hithar</t>
  </si>
  <si>
    <t>18443</t>
  </si>
  <si>
    <t>GES KHASA</t>
  </si>
  <si>
    <t>Khasa</t>
  </si>
  <si>
    <t>villagekhasatehseelodistrictgujrat</t>
  </si>
  <si>
    <t>Muhammad usama sabri</t>
  </si>
  <si>
    <t>43750</t>
  </si>
  <si>
    <t>52186</t>
  </si>
  <si>
    <t>GMPS DALAIL KAY</t>
  </si>
  <si>
    <t>Dalail kay</t>
  </si>
  <si>
    <t>dalail kay</t>
  </si>
  <si>
    <t>Tahmina Khan</t>
  </si>
  <si>
    <t>24595</t>
  </si>
  <si>
    <t>13134</t>
  </si>
  <si>
    <t>36670</t>
  </si>
  <si>
    <t>GGES 4/D, ABDUL HAKIM</t>
  </si>
  <si>
    <t>4D</t>
  </si>
  <si>
    <t>chak#4d</t>
  </si>
  <si>
    <t>Chak#4d</t>
  </si>
  <si>
    <t>Chak#13d</t>
  </si>
  <si>
    <t>Shazia Anjum</t>
  </si>
  <si>
    <t>26910</t>
  </si>
  <si>
    <t>GGHS RAMKE CHATTHA</t>
  </si>
  <si>
    <t>RAMKE CHATTHA</t>
  </si>
  <si>
    <t>vill  P/O  RAMKE CHATTHA</t>
  </si>
  <si>
    <t>SHAHIDA SHAMSHAD</t>
  </si>
  <si>
    <t>13141</t>
  </si>
  <si>
    <t>15021</t>
  </si>
  <si>
    <t>GGHSS 586 GB</t>
  </si>
  <si>
    <t>586 GB</t>
  </si>
  <si>
    <t>586 GB II JARANWALA NEAR MANDI BUCHIANA</t>
  </si>
  <si>
    <t>586 GB II JARANWALA</t>
  </si>
  <si>
    <t>Samia Chaudhari</t>
  </si>
  <si>
    <t>32482</t>
  </si>
  <si>
    <t>GPS Kot Shahan P/O Secondary Education Board Teh. &amp; Distt. Grw.</t>
  </si>
  <si>
    <t>Lohianwala</t>
  </si>
  <si>
    <t>13826</t>
  </si>
  <si>
    <t>GGPS MUHAMMAD PUR HANBHI</t>
  </si>
  <si>
    <t>Hanbhi</t>
  </si>
  <si>
    <t>muhammad pur hanbhi tehsil jampur disst.rajanpur</t>
  </si>
  <si>
    <t>Muhammad Pur Hanbhi</t>
  </si>
  <si>
    <t>AAKFA MUBARAK</t>
  </si>
  <si>
    <t>GPS CHAK 51/F</t>
  </si>
  <si>
    <t>Chak 51f</t>
  </si>
  <si>
    <t>chak 51f</t>
  </si>
  <si>
    <t>Imran Farooq Hashmi</t>
  </si>
  <si>
    <t>13159</t>
  </si>
  <si>
    <t>52232</t>
  </si>
  <si>
    <t>GHS DHULIANA</t>
  </si>
  <si>
    <t>Dhuliana</t>
  </si>
  <si>
    <t>Moza Dhuliana Tehsil Depalpur District Okara</t>
  </si>
  <si>
    <t>11048</t>
  </si>
  <si>
    <t>51002</t>
  </si>
  <si>
    <t>GHS MUHAMMAD ALI</t>
  </si>
  <si>
    <t>Na</t>
  </si>
  <si>
    <t>bhoun road CHAKWAL</t>
  </si>
  <si>
    <t>9956</t>
  </si>
  <si>
    <t>28622</t>
  </si>
  <si>
    <t>GGHS ROSSA TIBBA CHAK NO.1</t>
  </si>
  <si>
    <t>Rosa Tibba</t>
  </si>
  <si>
    <t>rossa tibba chak no.1 Tehsil Chunian District kasur</t>
  </si>
  <si>
    <t>rossa tibba chak no.1</t>
  </si>
  <si>
    <t>saddah</t>
  </si>
  <si>
    <t>Mamoona hafeez</t>
  </si>
  <si>
    <t>51183</t>
  </si>
  <si>
    <t>22625</t>
  </si>
  <si>
    <t>GGES DHAROWAL</t>
  </si>
  <si>
    <t>Humara Batool</t>
  </si>
  <si>
    <t>44960</t>
  </si>
  <si>
    <t>35295</t>
  </si>
  <si>
    <t>GPS 313 EB</t>
  </si>
  <si>
    <t>313/EB</t>
  </si>
  <si>
    <t>chak no 313/EB Sahuka road Burewala</t>
  </si>
  <si>
    <t>Chak No 317/EB</t>
  </si>
  <si>
    <t>32931</t>
  </si>
  <si>
    <t>GHS CHAK 64/4-R</t>
  </si>
  <si>
    <t>Chak No.64/4R HAROONABAD</t>
  </si>
  <si>
    <t>64/4r</t>
  </si>
  <si>
    <t>Muhammad Khalid Iqbal</t>
  </si>
  <si>
    <t>GGES CHAK NO 128/M</t>
  </si>
  <si>
    <t>GGES  128m</t>
  </si>
  <si>
    <t>Chak No 128m</t>
  </si>
  <si>
    <t>43075</t>
  </si>
  <si>
    <t>GHS KARYALA TEH &amp; DISTT CHAKWAL</t>
  </si>
  <si>
    <t>Noor Asab Khan Zia</t>
  </si>
  <si>
    <t>22352</t>
  </si>
  <si>
    <t>GPS DHODHA SHARIF</t>
  </si>
  <si>
    <t>dhodha sharif</t>
  </si>
  <si>
    <t>vill and p o dhodha sharif gujrat</t>
  </si>
  <si>
    <t>Dhodha Sharif</t>
  </si>
  <si>
    <t>Ghulam Waheed</t>
  </si>
  <si>
    <t>GGPS BUNGA IHSAN BIBI NO. 2</t>
  </si>
  <si>
    <t>Marri Mian Sahib</t>
  </si>
  <si>
    <t>ggps bonga ihsan bibi.#02</t>
  </si>
  <si>
    <t>bonga ahsan bibinoi</t>
  </si>
  <si>
    <t>marimian sahib</t>
  </si>
  <si>
    <t>42763</t>
  </si>
  <si>
    <t>13186</t>
  </si>
  <si>
    <t>46900</t>
  </si>
  <si>
    <t>GGPS GHAROAN WALA</t>
  </si>
  <si>
    <t>Tani Khek</t>
  </si>
  <si>
    <t>vill    gharuanwala   po   kamar mushani  teh  isakhel</t>
  </si>
  <si>
    <t>Gharuanwala</t>
  </si>
  <si>
    <t>Shehla Anbreen</t>
  </si>
  <si>
    <t>GPS CHAK NO. 94/F</t>
  </si>
  <si>
    <t>Chak No 94/F</t>
  </si>
  <si>
    <t>Chak no.94/F Tehsil Chishtian Bahawalnagar</t>
  </si>
  <si>
    <t>95/F A</t>
  </si>
  <si>
    <t>13193</t>
  </si>
  <si>
    <t>28929</t>
  </si>
  <si>
    <t>GMPS KOT VEER SINGH</t>
  </si>
  <si>
    <t>Kot Veer Singh</t>
  </si>
  <si>
    <t>kot veer singh</t>
  </si>
  <si>
    <t>Shamaila Aslam</t>
  </si>
  <si>
    <t>19548</t>
  </si>
  <si>
    <t>52057</t>
  </si>
  <si>
    <t>GMPS 45 EB</t>
  </si>
  <si>
    <t>45eb</t>
  </si>
  <si>
    <t>GMPS 45eb Tehseel Arifwala,Distt.Pakpattan</t>
  </si>
  <si>
    <t>18Kb</t>
  </si>
  <si>
    <t>Hanifa BIBI</t>
  </si>
  <si>
    <t>GGPS CHAK NO. 142/6-R A.B</t>
  </si>
  <si>
    <t>142/6 Ab</t>
  </si>
  <si>
    <t>Chak no 142/6r azafi bsti</t>
  </si>
  <si>
    <t>142/6r Ab</t>
  </si>
  <si>
    <t>142/6r</t>
  </si>
  <si>
    <t>shabeena naheed</t>
  </si>
  <si>
    <t>13198</t>
  </si>
  <si>
    <t>GPS NAWAN CHAK</t>
  </si>
  <si>
    <t>Nawan Chak</t>
  </si>
  <si>
    <t>Basti Gori p/o Kotla Mughlan  Tehsil Jampur District rajanpur</t>
  </si>
  <si>
    <t>Baste Gori Nawan Chak</t>
  </si>
  <si>
    <t>50619</t>
  </si>
  <si>
    <t>38493</t>
  </si>
  <si>
    <t>GPS SARLA CHAK</t>
  </si>
  <si>
    <t>chak sarla Dunya Pur lodhran</t>
  </si>
  <si>
    <t>Sarla Chak</t>
  </si>
  <si>
    <t>231wB</t>
  </si>
  <si>
    <t>M Sharif</t>
  </si>
  <si>
    <t>18518</t>
  </si>
  <si>
    <t>GGHS CHAK 248 GB MALARRY</t>
  </si>
  <si>
    <t>CHAK NO. 248 GB TEHSIL GOJRA DISTRICT T.T.SINGH</t>
  </si>
  <si>
    <t>CHAK NO. 248 GB</t>
  </si>
  <si>
    <t>CHAK NO. 245 GB</t>
  </si>
  <si>
    <t>REHANA TABASSUM</t>
  </si>
  <si>
    <t>9045</t>
  </si>
  <si>
    <t>GHSS ISLAMIA CHAK NO. 232 JB</t>
  </si>
  <si>
    <t>GHSS Chak no 232. jhang.</t>
  </si>
  <si>
    <t>CHAK NO 232 JB</t>
  </si>
  <si>
    <t>syed nazakat ul husnain</t>
  </si>
  <si>
    <t>54607</t>
  </si>
  <si>
    <t>GES UDDOKE</t>
  </si>
  <si>
    <t>Govt. Elementary School Uddoke</t>
  </si>
  <si>
    <t>Babar Sher</t>
  </si>
  <si>
    <t>49813</t>
  </si>
  <si>
    <t>18635</t>
  </si>
  <si>
    <t>GPS CHAK 280 JB I</t>
  </si>
  <si>
    <t>280 Jb</t>
  </si>
  <si>
    <t>chak # 280 jb gojra T.T.singh</t>
  </si>
  <si>
    <t>281 Jb Dawakhari</t>
  </si>
  <si>
    <t>Muhammad Ateeq Ghaffar</t>
  </si>
  <si>
    <t>33356</t>
  </si>
  <si>
    <t>28673</t>
  </si>
  <si>
    <t>16887</t>
  </si>
  <si>
    <t>39487</t>
  </si>
  <si>
    <t>GGHSS BASAL</t>
  </si>
  <si>
    <t>vpo basal tehsil jand district attock</t>
  </si>
  <si>
    <t>Najma Begum</t>
  </si>
  <si>
    <t>14674</t>
  </si>
  <si>
    <t>GGHS CHAK 214 RB DUDUW WALA</t>
  </si>
  <si>
    <t>chak no 214 RB</t>
  </si>
  <si>
    <t>214 RB himmatpura, faisalabad</t>
  </si>
  <si>
    <t>himmatpura</t>
  </si>
  <si>
    <t>HINA YAQUB</t>
  </si>
  <si>
    <t>48542</t>
  </si>
  <si>
    <t>33514</t>
  </si>
  <si>
    <t>44929</t>
  </si>
  <si>
    <t>46965</t>
  </si>
  <si>
    <t>GGPS WALI DAD SODHRI</t>
  </si>
  <si>
    <t>wandha zareef khan wala moza sodhri</t>
  </si>
  <si>
    <t>Nazia Khanam</t>
  </si>
  <si>
    <t>52034</t>
  </si>
  <si>
    <t>GGPS 26 EB</t>
  </si>
  <si>
    <t>26/E.B tahsil arifwala</t>
  </si>
  <si>
    <t>34 EB</t>
  </si>
  <si>
    <t>Tayyaba Shafiq</t>
  </si>
  <si>
    <t>48323</t>
  </si>
  <si>
    <t>44566</t>
  </si>
  <si>
    <t>GGHS BHARMI NAWAB SAHIB</t>
  </si>
  <si>
    <t>Bharmi</t>
  </si>
  <si>
    <t>bharmi nawab</t>
  </si>
  <si>
    <t>Bharmi Nawab</t>
  </si>
  <si>
    <t>Hamo Wal</t>
  </si>
  <si>
    <t>HUMAIRA KHALID</t>
  </si>
  <si>
    <t>23595</t>
  </si>
  <si>
    <t>GHS GOINDKAY</t>
  </si>
  <si>
    <t>GHS Goindke</t>
  </si>
  <si>
    <t>47734</t>
  </si>
  <si>
    <t>13001</t>
  </si>
  <si>
    <t>GPS CHAK NO. 20/3-R NO. 1</t>
  </si>
  <si>
    <t>chak 20/3R</t>
  </si>
  <si>
    <t>GGES SOYIAN</t>
  </si>
  <si>
    <t>Sohian</t>
  </si>
  <si>
    <t>VPO SOHIAN TEHSIL AND DISTRICT GUJRANWALA</t>
  </si>
  <si>
    <t>Mavra Iftikhar</t>
  </si>
  <si>
    <t>49310</t>
  </si>
  <si>
    <t>GES CHAK 167/M</t>
  </si>
  <si>
    <t>Chak 167/M Teh: Chishtian Distt: BWN</t>
  </si>
  <si>
    <t>13024</t>
  </si>
  <si>
    <t>17252</t>
  </si>
  <si>
    <t>GPS CHAK NO 166 JB NIKA DAB</t>
  </si>
  <si>
    <t>chak#166jb nikkay dab tehsil and district jhang</t>
  </si>
  <si>
    <t>Chak#166jb Nikkay Dab</t>
  </si>
  <si>
    <t>Chak No169jb</t>
  </si>
  <si>
    <t>47361</t>
  </si>
  <si>
    <t>GGHSS 35/M</t>
  </si>
  <si>
    <t>CHAK 35M POST OFFICE 35M Tehsil DUNYAPUR DISTRICT LODHRAN</t>
  </si>
  <si>
    <t>Musarrat Rafiq</t>
  </si>
  <si>
    <t>GPS CHAK NO 70/4-R</t>
  </si>
  <si>
    <t>GPS 70/4.R</t>
  </si>
  <si>
    <t>Muhammd Iqbal</t>
  </si>
  <si>
    <t>47004</t>
  </si>
  <si>
    <t>GGCMS SOHRI WALA</t>
  </si>
  <si>
    <t>Sohri</t>
  </si>
  <si>
    <t>kammer Mushani near railway station</t>
  </si>
  <si>
    <t>Sohriwala</t>
  </si>
  <si>
    <t>Nimra Amir</t>
  </si>
  <si>
    <t>30773</t>
  </si>
  <si>
    <t>13031</t>
  </si>
  <si>
    <t>GMPS KOTLI MOMAN</t>
  </si>
  <si>
    <t>Kotli Moman</t>
  </si>
  <si>
    <t>kotli moman tehsil daska district Sialkot</t>
  </si>
  <si>
    <t>Khadija Tul kubra</t>
  </si>
  <si>
    <t>GGCMES CHAK NO 18</t>
  </si>
  <si>
    <t>CHAK 18</t>
  </si>
  <si>
    <t>Government Girls community model elementary school CHAK 18 kasur</t>
  </si>
  <si>
    <t>52407</t>
  </si>
  <si>
    <t>13038</t>
  </si>
  <si>
    <t>GPS MC NO.2 KAMOKE</t>
  </si>
  <si>
    <t>Noor e Islam kamoke</t>
  </si>
  <si>
    <t>Jalil Ahmad Khan PST General</t>
  </si>
  <si>
    <t>22391</t>
  </si>
  <si>
    <t>GPS JHAMAT ABAD</t>
  </si>
  <si>
    <t>Jhamat Abad</t>
  </si>
  <si>
    <t>Jhamat Abad, P.O Chak Kamala, Tehsil and District  Gujrat</t>
  </si>
  <si>
    <t>13044</t>
  </si>
  <si>
    <t>GHS BALKASSAR</t>
  </si>
  <si>
    <t>BALKASSAR</t>
  </si>
  <si>
    <t>VILLAGE AND POST OFFICE BALKASSAR TEHSIL AND DISTRICT CHAKWAL</t>
  </si>
  <si>
    <t>CH Amir Afzal</t>
  </si>
  <si>
    <t>GMPS KHARAJ PURA</t>
  </si>
  <si>
    <t>Kharaj Pura</t>
  </si>
  <si>
    <t>GMP/S kharaj pura</t>
  </si>
  <si>
    <t>Denan Wala</t>
  </si>
  <si>
    <t>Maria Ikram</t>
  </si>
  <si>
    <t>28603</t>
  </si>
  <si>
    <t>GHS RASOOL PUR CHAK NO. 5</t>
  </si>
  <si>
    <t>Rasool Pur Ch No 5</t>
  </si>
  <si>
    <t>Jagoo Wala Ch No 4</t>
  </si>
  <si>
    <t>Asim Mehmood Qamar</t>
  </si>
  <si>
    <t>53858</t>
  </si>
  <si>
    <t>GPS KHANDU WALI</t>
  </si>
  <si>
    <t>Khandowali</t>
  </si>
  <si>
    <t>Village Khanduwali, tehsil Daska,  sialkot</t>
  </si>
  <si>
    <t>Khanduwali</t>
  </si>
  <si>
    <t>Neelam Yousaf</t>
  </si>
  <si>
    <t>46939</t>
  </si>
  <si>
    <t>GGPS NIZAM KHEL</t>
  </si>
  <si>
    <t>post office makerwal</t>
  </si>
  <si>
    <t>Razia Yasmeen</t>
  </si>
  <si>
    <t>51991</t>
  </si>
  <si>
    <t>GPS 343 EB NAWABAWALA</t>
  </si>
  <si>
    <t>343/EB</t>
  </si>
  <si>
    <t>343/E.B Nawabanwala</t>
  </si>
  <si>
    <t>343/EB Nawabanwala</t>
  </si>
  <si>
    <t>M Asghar Shah</t>
  </si>
  <si>
    <t>GGES CHAK NO. 118/6-R</t>
  </si>
  <si>
    <t>118 6/r</t>
  </si>
  <si>
    <t>chak no 118/6r</t>
  </si>
  <si>
    <t>118/6r</t>
  </si>
  <si>
    <t>Farah Yasmeen</t>
  </si>
  <si>
    <t>11967</t>
  </si>
  <si>
    <t>12152</t>
  </si>
  <si>
    <t>Moza Islampur</t>
  </si>
  <si>
    <t>Rauf ABAD Chowk</t>
  </si>
  <si>
    <t>Saqib Raza</t>
  </si>
  <si>
    <t>50901</t>
  </si>
  <si>
    <t>GMPS 27 M</t>
  </si>
  <si>
    <t>27m</t>
  </si>
  <si>
    <t>chak no 27M</t>
  </si>
  <si>
    <t>12157</t>
  </si>
  <si>
    <t>44991</t>
  </si>
  <si>
    <t>GGHS BASTI MI ROSHAN</t>
  </si>
  <si>
    <t>BASTI MAI ROSHEN</t>
  </si>
  <si>
    <t>Zubaria Ishfaq</t>
  </si>
  <si>
    <t>27919</t>
  </si>
  <si>
    <t>24020</t>
  </si>
  <si>
    <t>GPS WATALIAN</t>
  </si>
  <si>
    <t>Daska
Sialkot</t>
  </si>
  <si>
    <t>10836</t>
  </si>
  <si>
    <t>12164</t>
  </si>
  <si>
    <t>21383</t>
  </si>
  <si>
    <t>GES SAIB</t>
  </si>
  <si>
    <t>Saib</t>
  </si>
  <si>
    <t>Kali Sooba</t>
  </si>
  <si>
    <t>Shahbaz Akhtar</t>
  </si>
  <si>
    <t>7311</t>
  </si>
  <si>
    <t>27008</t>
  </si>
  <si>
    <t>GGPS JHARIAN WALA</t>
  </si>
  <si>
    <t>jharianwala</t>
  </si>
  <si>
    <t>Qilaramkour</t>
  </si>
  <si>
    <t>Zahra Parveen</t>
  </si>
  <si>
    <t>39231</t>
  </si>
  <si>
    <t>15489</t>
  </si>
  <si>
    <t>GGPS HAJI CHAND STATION</t>
  </si>
  <si>
    <t>Station</t>
  </si>
  <si>
    <t>ggps haji chand station</t>
  </si>
  <si>
    <t>Haji Chand Statio</t>
  </si>
  <si>
    <t>Bheela Gulab Singh</t>
  </si>
  <si>
    <t>Kalsoom Paras</t>
  </si>
  <si>
    <t>GGPS CHAK NO 138/6-R</t>
  </si>
  <si>
    <t>138/6r</t>
  </si>
  <si>
    <t>chak no 138/6r</t>
  </si>
  <si>
    <t>12181</t>
  </si>
  <si>
    <t>38607</t>
  </si>
  <si>
    <t>GGPS 338/WB</t>
  </si>
  <si>
    <t>DollaArain</t>
  </si>
  <si>
    <t>338wb</t>
  </si>
  <si>
    <t>FARHAT NAZIR</t>
  </si>
  <si>
    <t>23683</t>
  </si>
  <si>
    <t>23657</t>
  </si>
  <si>
    <t>GGHS TALHARA</t>
  </si>
  <si>
    <t>Raja Ghumman</t>
  </si>
  <si>
    <t>GMPS KOT KHERU</t>
  </si>
  <si>
    <t>Kot Kheru</t>
  </si>
  <si>
    <t>village Kot kheru, vanike tarar Hafizabad</t>
  </si>
  <si>
    <t>Alloudin Ke Chattha</t>
  </si>
  <si>
    <t>7682</t>
  </si>
  <si>
    <t>GHS TAMACHI WALA</t>
  </si>
  <si>
    <t>PEER ADIL</t>
  </si>
  <si>
    <t>Perr Adil D.G.KHAN</t>
  </si>
  <si>
    <t>47262</t>
  </si>
  <si>
    <t>17510</t>
  </si>
  <si>
    <t>GGPS RASOOL PUR</t>
  </si>
  <si>
    <t>Havailinlal</t>
  </si>
  <si>
    <t>rasool pur</t>
  </si>
  <si>
    <t>Havaili Lal</t>
  </si>
  <si>
    <t>GPS JALLAL ABAD</t>
  </si>
  <si>
    <t>chak jalalabad moza Mari shouq Shah chishtian</t>
  </si>
  <si>
    <t>45005</t>
  </si>
  <si>
    <t>GGPS ROHAILA EAST</t>
  </si>
  <si>
    <t>Akkaranwalla</t>
  </si>
  <si>
    <t>Sara Tariq</t>
  </si>
  <si>
    <t>12190</t>
  </si>
  <si>
    <t>GES NAWAN SHAHER</t>
  </si>
  <si>
    <t>nawan Shaher</t>
  </si>
  <si>
    <t>nawan shaher teh jampurr</t>
  </si>
  <si>
    <t>Nawan Shaher</t>
  </si>
  <si>
    <t>Noshahrah</t>
  </si>
  <si>
    <t>Dil shad ahmed</t>
  </si>
  <si>
    <t>GPS MC NO.1 KAMOKE</t>
  </si>
  <si>
    <t>Mandiala road near water tanky kamoke</t>
  </si>
  <si>
    <t>161/6</t>
  </si>
  <si>
    <t>GGES JAJJAL</t>
  </si>
  <si>
    <t>jajjal</t>
  </si>
  <si>
    <t>Shaista Saleem</t>
  </si>
  <si>
    <t>52538</t>
  </si>
  <si>
    <t>GPS PEHLWAAN WALA, P/O MOUZA RUKAN WALA, KABIRWALA</t>
  </si>
  <si>
    <t>Rukanwala</t>
  </si>
  <si>
    <t>pehlwan wala Moza Rukan wala p/o jodhpur Teh kabirwala District Khanewal</t>
  </si>
  <si>
    <t>Pehlwan Wala</t>
  </si>
  <si>
    <t>Jasso Kanwen</t>
  </si>
  <si>
    <t>M Ramzan</t>
  </si>
  <si>
    <t>12205</t>
  </si>
  <si>
    <t>39621</t>
  </si>
  <si>
    <t>GPS MUKHAD</t>
  </si>
  <si>
    <t>village and post office Makhad Teh.Jand  District Attock</t>
  </si>
  <si>
    <t>Fazal Mehmood</t>
  </si>
  <si>
    <t>local water suply</t>
  </si>
  <si>
    <t>35763</t>
  </si>
  <si>
    <t>GPS CHAK NO 166 M</t>
  </si>
  <si>
    <t>166/m</t>
  </si>
  <si>
    <t>166/M</t>
  </si>
  <si>
    <t>Muhammad Ubaid</t>
  </si>
  <si>
    <t>10013</t>
  </si>
  <si>
    <t>GPS CHAK NO.222/TDA</t>
  </si>
  <si>
    <t>Mauj Garh</t>
  </si>
  <si>
    <t>chak no 222/tda tehsil karor district Layyah</t>
  </si>
  <si>
    <t>chak no 222/tda</t>
  </si>
  <si>
    <t>22273</t>
  </si>
  <si>
    <t>GES JATTOWAKAL</t>
  </si>
  <si>
    <t>Government Elementary School Jattuwakal District Gujrat</t>
  </si>
  <si>
    <t>Mirza Tariq Mehmood</t>
  </si>
  <si>
    <t>Neighbours</t>
  </si>
  <si>
    <t>20549</t>
  </si>
  <si>
    <t>GPS 213/9-R</t>
  </si>
  <si>
    <t>Chak No213/9R</t>
  </si>
  <si>
    <t>Chak No 213 /9.Re Tehsil Fort Abbas District Bahawalnagar</t>
  </si>
  <si>
    <t>GGPS CHAK NO 127/6-R W</t>
  </si>
  <si>
    <t>127/6R  W</t>
  </si>
  <si>
    <t>Chak 127/6R (W)</t>
  </si>
  <si>
    <t>127/6R</t>
  </si>
  <si>
    <t>132/6r</t>
  </si>
  <si>
    <t>Furkhanda Yasmeen</t>
  </si>
  <si>
    <t>GHS THIRPAL</t>
  </si>
  <si>
    <t>vpo Thirpal Tehsil and district Chakwal</t>
  </si>
  <si>
    <t>Muhammad Athar Hussain</t>
  </si>
  <si>
    <t>3663</t>
  </si>
  <si>
    <t>GPS CHAK NO.185/M</t>
  </si>
  <si>
    <t>185/M</t>
  </si>
  <si>
    <t>chak 185/M p/o 188 M tehsil Hasilpur Distt. Bahawalpur</t>
  </si>
  <si>
    <t>GGPS SADHA OTAR</t>
  </si>
  <si>
    <t>Sadha Ottar</t>
  </si>
  <si>
    <t>Sadha ottar</t>
  </si>
  <si>
    <t>Sajida Hanif</t>
  </si>
  <si>
    <t>42379</t>
  </si>
  <si>
    <t>GGHS MOHRA BURJ</t>
  </si>
  <si>
    <t>Mohra Burj</t>
  </si>
  <si>
    <t>vill&amp;p/o: mohra burj, Teh: gujar khan, distt: Rawalpindi</t>
  </si>
  <si>
    <t>IRAM AFSHAN</t>
  </si>
  <si>
    <t>GGES CHAK NO 205 M</t>
  </si>
  <si>
    <t>GGES Chak 205m Tehsil ctn District Bwnl</t>
  </si>
  <si>
    <t>205m</t>
  </si>
  <si>
    <t>Sobia Sattar</t>
  </si>
  <si>
    <t>21511</t>
  </si>
  <si>
    <t>GPS CHAK NO 227 A TDA</t>
  </si>
  <si>
    <t>Chak no 228 TDA</t>
  </si>
  <si>
    <t>Chak no 228 TDA Post office Fatah Pur tehsil karor LAL e Eason District layyah</t>
  </si>
  <si>
    <t>Nasir Hussain shah</t>
  </si>
  <si>
    <t>33552</t>
  </si>
  <si>
    <t>12241</t>
  </si>
  <si>
    <t>43357</t>
  </si>
  <si>
    <t>GPS DHOK BHATIAN</t>
  </si>
  <si>
    <t>Chakral</t>
  </si>
  <si>
    <t>village and post office chakral tehsil and district chakwal</t>
  </si>
  <si>
    <t>Naveed Ahmed Tarar</t>
  </si>
  <si>
    <t>12291</t>
  </si>
  <si>
    <t>GGPS 28M COLONY</t>
  </si>
  <si>
    <t>28m Colony</t>
  </si>
  <si>
    <t>28m colony</t>
  </si>
  <si>
    <t>Rashida Hashmat</t>
  </si>
  <si>
    <t>GGPS MOOTA</t>
  </si>
  <si>
    <t>P/O tanda village mota T/D Gujrat</t>
  </si>
  <si>
    <t>Fozia Tahira</t>
  </si>
  <si>
    <t>GPS 4 EB 1 P/O MALKA HANS</t>
  </si>
  <si>
    <t>Chak No 4/eb</t>
  </si>
  <si>
    <t>4/EB_1 p/o malka hanse teh arifwala dist pakpattan</t>
  </si>
  <si>
    <t>4/EB1</t>
  </si>
  <si>
    <t>39714</t>
  </si>
  <si>
    <t>GGPS LAKKARMAR</t>
  </si>
  <si>
    <t>v,p,o lakkar mar tehsil jand dist attock</t>
  </si>
  <si>
    <t>Lakkar Mar</t>
  </si>
  <si>
    <t>GGCMES CHAK NO. 69/4-R</t>
  </si>
  <si>
    <t>Chak No 69/4R</t>
  </si>
  <si>
    <t>chak no 69-4r</t>
  </si>
  <si>
    <t>Trannum Naz</t>
  </si>
  <si>
    <t>44731</t>
  </si>
  <si>
    <t>GGPS GAHNAY WALA</t>
  </si>
  <si>
    <t>Chah Gahnay Wala</t>
  </si>
  <si>
    <t>Gahnay Wala</t>
  </si>
  <si>
    <t>Madiha Hussain</t>
  </si>
  <si>
    <t>51863</t>
  </si>
  <si>
    <t>GPS 15 EB</t>
  </si>
  <si>
    <t>15eb</t>
  </si>
  <si>
    <t>gps15eb</t>
  </si>
  <si>
    <t>GES 124 GB</t>
  </si>
  <si>
    <t>chakno124gb</t>
  </si>
  <si>
    <t>Chakno124gb</t>
  </si>
  <si>
    <t>Chakno235</t>
  </si>
  <si>
    <t>khadim hussain</t>
  </si>
  <si>
    <t>52999</t>
  </si>
  <si>
    <t>GHS NO. 1 BASIR PUR MAIN ROAD</t>
  </si>
  <si>
    <t>GMPS SANGO WALI</t>
  </si>
  <si>
    <t>Sangowali</t>
  </si>
  <si>
    <t>sangowali tehsil and district Gujranwala</t>
  </si>
  <si>
    <t>Vaniawala</t>
  </si>
  <si>
    <t>Fozia Ashraf</t>
  </si>
  <si>
    <t>44448</t>
  </si>
  <si>
    <t>GGES AMRAO KALAN</t>
  </si>
  <si>
    <t>amrao kalan</t>
  </si>
  <si>
    <t>Ramka Chatha</t>
  </si>
  <si>
    <t>Rabia Yasmeen</t>
  </si>
  <si>
    <t>44963</t>
  </si>
  <si>
    <t>GES NILAGH THOKH</t>
  </si>
  <si>
    <t>Nilagh</t>
  </si>
  <si>
    <t>ges nilagh thokh</t>
  </si>
  <si>
    <t>Basti Haji Sewa</t>
  </si>
  <si>
    <t>Tamun Leghari Bala</t>
  </si>
  <si>
    <t>water tanky</t>
  </si>
  <si>
    <t>GGPS DHARO KOT</t>
  </si>
  <si>
    <t>dharo kot</t>
  </si>
  <si>
    <t>Dharo Kot</t>
  </si>
  <si>
    <t>16336</t>
  </si>
  <si>
    <t>51932</t>
  </si>
  <si>
    <t>42770</t>
  </si>
  <si>
    <t>GGPS CHAPPAR GHAIA</t>
  </si>
  <si>
    <t>Chapper Ghaya</t>
  </si>
  <si>
    <t>village .chapper ghaya</t>
  </si>
  <si>
    <t>Sameera Shafique</t>
  </si>
  <si>
    <t>GPS LUDHRAY</t>
  </si>
  <si>
    <t>Basti Ludheray, Qabool Fatani, Mehta Jhedu Post Office, Chishtian</t>
  </si>
  <si>
    <t>Basti Ludheray</t>
  </si>
  <si>
    <t>22388</t>
  </si>
  <si>
    <t>GPS MEINOWAL</t>
  </si>
  <si>
    <t>Meinowal</t>
  </si>
  <si>
    <t>meinowal p/o tanda tehsile&amp;district gujrat</t>
  </si>
  <si>
    <t>Azhar bashir</t>
  </si>
  <si>
    <t>31555</t>
  </si>
  <si>
    <t>13086</t>
  </si>
  <si>
    <t>GGHS KOTHA KALAN</t>
  </si>
  <si>
    <t>Kotha kalan</t>
  </si>
  <si>
    <t>Rizwana Zahoor</t>
  </si>
  <si>
    <t>53556</t>
  </si>
  <si>
    <t>36797</t>
  </si>
  <si>
    <t>GES SHAH DHANIYAL NAWAN SHEHR</t>
  </si>
  <si>
    <t>Shah Dhaniyal</t>
  </si>
  <si>
    <t>Mouza Shah Dhaniyal Teh kabirwala Distt Khanewal</t>
  </si>
  <si>
    <t>Salar Wahin NAU</t>
  </si>
  <si>
    <t>GHSS BHAGWAL</t>
  </si>
  <si>
    <t>10359</t>
  </si>
  <si>
    <t>GPS GASHKORI</t>
  </si>
  <si>
    <t>Basti Gashkoori</t>
  </si>
  <si>
    <t>basti gashkoori p/o marhan wali tehsil karor district layyah</t>
  </si>
  <si>
    <t>Gashkoori</t>
  </si>
  <si>
    <t>22333</t>
  </si>
  <si>
    <t>GPS BHARAJ</t>
  </si>
  <si>
    <t>village Bharaj p o Lakhanwal Gujrat</t>
  </si>
  <si>
    <t>10122</t>
  </si>
  <si>
    <t>GPS CHAK NO 297 TDA</t>
  </si>
  <si>
    <t>chak no 297 tda</t>
  </si>
  <si>
    <t>Chak No 297TDA</t>
  </si>
  <si>
    <t>Noshera thal Klan</t>
  </si>
  <si>
    <t>GHS RORAN WALI</t>
  </si>
  <si>
    <t>RORANWALI</t>
  </si>
  <si>
    <t>TOBA ROAD MOZA RORANWALI</t>
  </si>
  <si>
    <t>42487</t>
  </si>
  <si>
    <t>GES MANDHAL</t>
  </si>
  <si>
    <t>Bhegham</t>
  </si>
  <si>
    <t>GES Mandhal Gujar Khan</t>
  </si>
  <si>
    <t>Junaid Muzaffar</t>
  </si>
  <si>
    <t>44666</t>
  </si>
  <si>
    <t>GMPS REHMAN ABAD</t>
  </si>
  <si>
    <t>184 TDA RehmanAbad  po box 186 TDA</t>
  </si>
  <si>
    <t>RehmanAbad</t>
  </si>
  <si>
    <t>chak no183184tda</t>
  </si>
  <si>
    <t>Tahira  Parveen</t>
  </si>
  <si>
    <t>39839</t>
  </si>
  <si>
    <t>12853</t>
  </si>
  <si>
    <t>GPS 56/F</t>
  </si>
  <si>
    <t>CHAK 56/F</t>
  </si>
  <si>
    <t>CHAK NO 56/F P/O BAKHSHAN KHAN</t>
  </si>
  <si>
    <t>CHAK 54/F</t>
  </si>
  <si>
    <t>12855</t>
  </si>
  <si>
    <t>GES MARI SAHU, KABIRWALA</t>
  </si>
  <si>
    <t>moza Mari sahu</t>
  </si>
  <si>
    <t>52190</t>
  </si>
  <si>
    <t>GGPS EID GAH ARIFWALA</t>
  </si>
  <si>
    <t>Mohallah Eidgah Arifwala</t>
  </si>
  <si>
    <t>29097</t>
  </si>
  <si>
    <t>29992</t>
  </si>
  <si>
    <t>54644</t>
  </si>
  <si>
    <t>GPS AMRAT PURA</t>
  </si>
  <si>
    <t>Ammrat Pura</t>
  </si>
  <si>
    <t>GPS Ammrat Pura GT Road Rahwali Cantt  Gujranwala</t>
  </si>
  <si>
    <t>Contonment Board Gujranwala Cantt</t>
  </si>
  <si>
    <t>Shabana Lal Din</t>
  </si>
  <si>
    <t>12861</t>
  </si>
  <si>
    <t>GGHS CHAK NO.433/6-R</t>
  </si>
  <si>
    <t>Chak 433/6R</t>
  </si>
  <si>
    <t>GGHS Chak 433/6R HND</t>
  </si>
  <si>
    <t>Bushra Ali Dewan</t>
  </si>
  <si>
    <t>28978</t>
  </si>
  <si>
    <t>GGPS QILLA DAU KAY</t>
  </si>
  <si>
    <t>Qila Dao Kay</t>
  </si>
  <si>
    <t>Dao Kay Khanyana</t>
  </si>
  <si>
    <t>12877</t>
  </si>
  <si>
    <t>22545</t>
  </si>
  <si>
    <t>GGES BHOOCH</t>
  </si>
  <si>
    <t>villagebhooch p/o parsowal teh &amp; dist gujrat</t>
  </si>
  <si>
    <t>amina inayat</t>
  </si>
  <si>
    <t>GMPS CHAK 312 JB</t>
  </si>
  <si>
    <t>Chak312 JB</t>
  </si>
  <si>
    <t>Chak312jB</t>
  </si>
  <si>
    <t>Chak312JB</t>
  </si>
  <si>
    <t>Chak316 JB</t>
  </si>
  <si>
    <t>Anees Bano</t>
  </si>
  <si>
    <t>12882</t>
  </si>
  <si>
    <t>GES CHAK NO 6/G</t>
  </si>
  <si>
    <t>Chak  No 6/G</t>
  </si>
  <si>
    <t>Chak No. 6/G P/O  khaas Tehsil Chishtian Distt. Bahawalnagar</t>
  </si>
  <si>
    <t>Chak No 6/G</t>
  </si>
  <si>
    <t>Chak  No 23/G</t>
  </si>
  <si>
    <t>Shahid Naeem</t>
  </si>
  <si>
    <t>36945</t>
  </si>
  <si>
    <t>GGPS DARA MEHRAM, ABDUL HAKIM</t>
  </si>
  <si>
    <t>Dara Mahram</t>
  </si>
  <si>
    <t>Chak 2km Station Dara Mahram Tehsil Kabirwala District Khanewal</t>
  </si>
  <si>
    <t>GGPS SULTAN KHEL GHARBI</t>
  </si>
  <si>
    <t>p/o makerwal sultan khel tehsil essa khel district mianwali</t>
  </si>
  <si>
    <t>12889</t>
  </si>
  <si>
    <t>8485</t>
  </si>
  <si>
    <t>GPS BASTI GHULAM SHABIR</t>
  </si>
  <si>
    <t>chah rid wala mouza drahma p\o sarwar wali d g khan</t>
  </si>
  <si>
    <t>Rid Wala</t>
  </si>
  <si>
    <t>12892</t>
  </si>
  <si>
    <t>22675</t>
  </si>
  <si>
    <t>GMPS RUPOKI</t>
  </si>
  <si>
    <t>Rupoki</t>
  </si>
  <si>
    <t>village Rupoki</t>
  </si>
  <si>
    <t>Gakhra</t>
  </si>
  <si>
    <t>MARYAM KHURSHID</t>
  </si>
  <si>
    <t>20628</t>
  </si>
  <si>
    <t>GGPS FARID TOWN GUJRANWALA</t>
  </si>
  <si>
    <t>Fareed  Town</t>
  </si>
  <si>
    <t>GGPS Fareed Town  Street Shah Deen Wala Pasroor Road Gujranwala</t>
  </si>
  <si>
    <t>Shahnaz  Akhtar</t>
  </si>
  <si>
    <t>21524</t>
  </si>
  <si>
    <t>21704</t>
  </si>
  <si>
    <t>39475</t>
  </si>
  <si>
    <t>GHS KOT CHAJJI</t>
  </si>
  <si>
    <t>kotchhajji</t>
  </si>
  <si>
    <t>vpo kotchhajji</t>
  </si>
  <si>
    <t>saghri</t>
  </si>
  <si>
    <t>12905</t>
  </si>
  <si>
    <t>42709</t>
  </si>
  <si>
    <t>GGES NO. 2 GUJAR KHAN</t>
  </si>
  <si>
    <t>g khan</t>
  </si>
  <si>
    <t>near police station,back of mrkazi jamea masque gujar khan</t>
  </si>
  <si>
    <t>m c gujar khan</t>
  </si>
  <si>
    <t>Safeena Bibi</t>
  </si>
  <si>
    <t>9553</t>
  </si>
  <si>
    <t>GGPS KOT RANJAH</t>
  </si>
  <si>
    <t>Kot Ranjha</t>
  </si>
  <si>
    <t>p.o.khas , village kot ranjha</t>
  </si>
  <si>
    <t>Tayyaba Asif</t>
  </si>
  <si>
    <t>19471</t>
  </si>
  <si>
    <t>GES CHAK NO. 176/M</t>
  </si>
  <si>
    <t>176murad</t>
  </si>
  <si>
    <t>chak no 176murad</t>
  </si>
  <si>
    <t>167murad</t>
  </si>
  <si>
    <t>Noor Ahmad Noorani</t>
  </si>
  <si>
    <t>25603</t>
  </si>
  <si>
    <t>44828</t>
  </si>
  <si>
    <t>GGES CHAK 311 JB KAMALAY</t>
  </si>
  <si>
    <t>311jb</t>
  </si>
  <si>
    <t>chak#311jb</t>
  </si>
  <si>
    <t>Chak#438jb</t>
  </si>
  <si>
    <t>Anam Chaudhry</t>
  </si>
  <si>
    <t>12914</t>
  </si>
  <si>
    <t>43444</t>
  </si>
  <si>
    <t>GGPS DHOK AJARI</t>
  </si>
  <si>
    <t>dhok ajri</t>
  </si>
  <si>
    <t>18832</t>
  </si>
  <si>
    <t>GGPS CHAK NO.160/7-R</t>
  </si>
  <si>
    <t>160/7R</t>
  </si>
  <si>
    <t>Sabiha Tabassam</t>
  </si>
  <si>
    <t>21429</t>
  </si>
  <si>
    <t>GPS CHAKIAN KALAN</t>
  </si>
  <si>
    <t>Chakian Kalan</t>
  </si>
  <si>
    <t>chakian kalan  kamoke Gujranwala</t>
  </si>
  <si>
    <t>Muhammad Serwar</t>
  </si>
  <si>
    <t>46628</t>
  </si>
  <si>
    <t>GHS TRAG</t>
  </si>
  <si>
    <t>ghs trag bannu road p/o trag tehsil essa khel distt mianwali</t>
  </si>
  <si>
    <t>JAVED HASSAN KHAN</t>
  </si>
  <si>
    <t>GPS BOUCH</t>
  </si>
  <si>
    <t>Bouch</t>
  </si>
  <si>
    <t>vilage Bouch post office Persowal Teh.and dist. Gujrat</t>
  </si>
  <si>
    <t>Jalal pur sobtian</t>
  </si>
  <si>
    <t>Mohsan Raza</t>
  </si>
  <si>
    <t>31158</t>
  </si>
  <si>
    <t>18939</t>
  </si>
  <si>
    <t>51959</t>
  </si>
  <si>
    <t>GES 167 EB</t>
  </si>
  <si>
    <t>167/EB</t>
  </si>
  <si>
    <t>Chak 167EB</t>
  </si>
  <si>
    <t>167EB</t>
  </si>
  <si>
    <t>163/EB M Nagar</t>
  </si>
  <si>
    <t>GPS CHAK SHAH WALA</t>
  </si>
  <si>
    <t>Chak Shah Wala</t>
  </si>
  <si>
    <t>basti Dr khalid pitafi chak Shah Wala</t>
  </si>
  <si>
    <t>Basti Pitafi</t>
  </si>
  <si>
    <t>Peero Wala</t>
  </si>
  <si>
    <t>Rahat Khalid</t>
  </si>
  <si>
    <t>GGES KAPER SHAH</t>
  </si>
  <si>
    <t>Kaper Shah</t>
  </si>
  <si>
    <t>Kaper Shah Mamoori</t>
  </si>
  <si>
    <t>Sahrish Kanwal</t>
  </si>
  <si>
    <t>50296</t>
  </si>
  <si>
    <t>GPS 49/12-L</t>
  </si>
  <si>
    <t>49/12L</t>
  </si>
  <si>
    <t>49/12.L</t>
  </si>
  <si>
    <t>Anwar ul Haq</t>
  </si>
  <si>
    <t>15666</t>
  </si>
  <si>
    <t>GPS QADIR BAKHASH WALA</t>
  </si>
  <si>
    <t>Laskani Wala</t>
  </si>
  <si>
    <t>basti Qadir Bakhsh moza laskani wala the karor dist layyah</t>
  </si>
  <si>
    <t>33191</t>
  </si>
  <si>
    <t>27907</t>
  </si>
  <si>
    <t>12931</t>
  </si>
  <si>
    <t>GGPS 388/W.B NO.2</t>
  </si>
  <si>
    <t>makhdom aali</t>
  </si>
  <si>
    <t>24554</t>
  </si>
  <si>
    <t>22363</t>
  </si>
  <si>
    <t>GPS DHAN</t>
  </si>
  <si>
    <t>KARIANWALA-III-MALE</t>
  </si>
  <si>
    <t>Dhan</t>
  </si>
  <si>
    <t>44685</t>
  </si>
  <si>
    <t>GGES DERA NAZIR CHAH LAKH</t>
  </si>
  <si>
    <t>Chak No 33 Tda</t>
  </si>
  <si>
    <t>chak No 33 Tda chahlakha</t>
  </si>
  <si>
    <t>Chah Lakha</t>
  </si>
  <si>
    <t>26914</t>
  </si>
  <si>
    <t>GES GUJARKE</t>
  </si>
  <si>
    <t>Gujarke</t>
  </si>
  <si>
    <t>Gujarke P/O Vanike Tarar</t>
  </si>
  <si>
    <t>Suhaib Hanif</t>
  </si>
  <si>
    <t>42712</t>
  </si>
  <si>
    <t>46901</t>
  </si>
  <si>
    <t>GGPS CHAPRI NO. 2</t>
  </si>
  <si>
    <t>CHAPRI p/o CHAPRI tehsil ISA khel</t>
  </si>
  <si>
    <t>12949</t>
  </si>
  <si>
    <t>GGES TAMER-E-NOU PEOPLE COLONY</t>
  </si>
  <si>
    <t>nearby madni ground Y block peoples colony</t>
  </si>
  <si>
    <t>GES NOOR PUR MANJHO WALA</t>
  </si>
  <si>
    <t>Noor pur manjhu wala</t>
  </si>
  <si>
    <t>8843</t>
  </si>
  <si>
    <t>43445</t>
  </si>
  <si>
    <t>GGPS BOLEY</t>
  </si>
  <si>
    <t>Boley</t>
  </si>
  <si>
    <t>Village Boley Post Office Tharpal Tehsil and District Chakwal</t>
  </si>
  <si>
    <t>28631</t>
  </si>
  <si>
    <t>38531</t>
  </si>
  <si>
    <t>GPS 295/WB</t>
  </si>
  <si>
    <t>295/wb</t>
  </si>
  <si>
    <t>chak no 295/wb</t>
  </si>
  <si>
    <t>Makbool Wah</t>
  </si>
  <si>
    <t>GGPS NEW REHMAN PURA CHANGA MANGA</t>
  </si>
  <si>
    <t>New Rehmanpura</t>
  </si>
  <si>
    <t>Newrehmanpura changa manga chunian</t>
  </si>
  <si>
    <t>Newrehmanpura</t>
  </si>
  <si>
    <t>Rehmanpura Pura</t>
  </si>
  <si>
    <t>Nasreen Bano</t>
  </si>
  <si>
    <t>12965</t>
  </si>
  <si>
    <t>GPS QAZIAN</t>
  </si>
  <si>
    <t>45764</t>
  </si>
  <si>
    <t>22847</t>
  </si>
  <si>
    <t>GGPS MC NO. 2 FATTU PURA</t>
  </si>
  <si>
    <t>ggps mc#2 fattupura gujrat</t>
  </si>
  <si>
    <t>Fattupura</t>
  </si>
  <si>
    <t>Fattupura Gujrat</t>
  </si>
  <si>
    <t>Najma Arshad</t>
  </si>
  <si>
    <t>51855</t>
  </si>
  <si>
    <t>GPS 53 EB P/O ARIF WALA</t>
  </si>
  <si>
    <t>53/eb</t>
  </si>
  <si>
    <t>chak 53/eb</t>
  </si>
  <si>
    <t>GPS CHAK NO 169 JB AOURA</t>
  </si>
  <si>
    <t>GPS chak No 169 j.b aoura</t>
  </si>
  <si>
    <t>Chak No 169 Jb Aora</t>
  </si>
  <si>
    <t>Chak No 169 Jb</t>
  </si>
  <si>
    <t>basti rindaan</t>
  </si>
  <si>
    <t>basti rindaan chah dhool wala</t>
  </si>
  <si>
    <t>Nasreen bi bi</t>
  </si>
  <si>
    <t>38636</t>
  </si>
  <si>
    <t>GGPS 337 WB DUNYA PUR</t>
  </si>
  <si>
    <t>337 Wb</t>
  </si>
  <si>
    <t>GGPS 337 wb Dunyapur</t>
  </si>
  <si>
    <t>GPS BASTI MATILA</t>
  </si>
  <si>
    <t>p/o kala DG khan</t>
  </si>
  <si>
    <t>Basti Jamal e wala</t>
  </si>
  <si>
    <t>Hafiz Abdul Rasheed</t>
  </si>
  <si>
    <t>GPS CHAK NO. 3/FW SUDAGAR WALA</t>
  </si>
  <si>
    <t>chak 3fw sodagar wala chishtian</t>
  </si>
  <si>
    <t>3/Fw Sodagar Wala</t>
  </si>
  <si>
    <t>3Fw</t>
  </si>
  <si>
    <t>28736</t>
  </si>
  <si>
    <t>GPS CHARKEY</t>
  </si>
  <si>
    <t>Char Kay</t>
  </si>
  <si>
    <t>char kay</t>
  </si>
  <si>
    <t>Char  Kay</t>
  </si>
  <si>
    <t>Muhabat Ali</t>
  </si>
  <si>
    <t>17898</t>
  </si>
  <si>
    <t>9921</t>
  </si>
  <si>
    <t>GHS CHAK NO 98 ML</t>
  </si>
  <si>
    <t>CHAK NO. 98 ML</t>
  </si>
  <si>
    <t>98 Ml</t>
  </si>
  <si>
    <t>98 ML</t>
  </si>
  <si>
    <t>ALI ASGHAR</t>
  </si>
  <si>
    <t>hand pump  water pump</t>
  </si>
  <si>
    <t>GPS CHAK NO 264 JB</t>
  </si>
  <si>
    <t>Chak No 264/JB Jhang</t>
  </si>
  <si>
    <t>Chak No 264/JB , Jhang</t>
  </si>
  <si>
    <t>Chak No 264/ Jhang</t>
  </si>
  <si>
    <t>Chak No 265/JB Jhang</t>
  </si>
  <si>
    <t>GPS DHOOL SARAI</t>
  </si>
  <si>
    <t>Dhoul Saria</t>
  </si>
  <si>
    <t>village dhoul saria tehsil and dist Gujrat</t>
  </si>
  <si>
    <t>Najma Sadaqat</t>
  </si>
  <si>
    <t>GMPS WANDHA SARMAD KHEL</t>
  </si>
  <si>
    <t>Kacha Kamarmushani</t>
  </si>
  <si>
    <t>kacha kamarmushani  wandha sarmat khel esa khel mianwali</t>
  </si>
  <si>
    <t>Wandhasarmatkhel</t>
  </si>
  <si>
    <t>Mumtaz Aslam</t>
  </si>
  <si>
    <t>29949</t>
  </si>
  <si>
    <t>13554</t>
  </si>
  <si>
    <t>GGPS ALLOU-DIN-KE KHURD</t>
  </si>
  <si>
    <t>Alloudin ke khurd</t>
  </si>
  <si>
    <t>Alloudin ke khurd Tehsil &amp; district Hafizabad</t>
  </si>
  <si>
    <t>Alloudin ke chatha</t>
  </si>
  <si>
    <t>Sania Aslam</t>
  </si>
  <si>
    <t>13217</t>
  </si>
  <si>
    <t>19388</t>
  </si>
  <si>
    <t>37388</t>
  </si>
  <si>
    <t>GGPS NO. 5 BASIR PUR</t>
  </si>
  <si>
    <t>Mohallah  GausPura, Basirpur.</t>
  </si>
  <si>
    <t>GGPS no 5</t>
  </si>
  <si>
    <t>Town Committee Basirpur</t>
  </si>
  <si>
    <t>HALIMA ASHRAF</t>
  </si>
  <si>
    <t>44870</t>
  </si>
  <si>
    <t>43268</t>
  </si>
  <si>
    <t>GPS RATTA MOHRRA</t>
  </si>
  <si>
    <t>Ratta Mohra</t>
  </si>
  <si>
    <t>village Ratta Mohra po GHAZIAL chakwall</t>
  </si>
  <si>
    <t>Nabila Noreen</t>
  </si>
  <si>
    <t>16892</t>
  </si>
  <si>
    <t>44373</t>
  </si>
  <si>
    <t>GGHS SIAL</t>
  </si>
  <si>
    <t>Govt. girls high school sial bhakkar</t>
  </si>
  <si>
    <t>Aeysha Siddiqi</t>
  </si>
  <si>
    <t>GPS CHAK NO. 2/FW (JADEED)</t>
  </si>
  <si>
    <t>2/fw</t>
  </si>
  <si>
    <t>basti shareef mahar chak 2/fw chishtian district bahawalnagar</t>
  </si>
  <si>
    <t>Basti Shareef Mahar 2/fw</t>
  </si>
  <si>
    <t>Chak 3/fw</t>
  </si>
  <si>
    <t>17816</t>
  </si>
  <si>
    <t>GMPS ATTOANA</t>
  </si>
  <si>
    <t>Attoana</t>
  </si>
  <si>
    <t>Mouza Altoona Po Akrianwala</t>
  </si>
  <si>
    <t>Najma Kamal</t>
  </si>
  <si>
    <t>10127</t>
  </si>
  <si>
    <t>7993</t>
  </si>
  <si>
    <t>23844</t>
  </si>
  <si>
    <t>GMES SEKHWAN</t>
  </si>
  <si>
    <t>village sekhwan</t>
  </si>
  <si>
    <t>SAIRA HASSAN</t>
  </si>
  <si>
    <t>GPS BEGA</t>
  </si>
  <si>
    <t>Bega</t>
  </si>
  <si>
    <t>Bega The&amp;Distt gujrat</t>
  </si>
  <si>
    <t>MUHAMMAD ASHRAF -UL- HASSAN</t>
  </si>
  <si>
    <t>31819</t>
  </si>
  <si>
    <t>GPS 80/12-L</t>
  </si>
  <si>
    <t>80/12-L</t>
  </si>
  <si>
    <t>Chak No 8012L teh chicha watni disst sahiwal</t>
  </si>
  <si>
    <t>Gps 80/12L</t>
  </si>
  <si>
    <t>38678</t>
  </si>
  <si>
    <t>GGPS 249 WB</t>
  </si>
  <si>
    <t>249wb</t>
  </si>
  <si>
    <t>237   Wb</t>
  </si>
  <si>
    <t>25537</t>
  </si>
  <si>
    <t>39235</t>
  </si>
  <si>
    <t>50629</t>
  </si>
  <si>
    <t>GGPS 98/12-L MIAN KHAIRA</t>
  </si>
  <si>
    <t>mian khera</t>
  </si>
  <si>
    <t>98A/12.L basti mian khera</t>
  </si>
  <si>
    <t>98A/12L</t>
  </si>
  <si>
    <t>Musarat Batool</t>
  </si>
  <si>
    <t>44450</t>
  </si>
  <si>
    <t>qabool wala</t>
  </si>
  <si>
    <t>Dagarshadah</t>
  </si>
  <si>
    <t>GPS JAID PUR</t>
  </si>
  <si>
    <t>Jaidpur</t>
  </si>
  <si>
    <t>village jaidpur p/o jalalpur jattan</t>
  </si>
  <si>
    <t>Alamgrah</t>
  </si>
  <si>
    <t>Yasir Iqbal</t>
  </si>
  <si>
    <t>9768</t>
  </si>
  <si>
    <t>42514</t>
  </si>
  <si>
    <t>GPS MODEL BHATTIAN</t>
  </si>
  <si>
    <t>bhattian</t>
  </si>
  <si>
    <t>43806</t>
  </si>
  <si>
    <t>15401</t>
  </si>
  <si>
    <t>GHS 644/GB</t>
  </si>
  <si>
    <t>CHAK NO 644 GB</t>
  </si>
  <si>
    <t>chak no 644 gB</t>
  </si>
  <si>
    <t>Abdulghafoor Shaheen</t>
  </si>
  <si>
    <t>8404</t>
  </si>
  <si>
    <t>GMPS KALEKE GOWN</t>
  </si>
  <si>
    <t>kalake gown p/o kalake mandi teh&amp;distt  hafizabad</t>
  </si>
  <si>
    <t>Kalake Gown</t>
  </si>
  <si>
    <t>Kalake Mandi</t>
  </si>
  <si>
    <t>Naghma Perveen</t>
  </si>
  <si>
    <t>GHS MAJHI SULTAN</t>
  </si>
  <si>
    <t>Mouza Majhi Sultan Jhang</t>
  </si>
  <si>
    <t>muhammad Hussain Faiz</t>
  </si>
  <si>
    <t>22603</t>
  </si>
  <si>
    <t>GGPS QILA SURA SING</t>
  </si>
  <si>
    <t>Qilla</t>
  </si>
  <si>
    <t>village Qilla Post Office Tanda District Gujrat</t>
  </si>
  <si>
    <t>38453</t>
  </si>
  <si>
    <t>GES CHAK NO. 227/WB</t>
  </si>
  <si>
    <t>Chackno  227/wb</t>
  </si>
  <si>
    <t>post office Adda zakhira Teh Dunyapur Distt. Lodhran</t>
  </si>
  <si>
    <t>227/ w b</t>
  </si>
  <si>
    <t>231/w b</t>
  </si>
  <si>
    <t>13736</t>
  </si>
  <si>
    <t>23607</t>
  </si>
  <si>
    <t>GHS KANWANLIT</t>
  </si>
  <si>
    <t>kanwanlit</t>
  </si>
  <si>
    <t>Village and P. O kanwanlit Tehsil Daska District Sialkot</t>
  </si>
  <si>
    <t>village kanwanlit</t>
  </si>
  <si>
    <t>khalid mehood</t>
  </si>
  <si>
    <t>GES MC CHUHAR MAJRA FSD</t>
  </si>
  <si>
    <t>street no. 4 chuhar majra fsd</t>
  </si>
  <si>
    <t>Hakeema Wala</t>
  </si>
  <si>
    <t>ILYAS ALI JAVED</t>
  </si>
  <si>
    <t>GPS BEHARI COLONY CHUNIAN</t>
  </si>
  <si>
    <t>Behari Colony Chunian</t>
  </si>
  <si>
    <t>City 1</t>
  </si>
  <si>
    <t>MIAN AZEEM ULLAHA</t>
  </si>
  <si>
    <t>GPS CHAK NO 425/6-R</t>
  </si>
  <si>
    <t>Chak no 425</t>
  </si>
  <si>
    <t>chak 425/6R Teh haroonabad district bahwalnagar post office fqirwali</t>
  </si>
  <si>
    <t>Chak 425</t>
  </si>
  <si>
    <t>GGPS BALO KOHNA</t>
  </si>
  <si>
    <t>Balo Kohna</t>
  </si>
  <si>
    <t>balo kohna hafizabad</t>
  </si>
  <si>
    <t>Sarwat Bashir</t>
  </si>
  <si>
    <t>44414</t>
  </si>
  <si>
    <t>Basti Habib</t>
  </si>
  <si>
    <t>Basti habib notak nashaib teh and disttbhakkar</t>
  </si>
  <si>
    <t>Ilahi Bakhsh</t>
  </si>
  <si>
    <t>46959</t>
  </si>
  <si>
    <t>GMPS AJAB KHAN WALA NO. 1</t>
  </si>
  <si>
    <t>Sodri</t>
  </si>
  <si>
    <t>village Ajab khan, Moza Sodri, Isakhel ,Mianwali</t>
  </si>
  <si>
    <t>Ajab Khan</t>
  </si>
  <si>
    <t>Iffat Parveen</t>
  </si>
  <si>
    <t>13752</t>
  </si>
  <si>
    <t>43105</t>
  </si>
  <si>
    <t>GGHS MANGWAL V &amp; P.O MANGWAL CHAKWAL</t>
  </si>
  <si>
    <t>VPO Mangwal Tehsil and District Chawal</t>
  </si>
  <si>
    <t>Mehwish Sarfraz</t>
  </si>
  <si>
    <t>GGPS 17 EB</t>
  </si>
  <si>
    <t>Chak No 17eb</t>
  </si>
  <si>
    <t>chak no 17 eb teh arif wala distt ppn</t>
  </si>
  <si>
    <t>Chak No17 EB</t>
  </si>
  <si>
    <t>Chak No13 EB</t>
  </si>
  <si>
    <t>GPS HASSANA PO ELAH ABAD CHUNIAN</t>
  </si>
  <si>
    <t>Hasna</t>
  </si>
  <si>
    <t>village Hasna p/o illahabad tehsil chunian district kasur</t>
  </si>
  <si>
    <t>Azad Ahmed</t>
  </si>
  <si>
    <t>22195</t>
  </si>
  <si>
    <t>GHS KOTLI KOHALA</t>
  </si>
  <si>
    <t>VPO Kotli Kohala Tehsil and District Gujrat</t>
  </si>
  <si>
    <t>31955</t>
  </si>
  <si>
    <t>Basti Faizabad Mari ada Chishtian</t>
  </si>
  <si>
    <t>MARI SHOK SHAH</t>
  </si>
  <si>
    <t>Awais Maqsood</t>
  </si>
  <si>
    <t>GPS CHAK 313/HR</t>
  </si>
  <si>
    <t>313/HR</t>
  </si>
  <si>
    <t>313/HR marot tehsil Fortabbas district Bahawalnagar</t>
  </si>
  <si>
    <t>Muhammad Nadeem Zafar</t>
  </si>
  <si>
    <t>53855</t>
  </si>
  <si>
    <t>GGHS MADHRIAN WALA</t>
  </si>
  <si>
    <t>Madhrianwala</t>
  </si>
  <si>
    <t>Govt girls high school nadhrianwala</t>
  </si>
  <si>
    <t>42466</t>
  </si>
  <si>
    <t>GGES KURIDOLAL</t>
  </si>
  <si>
    <t>Kuri Dolal</t>
  </si>
  <si>
    <t>village and post office kuri dolal tehsil gujar khan dist rawalpindi</t>
  </si>
  <si>
    <t>48280</t>
  </si>
  <si>
    <t>GPS CHAK 111/M</t>
  </si>
  <si>
    <t>111/M</t>
  </si>
  <si>
    <t>chak no 111m tehsil chishtian district bhwalnagar</t>
  </si>
  <si>
    <t>Chak No 111/M</t>
  </si>
  <si>
    <t>Chak No 112M</t>
  </si>
  <si>
    <t>GGPS 236/GB-II</t>
  </si>
  <si>
    <t>Qilianwala</t>
  </si>
  <si>
    <t>chak no 236 GB jaranwala fsd</t>
  </si>
  <si>
    <t>236 Gb</t>
  </si>
  <si>
    <t>237 GB Tararan</t>
  </si>
  <si>
    <t>Zahida Mubarak</t>
  </si>
  <si>
    <t>8472</t>
  </si>
  <si>
    <t>peerwala samina Gharbi dgkhan</t>
  </si>
  <si>
    <t>Peerwala</t>
  </si>
  <si>
    <t>38599</t>
  </si>
  <si>
    <t>GGCMS CHAK 350/WB</t>
  </si>
  <si>
    <t>Chak No 350/WB</t>
  </si>
  <si>
    <t>Govt community model P/S chak 350/W..B</t>
  </si>
  <si>
    <t>Chak 350/WB</t>
  </si>
  <si>
    <t>Chak 355/WB</t>
  </si>
  <si>
    <t>Nusrat parveen</t>
  </si>
  <si>
    <t>10678</t>
  </si>
  <si>
    <t>11104</t>
  </si>
  <si>
    <t>52478</t>
  </si>
  <si>
    <t>GPS JHUGIAN REHMOON</t>
  </si>
  <si>
    <t>Jhugian Rehmoon</t>
  </si>
  <si>
    <t>Gps Jhugian Rehmoon</t>
  </si>
  <si>
    <t>Rajowal</t>
  </si>
  <si>
    <t>Malik Ali Nawaz</t>
  </si>
  <si>
    <t>37983</t>
  </si>
  <si>
    <t>8794</t>
  </si>
  <si>
    <t>52156</t>
  </si>
  <si>
    <t>GGES ISLAM NAGAR NO 1</t>
  </si>
  <si>
    <t>district pakpattan tehsil arifwala village islam nagar</t>
  </si>
  <si>
    <t>Aqsa Riaz</t>
  </si>
  <si>
    <t>10724</t>
  </si>
  <si>
    <t>33642</t>
  </si>
  <si>
    <t>42768</t>
  </si>
  <si>
    <t>GGPS DONGI KALLAN</t>
  </si>
  <si>
    <t>Doungi kallan</t>
  </si>
  <si>
    <t>villdoungi doungi kallan p.o Daultala tehgujar khan dist rwp</t>
  </si>
  <si>
    <t>Doungi Kallan</t>
  </si>
  <si>
    <t>Daultala 1</t>
  </si>
  <si>
    <t>Haleema Akhter</t>
  </si>
  <si>
    <t>22508</t>
  </si>
  <si>
    <t>15598</t>
  </si>
  <si>
    <t>GGPS TIBBI PIPILI</t>
  </si>
  <si>
    <t>Meonwal Khurd</t>
  </si>
  <si>
    <t>govt. girls primary school tibbi pipili</t>
  </si>
  <si>
    <t>Iqra Khalid</t>
  </si>
  <si>
    <t>37173</t>
  </si>
  <si>
    <t>27237</t>
  </si>
  <si>
    <t>GMPS RAM TARAR</t>
  </si>
  <si>
    <t>Ram Tarar</t>
  </si>
  <si>
    <t>ram tarar</t>
  </si>
  <si>
    <t>Safina Jabeen</t>
  </si>
  <si>
    <t>2.36858e+006</t>
  </si>
  <si>
    <t>22626</t>
  </si>
  <si>
    <t>GGPS BANIAN</t>
  </si>
  <si>
    <t>Nagarinwala</t>
  </si>
  <si>
    <t>11096</t>
  </si>
  <si>
    <t>8869</t>
  </si>
  <si>
    <t>GPS CHAK NO 138 M</t>
  </si>
  <si>
    <t>138/m</t>
  </si>
  <si>
    <t>GPS 138/m</t>
  </si>
  <si>
    <t>134/m</t>
  </si>
  <si>
    <t>Mohammad Amjad</t>
  </si>
  <si>
    <t>18789</t>
  </si>
  <si>
    <t>GGPS CHAK 300 JB</t>
  </si>
  <si>
    <t>300jb</t>
  </si>
  <si>
    <t>chak no 300jb</t>
  </si>
  <si>
    <t>Chak 301 Jb</t>
  </si>
  <si>
    <t>32748</t>
  </si>
  <si>
    <t>46420</t>
  </si>
  <si>
    <t>20514</t>
  </si>
  <si>
    <t>GGES BALAY WALA</t>
  </si>
  <si>
    <t>Ballay Wala</t>
  </si>
  <si>
    <t>VPO BALLEY WALA TEHSIL DISTRICT GUJRANWALA</t>
  </si>
  <si>
    <t>BALLEY WALA</t>
  </si>
  <si>
    <t>JALAL BLAGAN</t>
  </si>
  <si>
    <t>39646</t>
  </si>
  <si>
    <t>GGPS TAMNA DOMEL</t>
  </si>
  <si>
    <t>GGPS Tamna Domel</t>
  </si>
  <si>
    <t>Noshaba Jabeen</t>
  </si>
  <si>
    <t>27660</t>
  </si>
  <si>
    <t>44486</t>
  </si>
  <si>
    <t>GPS GARA</t>
  </si>
  <si>
    <t>Humu Wali</t>
  </si>
  <si>
    <t>basti gara teh &amp; dist bkr</t>
  </si>
  <si>
    <t>Gara</t>
  </si>
  <si>
    <t>Adeel Abbas</t>
  </si>
  <si>
    <t>42408</t>
  </si>
  <si>
    <t>GES RAYYAN GORSIAN</t>
  </si>
  <si>
    <t>Rayyan</t>
  </si>
  <si>
    <t>village rayyan p/o sayyed thesil gujarkhan dist.rawalpindi</t>
  </si>
  <si>
    <t>SHOUKT HUSSAIN</t>
  </si>
  <si>
    <t>44652</t>
  </si>
  <si>
    <t>GHS NOUSHEHRA WEST</t>
  </si>
  <si>
    <t>Noushera West</t>
  </si>
  <si>
    <t>Noushera West Teh.. Jampur distt. Rajanpur</t>
  </si>
  <si>
    <t>Noshehra West</t>
  </si>
  <si>
    <t>46688</t>
  </si>
  <si>
    <t>GPS BALLO KHEL</t>
  </si>
  <si>
    <t>Kundal Pakka</t>
  </si>
  <si>
    <t>Ballo khel, p/o kundal tehsil is a khel, district mianwali</t>
  </si>
  <si>
    <t>Ballo Khel</t>
  </si>
  <si>
    <t>Anayatullah</t>
  </si>
  <si>
    <t>26937</t>
  </si>
  <si>
    <t>GGHS KASSOKE</t>
  </si>
  <si>
    <t>Adeela Farid</t>
  </si>
  <si>
    <t>52366</t>
  </si>
  <si>
    <t>GES GUDAR MALKANA</t>
  </si>
  <si>
    <t>gudar malkana p/o hasso k nau abad</t>
  </si>
  <si>
    <t>Abdul Jabbar Bhati</t>
  </si>
  <si>
    <t>GPS NAKKA KHURD</t>
  </si>
  <si>
    <t>Nakka khurd</t>
  </si>
  <si>
    <t>nakka khurd tehsil jand distt. Attock</t>
  </si>
  <si>
    <t>Zia-ur-rehman</t>
  </si>
  <si>
    <t>from neighbouring house</t>
  </si>
  <si>
    <t>44481</t>
  </si>
  <si>
    <t>GPS KANDANI</t>
  </si>
  <si>
    <t>Razai shah Janubi</t>
  </si>
  <si>
    <t>Basti Kandani post office Notak Teh and Distt Bhakkar</t>
  </si>
  <si>
    <t>Amir Abbas</t>
  </si>
  <si>
    <t>12777</t>
  </si>
  <si>
    <t>22835</t>
  </si>
  <si>
    <t>GPS MC NO. 1 FATTU PURA</t>
  </si>
  <si>
    <t>GPS MC NO 1 Fattu Pura  Gujrat</t>
  </si>
  <si>
    <t>Fattu pura</t>
  </si>
  <si>
    <t>46969</t>
  </si>
  <si>
    <t>GGPS MERA KODAN SAPRAL</t>
  </si>
  <si>
    <t>karandi</t>
  </si>
  <si>
    <t>wandha bilzai village karandi p/o makarwal Tehsil Esakhel Dist. mianwali</t>
  </si>
  <si>
    <t>bilzai karandi</t>
  </si>
  <si>
    <t>Irshad Bi Bi</t>
  </si>
  <si>
    <t>4018</t>
  </si>
  <si>
    <t>49262</t>
  </si>
  <si>
    <t>12782</t>
  </si>
  <si>
    <t>GGHS HAROON ABAD WARD NO. 1</t>
  </si>
  <si>
    <t>City Haroonabad</t>
  </si>
  <si>
    <t>GGHS hnd</t>
  </si>
  <si>
    <t>Mc Haroon Abad</t>
  </si>
  <si>
    <t>MRS.TASLEEM TARIQ</t>
  </si>
  <si>
    <t>GPS ALAM ABAD BHAKKAR</t>
  </si>
  <si>
    <t>GPS Alam abad Bhakkar</t>
  </si>
  <si>
    <t>Muhammad Akram  Khan</t>
  </si>
  <si>
    <t>GPS TULOKA LONA</t>
  </si>
  <si>
    <t>Tiloka Loona</t>
  </si>
  <si>
    <t>Imtiaz Ahmad Bashir</t>
  </si>
  <si>
    <t>46907</t>
  </si>
  <si>
    <t>GGPS SHER KHAN MALLA KHEL</t>
  </si>
  <si>
    <t>paka kamar mushani</t>
  </si>
  <si>
    <t>wandha sarmat khel dilla ameer wala kamar mushani</t>
  </si>
  <si>
    <t>wandha sarmat khel dilla ameer wala</t>
  </si>
  <si>
    <t>kamar mushani</t>
  </si>
  <si>
    <t>49472</t>
  </si>
  <si>
    <t>20683</t>
  </si>
  <si>
    <t>GGES KOT KHALIQ</t>
  </si>
  <si>
    <t>Kot Khaliq</t>
  </si>
  <si>
    <t>kot khaliq p/o kohlowala tehsil &amp; district Gujranwala</t>
  </si>
  <si>
    <t>asma noreen</t>
  </si>
  <si>
    <t>GHS 31/11-L</t>
  </si>
  <si>
    <t>31/11-L</t>
  </si>
  <si>
    <t>CHAK NO 31/11-L TEHSIL CHICHAWATNI DISTRICT SAHIWAL</t>
  </si>
  <si>
    <t>CHAK NO 31/11-L</t>
  </si>
  <si>
    <t>Muhammad jafar ali</t>
  </si>
  <si>
    <t>GGES MITHA KHATTAK</t>
  </si>
  <si>
    <t>Village mitha khatak p/o kalluan wala</t>
  </si>
  <si>
    <t>Mitha khatak</t>
  </si>
  <si>
    <t>Saba Gul</t>
  </si>
  <si>
    <t>22624</t>
  </si>
  <si>
    <t>GGPS SHERO JEEDA</t>
  </si>
  <si>
    <t>Shero Jeda</t>
  </si>
  <si>
    <t>P/O Begabanian village shero jeda path way kunjah.</t>
  </si>
  <si>
    <t>12806</t>
  </si>
  <si>
    <t>GPS CHAK NO 106 ML</t>
  </si>
  <si>
    <t>106ml</t>
  </si>
  <si>
    <t>Chak No.106ml Fateh Pur</t>
  </si>
  <si>
    <t>chak no.106ml fateh pur</t>
  </si>
  <si>
    <t>M C Fatehpur</t>
  </si>
  <si>
    <t>Sultan Mehmood</t>
  </si>
  <si>
    <t>GPS CHAK NO 137 M</t>
  </si>
  <si>
    <t>137/m</t>
  </si>
  <si>
    <t>chak no 137/m</t>
  </si>
  <si>
    <t>169/m</t>
  </si>
  <si>
    <t>Muhammad  Anwar</t>
  </si>
  <si>
    <t>43168</t>
  </si>
  <si>
    <t>GGES LAKHWAL</t>
  </si>
  <si>
    <t>Lakhwal</t>
  </si>
  <si>
    <t>gges lakhwal</t>
  </si>
  <si>
    <t>Naheeda Yasmin</t>
  </si>
  <si>
    <t>9688</t>
  </si>
  <si>
    <t>12457</t>
  </si>
  <si>
    <t>26936</t>
  </si>
  <si>
    <t>GGHS BURJ DARA</t>
  </si>
  <si>
    <t>burj dara</t>
  </si>
  <si>
    <t>Shamim Akhtr</t>
  </si>
  <si>
    <t>47169</t>
  </si>
  <si>
    <t>GPS TOPEN WALA</t>
  </si>
  <si>
    <t>Topen Wala</t>
  </si>
  <si>
    <t>32269</t>
  </si>
  <si>
    <t>46946</t>
  </si>
  <si>
    <t>GGPS MUSALIAN WALA</t>
  </si>
  <si>
    <t>wandha bugga khe sultan khel gharbi esakhel mianwali</t>
  </si>
  <si>
    <t>Saima Khan</t>
  </si>
  <si>
    <t>16095</t>
  </si>
  <si>
    <t>GGHS CHAK NO 201 RB</t>
  </si>
  <si>
    <t>Chak No197 Rb</t>
  </si>
  <si>
    <t>GGHS197 rb</t>
  </si>
  <si>
    <t>Chak No 197 Rb</t>
  </si>
  <si>
    <t>NAJMA GILANI</t>
  </si>
  <si>
    <t>12824</t>
  </si>
  <si>
    <t>GGPS CHAK 413 JB KERNE GUNJ</t>
  </si>
  <si>
    <t>Chak no 413jb tehsil gojra district toba tak singh</t>
  </si>
  <si>
    <t>413jb</t>
  </si>
  <si>
    <t>Asma mukhtar</t>
  </si>
  <si>
    <t>33634</t>
  </si>
  <si>
    <t>46460</t>
  </si>
  <si>
    <t>12827</t>
  </si>
  <si>
    <t>51935</t>
  </si>
  <si>
    <t>GPS 349 A EB</t>
  </si>
  <si>
    <t>chak 349 EB</t>
  </si>
  <si>
    <t>chak no 349.e.b  Arifwala</t>
  </si>
  <si>
    <t>Chak 349/EB</t>
  </si>
  <si>
    <t>Chak No 351/EB</t>
  </si>
  <si>
    <t>18287</t>
  </si>
  <si>
    <t>32533</t>
  </si>
  <si>
    <t>12833</t>
  </si>
  <si>
    <t>GGHS NOOR SAR</t>
  </si>
  <si>
    <t>Rukshana  Yasmeen</t>
  </si>
  <si>
    <t>GGPS 427/6-R AB</t>
  </si>
  <si>
    <t>427/6rab</t>
  </si>
  <si>
    <t>427/6R AB</t>
  </si>
  <si>
    <t>Nazia Mehreen</t>
  </si>
  <si>
    <t>31389</t>
  </si>
  <si>
    <t>12836</t>
  </si>
  <si>
    <t>Nai wala basti Bhai Dgkhan</t>
  </si>
  <si>
    <t>Sabranachan</t>
  </si>
  <si>
    <t>12837</t>
  </si>
  <si>
    <t>22192</t>
  </si>
  <si>
    <t>GES HARIA WALA</t>
  </si>
  <si>
    <t>Haria wala</t>
  </si>
  <si>
    <t>20101</t>
  </si>
  <si>
    <t>12838</t>
  </si>
  <si>
    <t>46841</t>
  </si>
  <si>
    <t>GGPS LODHRAN WALA</t>
  </si>
  <si>
    <t>ggps lodhranwala</t>
  </si>
  <si>
    <t>Kallunwala</t>
  </si>
  <si>
    <t>27232</t>
  </si>
  <si>
    <t>GMPS THATA JAHAD HASSAN WALA</t>
  </si>
  <si>
    <t>Thatha Jahad Hassan Wala</t>
  </si>
  <si>
    <t>Muqdas Andleeb</t>
  </si>
  <si>
    <t>19009</t>
  </si>
  <si>
    <t>17239</t>
  </si>
  <si>
    <t>28897</t>
  </si>
  <si>
    <t>GGPS KOT SHATAB KHAN</t>
  </si>
  <si>
    <t>Kot Shatab Khan</t>
  </si>
  <si>
    <t>kot shatab khan</t>
  </si>
  <si>
    <t>Asma Din Muhammad</t>
  </si>
  <si>
    <t>50542</t>
  </si>
  <si>
    <t>GGES 56-A/12-L</t>
  </si>
  <si>
    <t>Chak# 56A/12L Chichawatni</t>
  </si>
  <si>
    <t>chak No. 56A/12. chichawatni dist sahiwal</t>
  </si>
  <si>
    <t>Chak#56A/12L</t>
  </si>
  <si>
    <t>GGPS CHAPRI THAL KHIAL MIR WALA</t>
  </si>
  <si>
    <t>wandha. khail mir</t>
  </si>
  <si>
    <t>Qatalkhel</t>
  </si>
  <si>
    <t>Zubaida BiBi</t>
  </si>
  <si>
    <t>41463</t>
  </si>
  <si>
    <t>30896</t>
  </si>
  <si>
    <t>50345</t>
  </si>
  <si>
    <t>GGPS SHAIKHU PURA</t>
  </si>
  <si>
    <t>Sheikhupra</t>
  </si>
  <si>
    <t>p/o kassowala vill sheikhupra daska sialkot</t>
  </si>
  <si>
    <t>Malomahy</t>
  </si>
  <si>
    <t>Shamila Rafique</t>
  </si>
  <si>
    <t>16081</t>
  </si>
  <si>
    <t>GMPS BAHU CHAK</t>
  </si>
  <si>
    <t>Bahu Chak</t>
  </si>
  <si>
    <t>Village Bahu Chak Chak . P.O  Ghakkhar Mandi Teh &amp; District GRW</t>
  </si>
  <si>
    <t>Jalal Blaggan</t>
  </si>
  <si>
    <t>GGPS SHAMAS PURA</t>
  </si>
  <si>
    <t>Shams pura</t>
  </si>
  <si>
    <t>GGPS shamas pura</t>
  </si>
  <si>
    <t>Gid pur</t>
  </si>
  <si>
    <t>Salma boota</t>
  </si>
  <si>
    <t>5576</t>
  </si>
  <si>
    <t>39023</t>
  </si>
  <si>
    <t>Mari Shoque  Shah</t>
  </si>
  <si>
    <t>basti bahadar wali</t>
  </si>
  <si>
    <t>Bahadar Wali</t>
  </si>
  <si>
    <t>Mari Shoque Shah</t>
  </si>
  <si>
    <t>Gohar Iqbal</t>
  </si>
  <si>
    <t>13359</t>
  </si>
  <si>
    <t>GHS SANATE KA</t>
  </si>
  <si>
    <t>Sanateka</t>
  </si>
  <si>
    <t>GHS Sanateka Bahawalnagar</t>
  </si>
  <si>
    <t>21979</t>
  </si>
  <si>
    <t>GES CHAK DALAIL</t>
  </si>
  <si>
    <t>GEA CHAK DALAIL MARKAZ DARAHMA</t>
  </si>
  <si>
    <t>13825</t>
  </si>
  <si>
    <t>GGPS BASTI NOOR MUHAMMAD</t>
  </si>
  <si>
    <t>Chah Baqir Wala</t>
  </si>
  <si>
    <t>20358</t>
  </si>
  <si>
    <t>13368</t>
  </si>
  <si>
    <t>50423</t>
  </si>
  <si>
    <t>45536</t>
  </si>
  <si>
    <t>GPS 10/14-L</t>
  </si>
  <si>
    <t>IQBAL NAGAR-MALE</t>
  </si>
  <si>
    <t>Chak No10/14-L</t>
  </si>
  <si>
    <t>G .P/ S  Chak No.10/14-L Tehsil Chichawatni Distt-Sahiwal.</t>
  </si>
  <si>
    <t>HQ 6/14-L</t>
  </si>
  <si>
    <t>18917</t>
  </si>
  <si>
    <t>39595</t>
  </si>
  <si>
    <t>51828</t>
  </si>
  <si>
    <t>GGES 2 EB</t>
  </si>
  <si>
    <t>2eb tehsil Arifwala District pakpattan</t>
  </si>
  <si>
    <t>2eb</t>
  </si>
  <si>
    <t>Saimaan Ishfaq</t>
  </si>
  <si>
    <t>GHS TRIGRI</t>
  </si>
  <si>
    <t>TRIGRI</t>
  </si>
  <si>
    <t>Village trigri tehsil and District gujranwala</t>
  </si>
  <si>
    <t>Talwandi Khajoorwali</t>
  </si>
  <si>
    <t>MAQSOOD ALMAS</t>
  </si>
  <si>
    <t>GGCMES CHAK NO. 109/F</t>
  </si>
  <si>
    <t>109f</t>
  </si>
  <si>
    <t>35f</t>
  </si>
  <si>
    <t>GPS CHAK NO 151/2-L</t>
  </si>
  <si>
    <t>151/2L</t>
  </si>
  <si>
    <t>chak 151/2L teh haroonabad dist bahawalnagar</t>
  </si>
  <si>
    <t>kashif jamshaid</t>
  </si>
  <si>
    <t>42793</t>
  </si>
  <si>
    <t>Dhoke Muqaddam Muqaddam</t>
  </si>
  <si>
    <t>village Dhoke Muqaddam P.O Mandra Tehsil Gujarkhan district Rawalpindi</t>
  </si>
  <si>
    <t>Asima Noreen</t>
  </si>
  <si>
    <t>37935</t>
  </si>
  <si>
    <t>38631</t>
  </si>
  <si>
    <t>GGPS 251 WB</t>
  </si>
  <si>
    <t>251/Wb</t>
  </si>
  <si>
    <t>chak no 251/wb teh dunia pur district lodhran</t>
  </si>
  <si>
    <t>237/Eb</t>
  </si>
  <si>
    <t>GPS SINDHI WALA</t>
  </si>
  <si>
    <t>Makwal Wala</t>
  </si>
  <si>
    <t>Sindhi wala Jampur</t>
  </si>
  <si>
    <t>Hero</t>
  </si>
  <si>
    <t>Ejaz Ahmad Chandia</t>
  </si>
  <si>
    <t>22390</t>
  </si>
  <si>
    <t>GPS CHAK MIRAN</t>
  </si>
  <si>
    <t>Chak Miran</t>
  </si>
  <si>
    <t>chak miran</t>
  </si>
  <si>
    <t>Atteq Ur Rehmaan</t>
  </si>
  <si>
    <t>GGHS CHAK NO 166/7-R</t>
  </si>
  <si>
    <t>CHAK NO 166/7.R</t>
  </si>
  <si>
    <t>G.G.H.S 166/7.R Rafiqabad</t>
  </si>
  <si>
    <t>Chak No 167/7.R</t>
  </si>
  <si>
    <t>24753</t>
  </si>
  <si>
    <t>GMPS 46 EB DAKHLI PO 40 ARIF WALA</t>
  </si>
  <si>
    <t>46/EB Dakhli</t>
  </si>
  <si>
    <t>Chak  No 46/E.B.Dakhli Dera Ghulam Muhammad</t>
  </si>
  <si>
    <t>Chak46/EB Dakhli</t>
  </si>
  <si>
    <t>Chak No 48/EB</t>
  </si>
  <si>
    <t>Sumra Tahrim</t>
  </si>
  <si>
    <t>25605</t>
  </si>
  <si>
    <t>26794</t>
  </si>
  <si>
    <t>28885</t>
  </si>
  <si>
    <t>GGPS KOT SALEEM HAIDER</t>
  </si>
  <si>
    <t>kot saleem haider</t>
  </si>
  <si>
    <t>Kot Saleem Haider</t>
  </si>
  <si>
    <t>Pakhoke</t>
  </si>
  <si>
    <t>Nusrat Rani</t>
  </si>
  <si>
    <t>39573</t>
  </si>
  <si>
    <t>10068</t>
  </si>
  <si>
    <t>GPS CITY NO. 13</t>
  </si>
  <si>
    <t>Block P, Dera Ghazi Khan</t>
  </si>
  <si>
    <t>GGHS GHUINKEY</t>
  </si>
  <si>
    <t>gghs ghuinke tehsil daska district sialkot</t>
  </si>
  <si>
    <t>TALLAT  YASMIN</t>
  </si>
  <si>
    <t>GGES THATHA DAD</t>
  </si>
  <si>
    <t>Tha Tha Dad</t>
  </si>
  <si>
    <t>gges thatha dad teh @ distt gujranwala</t>
  </si>
  <si>
    <t>Ansa Qamar</t>
  </si>
  <si>
    <t>51936</t>
  </si>
  <si>
    <t>GPS 345 EB ARIFWALA</t>
  </si>
  <si>
    <t>Chak No 345/EB</t>
  </si>
  <si>
    <t>Chak No 345/EB Arifwala</t>
  </si>
  <si>
    <t>M Munawar</t>
  </si>
  <si>
    <t>21450</t>
  </si>
  <si>
    <t>GPS SHEHNI WALA</t>
  </si>
  <si>
    <t>shehni wala post office mandiala tega tehsil kamoki dist. Gujranwala</t>
  </si>
  <si>
    <t>GHS DHOK TAHLIAN</t>
  </si>
  <si>
    <t>Ghs dhoke Tahlian teh&amp;,distt.chakwal</t>
  </si>
  <si>
    <t>Dhoke Tahlian</t>
  </si>
  <si>
    <t>13418</t>
  </si>
  <si>
    <t>46928</t>
  </si>
  <si>
    <t>GGPS UDHEY WALA</t>
  </si>
  <si>
    <t>GGPS udhey wala</t>
  </si>
  <si>
    <t>Udhey Wala</t>
  </si>
  <si>
    <t>Balqees Amna</t>
  </si>
  <si>
    <t>10168</t>
  </si>
  <si>
    <t>GGPS CHAK NO.79-A/TDA SOMTIA</t>
  </si>
  <si>
    <t>CHAK NO 79-A TDA TEHSIL KAROR DISTRICT LAYYAH</t>
  </si>
  <si>
    <t>79-A TDA</t>
  </si>
  <si>
    <t>balqees akhtar</t>
  </si>
  <si>
    <t>39430</t>
  </si>
  <si>
    <t>GGPS CHAK 314/HR</t>
  </si>
  <si>
    <t>311/hr</t>
  </si>
  <si>
    <t>52091</t>
  </si>
  <si>
    <t>GGPS HAMA RATH</t>
  </si>
  <si>
    <t>Hama Rath</t>
  </si>
  <si>
    <t>GGPS HAMARATH Arifwala Pakpattan</t>
  </si>
  <si>
    <t>11755</t>
  </si>
  <si>
    <t>46243</t>
  </si>
  <si>
    <t>GHS RAMKE CHATTHA</t>
  </si>
  <si>
    <t>Village Ramke Chattha, Teh. And Distt hafizabad</t>
  </si>
  <si>
    <t>Muhammad Naeem Tarar</t>
  </si>
  <si>
    <t>13447</t>
  </si>
  <si>
    <t>28708</t>
  </si>
  <si>
    <t>GPS NO. 2 CHUNIAN</t>
  </si>
  <si>
    <t>50965</t>
  </si>
  <si>
    <t>GMPS KOTLI WADAN</t>
  </si>
  <si>
    <t>Kotli Wadan</t>
  </si>
  <si>
    <t>village kotli wadan po Tanda tehsil district  gujrat</t>
  </si>
  <si>
    <t>Barila Sharif</t>
  </si>
  <si>
    <t>Ghazala Jabeen</t>
  </si>
  <si>
    <t>10208</t>
  </si>
  <si>
    <t>46365</t>
  </si>
  <si>
    <t>24729</t>
  </si>
  <si>
    <t>15157</t>
  </si>
  <si>
    <t>29016</t>
  </si>
  <si>
    <t>GGPS NARMAL KEY</t>
  </si>
  <si>
    <t>Narmal Kay</t>
  </si>
  <si>
    <t>Narmal kay</t>
  </si>
  <si>
    <t>Jajal</t>
  </si>
  <si>
    <t>GPS RANGRA ROPOWAL</t>
  </si>
  <si>
    <t>Rangra Ropowal</t>
  </si>
  <si>
    <t>V &amp; P/O Rangra Rupowal Teh. and District Gujrat</t>
  </si>
  <si>
    <t>Rashid Mehdi</t>
  </si>
  <si>
    <t>GMPS CHAK 93/6-R</t>
  </si>
  <si>
    <t>93/6r</t>
  </si>
  <si>
    <t>94/6r</t>
  </si>
  <si>
    <t>7712</t>
  </si>
  <si>
    <t>GHS KHAKHI GHARBI</t>
  </si>
  <si>
    <t>Govt.High School khakhi P/O Khakhi Teh.&amp; District Details Ghaziabad Khan</t>
  </si>
  <si>
    <t>SHAHZAD RASUL</t>
  </si>
  <si>
    <t>16051</t>
  </si>
  <si>
    <t>35454</t>
  </si>
  <si>
    <t>GPS 60 RB III</t>
  </si>
  <si>
    <t>CHAK NO 60 rB MOHGI</t>
  </si>
  <si>
    <t>mohgi</t>
  </si>
  <si>
    <t>91 rB Dhanuana</t>
  </si>
  <si>
    <t>MUHAMMAD SHAFIQ ASIM</t>
  </si>
  <si>
    <t>22351</t>
  </si>
  <si>
    <t>GPS LOHSAR KALAN</t>
  </si>
  <si>
    <t>Lohsar Kallan</t>
  </si>
  <si>
    <t>village lohsar kalan p/o dhodha sharif</t>
  </si>
  <si>
    <t>Lohsar Kalan</t>
  </si>
  <si>
    <t>Shamraiz Akhtar</t>
  </si>
  <si>
    <t>28079</t>
  </si>
  <si>
    <t>10432</t>
  </si>
  <si>
    <t>26348</t>
  </si>
  <si>
    <t>GPS TIBBA MARILA</t>
  </si>
  <si>
    <t>Tibba marela</t>
  </si>
  <si>
    <t>Tibba Marela</t>
  </si>
  <si>
    <t>GPS RIAZ LAKHVIRA</t>
  </si>
  <si>
    <t>Basti Riaz Abad Moza Sodha</t>
  </si>
  <si>
    <t>Basti Riaz ABAD</t>
  </si>
  <si>
    <t>GHULAM SHABBIR</t>
  </si>
  <si>
    <t>36806</t>
  </si>
  <si>
    <t>GPS GHOUS PUR, P/O SARDAR PUR, NAWAN SHEHR</t>
  </si>
  <si>
    <t>Khati Chor</t>
  </si>
  <si>
    <t>ghous pur p/o sardar pur  ,nawan shehr</t>
  </si>
  <si>
    <t>Abid Hussain Khan</t>
  </si>
  <si>
    <t>25372</t>
  </si>
  <si>
    <t>36101</t>
  </si>
  <si>
    <t>28967</t>
  </si>
  <si>
    <t>GGPS CHABAR</t>
  </si>
  <si>
    <t>chabbar p/o kangan pur teh chunian district kasur</t>
  </si>
  <si>
    <t>Sadaf Zahra</t>
  </si>
  <si>
    <t>GGPS SUMBAL PUR</t>
  </si>
  <si>
    <t>Sumbalnpur</t>
  </si>
  <si>
    <t>sumbal pur</t>
  </si>
  <si>
    <t>Sumbal Pur</t>
  </si>
  <si>
    <t>52667</t>
  </si>
  <si>
    <t>GGES JHANG ABDULLAH SHAH</t>
  </si>
  <si>
    <t>jhang abdullah shah</t>
  </si>
  <si>
    <t>jhang abdullah shah mandi ahmad abad depalpur</t>
  </si>
  <si>
    <t>bhela gulab singh</t>
  </si>
  <si>
    <t>Saira Rao</t>
  </si>
  <si>
    <t>17410</t>
  </si>
  <si>
    <t>15188</t>
  </si>
  <si>
    <t>GGPS BASTI MUHAMMAD AZIM</t>
  </si>
  <si>
    <t>Basti Gadho ka P/O chak number 10/F.W Teh Chishtian District Bahawal Nagar</t>
  </si>
  <si>
    <t>Gadho Ka</t>
  </si>
  <si>
    <t>Shali Gharbii</t>
  </si>
  <si>
    <t>chak kala</t>
  </si>
  <si>
    <t>Nadeem Zia</t>
  </si>
  <si>
    <t>52670</t>
  </si>
  <si>
    <t>GGPS KALAIR MAHMAND</t>
  </si>
  <si>
    <t>klair mehmand</t>
  </si>
  <si>
    <t>Klair Mehmand</t>
  </si>
  <si>
    <t>Ms Nusrat Jabeen</t>
  </si>
  <si>
    <t>13295</t>
  </si>
  <si>
    <t>21688</t>
  </si>
  <si>
    <t>GGES NANGAL DONA SINGH</t>
  </si>
  <si>
    <t>Nangal Duna Sing</t>
  </si>
  <si>
    <t>nangal duna sing</t>
  </si>
  <si>
    <t>Tanzila Ishfaq</t>
  </si>
  <si>
    <t>8618</t>
  </si>
  <si>
    <t>50807</t>
  </si>
  <si>
    <t>15204</t>
  </si>
  <si>
    <t>28921</t>
  </si>
  <si>
    <t>GMPS BLOCK NO 3</t>
  </si>
  <si>
    <t>Block #3</t>
  </si>
  <si>
    <t>GMPS  block #3</t>
  </si>
  <si>
    <t>Nazia bano</t>
  </si>
  <si>
    <t>GHS 34 EB ARIF WALA</t>
  </si>
  <si>
    <t>Chak No. 34/EB Arifwala</t>
  </si>
  <si>
    <t>UC 34/EB</t>
  </si>
  <si>
    <t>Kamran Aziz Khan</t>
  </si>
  <si>
    <t>30158</t>
  </si>
  <si>
    <t>GGPS MAHTAY KI MAHTAB RAI</t>
  </si>
  <si>
    <t>Mahtey K Mehtab</t>
  </si>
  <si>
    <t>mahtey k mehtAB rai</t>
  </si>
  <si>
    <t>Mahtey Key Mehtab</t>
  </si>
  <si>
    <t>Shazia Ahmad Yar</t>
  </si>
  <si>
    <t>34062</t>
  </si>
  <si>
    <t>GMPS BANTH</t>
  </si>
  <si>
    <t>Banth</t>
  </si>
  <si>
    <t>Village Banth Teshil Gujar Khan District Rawalpindi</t>
  </si>
  <si>
    <t>Nabila Ramzan</t>
  </si>
  <si>
    <t>18993</t>
  </si>
  <si>
    <t>15212</t>
  </si>
  <si>
    <t>GPS CHAK NO 110 FA</t>
  </si>
  <si>
    <t>Chak no 110/FA</t>
  </si>
  <si>
    <t>chack no 110 fateh. chishtian</t>
  </si>
  <si>
    <t>Chak 110/FA</t>
  </si>
  <si>
    <t>Abdullah Hafeez</t>
  </si>
  <si>
    <t>15215</t>
  </si>
  <si>
    <t>43146</t>
  </si>
  <si>
    <t>GHS CHAK NAURANG</t>
  </si>
  <si>
    <t>Chak Naurang</t>
  </si>
  <si>
    <t>VPO Chak naurang</t>
  </si>
  <si>
    <t>har Char Dhab</t>
  </si>
  <si>
    <t>21593</t>
  </si>
  <si>
    <t>GGES MARI THAKRAN</t>
  </si>
  <si>
    <t>Elementary school Mari Thakran</t>
  </si>
  <si>
    <t>Sana Ikhlaq</t>
  </si>
  <si>
    <t>19962</t>
  </si>
  <si>
    <t>51958</t>
  </si>
  <si>
    <t>15227</t>
  </si>
  <si>
    <t>36658</t>
  </si>
  <si>
    <t>GGES JINNAH COLONY, ABDUL HAKIM</t>
  </si>
  <si>
    <t>GGMS jinnah colony abdulhakim.</t>
  </si>
  <si>
    <t>Naveeda Yasmeen</t>
  </si>
  <si>
    <t>42237</t>
  </si>
  <si>
    <t>42778</t>
  </si>
  <si>
    <t>GGPS BOKRA</t>
  </si>
  <si>
    <t>Bokra</t>
  </si>
  <si>
    <t>village Bokra , post office susral</t>
  </si>
  <si>
    <t>Ghazanfar Un Nisa</t>
  </si>
  <si>
    <t>7286</t>
  </si>
  <si>
    <t>15273</t>
  </si>
  <si>
    <t>18573</t>
  </si>
  <si>
    <t>GGHS CHAK 301 JB</t>
  </si>
  <si>
    <t>CHAK NO 301 JB</t>
  </si>
  <si>
    <t>GOVT. GIRLS HIGH SCHOOL 301 JB</t>
  </si>
  <si>
    <t>SHAHIDA RAFIQ</t>
  </si>
  <si>
    <t>GPS CHOTI SAR</t>
  </si>
  <si>
    <t>p/o khar fort munro</t>
  </si>
  <si>
    <t>Choti  Sar</t>
  </si>
  <si>
    <t>Majeed Ur Rehman</t>
  </si>
  <si>
    <t>51885</t>
  </si>
  <si>
    <t>GPS CHAK NO. 31 KB</t>
  </si>
  <si>
    <t>Chak No 31/kb</t>
  </si>
  <si>
    <t>chak no 31/kb</t>
  </si>
  <si>
    <t>31/kb</t>
  </si>
  <si>
    <t>Nadeem Tariq</t>
  </si>
  <si>
    <t>GES MALHUANA</t>
  </si>
  <si>
    <t>MALHOANA</t>
  </si>
  <si>
    <t>Govt E/S Malhoana Near bHU Malhoana</t>
  </si>
  <si>
    <t>GGES BHIDAL OTTAR</t>
  </si>
  <si>
    <t>gges bhidal ottar dakhli killi piran wali</t>
  </si>
  <si>
    <t>Bhidal Ottar</t>
  </si>
  <si>
    <t>Hakoomat  Garh</t>
  </si>
  <si>
    <t>Hafiza Muzammal Shafiq</t>
  </si>
  <si>
    <t>12453</t>
  </si>
  <si>
    <t>28898</t>
  </si>
  <si>
    <t>GGPS KOT GAMMAN</t>
  </si>
  <si>
    <t>Kotgama</t>
  </si>
  <si>
    <t>GGPSKot gama</t>
  </si>
  <si>
    <t>Kot Gama</t>
  </si>
  <si>
    <t>Yasmeen Yaqoob</t>
  </si>
  <si>
    <t>29226</t>
  </si>
  <si>
    <t>15301</t>
  </si>
  <si>
    <t>GGES 34 EB P.O 34 EB</t>
  </si>
  <si>
    <t>chak/No 34/EB</t>
  </si>
  <si>
    <t>Sadaf rafiq</t>
  </si>
  <si>
    <t>51031</t>
  </si>
  <si>
    <t>29547</t>
  </si>
  <si>
    <t>15304</t>
  </si>
  <si>
    <t>42781</t>
  </si>
  <si>
    <t>GGPS BAGH FAQIRAN</t>
  </si>
  <si>
    <t>Bagh Faqirian</t>
  </si>
  <si>
    <t>village bagh faqirian p/o rajoha tehsil gujar Khan dist.rawalpindi</t>
  </si>
  <si>
    <t>Asima Adalat</t>
  </si>
  <si>
    <t>15306</t>
  </si>
  <si>
    <t>7858</t>
  </si>
  <si>
    <t>Khakhi Sharqi</t>
  </si>
  <si>
    <t>basti mohsin shah wala u c khakhi</t>
  </si>
  <si>
    <t>Mohsin Shah Wala</t>
  </si>
  <si>
    <t>52869</t>
  </si>
  <si>
    <t>GGPS 49-D</t>
  </si>
  <si>
    <t>49/D</t>
  </si>
  <si>
    <t>GGPS 49/D</t>
  </si>
  <si>
    <t>Kaneez sheeren</t>
  </si>
  <si>
    <t>GGPS CHAK 29 GB SATIANA</t>
  </si>
  <si>
    <t>Kanian</t>
  </si>
  <si>
    <t>chak no 29 GB kanian</t>
  </si>
  <si>
    <t>29 Gb Kanian</t>
  </si>
  <si>
    <t>14997</t>
  </si>
  <si>
    <t>GHS MAHRAN WALI</t>
  </si>
  <si>
    <t>Govt High School Marhanwali Tehseel Karor</t>
  </si>
  <si>
    <t>kashif kamran</t>
  </si>
  <si>
    <t>144293</t>
  </si>
  <si>
    <t>45398</t>
  </si>
  <si>
    <t>GPS KOT FATEH DIN</t>
  </si>
  <si>
    <t>KUNJAH-III-MALE</t>
  </si>
  <si>
    <t>village kot Fateh din p/o mangowal west teh and distt Gujrat</t>
  </si>
  <si>
    <t>Farzana Bashir</t>
  </si>
  <si>
    <t>35038</t>
  </si>
  <si>
    <t>GHS CHAK NO.197/EB</t>
  </si>
  <si>
    <t>GHS 197/E.B (Bhokal) Gaggoo Mandi Burewala</t>
  </si>
  <si>
    <t>Chak No 197/E.B Burewala</t>
  </si>
  <si>
    <t>Chak No 173/E.B</t>
  </si>
  <si>
    <t>Naeem Imran</t>
  </si>
  <si>
    <t>22604</t>
  </si>
  <si>
    <t>GGPS CHOBARA</t>
  </si>
  <si>
    <t>village chobara p/o marri khokhran</t>
  </si>
  <si>
    <t>43592</t>
  </si>
  <si>
    <t>GGPS DHOK DANDI</t>
  </si>
  <si>
    <t>Dhoke Dandi</t>
  </si>
  <si>
    <t>VPO Padshahan Village Dhoke Dandi Distt Tehsil Chakwal</t>
  </si>
  <si>
    <t>Dhoke DANDI</t>
  </si>
  <si>
    <t>Shalwana Arim</t>
  </si>
  <si>
    <t>Electric Pump</t>
  </si>
  <si>
    <t>23878</t>
  </si>
  <si>
    <t>51635</t>
  </si>
  <si>
    <t>GGCMS 106/12-L</t>
  </si>
  <si>
    <t>chak no 106 12l</t>
  </si>
  <si>
    <t>CHAK NO 106 12l</t>
  </si>
  <si>
    <t>50 12 L</t>
  </si>
  <si>
    <t>Surriya Anwar</t>
  </si>
  <si>
    <t>42360</t>
  </si>
  <si>
    <t>GHS MACHHIA</t>
  </si>
  <si>
    <t>MACHHIA</t>
  </si>
  <si>
    <t>VPO MACHHIA GUJAR KHAN RWP.</t>
  </si>
  <si>
    <t>GPS CHAK NO 219 JB SULKHANA</t>
  </si>
  <si>
    <t>Chak No219</t>
  </si>
  <si>
    <t>chak no 219 sulakhana</t>
  </si>
  <si>
    <t>Chak No219 Sulakhana</t>
  </si>
  <si>
    <t>Chak No265</t>
  </si>
  <si>
    <t>Muhammad Umerdraz</t>
  </si>
  <si>
    <t>22751</t>
  </si>
  <si>
    <t>GGPS GHUMAN</t>
  </si>
  <si>
    <t>GUJRAT-IV-FEMALE</t>
  </si>
  <si>
    <t>Ghumman</t>
  </si>
  <si>
    <t>T/d ghujrat</t>
  </si>
  <si>
    <t>Chack Manjo</t>
  </si>
  <si>
    <t>nazia bibi</t>
  </si>
  <si>
    <t>30766</t>
  </si>
  <si>
    <t>GPS MANDIALA TEGHA KHURD</t>
  </si>
  <si>
    <t>Mandiala tega Khurd</t>
  </si>
  <si>
    <t>po/ khas mandiala tega Khurd, kamoke, gujranwala</t>
  </si>
  <si>
    <t>Mandiala tega</t>
  </si>
  <si>
    <t>M Ashfaq</t>
  </si>
  <si>
    <t>33660</t>
  </si>
  <si>
    <t>28717</t>
  </si>
  <si>
    <t>GPS NAIN WALA KHALSA</t>
  </si>
  <si>
    <t>Nainwal Khalsa</t>
  </si>
  <si>
    <t>nainwal khalsa</t>
  </si>
  <si>
    <t>Jamsherkhurd</t>
  </si>
  <si>
    <t>Muhammad Shamoon</t>
  </si>
  <si>
    <t>12758</t>
  </si>
  <si>
    <t>22231</t>
  </si>
  <si>
    <t>GGES CHAK MIRAN</t>
  </si>
  <si>
    <t>village chakmirran tehsil and district gujrat</t>
  </si>
  <si>
    <t>GGHS CHAK NO. 14/1-R</t>
  </si>
  <si>
    <t>14/1-R</t>
  </si>
  <si>
    <t>GOVT. GIRLS HIGH SCHOOL 14/1-R</t>
  </si>
  <si>
    <t>CHAK NO. 15/1-R</t>
  </si>
  <si>
    <t>KHALIDA MALIK</t>
  </si>
  <si>
    <t>14932</t>
  </si>
  <si>
    <t>34100</t>
  </si>
  <si>
    <t>15042</t>
  </si>
  <si>
    <t>28674</t>
  </si>
  <si>
    <t>GPS PALARA</t>
  </si>
  <si>
    <t>Palara</t>
  </si>
  <si>
    <t>MOHAMMAD LATIF</t>
  </si>
  <si>
    <t>15046</t>
  </si>
  <si>
    <t>GGPS NODEEL</t>
  </si>
  <si>
    <t>NODEEL</t>
  </si>
  <si>
    <t>VILLAGE NODEEL P/O HERNAL, MANDRA TEHSIL GUJARKHAN,RWP</t>
  </si>
  <si>
    <t>51852</t>
  </si>
  <si>
    <t>15051</t>
  </si>
  <si>
    <t>28756</t>
  </si>
  <si>
    <t>GPS GHANDHI HITTAR</t>
  </si>
  <si>
    <t>Gandhi Hithar</t>
  </si>
  <si>
    <t>Village Gandhi hithar tehsil chunian Distt Kasur</t>
  </si>
  <si>
    <t>Aamir Masood Khan</t>
  </si>
  <si>
    <t>52635</t>
  </si>
  <si>
    <t>GPS JHANG ABDULLAH SHAH</t>
  </si>
  <si>
    <t>Chang Abdullah Jhang Abdullah Shah</t>
  </si>
  <si>
    <t>kot Jaimal Ram</t>
  </si>
  <si>
    <t>Kot Jaimal Ram</t>
  </si>
  <si>
    <t>7030</t>
  </si>
  <si>
    <t>42443</t>
  </si>
  <si>
    <t>GGES TANWEEN</t>
  </si>
  <si>
    <t>vpo tanween teh gujar khan distt Rwp</t>
  </si>
  <si>
    <t>Hina Mehboob</t>
  </si>
  <si>
    <t>GPS CHAK LAKHIA KHURD</t>
  </si>
  <si>
    <t>Chak Lakhia Khurd</t>
  </si>
  <si>
    <t>Mudassara Shafique</t>
  </si>
  <si>
    <t>GGES CHAK NO. 47/F</t>
  </si>
  <si>
    <t>Chak no 47/F dakhana o tahsil chishtian</t>
  </si>
  <si>
    <t>21637</t>
  </si>
  <si>
    <t>GPS MODEL CHAKRI WAKIALAN</t>
  </si>
  <si>
    <t>Chakri Wakilan</t>
  </si>
  <si>
    <t>vpo chakri wakilan</t>
  </si>
  <si>
    <t>Sabina Parveen</t>
  </si>
  <si>
    <t>15083</t>
  </si>
  <si>
    <t>GGPS DARKALA</t>
  </si>
  <si>
    <t>vill &amp;p.o dark ala Teh.gujarkhan dist.RWP</t>
  </si>
  <si>
    <t>Shaheen Qammar</t>
  </si>
  <si>
    <t>8096</t>
  </si>
  <si>
    <t>GES GAGAN THAL</t>
  </si>
  <si>
    <t>Moza gagan Thal P/O khar Fort Munroo Distt. DGkhan</t>
  </si>
  <si>
    <t>GGES 100/6-R</t>
  </si>
  <si>
    <t>100 /6r</t>
  </si>
  <si>
    <t>chak no.100 6/r</t>
  </si>
  <si>
    <t>101 /6r</t>
  </si>
  <si>
    <t>Sabiha Sultan</t>
  </si>
  <si>
    <t>7095</t>
  </si>
  <si>
    <t>42843</t>
  </si>
  <si>
    <t>GGPS JAND HARNI</t>
  </si>
  <si>
    <t>Mohra Kanyal</t>
  </si>
  <si>
    <t>village Jandharni post office Sukho teh gujar khan district Rawalpindi</t>
  </si>
  <si>
    <t>Jandharni</t>
  </si>
  <si>
    <t>Salma Bano</t>
  </si>
  <si>
    <t>GHS PATALIAN</t>
  </si>
  <si>
    <t>Patalian</t>
  </si>
  <si>
    <t>VPO PATALIAN</t>
  </si>
  <si>
    <t>Kot Chaudrian</t>
  </si>
  <si>
    <t>34431</t>
  </si>
  <si>
    <t>GGHSS CHAK 281 JB DAVAKHARI</t>
  </si>
  <si>
    <t>GOVT.GIRLS HIGHER SECONDARY SCHOOL 281 JB.DAWAKHARI.</t>
  </si>
  <si>
    <t>CHACK NO 281 JB</t>
  </si>
  <si>
    <t>CHACK 281 JB</t>
  </si>
  <si>
    <t>28575</t>
  </si>
  <si>
    <t>GPS 15/11-L</t>
  </si>
  <si>
    <t>Sharif Pur</t>
  </si>
  <si>
    <t>Chak 15/11-L Chichawatni</t>
  </si>
  <si>
    <t>15/11-L</t>
  </si>
  <si>
    <t>Muhammad Javed Akhtar</t>
  </si>
  <si>
    <t>24150</t>
  </si>
  <si>
    <t>13215</t>
  </si>
  <si>
    <t>23876</t>
  </si>
  <si>
    <t>GGPS WATALIAN</t>
  </si>
  <si>
    <t>village  watalian p/o kallah kalhan Tehsil Daska District Sialkot</t>
  </si>
  <si>
    <t>Village Watalian</t>
  </si>
  <si>
    <t>33460</t>
  </si>
  <si>
    <t>38993</t>
  </si>
  <si>
    <t>43255</t>
  </si>
  <si>
    <t>GES KALAS</t>
  </si>
  <si>
    <t>po.chakora tehsil and distt.chakwal</t>
  </si>
  <si>
    <t>Chak Chakora</t>
  </si>
  <si>
    <t>Kamran Aziz</t>
  </si>
  <si>
    <t>2 missile motors</t>
  </si>
  <si>
    <t>37658</t>
  </si>
  <si>
    <t>25956</t>
  </si>
  <si>
    <t>GPS CHAK NO 175/7-R NORTH</t>
  </si>
  <si>
    <t>175/7R</t>
  </si>
  <si>
    <t>GGES SHAH JAMAL</t>
  </si>
  <si>
    <t>Shahjamal</t>
  </si>
  <si>
    <t>government girls elementary school Shahjamal hafizabad</t>
  </si>
  <si>
    <t>Gigay</t>
  </si>
  <si>
    <t>Imrana Fazal Awan</t>
  </si>
  <si>
    <t>38463</t>
  </si>
  <si>
    <t>GGES 26/M</t>
  </si>
  <si>
    <t>26/m</t>
  </si>
  <si>
    <t>chak no 26/m</t>
  </si>
  <si>
    <t>chak no 35/m</t>
  </si>
  <si>
    <t>18754</t>
  </si>
  <si>
    <t>GGPS CHAK 371 JB-III MUHAMMAD PURA</t>
  </si>
  <si>
    <t>Chak 371 Jb III</t>
  </si>
  <si>
    <t>chak 371 jb III</t>
  </si>
  <si>
    <t>Chak 471 Jb III</t>
  </si>
  <si>
    <t>48818</t>
  </si>
  <si>
    <t>20502</t>
  </si>
  <si>
    <t>GGES TALEEM-UN-NISA</t>
  </si>
  <si>
    <t>Bari Vala Chowk</t>
  </si>
  <si>
    <t>bari vala chowk gujranwala</t>
  </si>
  <si>
    <t>Iakkrr Vala Pul</t>
  </si>
  <si>
    <t>Farzana Kosar</t>
  </si>
  <si>
    <t>3424</t>
  </si>
  <si>
    <t>19005</t>
  </si>
  <si>
    <t>GHS CTTM BHAKKAR MANDI TOWN</t>
  </si>
  <si>
    <t>mandi town bhakkar</t>
  </si>
  <si>
    <t>MC BHAKKAR</t>
  </si>
  <si>
    <t>31705</t>
  </si>
  <si>
    <t>42442</t>
  </si>
  <si>
    <t>GGHS SAYYAD</t>
  </si>
  <si>
    <t>vpo Sayyed Teh.Gujarkhan Distt.Rawalpindi</t>
  </si>
  <si>
    <t>RAKHSHANDA SULTANA</t>
  </si>
  <si>
    <t>53052</t>
  </si>
  <si>
    <t>GPS JHALAREEN SAADAT</t>
  </si>
  <si>
    <t>do charkanashaib</t>
  </si>
  <si>
    <t>do charkha nasheeb teh.karor dist.layyah</t>
  </si>
  <si>
    <t>docharkhanashaib</t>
  </si>
  <si>
    <t>syed muhammad naqi naqvi</t>
  </si>
  <si>
    <t>47898</t>
  </si>
  <si>
    <t>GGPS MUNDAYKI</t>
  </si>
  <si>
    <t>Mundayki</t>
  </si>
  <si>
    <t>mundayki narayn sir</t>
  </si>
  <si>
    <t>Mundayki Narayn Sir</t>
  </si>
  <si>
    <t>Shafia Kausar</t>
  </si>
  <si>
    <t>from other villages</t>
  </si>
  <si>
    <t>52469</t>
  </si>
  <si>
    <t>GPS CHAK NO 115/6-R</t>
  </si>
  <si>
    <t>115/6r</t>
  </si>
  <si>
    <t>chak no. 115/r</t>
  </si>
  <si>
    <t>Ghulam  Farid-ud-din  Masood</t>
  </si>
  <si>
    <t>13244</t>
  </si>
  <si>
    <t>43083</t>
  </si>
  <si>
    <t>GHS BUDHIAL</t>
  </si>
  <si>
    <t>VPO Budhial tehsil and district chakwal</t>
  </si>
  <si>
    <t>14977</t>
  </si>
  <si>
    <t>13249</t>
  </si>
  <si>
    <t>GGPS RAJA</t>
  </si>
  <si>
    <t>p.o Sadhoke Teh.Kamoke Grw</t>
  </si>
  <si>
    <t>Asifa Mohsan</t>
  </si>
  <si>
    <t>13251</t>
  </si>
  <si>
    <t>10452</t>
  </si>
  <si>
    <t>GMMS CHAK NO 244 TDA</t>
  </si>
  <si>
    <t>Chak No 244</t>
  </si>
  <si>
    <t>chak no.244/tda fateh pur tehsil karor district Layyah</t>
  </si>
  <si>
    <t>Chak No 244/tda</t>
  </si>
  <si>
    <t>Seyed Abid Mahmood Shah</t>
  </si>
  <si>
    <t>13587</t>
  </si>
  <si>
    <t>GGPS QASAI WALA</t>
  </si>
  <si>
    <t>Baste Guden</t>
  </si>
  <si>
    <t>shahjamal oolong shero road jampur</t>
  </si>
  <si>
    <t>Nawan Baigrag</t>
  </si>
  <si>
    <t>GGES CHAK 297 JB I</t>
  </si>
  <si>
    <t>297jb</t>
  </si>
  <si>
    <t>check no 297jb</t>
  </si>
  <si>
    <t>Check No297jb</t>
  </si>
  <si>
    <t>Check No 301 Jb</t>
  </si>
  <si>
    <t>28774</t>
  </si>
  <si>
    <t>GPS ELAH ABAD</t>
  </si>
  <si>
    <t>Ellah Abad</t>
  </si>
  <si>
    <t>GPS Ellah Abad</t>
  </si>
  <si>
    <t>Mc Ellah Abad</t>
  </si>
  <si>
    <t>42248</t>
  </si>
  <si>
    <t>GHS TOLA BANGI KHEL</t>
  </si>
  <si>
    <t>Tola Bangi Khel tehsil esa  khel dist mianwali</t>
  </si>
  <si>
    <t>Tola Bangi  Khel</t>
  </si>
  <si>
    <t>49651</t>
  </si>
  <si>
    <t>GPS QABOOL FATANI</t>
  </si>
  <si>
    <t>GPS qabool fatani</t>
  </si>
  <si>
    <t>GGES QILA SAHIB SINGH</t>
  </si>
  <si>
    <t>gges qila sahab singh teh and district hafizabad</t>
  </si>
  <si>
    <t>Qila Sahab Singh</t>
  </si>
  <si>
    <t>tanzeela kousar</t>
  </si>
  <si>
    <t>52306</t>
  </si>
  <si>
    <t>GGHS SODHIWAL</t>
  </si>
  <si>
    <t>Sodhiwal</t>
  </si>
  <si>
    <t>GGHS sodhiwal P/O Mandi Ahmad Abad,Tehsil Depalpur district okara.</t>
  </si>
  <si>
    <t>Sodhiwal(Mandi ahmad abad)</t>
  </si>
  <si>
    <t>MC Mandi Ahmad Abad</t>
  </si>
  <si>
    <t>GPS 343 EB LOT MUGHLY ARIFWALA</t>
  </si>
  <si>
    <t>Chak 343 EB</t>
  </si>
  <si>
    <t>Gps 343 E.B Lat Mughli</t>
  </si>
  <si>
    <t>343/EB LAT</t>
  </si>
  <si>
    <t>Chak 351 Eb</t>
  </si>
  <si>
    <t>GGPS BASTI GADDAN</t>
  </si>
  <si>
    <t>Basti gadden</t>
  </si>
  <si>
    <t>basti gadden jampur</t>
  </si>
  <si>
    <t>Nawa Begraj</t>
  </si>
  <si>
    <t>21393</t>
  </si>
  <si>
    <t>GGES NAND PUR</t>
  </si>
  <si>
    <t>Nandpur P/O Eminabad Tehsil &amp; District Gujranwala</t>
  </si>
  <si>
    <t>Rabia Busree</t>
  </si>
  <si>
    <t>10824</t>
  </si>
  <si>
    <t>46974</t>
  </si>
  <si>
    <t>GGPS MADAD KHEL</t>
  </si>
  <si>
    <t>Sultan Khel Sultan</t>
  </si>
  <si>
    <t>government girls primary school madad khel</t>
  </si>
  <si>
    <t>Tehseen Aziz</t>
  </si>
  <si>
    <t>8379</t>
  </si>
  <si>
    <t>GGES DAHOO</t>
  </si>
  <si>
    <t>Dahoo</t>
  </si>
  <si>
    <t>nawa chak dahoo</t>
  </si>
  <si>
    <t>Tehmina  Naz</t>
  </si>
  <si>
    <t>GHS CHAK 293/HR</t>
  </si>
  <si>
    <t>Chak No 293/hr</t>
  </si>
  <si>
    <t>chak no.293/hr tehsil fortabbas distt. bahawalnagar</t>
  </si>
  <si>
    <t>chak No 293/hr</t>
  </si>
  <si>
    <t>chak No 289/hr</t>
  </si>
  <si>
    <t>IQBAL HUSSAIN ASIF</t>
  </si>
  <si>
    <t>17079</t>
  </si>
  <si>
    <t>Muhammad Zia Ulah</t>
  </si>
  <si>
    <t>46038</t>
  </si>
  <si>
    <t>38604</t>
  </si>
  <si>
    <t>GMPS 349/WB</t>
  </si>
  <si>
    <t>gmps349wb</t>
  </si>
  <si>
    <t>Chak No 349 Wb</t>
  </si>
  <si>
    <t>Naseem Basher</t>
  </si>
  <si>
    <t>18218</t>
  </si>
  <si>
    <t>GHS SHER ISLAMIA NARWALA BANGLOW FSD</t>
  </si>
  <si>
    <t>58 jb</t>
  </si>
  <si>
    <t>NARWALA BYPASS 58 JB</t>
  </si>
  <si>
    <t>58 JB</t>
  </si>
  <si>
    <t>ABDUL NAEEM PERVAIZ</t>
  </si>
  <si>
    <t>5003</t>
  </si>
  <si>
    <t>52841</t>
  </si>
  <si>
    <t>VILLAGE GOJRA.  TEH.DASKA  DIST. SIALKOT</t>
  </si>
  <si>
    <t>44345</t>
  </si>
  <si>
    <t>GES BHILMANA</t>
  </si>
  <si>
    <t>Bhilmana</t>
  </si>
  <si>
    <t>bhilmana p/o notak tehsil and district bhakkar</t>
  </si>
  <si>
    <t>syed zakir hussain</t>
  </si>
  <si>
    <t>21689</t>
  </si>
  <si>
    <t>28784</t>
  </si>
  <si>
    <t>GPS KOT HAMEED KHAN</t>
  </si>
  <si>
    <t>Basti Qutab Shah</t>
  </si>
  <si>
    <t>basti qutab shah teh chunian distt kasur</t>
  </si>
  <si>
    <t>Iftikhar Hussain Shah</t>
  </si>
  <si>
    <t>26931</t>
  </si>
  <si>
    <t>GGHS MIAN RAHEEMAN</t>
  </si>
  <si>
    <t>Mian Raheeman</t>
  </si>
  <si>
    <t>Amna Riaz</t>
  </si>
  <si>
    <t>46313</t>
  </si>
  <si>
    <t>46625</t>
  </si>
  <si>
    <t>GHS VANJARI</t>
  </si>
  <si>
    <t>vanjari p/o kamar mushani tehsil isa khel District Mianwali</t>
  </si>
  <si>
    <t>Imtiaz Ahmed Malik</t>
  </si>
  <si>
    <t>42456</t>
  </si>
  <si>
    <t>GGHS ARAZI HASSANAL</t>
  </si>
  <si>
    <t>Arazi Hasnal</t>
  </si>
  <si>
    <t>Govt Girls High School Arazi Hasnal</t>
  </si>
  <si>
    <t>aqila batool</t>
  </si>
  <si>
    <t>51750</t>
  </si>
  <si>
    <t>52972</t>
  </si>
  <si>
    <t>GGPS DAYARAM KHURD</t>
  </si>
  <si>
    <t>Diaram Khurd</t>
  </si>
  <si>
    <t>diaram khurd</t>
  </si>
  <si>
    <t>Misbah Yasmin</t>
  </si>
  <si>
    <t>7174</t>
  </si>
  <si>
    <t>47962</t>
  </si>
  <si>
    <t>13322</t>
  </si>
  <si>
    <t>GES 279 JB I DARAPUR</t>
  </si>
  <si>
    <t>chak 279 jb dara pur 1</t>
  </si>
  <si>
    <t>chak no 279 jb dara pur</t>
  </si>
  <si>
    <t>chak no 278 jb Usman kot</t>
  </si>
  <si>
    <t>FAZAL HUSSAIN</t>
  </si>
  <si>
    <t>4658</t>
  </si>
  <si>
    <t>20177</t>
  </si>
  <si>
    <t>GGES CHAK 429/6-R</t>
  </si>
  <si>
    <t>GGE/S 429/6r p/o same</t>
  </si>
  <si>
    <t>Misbah Sarwar</t>
  </si>
  <si>
    <t>29908</t>
  </si>
  <si>
    <t>17201</t>
  </si>
  <si>
    <t>GES CHAK NO 288 HR</t>
  </si>
  <si>
    <t>288/HR</t>
  </si>
  <si>
    <t>chak no 288/HR,fort Abbas</t>
  </si>
  <si>
    <t>20720</t>
  </si>
  <si>
    <t>GMPS 154/3-L (W)</t>
  </si>
  <si>
    <t>154/3L W</t>
  </si>
  <si>
    <t>149/6R w</t>
  </si>
  <si>
    <t>45479</t>
  </si>
  <si>
    <t>42424</t>
  </si>
  <si>
    <t>GGES CHAKRALI BADHAL</t>
  </si>
  <si>
    <t>Chakrali Badhal</t>
  </si>
  <si>
    <t>14557</t>
  </si>
  <si>
    <t>GES MC YASEEN ABAD FSD</t>
  </si>
  <si>
    <t>St no; 4, yasinabad near waris Pura, fsd</t>
  </si>
  <si>
    <t>Yasinabad</t>
  </si>
  <si>
    <t>private van</t>
  </si>
  <si>
    <t>14644</t>
  </si>
  <si>
    <t>28984</t>
  </si>
  <si>
    <t>GGPS JAWERIA QAIM SHAH WALA</t>
  </si>
  <si>
    <t>Qaim Shah</t>
  </si>
  <si>
    <t>Qaim shah Wala p/o mokal</t>
  </si>
  <si>
    <t>Qaim Shah Wala</t>
  </si>
  <si>
    <t>51080</t>
  </si>
  <si>
    <t>18535</t>
  </si>
  <si>
    <t>GES CHAK 339 JB</t>
  </si>
  <si>
    <t>Vero K  Kajlay</t>
  </si>
  <si>
    <t>CHAK 339JB GOJRA</t>
  </si>
  <si>
    <t>KAJLay</t>
  </si>
  <si>
    <t>Chak 338JB</t>
  </si>
  <si>
    <t>Hafiz Umar Hayat</t>
  </si>
  <si>
    <t>Laisora</t>
  </si>
  <si>
    <t>Basti Khuda Baksh</t>
  </si>
  <si>
    <t>Tumman Leghari Zarren No 97</t>
  </si>
  <si>
    <t>star khan</t>
  </si>
  <si>
    <t>17814</t>
  </si>
  <si>
    <t>GGPS CHAH PHAIRAY WALA</t>
  </si>
  <si>
    <t>chah Phiray Wala mouza bori the and dis Jhang</t>
  </si>
  <si>
    <t>Caha Phairy Wala</t>
  </si>
  <si>
    <t>Kot Isha Shah</t>
  </si>
  <si>
    <t>Sumia batool</t>
  </si>
  <si>
    <t>14667</t>
  </si>
  <si>
    <t>GGES CHAK NO. 94/6-R</t>
  </si>
  <si>
    <t>94-6r</t>
  </si>
  <si>
    <t>Dakkhana khas 94-6R</t>
  </si>
  <si>
    <t>Zahida perveen</t>
  </si>
  <si>
    <t>51389</t>
  </si>
  <si>
    <t>GPS BORIAN WALA</t>
  </si>
  <si>
    <t>52381</t>
  </si>
  <si>
    <t>chak Faizabad p/o basirpur teh.depalpur dist.okara</t>
  </si>
  <si>
    <t>FaizAbad</t>
  </si>
  <si>
    <t>Shahzad Ali</t>
  </si>
  <si>
    <t>GMPS CHAK NO 172/MB</t>
  </si>
  <si>
    <t>Ch172/mb</t>
  </si>
  <si>
    <t>Chao 172/M (B)</t>
  </si>
  <si>
    <t>CH 173/M</t>
  </si>
  <si>
    <t>GES 115 EB ARIF WALA</t>
  </si>
  <si>
    <t>chak no 115 eb</t>
  </si>
  <si>
    <t>115 EB</t>
  </si>
  <si>
    <t>109 EB</t>
  </si>
  <si>
    <t>7374</t>
  </si>
  <si>
    <t>GGHS ISLAMIA MADINA</t>
  </si>
  <si>
    <t>madina syedan gujrat</t>
  </si>
  <si>
    <t>madina</t>
  </si>
  <si>
    <t>maria batool</t>
  </si>
  <si>
    <t>GES GIRDOO</t>
  </si>
  <si>
    <t>Girdo</t>
  </si>
  <si>
    <t>p/o khar fort manro</t>
  </si>
  <si>
    <t>Jalal Ul Din</t>
  </si>
  <si>
    <t>water cooler2</t>
  </si>
  <si>
    <t>GGPS CHAK NO. 102 6R</t>
  </si>
  <si>
    <t>102/6R</t>
  </si>
  <si>
    <t>chak no 102/6r</t>
  </si>
  <si>
    <t>Chak No 102/6R</t>
  </si>
  <si>
    <t>Alia Jan</t>
  </si>
  <si>
    <t>GPS CHAK NO 112 TDA</t>
  </si>
  <si>
    <t>Aulakh Thal Jandi</t>
  </si>
  <si>
    <t>GPS 112 TDA , Tehsil karor (LAYYAH)</t>
  </si>
  <si>
    <t>Chak No 112 TDA</t>
  </si>
  <si>
    <t>Chak No 110 TDA</t>
  </si>
  <si>
    <t>43140</t>
  </si>
  <si>
    <t>GHS CHAWALI</t>
  </si>
  <si>
    <t>Chawli</t>
  </si>
  <si>
    <t>VPO Chawli chakwal</t>
  </si>
  <si>
    <t>GGHS CHANDALI</t>
  </si>
  <si>
    <t>chandali tehsil kamonke , district   gujranwala</t>
  </si>
  <si>
    <t>Chandali</t>
  </si>
  <si>
    <t>Iram Nawaz</t>
  </si>
  <si>
    <t>22602</t>
  </si>
  <si>
    <t>GGPS SHEIKH ALIKAY</t>
  </si>
  <si>
    <t>Sheikh Alikay</t>
  </si>
  <si>
    <t>sheikh alikay</t>
  </si>
  <si>
    <t>Lakhanwal</t>
  </si>
  <si>
    <t>GPS CHAK NO 294 HR</t>
  </si>
  <si>
    <t>Chak No 294 HR</t>
  </si>
  <si>
    <t>chak No 294 HR</t>
  </si>
  <si>
    <t>Chak No 296HR</t>
  </si>
  <si>
    <t>14527</t>
  </si>
  <si>
    <t>51906</t>
  </si>
  <si>
    <t>GPS CHAK NO. 17 KB</t>
  </si>
  <si>
    <t>17/KB</t>
  </si>
  <si>
    <t>chak 17/KB p/o Mari Hazara Teh.Arifwala Distt.Pakpattan</t>
  </si>
  <si>
    <t>chak 18/KB</t>
  </si>
  <si>
    <t>14829</t>
  </si>
  <si>
    <t>GPS KOT BAGHOLA</t>
  </si>
  <si>
    <t>Kot Baghola</t>
  </si>
  <si>
    <t>kot baghola district gujrat</t>
  </si>
  <si>
    <t>GHS DASKA</t>
  </si>
  <si>
    <t>NISBAT ROAD DASKA</t>
  </si>
  <si>
    <t>DASKA KALAN</t>
  </si>
  <si>
    <t>CH. IJAZ UL HAQ</t>
  </si>
  <si>
    <t>water Filtration plant</t>
  </si>
  <si>
    <t>26896</t>
  </si>
  <si>
    <t>GHS SAGAR KALAN</t>
  </si>
  <si>
    <t>muhammad khalid javed</t>
  </si>
  <si>
    <t>13483</t>
  </si>
  <si>
    <t>GES BASTI CHANNAR</t>
  </si>
  <si>
    <t>Basti Channar</t>
  </si>
  <si>
    <t>ges basti channar p/o dajal tehsil jampur district rajanpur</t>
  </si>
  <si>
    <t>Jhook Mahar</t>
  </si>
  <si>
    <t>14536</t>
  </si>
  <si>
    <t>21561</t>
  </si>
  <si>
    <t>GGPS TARAR</t>
  </si>
  <si>
    <t>Tarar</t>
  </si>
  <si>
    <t>village Tarar post office Ashraf abad tehsil Kamoke district  Gujranwala</t>
  </si>
  <si>
    <t>Akber Ghonke</t>
  </si>
  <si>
    <t>Umama Tehzeeb</t>
  </si>
  <si>
    <t>14538</t>
  </si>
  <si>
    <t>37032</t>
  </si>
  <si>
    <t>GGPS GHULAM ADAM DADUANA</t>
  </si>
  <si>
    <t>chak. gulam. adam. daduana</t>
  </si>
  <si>
    <t>Chak Gulam Adam</t>
  </si>
  <si>
    <t>Salma Ahmad</t>
  </si>
  <si>
    <t>24310</t>
  </si>
  <si>
    <t>21712</t>
  </si>
  <si>
    <t>GPS MEHESIAN</t>
  </si>
  <si>
    <t>eminaabad</t>
  </si>
  <si>
    <t>mahasian</t>
  </si>
  <si>
    <t>ladahay wala goraya</t>
  </si>
  <si>
    <t>32692</t>
  </si>
  <si>
    <t>GPS DABB</t>
  </si>
  <si>
    <t>village dabb teh gujrat</t>
  </si>
  <si>
    <t>Surakhpur</t>
  </si>
  <si>
    <t>Kashif Iqbal</t>
  </si>
  <si>
    <t>45231</t>
  </si>
  <si>
    <t>GPS SATTOKI</t>
  </si>
  <si>
    <t>Sattoki, Tensile Chunian , Kasur</t>
  </si>
  <si>
    <t>13863</t>
  </si>
  <si>
    <t>50104</t>
  </si>
  <si>
    <t>GHS 6/11-L</t>
  </si>
  <si>
    <t>village no.611l Tehsil Chichawatni district sahiwal</t>
  </si>
  <si>
    <t>6/11l</t>
  </si>
  <si>
    <t>6 /11l</t>
  </si>
  <si>
    <t>ASAD RAZA CHOUHAN</t>
  </si>
  <si>
    <t>52452</t>
  </si>
  <si>
    <t>14166</t>
  </si>
  <si>
    <t>42773</t>
  </si>
  <si>
    <t>GGPS ADA SAYYED</t>
  </si>
  <si>
    <t>vpo sayyed tehsil gujarkhan distt. rawalpindi</t>
  </si>
  <si>
    <t>Uzma Sultana</t>
  </si>
  <si>
    <t>51640</t>
  </si>
  <si>
    <t>23944</t>
  </si>
  <si>
    <t>GGES CM TARGA</t>
  </si>
  <si>
    <t>village&amp; p.o. targa tehsil daska distt sialkot</t>
  </si>
  <si>
    <t>Nahid Kausar</t>
  </si>
  <si>
    <t>44009</t>
  </si>
  <si>
    <t>18331</t>
  </si>
  <si>
    <t>15436</t>
  </si>
  <si>
    <t>GGHSS CHAK 39 GB</t>
  </si>
  <si>
    <t>chak no 39 GB Tehsil Jaranwala</t>
  </si>
  <si>
    <t>Chak No Thirty Chak No Thirty NineGB</t>
  </si>
  <si>
    <t>Chak No Thirty Nine Gb</t>
  </si>
  <si>
    <t>19321</t>
  </si>
  <si>
    <t>22477</t>
  </si>
  <si>
    <t>GMPS MOHALLA LANGRIAN</t>
  </si>
  <si>
    <t>Mohla langrial</t>
  </si>
  <si>
    <t>Mohla. langrial. p/o jalzl pur. jattan. Gujrat</t>
  </si>
  <si>
    <t>Jalal pur jattan</t>
  </si>
  <si>
    <t>Asma Naseem</t>
  </si>
  <si>
    <t>14176</t>
  </si>
  <si>
    <t>GGPS THUL SAIDAN</t>
  </si>
  <si>
    <t>Thul Sydan</t>
  </si>
  <si>
    <t>thul saidan</t>
  </si>
  <si>
    <t>Thul Saidan</t>
  </si>
  <si>
    <t>Tahira Tehsin</t>
  </si>
  <si>
    <t>26938</t>
  </si>
  <si>
    <t>GGHS CHAK CHATHA</t>
  </si>
  <si>
    <t>CHAK CHATTHA P/O SAME TEH &amp;DISTT HAFIZABAD</t>
  </si>
  <si>
    <t>Akhtar Nazir</t>
  </si>
  <si>
    <t>GGPS 113 EB</t>
  </si>
  <si>
    <t>Chak No113/eb</t>
  </si>
  <si>
    <t>ggps113/EB, arifwala pakpattan</t>
  </si>
  <si>
    <t>Chak No113/b</t>
  </si>
  <si>
    <t>Chak No109/eb</t>
  </si>
  <si>
    <t>Sadia shoaib</t>
  </si>
  <si>
    <t>19711</t>
  </si>
  <si>
    <t>19591</t>
  </si>
  <si>
    <t>GMPS MEHMOODA PUR DONGAR</t>
  </si>
  <si>
    <t>Mehmood Abad,Moza khober chishti,Bahawalnagar</t>
  </si>
  <si>
    <t>Mehmood Abad</t>
  </si>
  <si>
    <t>Nathywala</t>
  </si>
  <si>
    <t>GGPS CHAK 99 JB</t>
  </si>
  <si>
    <t>Chak No99 Jb</t>
  </si>
  <si>
    <t>chak no 99jb gojra,t.t.singh</t>
  </si>
  <si>
    <t>99jb</t>
  </si>
  <si>
    <t>farkhanda iftekhar</t>
  </si>
  <si>
    <t>6548</t>
  </si>
  <si>
    <t>14201</t>
  </si>
  <si>
    <t>23647</t>
  </si>
  <si>
    <t>GES KOREKAY</t>
  </si>
  <si>
    <t>VPO Korekey , Daska, Sialkot</t>
  </si>
  <si>
    <t>28954</t>
  </si>
  <si>
    <t>GGPS BHALARIAN</t>
  </si>
  <si>
    <t>Bhularian</t>
  </si>
  <si>
    <t>bhularian p/o talwandi tehseel chunian district kasur</t>
  </si>
  <si>
    <t>49749</t>
  </si>
  <si>
    <t>14048</t>
  </si>
  <si>
    <t>21567</t>
  </si>
  <si>
    <t>GGES CHAK LUKHIA KHURD</t>
  </si>
  <si>
    <t>Chak lakhia</t>
  </si>
  <si>
    <t>GGES Chak lakhia khurd</t>
  </si>
  <si>
    <t>Chak lakhia khurd</t>
  </si>
  <si>
    <t>Sadaf Ghulam Rasool</t>
  </si>
  <si>
    <t>29281</t>
  </si>
  <si>
    <t>18753</t>
  </si>
  <si>
    <t>GGHS CHAK 370 JB TARIQ ABAD</t>
  </si>
  <si>
    <t>tTS</t>
  </si>
  <si>
    <t>370jb</t>
  </si>
  <si>
    <t>370jbTariqbad</t>
  </si>
  <si>
    <t>372jb</t>
  </si>
  <si>
    <t>Nosheen Hafiz</t>
  </si>
  <si>
    <t>31629</t>
  </si>
  <si>
    <t>17052</t>
  </si>
  <si>
    <t>GPS CHAK NO 455 JB NORTH</t>
  </si>
  <si>
    <t>GPS Chak no 455 N</t>
  </si>
  <si>
    <t>Chak No 455</t>
  </si>
  <si>
    <t>Chak No 446</t>
  </si>
  <si>
    <t>Azhar Hassan</t>
  </si>
  <si>
    <t>22564</t>
  </si>
  <si>
    <t>GPS JAMIA MEHRIA</t>
  </si>
  <si>
    <t>Mohala Ahmad Nagar</t>
  </si>
  <si>
    <t>Fqw II</t>
  </si>
  <si>
    <t>GPS KHAJOOR WALA</t>
  </si>
  <si>
    <t>Khajoor Wala</t>
  </si>
  <si>
    <t>khajoor wala tensil depalpur district Okara</t>
  </si>
  <si>
    <t>guddar Malkana</t>
  </si>
  <si>
    <t>27183</t>
  </si>
  <si>
    <t>GPS LAWARY KHURD</t>
  </si>
  <si>
    <t>Lawary Khurd</t>
  </si>
  <si>
    <t>Lawary Khurd Hafizabad.</t>
  </si>
  <si>
    <t>GGPS 99/T BASTI KUMHARAN</t>
  </si>
  <si>
    <t>Gray Wala</t>
  </si>
  <si>
    <t>ggps 99/tda basti kumaran</t>
  </si>
  <si>
    <t>99/tda basti kumaran</t>
  </si>
  <si>
    <t>gary wala</t>
  </si>
  <si>
    <t>14075</t>
  </si>
  <si>
    <t>GGPS HABIB KOT</t>
  </si>
  <si>
    <t>HabibKot</t>
  </si>
  <si>
    <t>GGPS Habib Kot Haveli Lakha Okara</t>
  </si>
  <si>
    <t>Habib Kot</t>
  </si>
  <si>
    <t>3SP</t>
  </si>
  <si>
    <t>Naghmana Ahtsham</t>
  </si>
  <si>
    <t>34469</t>
  </si>
  <si>
    <t>GPS RAILWAY STATION QURAISH</t>
  </si>
  <si>
    <t>Chak No 285/HR</t>
  </si>
  <si>
    <t>Quraish railway station colony Chak No 285/HR, Fort Abbas</t>
  </si>
  <si>
    <t>Chak No 296/HR</t>
  </si>
  <si>
    <t>using resident's water pump.</t>
  </si>
  <si>
    <t>22269</t>
  </si>
  <si>
    <t>GGHS TIBBI GORIAN</t>
  </si>
  <si>
    <t>Tibbi Gorian</t>
  </si>
  <si>
    <t>Tibbi gorian.</t>
  </si>
  <si>
    <t>Aadowal</t>
  </si>
  <si>
    <t>20050</t>
  </si>
  <si>
    <t>14083</t>
  </si>
  <si>
    <t>GPS KALIA SHAH NO 1</t>
  </si>
  <si>
    <t>basti Kalia shah tehsil and district bahawalnagar</t>
  </si>
  <si>
    <t>GGPS SODIAN WALI</t>
  </si>
  <si>
    <t>Ganga singh</t>
  </si>
  <si>
    <t>Basti sodian wali</t>
  </si>
  <si>
    <t>Sodian wali</t>
  </si>
  <si>
    <t>Aliya Noreen</t>
  </si>
  <si>
    <t>52392</t>
  </si>
  <si>
    <t>GGHS SIRAN WALI</t>
  </si>
  <si>
    <t>siranwali</t>
  </si>
  <si>
    <t>GGHS SIRANWALI TEH DASKA DISTT SIALKOT</t>
  </si>
  <si>
    <t>NAVEEDA ZAFAR</t>
  </si>
  <si>
    <t>23566</t>
  </si>
  <si>
    <t>GPS 384 GB I</t>
  </si>
  <si>
    <t>384 GB</t>
  </si>
  <si>
    <t>CHAK NO 384 GB TEHSIL JARANWALA FSD</t>
  </si>
  <si>
    <t>383GB</t>
  </si>
  <si>
    <t>Javed  Hassan</t>
  </si>
  <si>
    <t>41270</t>
  </si>
  <si>
    <t>23563</t>
  </si>
  <si>
    <t>14099</t>
  </si>
  <si>
    <t>GGES CHAK NO. 90/5-R CH</t>
  </si>
  <si>
    <t>90/5R</t>
  </si>
  <si>
    <t>chak No. 90/5R</t>
  </si>
  <si>
    <t>14102</t>
  </si>
  <si>
    <t>42385</t>
  </si>
  <si>
    <t>GGHS MIANA MOHRA</t>
  </si>
  <si>
    <t>MIANA MOHRA</t>
  </si>
  <si>
    <t>VILLAGE MIANA MOHRA P/O FARYAL TEH GUJAR KHAN DISTT RWP</t>
  </si>
  <si>
    <t>tasneem nuzhat</t>
  </si>
  <si>
    <t>14104</t>
  </si>
  <si>
    <t>GGPS CHAK NO.78 EB DAKHALI</t>
  </si>
  <si>
    <t>78/EB</t>
  </si>
  <si>
    <t>Chak # 78/EB Dakhli</t>
  </si>
  <si>
    <t>78/EB Dakhli</t>
  </si>
  <si>
    <t>Naziran Bibi</t>
  </si>
  <si>
    <t>14106</t>
  </si>
  <si>
    <t>16970</t>
  </si>
  <si>
    <t>GGHS MADDUKI</t>
  </si>
  <si>
    <t>gghs Madduki Jhang</t>
  </si>
  <si>
    <t>Lak badhar</t>
  </si>
  <si>
    <t>Zakia Noor</t>
  </si>
  <si>
    <t>43368</t>
  </si>
  <si>
    <t>8688</t>
  </si>
  <si>
    <t>44796</t>
  </si>
  <si>
    <t>GPS FAZLAY WALA</t>
  </si>
  <si>
    <t>Chah Fazlay Wala</t>
  </si>
  <si>
    <t>Fazlay Wala</t>
  </si>
  <si>
    <t>GMPS DHILLU GHARABI</t>
  </si>
  <si>
    <t>Dhillu Gharbi</t>
  </si>
  <si>
    <t>Govt Model Primary school Dhillu Gharbi</t>
  </si>
  <si>
    <t>Memoona Bari</t>
  </si>
  <si>
    <t>27251</t>
  </si>
  <si>
    <t>GGPS CHAK NO 272 HR</t>
  </si>
  <si>
    <t>272 Hr</t>
  </si>
  <si>
    <t>272 hr</t>
  </si>
  <si>
    <t>Sobia Rashid</t>
  </si>
  <si>
    <t>54622</t>
  </si>
  <si>
    <t>GPS DERA JAMMU (CHAK GUJRAN KHURD)</t>
  </si>
  <si>
    <t>Dera Jammu</t>
  </si>
  <si>
    <t>dera jammu</t>
  </si>
  <si>
    <t>Qamar Ijaz</t>
  </si>
  <si>
    <t>GGPS MARI WARAICHAN</t>
  </si>
  <si>
    <t>Marri Warraichan</t>
  </si>
  <si>
    <t>village marri warraichan p.o kasoki gujrat</t>
  </si>
  <si>
    <t>Kasoki</t>
  </si>
  <si>
    <t>Humaira Zahid</t>
  </si>
  <si>
    <t>28375</t>
  </si>
  <si>
    <t>GGHS CHAK NO.146/6-R</t>
  </si>
  <si>
    <t>chak no146/6r.tehsil haroonabad.bwn</t>
  </si>
  <si>
    <t>146/6r</t>
  </si>
  <si>
    <t>14130</t>
  </si>
  <si>
    <t>23964</t>
  </si>
  <si>
    <t>GGPS GOLIAN</t>
  </si>
  <si>
    <t>Golian</t>
  </si>
  <si>
    <t>GOLIAN</t>
  </si>
  <si>
    <t>Fahmida Khanam</t>
  </si>
  <si>
    <t>ha</t>
  </si>
  <si>
    <t>GMPS KHARAK BHATTIAN</t>
  </si>
  <si>
    <t>kharak Bhattian</t>
  </si>
  <si>
    <t>GMPS  kharak Bhattian, vanike Tarar, Hafizabad</t>
  </si>
  <si>
    <t>Alloudin ke Kalan</t>
  </si>
  <si>
    <t>GHS ISLAMIA CHAKWAL</t>
  </si>
  <si>
    <t>Bhoun Road Chakwal</t>
  </si>
  <si>
    <t>GPS KHAJI BAIG WALA</t>
  </si>
  <si>
    <t>khaki garbi</t>
  </si>
  <si>
    <t>khaji baig wala  Dera ghazi khan</t>
  </si>
  <si>
    <t>khaji baig wala</t>
  </si>
  <si>
    <t>Ashiq hussain</t>
  </si>
  <si>
    <t>14148</t>
  </si>
  <si>
    <t>GPS POUR NAWAN LOK</t>
  </si>
  <si>
    <t>Pour Nawan Lok</t>
  </si>
  <si>
    <t>village pour nawan lok P/o mangowal gharbi</t>
  </si>
  <si>
    <t>8604</t>
  </si>
  <si>
    <t>48712</t>
  </si>
  <si>
    <t>52147</t>
  </si>
  <si>
    <t>GMPS 97 EB</t>
  </si>
  <si>
    <t>Chack No 97 EB</t>
  </si>
  <si>
    <t>Chack No 97 EB Arifwala</t>
  </si>
  <si>
    <t>SANA AYOUB</t>
  </si>
  <si>
    <t>14151</t>
  </si>
  <si>
    <t>GMPS GAGGU CHAK</t>
  </si>
  <si>
    <t>Gajju Chack</t>
  </si>
  <si>
    <t>Gajju Chack Gujranwala</t>
  </si>
  <si>
    <t>Talwandi Khjoor Wali</t>
  </si>
  <si>
    <t>Amara Yasmeen</t>
  </si>
  <si>
    <t>17132</t>
  </si>
  <si>
    <t>GES KOT DEWAN</t>
  </si>
  <si>
    <t>Kot Dewan</t>
  </si>
  <si>
    <t>Monza kot dewan</t>
  </si>
  <si>
    <t>muhammad ismail Tariq</t>
  </si>
  <si>
    <t>18265</t>
  </si>
  <si>
    <t>25484</t>
  </si>
  <si>
    <t>44317</t>
  </si>
  <si>
    <t>GHS CHAK NO 59 TDA</t>
  </si>
  <si>
    <t>Chak No.59/TDA Tehsil &amp; District Bhakkar</t>
  </si>
  <si>
    <t>Chak No.58/TDA</t>
  </si>
  <si>
    <t>GHAFFAR ALI KHAN</t>
  </si>
  <si>
    <t>GPS GALGITTI</t>
  </si>
  <si>
    <t>village Galgitti p/o dhanser paeen the kamoki distt Grw</t>
  </si>
  <si>
    <t>Dhamser Paeen</t>
  </si>
  <si>
    <t>GHS SAGGAR</t>
  </si>
  <si>
    <t>village and post office saggar via tanda tehsil and district gujrat</t>
  </si>
  <si>
    <t>TAHIR  SHAHZAD</t>
  </si>
  <si>
    <t>Chack dhudian p/o mari Shuk Shah teh chishtian district Bahawal Nagar</t>
  </si>
  <si>
    <t>GMPS KOTLI KAWEL RAM</t>
  </si>
  <si>
    <t>Kotli Kawal Ram</t>
  </si>
  <si>
    <t>kotli kewal ram</t>
  </si>
  <si>
    <t>Kotlikawal Ram</t>
  </si>
  <si>
    <t>13936</t>
  </si>
  <si>
    <t>GGHS NO. 3 D.G.KHAN</t>
  </si>
  <si>
    <t>Choraata Pachard</t>
  </si>
  <si>
    <t>govt girls high school no 3 railway colony</t>
  </si>
  <si>
    <t>Railway</t>
  </si>
  <si>
    <t>Choraata Parchard</t>
  </si>
  <si>
    <t>Rafia Manan</t>
  </si>
  <si>
    <t>26379</t>
  </si>
  <si>
    <t>20498</t>
  </si>
  <si>
    <t>GGES SAGHIR SHAHEED</t>
  </si>
  <si>
    <t>Abadi Mehar Wazir</t>
  </si>
  <si>
    <t>St # 12,abadi mehr wazir nowshera road</t>
  </si>
  <si>
    <t>36708</t>
  </si>
  <si>
    <t>GPS KOT BAHADUR NO.2 P/O MUBARAK PUR, KABIRWALA</t>
  </si>
  <si>
    <t>Kot bahadar</t>
  </si>
  <si>
    <t>moza Kot bahadar</t>
  </si>
  <si>
    <t>Shahid Ishfaq</t>
  </si>
  <si>
    <t>40651</t>
  </si>
  <si>
    <t>13948</t>
  </si>
  <si>
    <t>23982</t>
  </si>
  <si>
    <t>GGPS GHANOKAY JAJJA</t>
  </si>
  <si>
    <t>Ghanokay Jajja</t>
  </si>
  <si>
    <t>ghanokay jajja</t>
  </si>
  <si>
    <t>Samaira Qayyum</t>
  </si>
  <si>
    <t>GPS CHAK NO 117/6-R</t>
  </si>
  <si>
    <t>chak no.117/6.r</t>
  </si>
  <si>
    <t>117/6r</t>
  </si>
  <si>
    <t>26935</t>
  </si>
  <si>
    <t>GGHS KOT HASSAN KHAN</t>
  </si>
  <si>
    <t>kot hassan khan</t>
  </si>
  <si>
    <t>NAGHMANA HAYAT</t>
  </si>
  <si>
    <t>17353</t>
  </si>
  <si>
    <t>23955</t>
  </si>
  <si>
    <t>13952</t>
  </si>
  <si>
    <t>GPS GHORRI WALA</t>
  </si>
  <si>
    <t>Ghorri Wala</t>
  </si>
  <si>
    <t>Ghorri Wala Jhang</t>
  </si>
  <si>
    <t>Karri Wala</t>
  </si>
  <si>
    <t>13954</t>
  </si>
  <si>
    <t>42405</t>
  </si>
  <si>
    <t>GHS DERA MUSLIM</t>
  </si>
  <si>
    <t>Dera Muslim</t>
  </si>
  <si>
    <t>village and Post office Dera Muslim gujar khan Rawalpindi</t>
  </si>
  <si>
    <t>Arslan Zahid</t>
  </si>
  <si>
    <t>49340</t>
  </si>
  <si>
    <t>GGPS CHAKRI</t>
  </si>
  <si>
    <t>Ggpschakri</t>
  </si>
  <si>
    <t>35468</t>
  </si>
  <si>
    <t>21647</t>
  </si>
  <si>
    <t>GGPS CHAK WARRIACH</t>
  </si>
  <si>
    <t>Chak Warriach</t>
  </si>
  <si>
    <t>chak warraich p/o mandiala tega teh kamoki distt gujranwala</t>
  </si>
  <si>
    <t>Chak Warraich</t>
  </si>
  <si>
    <t>Muqadas Khalil</t>
  </si>
  <si>
    <t>36808</t>
  </si>
  <si>
    <t>GPS MANO WALA</t>
  </si>
  <si>
    <t>GPS MANO WALA, MOZA RUKAN PURA P/O BASIRPUR, DEPALPUR, OKARA.</t>
  </si>
  <si>
    <t>MANO WALA</t>
  </si>
  <si>
    <t>GES CHAK NO.223-A/TDA</t>
  </si>
  <si>
    <t>chak no.223-a/tda teh.kakor distt. layyah</t>
  </si>
  <si>
    <t>223-A/TDA</t>
  </si>
  <si>
    <t>40276</t>
  </si>
  <si>
    <t>GHS 107/ 12-L</t>
  </si>
  <si>
    <t>107/12L</t>
  </si>
  <si>
    <t>chak no 107/12L chichawatni</t>
  </si>
  <si>
    <t>Chak No 110/12L</t>
  </si>
  <si>
    <t>Manzoor Ul Haq</t>
  </si>
  <si>
    <t>18584</t>
  </si>
  <si>
    <t>GPS ISLAM PURA GOJRA</t>
  </si>
  <si>
    <t>Islam pura gojra</t>
  </si>
  <si>
    <t>Islam Pura Gojra</t>
  </si>
  <si>
    <t>GPS QADRIA</t>
  </si>
  <si>
    <t>GPS Qadria Housing scheme no 1 gujar khan</t>
  </si>
  <si>
    <t>Maryam Sultana</t>
  </si>
  <si>
    <t>GHS QUAID MILLAT BWN</t>
  </si>
  <si>
    <t>khadimabadcolony bwn</t>
  </si>
  <si>
    <t>Bahawal Nagar</t>
  </si>
  <si>
    <t>Khadimabad</t>
  </si>
  <si>
    <t>nazeer ahmad</t>
  </si>
  <si>
    <t>52481</t>
  </si>
  <si>
    <t>GPS BASIR PUR NO 5</t>
  </si>
  <si>
    <t>BASIRPUR</t>
  </si>
  <si>
    <t>Mohallah Chak Ibrahim</t>
  </si>
  <si>
    <t>47214</t>
  </si>
  <si>
    <t>16132</t>
  </si>
  <si>
    <t>GGHS CHAK 51 JB</t>
  </si>
  <si>
    <t>Sajjad</t>
  </si>
  <si>
    <t>Govt Girls High School 51/JB, Faisalabad</t>
  </si>
  <si>
    <t>51 jb</t>
  </si>
  <si>
    <t>58 JB LALE</t>
  </si>
  <si>
    <t>Sadia Iram</t>
  </si>
  <si>
    <t>42666</t>
  </si>
  <si>
    <t>GGPS DHERA KANAL</t>
  </si>
  <si>
    <t>Dehra Kanial</t>
  </si>
  <si>
    <t>Village Dehra Kanial,p/o Bewal,</t>
  </si>
  <si>
    <t>GGCMS CHAK NO. 130  MARAD 'AB'</t>
  </si>
  <si>
    <t>Azafi Basti 130/M</t>
  </si>
  <si>
    <t>GOVT.GIRLS COMMUNITY MODEL SCHOOL 130/M AB P/O Same TEH.CHISHTIAN DISTT. BAHAWALNAGAR</t>
  </si>
  <si>
    <t>RAHAT AFZA</t>
  </si>
  <si>
    <t>37052</t>
  </si>
  <si>
    <t>23983</t>
  </si>
  <si>
    <t>GGPS KOTLI BABA HERA</t>
  </si>
  <si>
    <t>Kotlibaba heera</t>
  </si>
  <si>
    <t>kotlibaba heera</t>
  </si>
  <si>
    <t>Bhagat Pure</t>
  </si>
  <si>
    <t>Gulshan Mubeen Bukhari</t>
  </si>
  <si>
    <t>14004</t>
  </si>
  <si>
    <t>52312</t>
  </si>
  <si>
    <t>GGES MOJOO KI</t>
  </si>
  <si>
    <t>mojoo ki</t>
  </si>
  <si>
    <t>mojooki</t>
  </si>
  <si>
    <t>gudar malkana</t>
  </si>
  <si>
    <t>Mamoona Shaheen</t>
  </si>
  <si>
    <t>43095</t>
  </si>
  <si>
    <t>GHS RAJU WALA</t>
  </si>
  <si>
    <t>Raju Wala</t>
  </si>
  <si>
    <t>Raju wala. tehsil &amp; distt. Bahawal Nagar</t>
  </si>
  <si>
    <t>12359</t>
  </si>
  <si>
    <t>GPS CHAK NO. 219/JB MIRJANA</t>
  </si>
  <si>
    <t>Abbadi Mirjana</t>
  </si>
  <si>
    <t>chak 219/jb mirjana fsd road jhang</t>
  </si>
  <si>
    <t>Chak 219</t>
  </si>
  <si>
    <t>Chak 265 Gwans</t>
  </si>
  <si>
    <t>14014</t>
  </si>
  <si>
    <t>22211</t>
  </si>
  <si>
    <t>GES THRIKHA</t>
  </si>
  <si>
    <t>Trikha</t>
  </si>
  <si>
    <t>trikha</t>
  </si>
  <si>
    <t>Shadiwal Mehmoodkey</t>
  </si>
  <si>
    <t>Syed Abrar Ali Shah</t>
  </si>
  <si>
    <t>24389</t>
  </si>
  <si>
    <t>48806</t>
  </si>
  <si>
    <t>46078</t>
  </si>
  <si>
    <t>14016</t>
  </si>
  <si>
    <t>43073</t>
  </si>
  <si>
    <t>GHS MUREED</t>
  </si>
  <si>
    <t>MUREED</t>
  </si>
  <si>
    <t>VPO MUREED, TEHISL AND DISTRICT CHAKWAL</t>
  </si>
  <si>
    <t>GPS CHAK NO.239/TDA</t>
  </si>
  <si>
    <t>239 tDA</t>
  </si>
  <si>
    <t>CHAK NUMBER 239 TDA</t>
  </si>
  <si>
    <t>239 TDA</t>
  </si>
  <si>
    <t>Muhammad Yasar Iqbal</t>
  </si>
  <si>
    <t>14026</t>
  </si>
  <si>
    <t>38722</t>
  </si>
  <si>
    <t>GGES 389/WB EAST</t>
  </si>
  <si>
    <t>Chak No 389/WB</t>
  </si>
  <si>
    <t>GGES Chak No. 389/WB East</t>
  </si>
  <si>
    <t>Sumaira Hashmi</t>
  </si>
  <si>
    <t>48183</t>
  </si>
  <si>
    <t>52013</t>
  </si>
  <si>
    <t>GGPS SHAFI THATHAI</t>
  </si>
  <si>
    <t>chak shafi thathai</t>
  </si>
  <si>
    <t>11545</t>
  </si>
  <si>
    <t>GGPS 136/6-R</t>
  </si>
  <si>
    <t>Chak #136/6r</t>
  </si>
  <si>
    <t>136/6r</t>
  </si>
  <si>
    <t>Farhat  Parveen DO  Ghulam  Mustafa</t>
  </si>
  <si>
    <t>14031</t>
  </si>
  <si>
    <t>GPS CHAK NO 285 HR</t>
  </si>
  <si>
    <t>Chak No 285/hr</t>
  </si>
  <si>
    <t>chak no 285/hr, dist. bhawalnagar, teh. Fortabbas</t>
  </si>
  <si>
    <t>Chak No 296/hr</t>
  </si>
  <si>
    <t>GPS CHAK NO 247 TDA</t>
  </si>
  <si>
    <t>247/tda</t>
  </si>
  <si>
    <t>Chak # 247/TDA fateh pur tehsil karor district layyah</t>
  </si>
  <si>
    <t>Chak # 247/TDA</t>
  </si>
  <si>
    <t>11508</t>
  </si>
  <si>
    <t>22421</t>
  </si>
  <si>
    <t>17328</t>
  </si>
  <si>
    <t>GPS Chak Noon</t>
  </si>
  <si>
    <t>Chak Noon</t>
  </si>
  <si>
    <t>muhammad zeeshan aslam</t>
  </si>
  <si>
    <t>22752</t>
  </si>
  <si>
    <t>GGPS CHAK MANJOU</t>
  </si>
  <si>
    <t>Chak Manjou</t>
  </si>
  <si>
    <t>villageChak manjou Tehsil and district gujrat</t>
  </si>
  <si>
    <t>49403</t>
  </si>
  <si>
    <t>GPS CHAK 30 GAJIANI</t>
  </si>
  <si>
    <t>chak No 30 G</t>
  </si>
  <si>
    <t>GPS chak no 30g</t>
  </si>
  <si>
    <t>Chak No 30 G</t>
  </si>
  <si>
    <t>Chak No 28 G</t>
  </si>
  <si>
    <t>14203</t>
  </si>
  <si>
    <t>42448</t>
  </si>
  <si>
    <t>GGES GHIK BUDHAL</t>
  </si>
  <si>
    <t>vill&amp;p.o. Ghick Budhal Teh. Gujar Khan Distt. Rawalpindi</t>
  </si>
  <si>
    <t>khatoon begum</t>
  </si>
  <si>
    <t>25736</t>
  </si>
  <si>
    <t>43077</t>
  </si>
  <si>
    <t>GHS MINWAL</t>
  </si>
  <si>
    <t>v.p.o minwal</t>
  </si>
  <si>
    <t>13459</t>
  </si>
  <si>
    <t>14212</t>
  </si>
  <si>
    <t>GGPS SAIB</t>
  </si>
  <si>
    <t>village saib vpo whando ,tehsil kamoke , distt grw</t>
  </si>
  <si>
    <t>Robina Nazir</t>
  </si>
  <si>
    <t>7903</t>
  </si>
  <si>
    <t>GPS NEW HASSAN WALA</t>
  </si>
  <si>
    <t>Bait Nahrki</t>
  </si>
  <si>
    <t>Basti gadi</t>
  </si>
  <si>
    <t>Basti Gadi</t>
  </si>
  <si>
    <t>14216</t>
  </si>
  <si>
    <t>22090</t>
  </si>
  <si>
    <t>GHS LAKHAN WALA</t>
  </si>
  <si>
    <t>Govt.High School Lakhanwal Gujrat</t>
  </si>
  <si>
    <t>26939</t>
  </si>
  <si>
    <t>GGHS LAWARAY KALAN</t>
  </si>
  <si>
    <t>Lawary Kalan</t>
  </si>
  <si>
    <t>GGHSLAwarykalan district hfd</t>
  </si>
  <si>
    <t>Vinii</t>
  </si>
  <si>
    <t>MEMOONA ISLAAM</t>
  </si>
  <si>
    <t>GGPS NAWAN GUSSU</t>
  </si>
  <si>
    <t>mouza dagar shada nawan gusso</t>
  </si>
  <si>
    <t>Nawan Gusso</t>
  </si>
  <si>
    <t>Dagar Sahada</t>
  </si>
  <si>
    <t>Saira Malik</t>
  </si>
  <si>
    <t>14225</t>
  </si>
  <si>
    <t>15045</t>
  </si>
  <si>
    <t>GPS MOZA KANNAL</t>
  </si>
  <si>
    <t>Kannal</t>
  </si>
  <si>
    <t>GPS Moza Kannal Tehsil Jaranwala, District Faisalabad</t>
  </si>
  <si>
    <t>Moza Kannal</t>
  </si>
  <si>
    <t>Chak # 583 GB</t>
  </si>
  <si>
    <t>Muhammad Akraam</t>
  </si>
  <si>
    <t>23885</t>
  </si>
  <si>
    <t>GMPS CM JHARAN WALA</t>
  </si>
  <si>
    <t>Jhranwala</t>
  </si>
  <si>
    <t>jharanwala p.o wadala Sandhwa  daska sailkot</t>
  </si>
  <si>
    <t>Firdous Mohsin</t>
  </si>
  <si>
    <t>28657</t>
  </si>
  <si>
    <t>50143</t>
  </si>
  <si>
    <t>GHS 20/14-L</t>
  </si>
  <si>
    <t>20/14.l</t>
  </si>
  <si>
    <t>9612L</t>
  </si>
  <si>
    <t>Tariq Masood Shah</t>
  </si>
  <si>
    <t>7867</t>
  </si>
  <si>
    <t>GPS DORAHATTA</t>
  </si>
  <si>
    <t>G/P.S Dorahatta  sabra nacha</t>
  </si>
  <si>
    <t>Dorahatta</t>
  </si>
  <si>
    <t>Saeed Ahmed</t>
  </si>
  <si>
    <t>14246</t>
  </si>
  <si>
    <t>GPS DERA SHAHAN DA</t>
  </si>
  <si>
    <t>Dera Shahan</t>
  </si>
  <si>
    <t>GMPS 117 EB</t>
  </si>
  <si>
    <t>Chak No 117/eb</t>
  </si>
  <si>
    <t>Chak no 117/e.b Teh Arifwala Distric Pakpattan</t>
  </si>
  <si>
    <t>Chak no 117/eb</t>
  </si>
  <si>
    <t>Chak no 109/eb</t>
  </si>
  <si>
    <t>MUHAMMAD ZAMAN</t>
  </si>
  <si>
    <t>14253</t>
  </si>
  <si>
    <t>GGES AMEER GARH</t>
  </si>
  <si>
    <t>Ameergarh</t>
  </si>
  <si>
    <t>Ameergarh dakkhana chak haiderabad kabirwala</t>
  </si>
  <si>
    <t>Ameergaeh</t>
  </si>
  <si>
    <t>Salarwahn Kohna</t>
  </si>
  <si>
    <t>Samreen Zafar</t>
  </si>
  <si>
    <t>32325</t>
  </si>
  <si>
    <t>22882</t>
  </si>
  <si>
    <t>18491</t>
  </si>
  <si>
    <t>GHS ISLAMIA GOJRA</t>
  </si>
  <si>
    <t>Government Islamia High school Gojra Near PTCL Office</t>
  </si>
  <si>
    <t>28826</t>
  </si>
  <si>
    <t>GPS LOHLAY RAJPOOTTAN</t>
  </si>
  <si>
    <t>lohlayrajputan p\o Usman wala the. chunian distt. kasur</t>
  </si>
  <si>
    <t>Lohlay rajputan</t>
  </si>
  <si>
    <t>53626</t>
  </si>
  <si>
    <t>14261</t>
  </si>
  <si>
    <t>GGPS CHAK NO.1 PAIGAH</t>
  </si>
  <si>
    <t>basti taravani paigah chak no.1 tehsil district DG Khan</t>
  </si>
  <si>
    <t>Basti Tarawani</t>
  </si>
  <si>
    <t>Gaddai Gharbi</t>
  </si>
  <si>
    <t>GGPS 38/14-L</t>
  </si>
  <si>
    <t>38/14L</t>
  </si>
  <si>
    <t>SHAGUFTA SHAFIQUE</t>
  </si>
  <si>
    <t>GGHS RORAN WALI</t>
  </si>
  <si>
    <t>MOZA RORANWALI TEHSIL AND DISTRICT JHANG</t>
  </si>
  <si>
    <t>FAUZIA SHAUKAT</t>
  </si>
  <si>
    <t>14277</t>
  </si>
  <si>
    <t>23768</t>
  </si>
  <si>
    <t>GPS SANGER WALI</t>
  </si>
  <si>
    <t>Sangar wali</t>
  </si>
  <si>
    <t>Sangerwali, Daska, Sialkot</t>
  </si>
  <si>
    <t>Sangar Wali</t>
  </si>
  <si>
    <t>Malomehy</t>
  </si>
  <si>
    <t>Ishaq Masih</t>
  </si>
  <si>
    <t>14278</t>
  </si>
  <si>
    <t>52234</t>
  </si>
  <si>
    <t>GHS ATTARI</t>
  </si>
  <si>
    <t>GOVERNMENT HIGH SCHOOL ATTARI PO ATTARI MANDI AHMAD ABAD TEHSIL DEPALPUR DISTRICT OKARA</t>
  </si>
  <si>
    <t>amjad islam amjad</t>
  </si>
  <si>
    <t>28966</t>
  </si>
  <si>
    <t>GGPS ATTARI AKI KAY</t>
  </si>
  <si>
    <t>ATTARI Akkikay</t>
  </si>
  <si>
    <t>ATTARI AKKIKEY post office Landy walla</t>
  </si>
  <si>
    <t>ATTARI AKKIKEY</t>
  </si>
  <si>
    <t>Dhutty</t>
  </si>
  <si>
    <t>SAIMA AKRAM</t>
  </si>
  <si>
    <t>26998</t>
  </si>
  <si>
    <t>GPS THATTA NARO</t>
  </si>
  <si>
    <t>Borian Wala</t>
  </si>
  <si>
    <t>thatha naroo hafiz abad</t>
  </si>
  <si>
    <t>Sajid Abbas</t>
  </si>
  <si>
    <t>6959</t>
  </si>
  <si>
    <t>GPS 9/D, P/O DARKHANA, ABDUL HAKIM</t>
  </si>
  <si>
    <t>9 D Darkhana</t>
  </si>
  <si>
    <t>chak no 9d darkhana tehsil kabirwala district khanewal</t>
  </si>
  <si>
    <t>Chak No 9d</t>
  </si>
  <si>
    <t>Muhammad Umar Jamil</t>
  </si>
  <si>
    <t>27418</t>
  </si>
  <si>
    <t>GHS SASRAL</t>
  </si>
  <si>
    <t>SASRAL</t>
  </si>
  <si>
    <t>VILLAGE &amp; POST OFFICE SASRAL, TEHSIL GUJAR KHAN, DISTT. RAWALPINDI</t>
  </si>
  <si>
    <t>KANIYAT KHALIL</t>
  </si>
  <si>
    <t>MUHAMMAD BASHARAT</t>
  </si>
  <si>
    <t>52225</t>
  </si>
  <si>
    <t>GHS MIRZA PUR</t>
  </si>
  <si>
    <t>Mirzapur</t>
  </si>
  <si>
    <t>mirzapur depalpur okara</t>
  </si>
  <si>
    <t>Qila Tara Singh</t>
  </si>
  <si>
    <t>Muhammad Nawaz Kashif</t>
  </si>
  <si>
    <t>28951</t>
  </si>
  <si>
    <t>GGES HASNA</t>
  </si>
  <si>
    <t>HASNA</t>
  </si>
  <si>
    <t>GOVT GIRLS ELEMENTRY SCHOOL  hasna teh.chunian distt.kasur</t>
  </si>
  <si>
    <t>Samia Perveen</t>
  </si>
  <si>
    <t>26906</t>
  </si>
  <si>
    <t>GHS MADHRIAN WALA</t>
  </si>
  <si>
    <t>Madhrianwala Village</t>
  </si>
  <si>
    <t>Sulangi Awan</t>
  </si>
  <si>
    <t>38460</t>
  </si>
  <si>
    <t>GMES 16/M</t>
  </si>
  <si>
    <t>CHAK NO 16/M</t>
  </si>
  <si>
    <t>GPS CHAK NO 113 TDA</t>
  </si>
  <si>
    <t>Chak No 113/TDA Teh Karor Distt Layyah</t>
  </si>
  <si>
    <t>chak no 113/tda</t>
  </si>
  <si>
    <t>Irfan Haider</t>
  </si>
  <si>
    <t>32097</t>
  </si>
  <si>
    <t>13724</t>
  </si>
  <si>
    <t>GGPS CHAH WARYAM</t>
  </si>
  <si>
    <t>chah waryam basti rindan</t>
  </si>
  <si>
    <t>Chahwryam</t>
  </si>
  <si>
    <t>Nusrat BiBi</t>
  </si>
  <si>
    <t>36805</t>
  </si>
  <si>
    <t>GPS BASTI MUMBAR, MOUZA CHARAGH BELA, NAWAN SHEHR</t>
  </si>
  <si>
    <t>Charagh Bella</t>
  </si>
  <si>
    <t>post office sardar pur village Basti Mumbar mouza charagh  Bella tehsil kabirwala district khanewal</t>
  </si>
  <si>
    <t>Basti Mumbar</t>
  </si>
  <si>
    <t>Muhammad Hayat Yousaf</t>
  </si>
  <si>
    <t>53866</t>
  </si>
  <si>
    <t>GPS ANOODH PUR</t>
  </si>
  <si>
    <t>Anohad Pur</t>
  </si>
  <si>
    <t>village anohad Pur p/o mundeke goraya Tehsil Daska</t>
  </si>
  <si>
    <t>Seoke</t>
  </si>
  <si>
    <t>Shama Firdous</t>
  </si>
  <si>
    <t>33978</t>
  </si>
  <si>
    <t>31151</t>
  </si>
  <si>
    <t>GPS BAWARAN WALA</t>
  </si>
  <si>
    <t>Bawrianwala</t>
  </si>
  <si>
    <t>village bawrianwala tehsil and distt Gujrat</t>
  </si>
  <si>
    <t>Aziz Ahmed</t>
  </si>
  <si>
    <t>19739</t>
  </si>
  <si>
    <t>18663</t>
  </si>
  <si>
    <t>GPS CHAK 341 JB I</t>
  </si>
  <si>
    <t>Thathar</t>
  </si>
  <si>
    <t>Chak 341jb Gojra Distt.TTSingh</t>
  </si>
  <si>
    <t>341jb</t>
  </si>
  <si>
    <t>Chak 338Jb</t>
  </si>
  <si>
    <t>GPS 119 EB ARIF WALA</t>
  </si>
  <si>
    <t>119/E.B Arifwala</t>
  </si>
  <si>
    <t>119/E.B</t>
  </si>
  <si>
    <t>Riaz ul Haq</t>
  </si>
  <si>
    <t>GGES CHAK NO. 119/M</t>
  </si>
  <si>
    <t>119/M</t>
  </si>
  <si>
    <t>chak 119/m tehsil chishtian distt bahawalnagar</t>
  </si>
  <si>
    <t>118/M</t>
  </si>
  <si>
    <t>Fakhra Khizar</t>
  </si>
  <si>
    <t>GPS 14/14-L DERA BHATTIAN.</t>
  </si>
  <si>
    <t>Chak No. 14/14. L Tehsil Chicha Watni Distt. Sahiwal</t>
  </si>
  <si>
    <t>14/14. L</t>
  </si>
  <si>
    <t>20/14 L</t>
  </si>
  <si>
    <t>MUHAMMAD TARIQ NAZIR</t>
  </si>
  <si>
    <t>35298</t>
  </si>
  <si>
    <t>GPS 44 KB</t>
  </si>
  <si>
    <t>Gps 44 kb</t>
  </si>
  <si>
    <t>44kb</t>
  </si>
  <si>
    <t>333eb</t>
  </si>
  <si>
    <t>GGPS NO. 3 GUJAR KHAN</t>
  </si>
  <si>
    <t>GGPS no 3 housing scheme no 1 gujarkhan</t>
  </si>
  <si>
    <t>Naveeda Aslam</t>
  </si>
  <si>
    <t>44819</t>
  </si>
  <si>
    <t>GPS DERA SUFI GHULAM MUHAMMAD</t>
  </si>
  <si>
    <t>Chak 40-B/TDA</t>
  </si>
  <si>
    <t>Dera Awana Wala chak 40-B/TDA Bhakkar</t>
  </si>
  <si>
    <t>Dera Awana Wala</t>
  </si>
  <si>
    <t>Peer Ashab</t>
  </si>
  <si>
    <t>GPS KHOKHAR ASHRAF</t>
  </si>
  <si>
    <t>khokhar Ashraf</t>
  </si>
  <si>
    <t>GGPS MUSAY WALA</t>
  </si>
  <si>
    <t>Musay wala</t>
  </si>
  <si>
    <t>Village Musay Wala,</t>
  </si>
  <si>
    <t>Musay Wala</t>
  </si>
  <si>
    <t>Safina Akram</t>
  </si>
  <si>
    <t>22573</t>
  </si>
  <si>
    <t>GMPS  DHAB DALIA</t>
  </si>
  <si>
    <t>Dhab dalia</t>
  </si>
  <si>
    <t>Village dalia p/o tanda gujrat</t>
  </si>
  <si>
    <t>Dalia</t>
  </si>
  <si>
    <t>Barila sharif</t>
  </si>
  <si>
    <t>Karamat ali</t>
  </si>
  <si>
    <t>5498</t>
  </si>
  <si>
    <t>5473</t>
  </si>
  <si>
    <t>GHS MAKORAY WALA</t>
  </si>
  <si>
    <t>Chah makoray Wala Mouza Haji Ghazi Gharbi</t>
  </si>
  <si>
    <t>Chah makoray wala</t>
  </si>
  <si>
    <t>44930</t>
  </si>
  <si>
    <t>50369</t>
  </si>
  <si>
    <t>GES 20/11-L</t>
  </si>
  <si>
    <t>20 - 11-L</t>
  </si>
  <si>
    <t>20-11-L</t>
  </si>
  <si>
    <t>20 -11-L</t>
  </si>
  <si>
    <t>52237</t>
  </si>
  <si>
    <t>GHS CHAK NO. 3/SP OKARA</t>
  </si>
  <si>
    <t>Chak No. 3/SP P/O Haveli Lakha Tehsil Depalpur District Okara</t>
  </si>
  <si>
    <t>Muhammad Ameer Bhatti</t>
  </si>
  <si>
    <t>36586</t>
  </si>
  <si>
    <t>GGES CHAK NO 9/G</t>
  </si>
  <si>
    <t>9/G</t>
  </si>
  <si>
    <t>chak 9/ G</t>
  </si>
  <si>
    <t>24979</t>
  </si>
  <si>
    <t>GHSS PADSHAHAN</t>
  </si>
  <si>
    <t>V P O Padshahan Teh. &amp; Distt. Chakwal</t>
  </si>
  <si>
    <t>Dr. Abdul Waheed</t>
  </si>
  <si>
    <t>GMPS BINNAH</t>
  </si>
  <si>
    <t>Binna</t>
  </si>
  <si>
    <t>vpo Binna tehsil daska disst sialkot</t>
  </si>
  <si>
    <t>Robina Sharif</t>
  </si>
  <si>
    <t>6422</t>
  </si>
  <si>
    <t>GGPS CHAK NO 128/6-R</t>
  </si>
  <si>
    <t>128/6r</t>
  </si>
  <si>
    <t>Chak no 128/6r</t>
  </si>
  <si>
    <t>Robina Yasmin</t>
  </si>
  <si>
    <t>22296</t>
  </si>
  <si>
    <t>GPS AHMEDIA SHADIWAL</t>
  </si>
  <si>
    <t>shadiwal</t>
  </si>
  <si>
    <t>icherkay shadiwal</t>
  </si>
  <si>
    <t>Bushra Andleeb</t>
  </si>
  <si>
    <t>50158</t>
  </si>
  <si>
    <t>GGHS 168/9-L</t>
  </si>
  <si>
    <t>Chak 168/9L</t>
  </si>
  <si>
    <t>chak no 168/9.l</t>
  </si>
  <si>
    <t>168/9L</t>
  </si>
  <si>
    <t>168 9L</t>
  </si>
  <si>
    <t>Sabina Bashir</t>
  </si>
  <si>
    <t>GGPS BURAY WALA</t>
  </si>
  <si>
    <t>IRFAN ABAD COLONY JAMPUR</t>
  </si>
  <si>
    <t>IRFAN ABAD</t>
  </si>
  <si>
    <t>Jamila Akhtar</t>
  </si>
  <si>
    <t>44801</t>
  </si>
  <si>
    <t>GPS NOWLAN WALA</t>
  </si>
  <si>
    <t>Chah Nowlanwala Sial  bhakkar</t>
  </si>
  <si>
    <t>Chah Nowlanwala</t>
  </si>
  <si>
    <t>35294</t>
  </si>
  <si>
    <t>GPS MAJEEDA ABAD</t>
  </si>
  <si>
    <t>ghafoorwah</t>
  </si>
  <si>
    <t>Majeedabad</t>
  </si>
  <si>
    <t>51922</t>
  </si>
  <si>
    <t>GES 2 EB POST OFFICE MALKA HANS</t>
  </si>
  <si>
    <t>2eb p/o Malka Hans tehsil Arifwala Distt. Pakpattan</t>
  </si>
  <si>
    <t>Nasrullah Virk</t>
  </si>
  <si>
    <t>49289</t>
  </si>
  <si>
    <t>36798</t>
  </si>
  <si>
    <t>GES JHOKE AZAM P/O THUL NAJEEB</t>
  </si>
  <si>
    <t>Jhoke azam</t>
  </si>
  <si>
    <t>p/o Thull Najeeb</t>
  </si>
  <si>
    <t>Jhoke Azam</t>
  </si>
  <si>
    <t>THull Najeeb</t>
  </si>
  <si>
    <t>Tanzeel Ul Rehman</t>
  </si>
  <si>
    <t>48020</t>
  </si>
  <si>
    <t>13839</t>
  </si>
  <si>
    <t>GPS KHARORA BAQIR WEST</t>
  </si>
  <si>
    <t>Kharora Baqir</t>
  </si>
  <si>
    <t>mouza kharora baqir p/o khewa district and tehsil jhang</t>
  </si>
  <si>
    <t>Qanderki</t>
  </si>
  <si>
    <t>44642</t>
  </si>
  <si>
    <t>GGPS GHULAM MUHAMMAD WALA</t>
  </si>
  <si>
    <t>GGPS GHULAM MUHAMMAD WALA,Muslim Kot</t>
  </si>
  <si>
    <t>Alina javeed</t>
  </si>
  <si>
    <t>33201</t>
  </si>
  <si>
    <t>22951</t>
  </si>
  <si>
    <t>GGPS PHARI PUR</t>
  </si>
  <si>
    <t>Pahari Pur</t>
  </si>
  <si>
    <t>Pahari pur teh Daska dist sialkot</t>
  </si>
  <si>
    <t>26978</t>
  </si>
  <si>
    <t>GGES BUCHA</t>
  </si>
  <si>
    <t>Bucha</t>
  </si>
  <si>
    <t>Village Bucha post office mandra Tehsil Gujar Khan District Rawalpindi</t>
  </si>
  <si>
    <t>Attia Naheed</t>
  </si>
  <si>
    <t>40214</t>
  </si>
  <si>
    <t>13848</t>
  </si>
  <si>
    <t>27109</t>
  </si>
  <si>
    <t>GGPS ALLOU-DIN-KE KALAN</t>
  </si>
  <si>
    <t>Alloudin ke kalan</t>
  </si>
  <si>
    <t>Allou din k kalan. Tehsil and Distt hafizabad</t>
  </si>
  <si>
    <t>48352</t>
  </si>
  <si>
    <t>GGES CHAK GHUMANA</t>
  </si>
  <si>
    <t>Chak Ghumana</t>
  </si>
  <si>
    <t>GGES CHAK GHUMANA BAHAWALNAGAR</t>
  </si>
  <si>
    <t>Malak Purah</t>
  </si>
  <si>
    <t>dilshad yousaf</t>
  </si>
  <si>
    <t>27582</t>
  </si>
  <si>
    <t>23611</t>
  </si>
  <si>
    <t>22266</t>
  </si>
  <si>
    <t>GGES GORALI</t>
  </si>
  <si>
    <t>village Gorali Teh&amp; Distt Gujrat</t>
  </si>
  <si>
    <t>Nighat Batool</t>
  </si>
  <si>
    <t>37542</t>
  </si>
  <si>
    <t>13853</t>
  </si>
  <si>
    <t>GGPS WARD NO 8 FORT abbas</t>
  </si>
  <si>
    <t>GMPS 13/1-R</t>
  </si>
  <si>
    <t>chak No 13/1R</t>
  </si>
  <si>
    <t>mp/s13/1r</t>
  </si>
  <si>
    <t>13/1r</t>
  </si>
  <si>
    <t>15/1r</t>
  </si>
  <si>
    <t>Farida Naseer</t>
  </si>
  <si>
    <t>43165</t>
  </si>
  <si>
    <t>GGHS KOTHA ABDAL</t>
  </si>
  <si>
    <t>Kothaabdal</t>
  </si>
  <si>
    <t>Village kothaabdal Post office Kothaabdal Tehsil and District chakwal</t>
  </si>
  <si>
    <t>KOTHAABDAL</t>
  </si>
  <si>
    <t>26750</t>
  </si>
  <si>
    <t>9958</t>
  </si>
  <si>
    <t>GHS WADAY WALI</t>
  </si>
  <si>
    <t>Wadhey Wali</t>
  </si>
  <si>
    <t>GHS Wadhey Wali tehsil Karor District Layyah</t>
  </si>
  <si>
    <t>Wadhey Wali New</t>
  </si>
  <si>
    <t>Warah Sehran</t>
  </si>
  <si>
    <t>20623</t>
  </si>
  <si>
    <t>GGPS FATOMAND GUJRANWALA</t>
  </si>
  <si>
    <t>Fatomand</t>
  </si>
  <si>
    <t>Government girls primary school fatomand Gujranwala</t>
  </si>
  <si>
    <t>Amtal Khial Ara</t>
  </si>
  <si>
    <t>GHS SARWAR SHAHEED SANGHORI</t>
  </si>
  <si>
    <t>Sanghori</t>
  </si>
  <si>
    <t>village and post office sanghori tehsil gujar kan district rawalpindi</t>
  </si>
  <si>
    <t>Abdul  Shakoor</t>
  </si>
  <si>
    <t>13871</t>
  </si>
  <si>
    <t>GGPS 83/12-L</t>
  </si>
  <si>
    <t>chak no : 83/12.L
Tehseel : chichawatni
zila : Sahiwal</t>
  </si>
  <si>
    <t>83/12L</t>
  </si>
  <si>
    <t>Azra Noor</t>
  </si>
  <si>
    <t>15344</t>
  </si>
  <si>
    <t>GGPS BAMBLI</t>
  </si>
  <si>
    <t>post office lal garh moza bambli</t>
  </si>
  <si>
    <t>GGPS KARSAL</t>
  </si>
  <si>
    <t>VPO Karsal tehsil gujar Khan Distt Rawalpindi</t>
  </si>
  <si>
    <t>Sobia Matloob</t>
  </si>
  <si>
    <t>GPS 369/WB</t>
  </si>
  <si>
    <t>chak no. 369/w.b Tehsil dunyapur District Lodgran</t>
  </si>
  <si>
    <t>Chak 369/wb</t>
  </si>
  <si>
    <t>Chak 353/wb</t>
  </si>
  <si>
    <t>Khalid Pervaiz Saddiqi</t>
  </si>
  <si>
    <t>13897</t>
  </si>
  <si>
    <t>52152</t>
  </si>
  <si>
    <t>GGPS 131 EB</t>
  </si>
  <si>
    <t>131/EB</t>
  </si>
  <si>
    <t>chak no 131/EB</t>
  </si>
  <si>
    <t>Aneela Muneer</t>
  </si>
  <si>
    <t>43089</t>
  </si>
  <si>
    <t>GHS WARWAL</t>
  </si>
  <si>
    <t>VPO WARWAL, TEHSIL &amp; DISTRICT CHAKWAL</t>
  </si>
  <si>
    <t>Arshad Mahmood</t>
  </si>
  <si>
    <t>13904</t>
  </si>
  <si>
    <t>23737</t>
  </si>
  <si>
    <t>GPS MALEKAY</t>
  </si>
  <si>
    <t>Mallkey</t>
  </si>
  <si>
    <t>mallkey</t>
  </si>
  <si>
    <t>13910</t>
  </si>
  <si>
    <t>GPS KOT JAMBAIR SHAMOLA HAR CHOKI CHONIA</t>
  </si>
  <si>
    <t>Kot Jamber</t>
  </si>
  <si>
    <t>kot jamber</t>
  </si>
  <si>
    <t>46771</t>
  </si>
  <si>
    <t>13914</t>
  </si>
  <si>
    <t>GPS 83 EB</t>
  </si>
  <si>
    <t>Mumtaz Ahmad Nasir</t>
  </si>
  <si>
    <t>50539</t>
  </si>
  <si>
    <t>GES CHAK NO. 139/6-R</t>
  </si>
  <si>
    <t>139/6R</t>
  </si>
  <si>
    <t>chak no. 139/6.R. tehsil Haroonabad Distt. Bahawalnagar</t>
  </si>
  <si>
    <t>Muhammad Sohaib Tariq</t>
  </si>
  <si>
    <t>23942</t>
  </si>
  <si>
    <t>GMES BHILO MAHAR</t>
  </si>
  <si>
    <t>BHILO MAHAR</t>
  </si>
  <si>
    <t>BHILO MAHAR teh Daska</t>
  </si>
  <si>
    <t>Nadeem sadiq</t>
  </si>
  <si>
    <t>14725</t>
  </si>
  <si>
    <t>GES CHAK NO.229/GB</t>
  </si>
  <si>
    <t>GES229gb</t>
  </si>
  <si>
    <t>229gb</t>
  </si>
  <si>
    <t>277gb</t>
  </si>
  <si>
    <t>IFTIKHAR HUSSAIN</t>
  </si>
  <si>
    <t>34572</t>
  </si>
  <si>
    <t>29366</t>
  </si>
  <si>
    <t>GGHSS DAHRAN WALA</t>
  </si>
  <si>
    <t>Dahranwala</t>
  </si>
  <si>
    <t>GGHSS Dahranwala Tehsil Chishtian District Bahawalnagar</t>
  </si>
  <si>
    <t>28671</t>
  </si>
  <si>
    <t>GGES KALAS GAMA</t>
  </si>
  <si>
    <t>Kalas Gama</t>
  </si>
  <si>
    <t>kalas gama</t>
  </si>
  <si>
    <t>Nosheen Latif</t>
  </si>
  <si>
    <t>GPS CHAK NO 99-A TDA</t>
  </si>
  <si>
    <t>Dagar Siwag</t>
  </si>
  <si>
    <t>Chak no. 99-A/TDA Tehsil Karor Lal eson District Layyah</t>
  </si>
  <si>
    <t>Chak 99- A/TDA</t>
  </si>
  <si>
    <t>11398</t>
  </si>
  <si>
    <t>22106</t>
  </si>
  <si>
    <t>GHS BAKHRI WALI</t>
  </si>
  <si>
    <t>village bhakrewali, p/o  daulat nagar,district gujrat</t>
  </si>
  <si>
    <t>dhuma malka</t>
  </si>
  <si>
    <t>29003</t>
  </si>
  <si>
    <t>GGHS HAJI PUR</t>
  </si>
  <si>
    <t>hajipur tehsil jampur zila rajanpur</t>
  </si>
  <si>
    <t>Nelofer Manzoor</t>
  </si>
  <si>
    <t>fetched from outside</t>
  </si>
  <si>
    <t>GES CHAK NO 138/6-R</t>
  </si>
  <si>
    <t>chak no 138/6.r tehsil HND</t>
  </si>
  <si>
    <t>chak no 133/6r</t>
  </si>
  <si>
    <t>GMPS BAWARAY KOHNA</t>
  </si>
  <si>
    <t>Bawray Kohna</t>
  </si>
  <si>
    <t>village bawray kohna tehsil and district hafizabad</t>
  </si>
  <si>
    <t>Village Bawray Kohna</t>
  </si>
  <si>
    <t>Drinke Lalke</t>
  </si>
  <si>
    <t>Qaisar Nawaz</t>
  </si>
  <si>
    <t>10021</t>
  </si>
  <si>
    <t>GPS CHAK NO.238/TDA</t>
  </si>
  <si>
    <t>chak no.238 tda fatehpur tehsil karor district Layyah</t>
  </si>
  <si>
    <t>Chak No 238 tda</t>
  </si>
  <si>
    <t>Izhar Hussain</t>
  </si>
  <si>
    <t>GGPS 96/6-R</t>
  </si>
  <si>
    <t>chak no 96/6.r</t>
  </si>
  <si>
    <t>fahmida</t>
  </si>
  <si>
    <t>11605</t>
  </si>
  <si>
    <t>GGPS CHAK NO.34-B</t>
  </si>
  <si>
    <t>Dagar</t>
  </si>
  <si>
    <t>ggps chak 34 b tda bhakkar</t>
  </si>
  <si>
    <t>34 B Bhakkar</t>
  </si>
  <si>
    <t>Rooh Afza</t>
  </si>
  <si>
    <t>14949</t>
  </si>
  <si>
    <t>GPS 295 EB</t>
  </si>
  <si>
    <t>chak no 295 eb</t>
  </si>
  <si>
    <t>7707</t>
  </si>
  <si>
    <t>GES JAMNA CHANDIA</t>
  </si>
  <si>
    <t>Dagger Chit</t>
  </si>
  <si>
    <t>Govt Boys E/S jamna chandia,p/o mamoori,teh and distt dg khan</t>
  </si>
  <si>
    <t>Jamna Chandia</t>
  </si>
  <si>
    <t>GGES CHAK 434/6-R</t>
  </si>
  <si>
    <t>GGES 434/6.r</t>
  </si>
  <si>
    <t>Chk No 438/6r</t>
  </si>
  <si>
    <t>Safia Perveen</t>
  </si>
  <si>
    <t>14418</t>
  </si>
  <si>
    <t>28628</t>
  </si>
  <si>
    <t>GGHS MOKAL</t>
  </si>
  <si>
    <t>vill Mokal p/o Mokal teh chunian distt kasur</t>
  </si>
  <si>
    <t>Balqees Bi Bi</t>
  </si>
  <si>
    <t>18501</t>
  </si>
  <si>
    <t>GHS CHAK 310 JB</t>
  </si>
  <si>
    <t>310jb</t>
  </si>
  <si>
    <t>310jb,gojra</t>
  </si>
  <si>
    <t>Chak No 360jb Bobak</t>
  </si>
  <si>
    <t>Muhammad Ashraf Javaid</t>
  </si>
  <si>
    <t>GGES HERPOKEY</t>
  </si>
  <si>
    <t>Herpoki</t>
  </si>
  <si>
    <t>herpoki teh kamoke distt Gujranwala</t>
  </si>
  <si>
    <t>Madiha Bashir</t>
  </si>
  <si>
    <t>GHS UTHWAL CHAKWAL</t>
  </si>
  <si>
    <t>uthwal</t>
  </si>
  <si>
    <t>vpo uthwal tehsil &amp; distt chakwal</t>
  </si>
  <si>
    <t>Rizwan Hussain</t>
  </si>
  <si>
    <t>GPS ZANG LANI</t>
  </si>
  <si>
    <t>Pati Zai mouza dalana dera ghazi khan</t>
  </si>
  <si>
    <t>54591</t>
  </si>
  <si>
    <t>Qila Balwant Singh</t>
  </si>
  <si>
    <t>21785</t>
  </si>
  <si>
    <t>52235</t>
  </si>
  <si>
    <t>GHS BHELA GULAB SINGH</t>
  </si>
  <si>
    <t>bheela gulab singh p/o mandi Ahmad abad okara</t>
  </si>
  <si>
    <t>GPS SUNDRANA</t>
  </si>
  <si>
    <t>village sandrana</t>
  </si>
  <si>
    <t>Muhammad Murtaza</t>
  </si>
  <si>
    <t>14452</t>
  </si>
  <si>
    <t>GPS NURA ARAIN</t>
  </si>
  <si>
    <t>Nura Arain</t>
  </si>
  <si>
    <t>basti Nura Arain p/o mohar sharif teh chishtian distt BWN</t>
  </si>
  <si>
    <t>GPS KOT DADAN</t>
  </si>
  <si>
    <t>Kot Dadan</t>
  </si>
  <si>
    <t>Iqbal Tufail</t>
  </si>
  <si>
    <t>GGPS DERA IMDAD SHAH</t>
  </si>
  <si>
    <t>Village Dera imdad Shah</t>
  </si>
  <si>
    <t>Dera Imdad Shah</t>
  </si>
  <si>
    <t>Deona Mandi</t>
  </si>
  <si>
    <t>14105</t>
  </si>
  <si>
    <t>GHS BOGRAY</t>
  </si>
  <si>
    <t>vill&amp; P/O Bogray Tehsil Daska District Sialkot</t>
  </si>
  <si>
    <t>zafar masih gill</t>
  </si>
  <si>
    <t>5491</t>
  </si>
  <si>
    <t>14459</t>
  </si>
  <si>
    <t>GGHS THOHA BAHDUR</t>
  </si>
  <si>
    <t>GGHS Thoha Bahadur</t>
  </si>
  <si>
    <t>khaizran zahra</t>
  </si>
  <si>
    <t>35302</t>
  </si>
  <si>
    <t>govt primary school malikpur</t>
  </si>
  <si>
    <t>Saira Abid</t>
  </si>
  <si>
    <t>51227</t>
  </si>
  <si>
    <t>53227</t>
  </si>
  <si>
    <t>14479</t>
  </si>
  <si>
    <t>GPS MODEL KALA GUJRAN</t>
  </si>
  <si>
    <t>KalaGujran</t>
  </si>
  <si>
    <t>vill Kala Gujran pot office Ck beli Teh. Gujar Khan distt. Rawalpindi</t>
  </si>
  <si>
    <t>Sidra Tul Husnain</t>
  </si>
  <si>
    <t>39343</t>
  </si>
  <si>
    <t>22764</t>
  </si>
  <si>
    <t>GMPS KOT BELLA</t>
  </si>
  <si>
    <t>Kot Bella</t>
  </si>
  <si>
    <t>village kot bella uc sabowal tehsil &amp; district gujrat</t>
  </si>
  <si>
    <t>52898</t>
  </si>
  <si>
    <t>GGCMS FAREED KOT</t>
  </si>
  <si>
    <t>Farid Kot, depalpur</t>
  </si>
  <si>
    <t>Muzmala Gilani</t>
  </si>
  <si>
    <t>14484</t>
  </si>
  <si>
    <t>18527</t>
  </si>
  <si>
    <t>GGHSS CHAK 430 JB</t>
  </si>
  <si>
    <t>430 jb</t>
  </si>
  <si>
    <t>Chak no.430jb</t>
  </si>
  <si>
    <t>Chak no430jb</t>
  </si>
  <si>
    <t>Chak no431jb</t>
  </si>
  <si>
    <t>SHAHIDA NISAR</t>
  </si>
  <si>
    <t>GHS CHAK NO. 121 MURAD</t>
  </si>
  <si>
    <t>Chak No 121 Murad</t>
  </si>
  <si>
    <t>Chak No 121 Murad Tehsil 
CHISHTIAN</t>
  </si>
  <si>
    <t>Chak 118 Murad</t>
  </si>
  <si>
    <t>GPS CHAK NO. 84-A TDA</t>
  </si>
  <si>
    <t>WARD#3 MOHALLA BHATTIAN KAROR</t>
  </si>
  <si>
    <t>KAROR CITY</t>
  </si>
  <si>
    <t>GHS THANIL KAMAL</t>
  </si>
  <si>
    <t>THANIL KAMAL</t>
  </si>
  <si>
    <t>THANIL KAMAL CHAKWAL</t>
  </si>
  <si>
    <t>hasan raza</t>
  </si>
  <si>
    <t>GGES 57/4-R</t>
  </si>
  <si>
    <t>57/4r</t>
  </si>
  <si>
    <t>G.G.M.E/S  57/4r</t>
  </si>
  <si>
    <t>Anjum Riaz</t>
  </si>
  <si>
    <t>GHS CHAK NO 214/ JB</t>
  </si>
  <si>
    <t>GHS CHAK NO. 214 JB MOCHIWALA JHANG</t>
  </si>
  <si>
    <t>CHAK NO 214 JB</t>
  </si>
  <si>
    <t>CHAK NO 182 MOCHIWALA</t>
  </si>
  <si>
    <t>GGES MAUZA MAGHAR</t>
  </si>
  <si>
    <t>Maghar</t>
  </si>
  <si>
    <t>Basti khan purian moza maghar no1</t>
  </si>
  <si>
    <t>Magher 1</t>
  </si>
  <si>
    <t>Nora RATH</t>
  </si>
  <si>
    <t>Razia Allah Ditta</t>
  </si>
  <si>
    <t>14503</t>
  </si>
  <si>
    <t>GPS DHENSER BALA</t>
  </si>
  <si>
    <t>Dhanser Bala</t>
  </si>
  <si>
    <t>vill dhanser bala teh kamoki distt gujranwala</t>
  </si>
  <si>
    <t>Raheel Ilyas Bhatti</t>
  </si>
  <si>
    <t>GGPS CHAK NO 174/7-R</t>
  </si>
  <si>
    <t>174/7-R</t>
  </si>
  <si>
    <t>chak no 174/7-R district bahawalnagr</t>
  </si>
  <si>
    <t>Fazeelat Afzala</t>
  </si>
  <si>
    <t>44418</t>
  </si>
  <si>
    <t>GPS MULLAN WALI</t>
  </si>
  <si>
    <t>mullan wali</t>
  </si>
  <si>
    <t>Mullan Walli</t>
  </si>
  <si>
    <t>Abdul Jalil</t>
  </si>
  <si>
    <t>29028</t>
  </si>
  <si>
    <t>GGPS DHANA CHAK NO. 12</t>
  </si>
  <si>
    <t>Dhana</t>
  </si>
  <si>
    <t>Dhana chak 12  Tehsil Chunian District Kasur</t>
  </si>
  <si>
    <t>Dhana Chak 12</t>
  </si>
  <si>
    <t>NAILA RIAZ</t>
  </si>
  <si>
    <t>54783</t>
  </si>
  <si>
    <t>21518</t>
  </si>
  <si>
    <t>GPS GHANIAN NOU</t>
  </si>
  <si>
    <t>Village Ghania Nou, Kamoke</t>
  </si>
  <si>
    <t>Jackson Ilyas</t>
  </si>
  <si>
    <t>16001</t>
  </si>
  <si>
    <t>15313</t>
  </si>
  <si>
    <t>GMPS CHAK NO. 199/M (W)</t>
  </si>
  <si>
    <t>199m/w</t>
  </si>
  <si>
    <t>Chak_No 199/m w</t>
  </si>
  <si>
    <t>42590</t>
  </si>
  <si>
    <t>GMPS JAJJA P.O SUKHO</t>
  </si>
  <si>
    <t>jajja</t>
  </si>
  <si>
    <t>Village jajja p.o sukho teh g.Khan</t>
  </si>
  <si>
    <t>manghot</t>
  </si>
  <si>
    <t>Habiba Khanum</t>
  </si>
  <si>
    <t>GGCMS CHAK HINDA</t>
  </si>
  <si>
    <t>chak hinda</t>
  </si>
  <si>
    <t>Ghanaian</t>
  </si>
  <si>
    <t>Sumaira Tufail</t>
  </si>
  <si>
    <t>39566</t>
  </si>
  <si>
    <t>38992</t>
  </si>
  <si>
    <t>15323</t>
  </si>
  <si>
    <t>52878</t>
  </si>
  <si>
    <t>GGPS CHAK NO.38 D KHURD</t>
  </si>
  <si>
    <t>38 D Khurd</t>
  </si>
  <si>
    <t>Staff colony colledge Depal pur</t>
  </si>
  <si>
    <t>38 D Kalan</t>
  </si>
  <si>
    <t>Sadaf Sardar</t>
  </si>
  <si>
    <t>9327</t>
  </si>
  <si>
    <t>GPS AHMAD SHAH WALA</t>
  </si>
  <si>
    <t>Got. primary school ahmad shah wala u/c drahma</t>
  </si>
  <si>
    <t>Ahmad Shah Wala</t>
  </si>
  <si>
    <t>Yasir Farooq</t>
  </si>
  <si>
    <t>52050</t>
  </si>
  <si>
    <t>GMPS 16 EB</t>
  </si>
  <si>
    <t>16/eb</t>
  </si>
  <si>
    <t>16/eb p/o 10/eb teh.arifwala dist.pakpattan</t>
  </si>
  <si>
    <t>SHaheda Bashir</t>
  </si>
  <si>
    <t>15327</t>
  </si>
  <si>
    <t>22781</t>
  </si>
  <si>
    <t>GMPS MUSA KAMALA</t>
  </si>
  <si>
    <t>Musa Kamala</t>
  </si>
  <si>
    <t>Govt. Model primary school Musa Kamala Tehsil &amp; District Gujrat</t>
  </si>
  <si>
    <t>52646</t>
  </si>
  <si>
    <t>GPS TIBBI SADA SINGH</t>
  </si>
  <si>
    <t>Tibbi sada singh</t>
  </si>
  <si>
    <t>Mazhra Abad</t>
  </si>
  <si>
    <t>47208</t>
  </si>
  <si>
    <t>42389</t>
  </si>
  <si>
    <t>GGHS SUKHO</t>
  </si>
  <si>
    <t>VPO SUKHO TEHSIL GUJAR KHAN DISTRICT RAWALPINDI</t>
  </si>
  <si>
    <t>Farhat-un-Nisa</t>
  </si>
  <si>
    <t>22414</t>
  </si>
  <si>
    <t>GPS KOT NAWAN LOK</t>
  </si>
  <si>
    <t>Kot Nawan Lok</t>
  </si>
  <si>
    <t>kot nawan lok teh &amp;distt gujrt</t>
  </si>
  <si>
    <t>Shaheryar Saleem</t>
  </si>
  <si>
    <t>GHS DHENSAR PAEEN</t>
  </si>
  <si>
    <t>village Dhensar paeen P.O same Tehsil Kamoke District Gujranwala</t>
  </si>
  <si>
    <t>MUHAMMAD ARSHID HINJRA</t>
  </si>
  <si>
    <t>54353</t>
  </si>
  <si>
    <t>GGHS RAKH CHUNIAN</t>
  </si>
  <si>
    <t>near new galla mandi chunian</t>
  </si>
  <si>
    <t>aqsa riaz</t>
  </si>
  <si>
    <t>23159</t>
  </si>
  <si>
    <t>GES BALOCHAN, NAWAN SHEHR (UPGRADED SED L#S.O(B-1)KHANEWAL/2017 DATED 03-11-2017)</t>
  </si>
  <si>
    <t>Balochan</t>
  </si>
  <si>
    <t>GES Balochan, Nawan Shehr, Teh. Kabirwala, Distt. Khanewal</t>
  </si>
  <si>
    <t>Maan Kot</t>
  </si>
  <si>
    <t>22385</t>
  </si>
  <si>
    <t>gps gondal village gondal P/O chak kamala tehsil@distt Gujrat</t>
  </si>
  <si>
    <t>39399</t>
  </si>
  <si>
    <t>10941</t>
  </si>
  <si>
    <t>50315</t>
  </si>
  <si>
    <t>GPS 109/7-R</t>
  </si>
  <si>
    <t>109/7R</t>
  </si>
  <si>
    <t>Chak no 109/7R</t>
  </si>
  <si>
    <t>109/7r</t>
  </si>
  <si>
    <t>GPS RAMKEY</t>
  </si>
  <si>
    <t>Ramkey</t>
  </si>
  <si>
    <t>village ramkey p o box behalpur pur these and distributors gujrat</t>
  </si>
  <si>
    <t>Samman Noreen</t>
  </si>
  <si>
    <t>GGPS MANAK DAY KAY</t>
  </si>
  <si>
    <t>Manakdeky</t>
  </si>
  <si>
    <t>Gaps manakdyky</t>
  </si>
  <si>
    <t>Manakdyky</t>
  </si>
  <si>
    <t>Majida Sultana</t>
  </si>
  <si>
    <t>22725</t>
  </si>
  <si>
    <t>GMPS PHERA KHATANA</t>
  </si>
  <si>
    <t>Phira Khatana</t>
  </si>
  <si>
    <t>phira khatana teh&amp;distt Gujrat</t>
  </si>
  <si>
    <t>29240</t>
  </si>
  <si>
    <t>21394</t>
  </si>
  <si>
    <t>GGES BOROKE VIRKAN</t>
  </si>
  <si>
    <t>bharoke virkan</t>
  </si>
  <si>
    <t>gges bhroke virkan</t>
  </si>
  <si>
    <t>23934</t>
  </si>
  <si>
    <t>GGPS CHAK BAIG</t>
  </si>
  <si>
    <t>GGPS Chak Baig , post office Jamke Cheema ,Tehsil  : Daska District Sialkot.</t>
  </si>
  <si>
    <t>Navida Yasmin</t>
  </si>
  <si>
    <t>34549</t>
  </si>
  <si>
    <t>28845</t>
  </si>
  <si>
    <t>GPS BASTI DHOON</t>
  </si>
  <si>
    <t>Basti Dhoon</t>
  </si>
  <si>
    <t>basti dhoon</t>
  </si>
  <si>
    <t>16242</t>
  </si>
  <si>
    <t>GMPS KIRANWALA SHUMALI</t>
  </si>
  <si>
    <t>keeranwala SHUMALI  post office machiwal dist. GUJRAT</t>
  </si>
  <si>
    <t>Keeranwala SHUMALI</t>
  </si>
  <si>
    <t>Syeda Mofeeza Bokhari</t>
  </si>
  <si>
    <t>53988</t>
  </si>
  <si>
    <t>50586</t>
  </si>
  <si>
    <t>GMPS SIKHANI WALA</t>
  </si>
  <si>
    <t>Chah marry wala mouza mirhatta</t>
  </si>
  <si>
    <t>GGCMS CHAK NO 105 TDA</t>
  </si>
  <si>
    <t>Chak No105TDA</t>
  </si>
  <si>
    <t>Chak No.105TDA.Tehsil Karor.District Layyay</t>
  </si>
  <si>
    <t>SAFIA WASEER</t>
  </si>
  <si>
    <t>35070</t>
  </si>
  <si>
    <t>GHS CHAK NO.181 EB</t>
  </si>
  <si>
    <t>chak No. 181/EB Tehsil Burewala District vehari</t>
  </si>
  <si>
    <t>chak no 181 EB</t>
  </si>
  <si>
    <t>chak no 173 eB</t>
  </si>
  <si>
    <t>22312</t>
  </si>
  <si>
    <t>GPS GONDAL KOT</t>
  </si>
  <si>
    <t>GPS Gondal Kot Tehsil &amp; District Gujrat</t>
  </si>
  <si>
    <t>YASAR BASHIR</t>
  </si>
  <si>
    <t>14496</t>
  </si>
  <si>
    <t>53666</t>
  </si>
  <si>
    <t>23881</t>
  </si>
  <si>
    <t>28684</t>
  </si>
  <si>
    <t>GPS SADHA OTAR</t>
  </si>
  <si>
    <t>saddha Ottar</t>
  </si>
  <si>
    <t>saddha Ottar p/o khass tehsil chunian district kasur</t>
  </si>
  <si>
    <t>saddha ottar</t>
  </si>
  <si>
    <t>MOHAMMAD ASGHAR</t>
  </si>
  <si>
    <t>20619</t>
  </si>
  <si>
    <t>GMPS CHAK NO 174/MA</t>
  </si>
  <si>
    <t>174/M</t>
  </si>
  <si>
    <t>g m p s 174m</t>
  </si>
  <si>
    <t>174 A M</t>
  </si>
  <si>
    <t>173m</t>
  </si>
  <si>
    <t>Shakeela Muqadas</t>
  </si>
  <si>
    <t>52246</t>
  </si>
  <si>
    <t>GGHS KOT SHOUKAT SULTAN</t>
  </si>
  <si>
    <t>Kot Shoukat Sultan</t>
  </si>
  <si>
    <t>kasur road kot shoukat sultan</t>
  </si>
  <si>
    <t>KOT SHOUKAT SUTAN</t>
  </si>
  <si>
    <t>farah begum</t>
  </si>
  <si>
    <t>21381</t>
  </si>
  <si>
    <t>GES CHAK RAMDAS NOU</t>
  </si>
  <si>
    <t>Chak Ramdas Nou, P.O. Same, Tehsil Kamoki, District Gujranwala.</t>
  </si>
  <si>
    <t>Qasim Ali Raza Awan</t>
  </si>
  <si>
    <t>6274</t>
  </si>
  <si>
    <t>23949</t>
  </si>
  <si>
    <t>GMPS GHANOKAY</t>
  </si>
  <si>
    <t>Ghanoke</t>
  </si>
  <si>
    <t>GMPS Ghanokay</t>
  </si>
  <si>
    <t>Bhuda Goraya</t>
  </si>
  <si>
    <t>GGCMS CHAK NO. 101/F</t>
  </si>
  <si>
    <t>GGCMS 101/f</t>
  </si>
  <si>
    <t>54303</t>
  </si>
  <si>
    <t>36783</t>
  </si>
  <si>
    <t>GES 13/D, P/O DARKHANA, ABDUL HAKIM</t>
  </si>
  <si>
    <t>13/D</t>
  </si>
  <si>
    <t>GES 13D Dirkhana</t>
  </si>
  <si>
    <t>50068</t>
  </si>
  <si>
    <t>16281</t>
  </si>
  <si>
    <t>50644</t>
  </si>
  <si>
    <t>GGPS 107/7-R BASTI KARAM ABAD</t>
  </si>
  <si>
    <t>107/7R</t>
  </si>
  <si>
    <t>107/7R Basti Karam Abad</t>
  </si>
  <si>
    <t>Asifa Ali</t>
  </si>
  <si>
    <t>21596</t>
  </si>
  <si>
    <t>GGES KHAN PIYARA</t>
  </si>
  <si>
    <t>Khan Piyara</t>
  </si>
  <si>
    <t>GGES KHAN PIYARA P/O MOREMINABAD, Teh. KAMOKI Distt. GUJRANWALA</t>
  </si>
  <si>
    <t>KHAN PIYARA</t>
  </si>
  <si>
    <t>DHILLANWALI</t>
  </si>
  <si>
    <t>Sofia Bano</t>
  </si>
  <si>
    <t>16284</t>
  </si>
  <si>
    <t>22290</t>
  </si>
  <si>
    <t>village giillanwala po gujrat</t>
  </si>
  <si>
    <t>Shahid Raza</t>
  </si>
  <si>
    <t>22453</t>
  </si>
  <si>
    <t>GGPS MOH SADHU</t>
  </si>
  <si>
    <t>MohAllah Sadhu</t>
  </si>
  <si>
    <t>near chok Meer Abdul ghani jpj</t>
  </si>
  <si>
    <t>Jalalpur Jattan</t>
  </si>
  <si>
    <t>Jpj#3</t>
  </si>
  <si>
    <t>Farha Naz</t>
  </si>
  <si>
    <t>27787</t>
  </si>
  <si>
    <t>GPS SHOULI SHARQI</t>
  </si>
  <si>
    <t>Sheli Sharqi</t>
  </si>
  <si>
    <t>Basti Sheli Sharqi Mouza Sheli Sharqi Tehsil Chishtian District Bahawalnager</t>
  </si>
  <si>
    <t>GGPS CHAK NO.88/TDA</t>
  </si>
  <si>
    <t>Chak No 88/TDA</t>
  </si>
  <si>
    <t>GGPS 88/TDA post office 87/TDA</t>
  </si>
  <si>
    <t>88/tda</t>
  </si>
  <si>
    <t>Thal jandi</t>
  </si>
  <si>
    <t>shumaila ismail</t>
  </si>
  <si>
    <t>16186</t>
  </si>
  <si>
    <t>GHS CHAK 259 RB FSD</t>
  </si>
  <si>
    <t>CHAK NO 259 RB GURUSAR</t>
  </si>
  <si>
    <t>CHAK NO.259 RB GURUSAR</t>
  </si>
  <si>
    <t>CHAK NO 260 RB WAHILA KALAN</t>
  </si>
  <si>
    <t>IRSHAD AHMAD</t>
  </si>
  <si>
    <t>45225</t>
  </si>
  <si>
    <t>14879</t>
  </si>
  <si>
    <t>36698</t>
  </si>
  <si>
    <t>GPS RUKAN WALA, P/O JODH PUR, KABIRWALA</t>
  </si>
  <si>
    <t>mouza Rukan Wala P/0 jodh pur</t>
  </si>
  <si>
    <t>JASSO Kanwen</t>
  </si>
  <si>
    <t>Ejaz Hussain H T</t>
  </si>
  <si>
    <t>GGPS CHAK 333 JB II</t>
  </si>
  <si>
    <t>GGPS 333 jb ll</t>
  </si>
  <si>
    <t>333 Jb</t>
  </si>
  <si>
    <t>21389</t>
  </si>
  <si>
    <t>14884</t>
  </si>
  <si>
    <t>13366</t>
  </si>
  <si>
    <t>GGHS BASTI CHHINA</t>
  </si>
  <si>
    <t>Basti Cheena</t>
  </si>
  <si>
    <t>GGHS Basti Cheena</t>
  </si>
  <si>
    <t>Shagufta Nasim</t>
  </si>
  <si>
    <t>21514</t>
  </si>
  <si>
    <t>14886</t>
  </si>
  <si>
    <t>GHS TIBBI KHURD</t>
  </si>
  <si>
    <t>Tibbi Khurd</t>
  </si>
  <si>
    <t>Tibbi Khurd tehsil Karor distt. layyah</t>
  </si>
  <si>
    <t>152460</t>
  </si>
  <si>
    <t>44684</t>
  </si>
  <si>
    <t>GMPS MATUANN WALA</t>
  </si>
  <si>
    <t>chah mattuwala</t>
  </si>
  <si>
    <t>Mattuwala</t>
  </si>
  <si>
    <t>45196</t>
  </si>
  <si>
    <t>14891</t>
  </si>
  <si>
    <t>50335</t>
  </si>
  <si>
    <t>GPS KHITHI BALLOANA</t>
  </si>
  <si>
    <t>Kachi Balloana</t>
  </si>
  <si>
    <t>Kachi Balloana near old Chichawatni Harrapa Rd</t>
  </si>
  <si>
    <t>Chak no  110/7r</t>
  </si>
  <si>
    <t>Said Bakhash</t>
  </si>
  <si>
    <t>GGES CHAK NO 99/6-R</t>
  </si>
  <si>
    <t>Chak 99/6R</t>
  </si>
  <si>
    <t>chk no 99/6.r</t>
  </si>
  <si>
    <t>SAMINA SIBTAIN</t>
  </si>
  <si>
    <t>14914</t>
  </si>
  <si>
    <t>GPS NEW MARI</t>
  </si>
  <si>
    <t>basti raisan wala paigah</t>
  </si>
  <si>
    <t>Raisen Wala</t>
  </si>
  <si>
    <t>Harrum Gul</t>
  </si>
  <si>
    <t>42467</t>
  </si>
  <si>
    <t>GGES RAJOOHA</t>
  </si>
  <si>
    <t>Rajoha</t>
  </si>
  <si>
    <t>vill  p o Rajoha the Ghur kan district Rawalpindi</t>
  </si>
  <si>
    <t>Monghot</t>
  </si>
  <si>
    <t>7458</t>
  </si>
  <si>
    <t>14919</t>
  </si>
  <si>
    <t>GGPS SAI SAHU, ABDUL HAKIM</t>
  </si>
  <si>
    <t>moza saisahu</t>
  </si>
  <si>
    <t>Said Sahu</t>
  </si>
  <si>
    <t>Nosheen Faiz</t>
  </si>
  <si>
    <t>11798</t>
  </si>
  <si>
    <t>43390</t>
  </si>
  <si>
    <t>28788</t>
  </si>
  <si>
    <t>GES POOLY KEY</t>
  </si>
  <si>
    <t>poolay kay</t>
  </si>
  <si>
    <t>14927</t>
  </si>
  <si>
    <t>GGPS MC BALDIA COLONY</t>
  </si>
  <si>
    <t>GGMCP/S Baldia Colony</t>
  </si>
  <si>
    <t>fiter water can</t>
  </si>
  <si>
    <t>14929</t>
  </si>
  <si>
    <t>GGCMES 161 EB ARIFWALA</t>
  </si>
  <si>
    <t>161/EB</t>
  </si>
  <si>
    <t>161/EB arifwala</t>
  </si>
  <si>
    <t>Zunera Akhter</t>
  </si>
  <si>
    <t>44644</t>
  </si>
  <si>
    <t>GGPS CHAH BAKHTAWAR WALA</t>
  </si>
  <si>
    <t>Krari Kot</t>
  </si>
  <si>
    <t>ggps chah bakhtwR wala</t>
  </si>
  <si>
    <t>Kari Kot</t>
  </si>
  <si>
    <t>Zubaida Parveen</t>
  </si>
  <si>
    <t>GGHS CHAK NO 10 FW PO CHISHTIAN</t>
  </si>
  <si>
    <t>chak no 10 fw chishtian</t>
  </si>
  <si>
    <t>Gghs 10fw chishtian</t>
  </si>
  <si>
    <t>10fw</t>
  </si>
  <si>
    <t>NAJAMA PARVEEN</t>
  </si>
  <si>
    <t>14941</t>
  </si>
  <si>
    <t>42348</t>
  </si>
  <si>
    <t>GHS THARJIAL KALAN</t>
  </si>
  <si>
    <t>THARJIAL KALAN</t>
  </si>
  <si>
    <t>GHS THARJIAL KALAN P/O THARJIALKALAN, TEHSIL GUJARKHAN, RWP</t>
  </si>
  <si>
    <t>tharjial kalan</t>
  </si>
  <si>
    <t>ZAFFAR SAEED</t>
  </si>
  <si>
    <t>11567</t>
  </si>
  <si>
    <t>8052</t>
  </si>
  <si>
    <t>Ghulam Jilani</t>
  </si>
  <si>
    <t>GGPS 148/6-R</t>
  </si>
  <si>
    <t>148/6-R</t>
  </si>
  <si>
    <t>148/6r.HN D.   BWN.</t>
  </si>
  <si>
    <t>14285</t>
  </si>
  <si>
    <t>43056</t>
  </si>
  <si>
    <t>GHSS SAIGOLABAD CHAKWAL</t>
  </si>
  <si>
    <t>vpo saigolabad</t>
  </si>
  <si>
    <t>Anwar-ul-Haq Shah</t>
  </si>
  <si>
    <t>146880</t>
  </si>
  <si>
    <t>17243</t>
  </si>
  <si>
    <t>GPS CHAK NO 265 JB</t>
  </si>
  <si>
    <t>Chak No.265</t>
  </si>
  <si>
    <t>Ajaz Hussain</t>
  </si>
  <si>
    <t>14298</t>
  </si>
  <si>
    <t>50147</t>
  </si>
  <si>
    <t>GGHSS 8/11-L</t>
  </si>
  <si>
    <t>Farhat Shamim</t>
  </si>
  <si>
    <t>23765</t>
  </si>
  <si>
    <t>GPS MALO MEHAY</t>
  </si>
  <si>
    <t>malomahy</t>
  </si>
  <si>
    <t>govt.primary school malomahay</t>
  </si>
  <si>
    <t>GGES 372/WB</t>
  </si>
  <si>
    <t>Govt Girls Elementry School 372 W/B</t>
  </si>
  <si>
    <t>372 W/B</t>
  </si>
  <si>
    <t>386 W/B</t>
  </si>
  <si>
    <t>Gulnaz Akhter</t>
  </si>
  <si>
    <t>GPS MARRAH</t>
  </si>
  <si>
    <t>Marha, Haveli Basir Pur road along with Railway track, Tehsil Depal Pur, Okara</t>
  </si>
  <si>
    <t>GPS CHAK NO. 99-B/ TDA</t>
  </si>
  <si>
    <t>Sargani Thall</t>
  </si>
  <si>
    <t>chak no 99 btda karor laleson distt layyah</t>
  </si>
  <si>
    <t>99 Btda</t>
  </si>
  <si>
    <t>12686</t>
  </si>
  <si>
    <t>14304</t>
  </si>
  <si>
    <t>GHS CHAK NO. 54/F</t>
  </si>
  <si>
    <t>CHAK NO 54F</t>
  </si>
  <si>
    <t>GOVT. HIGH SCHOOL 54/F, P/O BAKHSHAN KHAN, TEHSIL CHISHTIAN, DISTT: BAHAWALNAGAR</t>
  </si>
  <si>
    <t>CHAK NO. 54/F</t>
  </si>
  <si>
    <t>JAVAID ALAM</t>
  </si>
  <si>
    <t>GPS WASAWAY WALA</t>
  </si>
  <si>
    <t>Wasaway wala mauza qanber shah</t>
  </si>
  <si>
    <t>14313</t>
  </si>
  <si>
    <t>GES BUKKAN KAY</t>
  </si>
  <si>
    <t>Bukkan Kay</t>
  </si>
  <si>
    <t>bukkan Kay.chunian kasur</t>
  </si>
  <si>
    <t>Gidh Pur</t>
  </si>
  <si>
    <t>GGPS 93/6-R AZAFI BASTI</t>
  </si>
  <si>
    <t>93/6R AB</t>
  </si>
  <si>
    <t>93/6r AB  Tehsil  Haroonabad</t>
  </si>
  <si>
    <t>93/6r AB</t>
  </si>
  <si>
    <t>Shabiha Ali</t>
  </si>
  <si>
    <t>GGHS CHAK NO.199/7-R</t>
  </si>
  <si>
    <t>Chak No 199/7R</t>
  </si>
  <si>
    <t>chak no 199/7R Fort abbas</t>
  </si>
  <si>
    <t>Chak No 199/8R</t>
  </si>
  <si>
    <t>Nasira Khalid</t>
  </si>
  <si>
    <t>42346</t>
  </si>
  <si>
    <t>GHS SAHANG</t>
  </si>
  <si>
    <t>mandra chakwal Road , gujarkhan village and po sahang GK</t>
  </si>
  <si>
    <t>muhammad arif qureshi</t>
  </si>
  <si>
    <t>21430</t>
  </si>
  <si>
    <t>GPS DHOLAN</t>
  </si>
  <si>
    <t>Village Dholan tehsil Kamoke district Gujranwala</t>
  </si>
  <si>
    <t>GPS TIBBI KALAN</t>
  </si>
  <si>
    <t>Tibbi kalan tehsile karor lal eson district layyah</t>
  </si>
  <si>
    <t>27010</t>
  </si>
  <si>
    <t>ggps kot nawan</t>
  </si>
  <si>
    <t>irshad shafee</t>
  </si>
  <si>
    <t>52657</t>
  </si>
  <si>
    <t>GGES HAJI CHAND VILLAGE</t>
  </si>
  <si>
    <t>Haji Chand</t>
  </si>
  <si>
    <t>moza haji chand village, mandi ahmadabad</t>
  </si>
  <si>
    <t>Haji Chand Village</t>
  </si>
  <si>
    <t>Boonga Ameer Singh</t>
  </si>
  <si>
    <t>Syeda Saba Ijaz</t>
  </si>
  <si>
    <t>GGPS CHAK NO 48/3-R</t>
  </si>
  <si>
    <t>chak no 48/ 3r Haroon abad</t>
  </si>
  <si>
    <t>GPS 17/14-L</t>
  </si>
  <si>
    <t>17/14.L</t>
  </si>
  <si>
    <t>Chak 17/14.L near jamia masjid</t>
  </si>
  <si>
    <t>101/12.L</t>
  </si>
  <si>
    <t>Abdul Sallam Anjum</t>
  </si>
  <si>
    <t>14343</t>
  </si>
  <si>
    <t>GES CHAK NO. 38/F</t>
  </si>
  <si>
    <t>38/F</t>
  </si>
  <si>
    <t>govt. elementary school 38/F</t>
  </si>
  <si>
    <t>Sayed Abaidullah</t>
  </si>
  <si>
    <t>28729</t>
  </si>
  <si>
    <t>GPS MAJRA</t>
  </si>
  <si>
    <t>p/s majra</t>
  </si>
  <si>
    <t>M.Akram Sabir</t>
  </si>
  <si>
    <t>22519</t>
  </si>
  <si>
    <t>GGPS JEENDAR KHURD</t>
  </si>
  <si>
    <t>Jhinder Khurd</t>
  </si>
  <si>
    <t>govt. girls primary school Jindarr khurd post office karianwala district Gujrat</t>
  </si>
  <si>
    <t>Jeendar Khurd</t>
  </si>
  <si>
    <t>GGHS NOUSHEHRA WEST</t>
  </si>
  <si>
    <t>Wah Khokhar</t>
  </si>
  <si>
    <t>Noshera Gharbi</t>
  </si>
  <si>
    <t>Nasreen Qaisar</t>
  </si>
  <si>
    <t>14363</t>
  </si>
  <si>
    <t>28755</t>
  </si>
  <si>
    <t>GPS SAHANKEY OTAR</t>
  </si>
  <si>
    <t>Sahanky Otar</t>
  </si>
  <si>
    <t>sahanky otar po muhammadi pur teh chunian district kasur</t>
  </si>
  <si>
    <t>45565</t>
  </si>
  <si>
    <t>14364</t>
  </si>
  <si>
    <t>43292</t>
  </si>
  <si>
    <t>GPS SAR</t>
  </si>
  <si>
    <t>Sar</t>
  </si>
  <si>
    <t>district and tehsil chakwal</t>
  </si>
  <si>
    <t>3821</t>
  </si>
  <si>
    <t>5591</t>
  </si>
  <si>
    <t>GGHS ALOMAHAR</t>
  </si>
  <si>
    <t>Moutra</t>
  </si>
  <si>
    <t>alo mahar daska district sailot</t>
  </si>
  <si>
    <t>Asifa Qanta</t>
  </si>
  <si>
    <t>filter cooler</t>
  </si>
  <si>
    <t>GES CHAK 297/HR</t>
  </si>
  <si>
    <t>297/HR</t>
  </si>
  <si>
    <t>chak no 297/H.R, P/O 297/H.r, Tehsil Fortabbas, Bwn</t>
  </si>
  <si>
    <t>13976</t>
  </si>
  <si>
    <t>43536</t>
  </si>
  <si>
    <t>GGHS KHARA</t>
  </si>
  <si>
    <t>khara</t>
  </si>
  <si>
    <t>RAEESA AZIZ</t>
  </si>
  <si>
    <t>14390</t>
  </si>
  <si>
    <t>21537</t>
  </si>
  <si>
    <t>GGPS CHAH TOTWALA</t>
  </si>
  <si>
    <t>MORR EMINABAD - FEMALE</t>
  </si>
  <si>
    <t>Chah Tootwala</t>
  </si>
  <si>
    <t>Chah Tootwala Near Taj Chowk Eminabad, Gujranwala</t>
  </si>
  <si>
    <t>Cheanwali</t>
  </si>
  <si>
    <t>Sadaf Jabeen</t>
  </si>
  <si>
    <t>10965</t>
  </si>
  <si>
    <t>7491</t>
  </si>
  <si>
    <t>GMPS NASIRA ABAD 1</t>
  </si>
  <si>
    <t>Nasir Abad</t>
  </si>
  <si>
    <t>sugar mil road Nasir Abad street no one,  Chishtian BWN</t>
  </si>
  <si>
    <t>Urban Chishtian</t>
  </si>
  <si>
    <t>Siddiqa Tahira</t>
  </si>
  <si>
    <t>42728</t>
  </si>
  <si>
    <t>GGES TARKAWAL</t>
  </si>
  <si>
    <t>Turkwal</t>
  </si>
  <si>
    <t>vpo turkwal tehsil gujarkhan distt Rawalpindi</t>
  </si>
  <si>
    <t>Punjgiran Kalan</t>
  </si>
  <si>
    <t>13379</t>
  </si>
  <si>
    <t>GHS BASTI HAJO</t>
  </si>
  <si>
    <t>Hajo</t>
  </si>
  <si>
    <t>Basti Hajo,post office Dajal, tehsil jampur , district Rajanpur</t>
  </si>
  <si>
    <t>Basti Hajo</t>
  </si>
  <si>
    <t>wah Lashari</t>
  </si>
  <si>
    <t>14399</t>
  </si>
  <si>
    <t>54662</t>
  </si>
  <si>
    <t>GPS NANOANA SHARQI</t>
  </si>
  <si>
    <t>Nano Ana</t>
  </si>
  <si>
    <t>Post office Kaleke Mandi, Village Nanu Ana Sharqi, Tehsile &amp; District Hafizabad</t>
  </si>
  <si>
    <t>Nanu Ana Sharqi</t>
  </si>
  <si>
    <t>Nanu Ana</t>
  </si>
  <si>
    <t>Asad Ali</t>
  </si>
  <si>
    <t>14956</t>
  </si>
  <si>
    <t>GGMPS MUGHAL</t>
  </si>
  <si>
    <t>vpo Mughal, teh gujr Khan,Distt rwp</t>
  </si>
  <si>
    <t>Tanzila Iram</t>
  </si>
  <si>
    <t>52467</t>
  </si>
  <si>
    <t>GPS JAN PURA</t>
  </si>
  <si>
    <t>JAN PURA</t>
  </si>
  <si>
    <t>GPS Jan PURA p/o rajowal</t>
  </si>
  <si>
    <t>Jan Pura</t>
  </si>
  <si>
    <t>Jhujh kalan</t>
  </si>
  <si>
    <t>Hussna Bi Bi</t>
  </si>
  <si>
    <t>44577</t>
  </si>
  <si>
    <t>GGES KHICHI KALAN</t>
  </si>
  <si>
    <t>Kichi Kalan</t>
  </si>
  <si>
    <t>gges kichi kalan bhakkar</t>
  </si>
  <si>
    <t>Mrs Aziz Bhatti</t>
  </si>
  <si>
    <t>20673</t>
  </si>
  <si>
    <t>22479</t>
  </si>
  <si>
    <t>GGES THIMKA</t>
  </si>
  <si>
    <t>Thimka</t>
  </si>
  <si>
    <t>Thimka Naffrian</t>
  </si>
  <si>
    <t>Shabana Rashid</t>
  </si>
  <si>
    <t>39090</t>
  </si>
  <si>
    <t>21731</t>
  </si>
  <si>
    <t>GGCMS NAND PUR</t>
  </si>
  <si>
    <t>G.G.C.M.P School Nand pur</t>
  </si>
  <si>
    <t>Tanveer yasin</t>
  </si>
  <si>
    <t>42455</t>
  </si>
  <si>
    <t>GGMHS MOHRA NOORI</t>
  </si>
  <si>
    <t>village and post office Mohra Noori tehsil Gujar khan</t>
  </si>
  <si>
    <t>29447</t>
  </si>
  <si>
    <t>14982</t>
  </si>
  <si>
    <t>36997</t>
  </si>
  <si>
    <t>GPS MUHAMMAD BAKHSH WALA NO.2 SARAI SIDHU</t>
  </si>
  <si>
    <t>Mohri Pur</t>
  </si>
  <si>
    <t>adda sial machine mouza mohri pur</t>
  </si>
  <si>
    <t>Marri Sahu</t>
  </si>
  <si>
    <t>GPS ESSAN WALA</t>
  </si>
  <si>
    <t>essan wala p/o gadai dera ghazi khan</t>
  </si>
  <si>
    <t>Essan Wala</t>
  </si>
  <si>
    <t>Muhammad Munir Farooq</t>
  </si>
  <si>
    <t>GGPS CHAK NO. 192/7-R</t>
  </si>
  <si>
    <t>192 7r</t>
  </si>
  <si>
    <t>Chak 1927r</t>
  </si>
  <si>
    <t>43309</t>
  </si>
  <si>
    <t>GHS SIDHAR</t>
  </si>
  <si>
    <t>Sidhar</t>
  </si>
  <si>
    <t>V.P.O Sidhar Teh/District Chakwal</t>
  </si>
  <si>
    <t>Bikahri Kallan</t>
  </si>
  <si>
    <t>52664</t>
  </si>
  <si>
    <t>GGPS DOGRAY</t>
  </si>
  <si>
    <t>Ggps Dogray p/o mandi ahmedabad teh depalpur dist okara</t>
  </si>
  <si>
    <t>Sakina Parveen</t>
  </si>
  <si>
    <t>31960</t>
  </si>
  <si>
    <t>52167</t>
  </si>
  <si>
    <t>GPS CHAK MACHI SINGH</t>
  </si>
  <si>
    <t>Chak Machi Singh p /o khas arifwala pakpattan</t>
  </si>
  <si>
    <t>Chak Machi Singh</t>
  </si>
  <si>
    <t>17919</t>
  </si>
  <si>
    <t>GGPS BASTI CHOHAN</t>
  </si>
  <si>
    <t>Asaba</t>
  </si>
  <si>
    <t>basti chohan moaza asaba</t>
  </si>
  <si>
    <t>SUMIA NISAR</t>
  </si>
  <si>
    <t>17461</t>
  </si>
  <si>
    <t>51904</t>
  </si>
  <si>
    <t>GES HEEMA MEHROKA</t>
  </si>
  <si>
    <t>Heeman</t>
  </si>
  <si>
    <t>Chak Heeman Mehrooka</t>
  </si>
  <si>
    <t>5392</t>
  </si>
  <si>
    <t>21554</t>
  </si>
  <si>
    <t>GGPS KOTLI MUGHLAN</t>
  </si>
  <si>
    <t>Mughalpura..Kotli Mughlan, Wahndo road kamoke</t>
  </si>
  <si>
    <t>Ladhay Wala Goraya</t>
  </si>
  <si>
    <t>Maryum Tariq</t>
  </si>
  <si>
    <t>GGPS GUNIANA</t>
  </si>
  <si>
    <t>Guniana</t>
  </si>
  <si>
    <t>village Gunuana</t>
  </si>
  <si>
    <t>Kot  Khan</t>
  </si>
  <si>
    <t>50136</t>
  </si>
  <si>
    <t>GHS 13/14-L</t>
  </si>
  <si>
    <t>KASSOWAL</t>
  </si>
  <si>
    <t>CHAK NO. 13/14-L(SAHIWAL)</t>
  </si>
  <si>
    <t>13/14-L</t>
  </si>
  <si>
    <t>Muhammad Javid Iqbal Raza</t>
  </si>
  <si>
    <t>GGPS BASTI FAROOZ PUR</t>
  </si>
  <si>
    <t>Sheherfred</t>
  </si>
  <si>
    <t>G.G.P.S BASTI FAROZ PUR Dak.Khana sheherfred</t>
  </si>
  <si>
    <t>Shehrfredd</t>
  </si>
  <si>
    <t>Sheherfreed</t>
  </si>
  <si>
    <t>Misbah Mahmood</t>
  </si>
  <si>
    <t>24232</t>
  </si>
  <si>
    <t>16857</t>
  </si>
  <si>
    <t>GHS CHAK NO 159 JB</t>
  </si>
  <si>
    <t>chak NO.159JB, JHANG</t>
  </si>
  <si>
    <t>chak ver sipra</t>
  </si>
  <si>
    <t>CHAK VER SIPRA</t>
  </si>
  <si>
    <t>ASIF NADEEM</t>
  </si>
  <si>
    <t>GPS CHAK NO. 106/F</t>
  </si>
  <si>
    <t>Chak No 106/F</t>
  </si>
  <si>
    <t>chak no106 /F tehsil chishtian bahawalnagar</t>
  </si>
  <si>
    <t>Chak No 106 /F</t>
  </si>
  <si>
    <t>Chak no 40/F</t>
  </si>
  <si>
    <t>16082</t>
  </si>
  <si>
    <t>GHSS CHAK 74 JB THIKRIWALA FSD</t>
  </si>
  <si>
    <t>chak no 74jb jhang road faisalabad</t>
  </si>
  <si>
    <t>MUHAMMAD ABUBAKAR SADAR</t>
  </si>
  <si>
    <t>213248</t>
  </si>
  <si>
    <t>qaim wala p/o mamoori tehsi and dist.dera ghazi khan</t>
  </si>
  <si>
    <t>basti khosa</t>
  </si>
  <si>
    <t>GPS MANOORIAN</t>
  </si>
  <si>
    <t>Manoorian</t>
  </si>
  <si>
    <t>Manoorian p/o Kangan Pur Tehsil Chunian District Kasur</t>
  </si>
  <si>
    <t>43837</t>
  </si>
  <si>
    <t>GPS CHAK NO 205 M</t>
  </si>
  <si>
    <t>Chak No 205/M</t>
  </si>
  <si>
    <t>Chak No. 205/M Teh.CTN Distt.BWN</t>
  </si>
  <si>
    <t>CHAK NO. 201/M</t>
  </si>
  <si>
    <t>GPS CHISHTI SHAM DIN</t>
  </si>
  <si>
    <t>Chishti Sam Din</t>
  </si>
  <si>
    <t>Chishit Sham Din</t>
  </si>
  <si>
    <t>Jhujh Kala</t>
  </si>
  <si>
    <t>Mirza Muhmmed Mahmood</t>
  </si>
  <si>
    <t>19792</t>
  </si>
  <si>
    <t>37022</t>
  </si>
  <si>
    <t>Freed Pur</t>
  </si>
  <si>
    <t>mozza freed pur merkz choprhtta GGPS Bailay Wala kbirwala</t>
  </si>
  <si>
    <t>HASHMAT MIRALLI</t>
  </si>
  <si>
    <t>NAJMA YASMEEN</t>
  </si>
  <si>
    <t>16842</t>
  </si>
  <si>
    <t>28844</t>
  </si>
  <si>
    <t>GPS LOHLAY JATTAN</t>
  </si>
  <si>
    <t>Lohlay Jattan</t>
  </si>
  <si>
    <t>village lohlay jattan tehsil chunian</t>
  </si>
  <si>
    <t>11422</t>
  </si>
  <si>
    <t>35249</t>
  </si>
  <si>
    <t>GPS 96 EB</t>
  </si>
  <si>
    <t>Chak No 96/EB</t>
  </si>
  <si>
    <t>GPS.96/E B Tehsil Burewala District Vehari</t>
  </si>
  <si>
    <t>Chak No 96/E B</t>
  </si>
  <si>
    <t>Rabia Amin</t>
  </si>
  <si>
    <t>23694</t>
  </si>
  <si>
    <t>16101</t>
  </si>
  <si>
    <t>GGPS CHAK NO 105/F BS</t>
  </si>
  <si>
    <t>105/F</t>
  </si>
  <si>
    <t>105/F chishtian markaz 15</t>
  </si>
  <si>
    <t>Mahreen Anjum</t>
  </si>
  <si>
    <t>37444</t>
  </si>
  <si>
    <t>21479</t>
  </si>
  <si>
    <t>GPS ASHRAF ABAD</t>
  </si>
  <si>
    <t>Govt Primary school Ashraf abad teh Kamoki dist Gujranwala</t>
  </si>
  <si>
    <t>Akbar Ghanoki</t>
  </si>
  <si>
    <t>22138</t>
  </si>
  <si>
    <t>15719</t>
  </si>
  <si>
    <t>51794</t>
  </si>
  <si>
    <t>GHS 93/E-B TEH ARIF WALA</t>
  </si>
  <si>
    <t>chak no 93 eb arifwala district pakpattan</t>
  </si>
  <si>
    <t>CHAK 93 EB</t>
  </si>
  <si>
    <t>CHAK NO 109 EB</t>
  </si>
  <si>
    <t>muhammad nasrullah</t>
  </si>
  <si>
    <t>16986</t>
  </si>
  <si>
    <t>18507</t>
  </si>
  <si>
    <t>GHS CHAK 243 GB KALYAN PUR</t>
  </si>
  <si>
    <t>243 GB</t>
  </si>
  <si>
    <t>243 GB Gojra</t>
  </si>
  <si>
    <t>178 GB</t>
  </si>
  <si>
    <t>Mushtaq Masih</t>
  </si>
  <si>
    <t>15721</t>
  </si>
  <si>
    <t>23759</t>
  </si>
  <si>
    <t>GPS DHOLLAN</t>
  </si>
  <si>
    <t>Gps dholan teh daska disst sialkot</t>
  </si>
  <si>
    <t>Allomahar</t>
  </si>
  <si>
    <t>44576</t>
  </si>
  <si>
    <t>22362</t>
  </si>
  <si>
    <t>GPS BAHRWAL</t>
  </si>
  <si>
    <t>bharwal</t>
  </si>
  <si>
    <t>gps bharwal village bharwal post office awan sharif district gujrat</t>
  </si>
  <si>
    <t>ajnala</t>
  </si>
  <si>
    <t>GGPS KOT SUNDDAR SINGH</t>
  </si>
  <si>
    <t>Kot Sunder Sing</t>
  </si>
  <si>
    <t>kot sunder sing p/o mokal</t>
  </si>
  <si>
    <t>samina kausar</t>
  </si>
  <si>
    <t>11496</t>
  </si>
  <si>
    <t>15037</t>
  </si>
  <si>
    <t>18256</t>
  </si>
  <si>
    <t>35643</t>
  </si>
  <si>
    <t>17578</t>
  </si>
  <si>
    <t>GGPS THATTA GUNIANA</t>
  </si>
  <si>
    <t>GGPS Thata Guniana</t>
  </si>
  <si>
    <t>Thata Guniana</t>
  </si>
  <si>
    <t>Uzma Akram</t>
  </si>
  <si>
    <t>15737</t>
  </si>
  <si>
    <t>22672</t>
  </si>
  <si>
    <t>GGES THATHA POUR</t>
  </si>
  <si>
    <t>thatta pour district gujrat</t>
  </si>
  <si>
    <t>Tehmina Arif</t>
  </si>
  <si>
    <t>48296</t>
  </si>
  <si>
    <t>34512</t>
  </si>
  <si>
    <t>15739</t>
  </si>
  <si>
    <t>52849</t>
  </si>
  <si>
    <t>GGPS DIARAM KALAN</t>
  </si>
  <si>
    <t>Diaram</t>
  </si>
  <si>
    <t>vlg diaram kalan</t>
  </si>
  <si>
    <t>Diaram Kalan</t>
  </si>
  <si>
    <t>Tara Singh</t>
  </si>
  <si>
    <t>Tasmia Hafeez</t>
  </si>
  <si>
    <t>GMPS CHOHAN SHAMA</t>
  </si>
  <si>
    <t>Chahan Shaman</t>
  </si>
  <si>
    <t>Moza Chahan Shaman</t>
  </si>
  <si>
    <t>Chshan Shaman</t>
  </si>
  <si>
    <t>Qamar U Zaman</t>
  </si>
  <si>
    <t>GPS MARI KHOKHRAN</t>
  </si>
  <si>
    <t>Mari Khokhran</t>
  </si>
  <si>
    <t>village &amp; p / o Mari Khokhran Teh &amp; District Gujrat</t>
  </si>
  <si>
    <t>23924</t>
  </si>
  <si>
    <t>41071</t>
  </si>
  <si>
    <t>GPS KOT FAZIL</t>
  </si>
  <si>
    <t>kot Fazal</t>
  </si>
  <si>
    <t>27619</t>
  </si>
  <si>
    <t>GMPS CHANNI NIKOWANY</t>
  </si>
  <si>
    <t>Channi Nikowani</t>
  </si>
  <si>
    <t>village channi nikowani Gujrat</t>
  </si>
  <si>
    <t>MARAB HABIB</t>
  </si>
  <si>
    <t>GGPS KHOLA MUREED</t>
  </si>
  <si>
    <t>Kholy Mureed</t>
  </si>
  <si>
    <t>g.g.p.s.kholy murid</t>
  </si>
  <si>
    <t>Kholy Murid</t>
  </si>
  <si>
    <t>Robina Ahmad</t>
  </si>
  <si>
    <t>GPS KALAY WALA, MOUZA JALEEL PUR, ABDUL HAKIM</t>
  </si>
  <si>
    <t>Jalil Pur</t>
  </si>
  <si>
    <t>kalaywala jalil pur</t>
  </si>
  <si>
    <t>M Aleem Shahzad</t>
  </si>
  <si>
    <t>22712</t>
  </si>
  <si>
    <t>GMPS CHAK KURAL</t>
  </si>
  <si>
    <t>Chak Karal</t>
  </si>
  <si>
    <t>village &amp; post office chak karal distt &amp;teh.- gujrat</t>
  </si>
  <si>
    <t>Chechian</t>
  </si>
  <si>
    <t>sana sarwar</t>
  </si>
  <si>
    <t>fliter water</t>
  </si>
  <si>
    <t>31839</t>
  </si>
  <si>
    <t>22292</t>
  </si>
  <si>
    <t>30689</t>
  </si>
  <si>
    <t>GPS KOT CHOUDRIAN</t>
  </si>
  <si>
    <t>kot chaudrian</t>
  </si>
  <si>
    <t>kot chaudrian tehsil chunian kasur</t>
  </si>
  <si>
    <t>deo sial</t>
  </si>
  <si>
    <t>GPS CHAK NO. 115-B/TDA</t>
  </si>
  <si>
    <t>Chak No.115.B/T.D.A</t>
  </si>
  <si>
    <t>Kot Atta Muhammad</t>
  </si>
  <si>
    <t>Muhammad Baqir</t>
  </si>
  <si>
    <t>GPS CHANNI HAFIZ</t>
  </si>
  <si>
    <t>Chani Hafiz</t>
  </si>
  <si>
    <t>channi hafiz, p.o Deona Mandi, teh/dist Gujrat</t>
  </si>
  <si>
    <t>Syed Mubashar Safdar</t>
  </si>
  <si>
    <t>GGES CHAK NO. 73/4-R</t>
  </si>
  <si>
    <t>Chak 73/4R</t>
  </si>
  <si>
    <t>Chak no. 73/4R, Haroonabad</t>
  </si>
  <si>
    <t>NAYYAR TARIQ</t>
  </si>
  <si>
    <t>15783</t>
  </si>
  <si>
    <t>GGHS CHAK NO. 204/M (WEST)</t>
  </si>
  <si>
    <t>CHAK NO 204/M (W) TEHSIL CHISHTIAN DISTRICT BAHAWALNAGAR</t>
  </si>
  <si>
    <t>204/M</t>
  </si>
  <si>
    <t>GGPS KOT AMRAO KHAN</t>
  </si>
  <si>
    <t>Jamsher Kalan</t>
  </si>
  <si>
    <t>kot amrao Khan Moza jamsher kalan post office ellah abad tehsil chunian</t>
  </si>
  <si>
    <t>Kot Amrao Khan</t>
  </si>
  <si>
    <t>Uzma Sajid</t>
  </si>
  <si>
    <t>22373</t>
  </si>
  <si>
    <t>GPS RANG PUR</t>
  </si>
  <si>
    <t>Village Rangpur PO Persowal</t>
  </si>
  <si>
    <t>Jalal Pur Sobtian</t>
  </si>
  <si>
    <t>nayla ferdous</t>
  </si>
  <si>
    <t>22549</t>
  </si>
  <si>
    <t>47652</t>
  </si>
  <si>
    <t>GGCMS BASTI ARAIN DHARA OPLA</t>
  </si>
  <si>
    <t>Basti Arrain Mouza Dharh opla Drahma</t>
  </si>
  <si>
    <t>FARHAT TAREEN</t>
  </si>
  <si>
    <t>GMPS CM THATHA GORAYA</t>
  </si>
  <si>
    <t>Thatha Goraya</t>
  </si>
  <si>
    <t>village thatha goraya near p.o mundekey goraya</t>
  </si>
  <si>
    <t>Thatha Goraga</t>
  </si>
  <si>
    <t>Mundeke goraya</t>
  </si>
  <si>
    <t>21603</t>
  </si>
  <si>
    <t>GMPS MARAY VAIEN KHURD</t>
  </si>
  <si>
    <t>Maray Waien Khurd</t>
  </si>
  <si>
    <t>maray waien khurd p.o.box aiman abad</t>
  </si>
  <si>
    <t>Toseef Ahmad Gondal</t>
  </si>
  <si>
    <t>36643</t>
  </si>
  <si>
    <t>GGHSS MOHRI PUR, SARAI SIDHU</t>
  </si>
  <si>
    <t>MOHRIPUR</t>
  </si>
  <si>
    <t>GOVT GIRLS HIGHER SECONDARY SCHOOL MOHRIPUR</t>
  </si>
  <si>
    <t>MARI SAHU</t>
  </si>
  <si>
    <t>Iqbal Riaz</t>
  </si>
  <si>
    <t>GES BHAIR SODDIAN</t>
  </si>
  <si>
    <t>Bhair sodian</t>
  </si>
  <si>
    <t>GPS QIYAM PUR</t>
  </si>
  <si>
    <t>Qiyam Pur</t>
  </si>
  <si>
    <t>village Qiyam Pur</t>
  </si>
  <si>
    <t>Akbar Ghannoke</t>
  </si>
  <si>
    <t>Muhammad Naveed Rahat</t>
  </si>
  <si>
    <t>15808</t>
  </si>
  <si>
    <t>GGES DALIA</t>
  </si>
  <si>
    <t>Govt Girls Elementary School Dalia Tehsil and District Gujrat</t>
  </si>
  <si>
    <t>Goleki</t>
  </si>
  <si>
    <t>43192</t>
  </si>
  <si>
    <t>GGHS HASAL</t>
  </si>
  <si>
    <t>vpo hasil tehsil district chakwal</t>
  </si>
  <si>
    <t>22244</t>
  </si>
  <si>
    <t>39234</t>
  </si>
  <si>
    <t>15814</t>
  </si>
  <si>
    <t>GGPS MASTOOI WALA</t>
  </si>
  <si>
    <t>Gadi</t>
  </si>
  <si>
    <t>G/G/p/S mastoi clouny  dj khan</t>
  </si>
  <si>
    <t>Mastoi Clouny</t>
  </si>
  <si>
    <t>Naveeda Fatima</t>
  </si>
  <si>
    <t>GGES CHAK NO.96 TDA</t>
  </si>
  <si>
    <t>96/TDA</t>
  </si>
  <si>
    <t>chak no96 tda tehsil karor district layyah</t>
  </si>
  <si>
    <t>SAMIA UROOJ</t>
  </si>
  <si>
    <t>27793</t>
  </si>
  <si>
    <t>GGPS MADAN</t>
  </si>
  <si>
    <t>village madan p/o Tanda district gujrat</t>
  </si>
  <si>
    <t>Madan</t>
  </si>
  <si>
    <t>Khalida Yasmin</t>
  </si>
  <si>
    <t>50125</t>
  </si>
  <si>
    <t>GHS 120/13 A-L</t>
  </si>
  <si>
    <t>120/13-AL</t>
  </si>
  <si>
    <t>Chak No.120/13-AL Kassowal,Tehsil Chichawatni</t>
  </si>
  <si>
    <t>114/7R</t>
  </si>
  <si>
    <t>Ali Nawaz Khan</t>
  </si>
  <si>
    <t>GMPS BUDDAN</t>
  </si>
  <si>
    <t>Buddhan</t>
  </si>
  <si>
    <t>village buddhan post office tanda district teh gujrat</t>
  </si>
  <si>
    <t>33902</t>
  </si>
  <si>
    <t>20039</t>
  </si>
  <si>
    <t>GGPS MANDI AHMED ABAD</t>
  </si>
  <si>
    <t>MANDI AHMAD ABAD</t>
  </si>
  <si>
    <t>Zakia Naheed</t>
  </si>
  <si>
    <t>21219</t>
  </si>
  <si>
    <t>21215</t>
  </si>
  <si>
    <t>15599</t>
  </si>
  <si>
    <t>50338</t>
  </si>
  <si>
    <t>GPS KOTLA ADEEB SHAHEED FOREST COLONY</t>
  </si>
  <si>
    <t>Kotla Adeeb Shaheed</t>
  </si>
  <si>
    <t>kotla Adeeb Shaheed</t>
  </si>
  <si>
    <t>42452</t>
  </si>
  <si>
    <t>GGES KANYAT KHALIL</t>
  </si>
  <si>
    <t>Kanyat Khalil45</t>
  </si>
  <si>
    <t>kanyat khalil</t>
  </si>
  <si>
    <t>Saima Rubab</t>
  </si>
  <si>
    <t>45914</t>
  </si>
  <si>
    <t>53176</t>
  </si>
  <si>
    <t>51966</t>
  </si>
  <si>
    <t>GPS 121/EB</t>
  </si>
  <si>
    <t>chak 121/e.b Arifwala Pakpattan</t>
  </si>
  <si>
    <t>Chak 121/EB</t>
  </si>
  <si>
    <t>Nasir Ud Din Hammaun</t>
  </si>
  <si>
    <t>16269</t>
  </si>
  <si>
    <t>GGES 91/12-L</t>
  </si>
  <si>
    <t>91/12l</t>
  </si>
  <si>
    <t>GGES91/12l</t>
  </si>
  <si>
    <t>Chak No 91/12l</t>
  </si>
  <si>
    <t>Chak No 84/12l</t>
  </si>
  <si>
    <t>Sumaira Shafi</t>
  </si>
  <si>
    <t>28329</t>
  </si>
  <si>
    <t>43987</t>
  </si>
  <si>
    <t>25403</t>
  </si>
  <si>
    <t>GMPS KALU KALAN</t>
  </si>
  <si>
    <t>Kalukalan</t>
  </si>
  <si>
    <t>kalukalan</t>
  </si>
  <si>
    <t>Sohawa Dhillwa</t>
  </si>
  <si>
    <t>Tahira Anjum</t>
  </si>
  <si>
    <t>GHS CHECHIAN</t>
  </si>
  <si>
    <t>v&amp;PO Chechian</t>
  </si>
  <si>
    <t>malik mudassar bashir</t>
  </si>
  <si>
    <t>GMPS BANWARAY</t>
  </si>
  <si>
    <t>Banwaray</t>
  </si>
  <si>
    <t>BANWARY</t>
  </si>
  <si>
    <t>Bhon Manzabta</t>
  </si>
  <si>
    <t>Sehrish iqbal</t>
  </si>
  <si>
    <t>10787</t>
  </si>
  <si>
    <t>15621</t>
  </si>
  <si>
    <t>GPS 11 GHAGH, P/O 25 PUL, ABDUL HAKIM</t>
  </si>
  <si>
    <t>11 Ghagh</t>
  </si>
  <si>
    <t>Chak no 11 Gh p/o 25 pull via Abdulhakim</t>
  </si>
  <si>
    <t>11 Gh</t>
  </si>
  <si>
    <t>9 Gh</t>
  </si>
  <si>
    <t>Wasif Hussain</t>
  </si>
  <si>
    <t>33479</t>
  </si>
  <si>
    <t>28913</t>
  </si>
  <si>
    <t>GGPS VEER SING WALA</t>
  </si>
  <si>
    <t>veer Singh wala Tehsil chunian District Kasur</t>
  </si>
  <si>
    <t>Aisha Yasmeen</t>
  </si>
  <si>
    <t>45785</t>
  </si>
  <si>
    <t>GPS CHAK NO. 152/2-L</t>
  </si>
  <si>
    <t>51962</t>
  </si>
  <si>
    <t>GPS 135 EB P.O SAME ARIF WALA</t>
  </si>
  <si>
    <t>Chak No135 eb</t>
  </si>
  <si>
    <t>135e.b Arifwala Dist. Pakpattan</t>
  </si>
  <si>
    <t>12124</t>
  </si>
  <si>
    <t>15635</t>
  </si>
  <si>
    <t>42352</t>
  </si>
  <si>
    <t>GHSS DEVI</t>
  </si>
  <si>
    <t>devi</t>
  </si>
  <si>
    <t>vPO Devi Teh gujar khan Distt Rawalpindi</t>
  </si>
  <si>
    <t>Azhar Mehmood Satti</t>
  </si>
  <si>
    <t>GGPS AHSAN KACHA</t>
  </si>
  <si>
    <t>AHSAN KACHA</t>
  </si>
  <si>
    <t>BASTI AHSAN KACHA TEHSIL KAROR DISTRICT LAYYAH</t>
  </si>
  <si>
    <t>lubna altaf</t>
  </si>
  <si>
    <t>8367</t>
  </si>
  <si>
    <t>Mujajida Abad</t>
  </si>
  <si>
    <t>fareed Abad clony House 1994</t>
  </si>
  <si>
    <t>Mujahida Abad</t>
  </si>
  <si>
    <t>Shahana Balouch</t>
  </si>
  <si>
    <t>14895</t>
  </si>
  <si>
    <t>16906</t>
  </si>
  <si>
    <t>GES CHAK NO 269 JB EAST</t>
  </si>
  <si>
    <t>Chak 269</t>
  </si>
  <si>
    <t>chak no 269 jhang</t>
  </si>
  <si>
    <t>GHS CHAK NO. 241 TDA</t>
  </si>
  <si>
    <t>FATEHPUR RURAL</t>
  </si>
  <si>
    <t>Chak No 241 TDA</t>
  </si>
  <si>
    <t>Chak 241 TDA</t>
  </si>
  <si>
    <t>Fatehpur Rural</t>
  </si>
  <si>
    <t>69151</t>
  </si>
  <si>
    <t>GGHS SUSRAL</t>
  </si>
  <si>
    <t>Sasral</t>
  </si>
  <si>
    <t>vpo sasral</t>
  </si>
  <si>
    <t>GMPS 16 GUJIANI</t>
  </si>
  <si>
    <t>Chak 16 G</t>
  </si>
  <si>
    <t>Govt.Model P/S 16 G</t>
  </si>
  <si>
    <t>Chak 42 F</t>
  </si>
  <si>
    <t>Farzana  Naz</t>
  </si>
  <si>
    <t>43491</t>
  </si>
  <si>
    <t>GGPS DHULYANA</t>
  </si>
  <si>
    <t>Dhulyana</t>
  </si>
  <si>
    <t>Govt Girls Primary School Dhulyana</t>
  </si>
  <si>
    <t>Madeeha Manzoor</t>
  </si>
  <si>
    <t>40714</t>
  </si>
  <si>
    <t>15663</t>
  </si>
  <si>
    <t>GGES TABBAY WALA</t>
  </si>
  <si>
    <t>Bsti Khosa</t>
  </si>
  <si>
    <t>tibbay wala chabri zarain dak Khana khas pir adil dgkhan</t>
  </si>
  <si>
    <t>Chabri Zarain</t>
  </si>
  <si>
    <t>Sabreen Neelam</t>
  </si>
  <si>
    <t>7523</t>
  </si>
  <si>
    <t>15664</t>
  </si>
  <si>
    <t>GES BHAGOWAL KALAN</t>
  </si>
  <si>
    <t>bhagowal kalan</t>
  </si>
  <si>
    <t>M Asif</t>
  </si>
  <si>
    <t>GMPS SALHOKE</t>
  </si>
  <si>
    <t>salhoke village</t>
  </si>
  <si>
    <t>habib ur rehman</t>
  </si>
  <si>
    <t>14985</t>
  </si>
  <si>
    <t>GHS CHAK 117 JB DHANOLA FSD</t>
  </si>
  <si>
    <t>village and p/o chak no 117/JB Dhanola teh &amp; distt Faisalabad</t>
  </si>
  <si>
    <t>chak no 117/JB Faisalabad</t>
  </si>
  <si>
    <t>23887</t>
  </si>
  <si>
    <t>GMPS KOTLI MUGHLANI</t>
  </si>
  <si>
    <t>kotli muglani</t>
  </si>
  <si>
    <t>p/o mundakey goraya teh.daska dist.sialkot</t>
  </si>
  <si>
    <t>Qotly muglany</t>
  </si>
  <si>
    <t>Bhudda goraya</t>
  </si>
  <si>
    <t>28372</t>
  </si>
  <si>
    <t>43614</t>
  </si>
  <si>
    <t>GGES TUMMAY</t>
  </si>
  <si>
    <t>Tummay</t>
  </si>
  <si>
    <t>Salma Amir</t>
  </si>
  <si>
    <t>37221</t>
  </si>
  <si>
    <t>8723</t>
  </si>
  <si>
    <t>17272</t>
  </si>
  <si>
    <t>GPS CHAK NO 232 JB</t>
  </si>
  <si>
    <t>chak no 232 jb</t>
  </si>
  <si>
    <t>Chak No 159</t>
  </si>
  <si>
    <t>Iftikhar Azam</t>
  </si>
  <si>
    <t>GPS RAJA</t>
  </si>
  <si>
    <t>GMES VEER WALA</t>
  </si>
  <si>
    <t>V/P Veerwala Via Satrah Teh Daska Distt Sialkot</t>
  </si>
  <si>
    <t>Saira Yaqoob Butt</t>
  </si>
  <si>
    <t>17824</t>
  </si>
  <si>
    <t>GES CHAK NO 104 ML</t>
  </si>
  <si>
    <t>Chak No 104ml tehsil karor district layyah</t>
  </si>
  <si>
    <t>naveed ishaq</t>
  </si>
  <si>
    <t>22323</t>
  </si>
  <si>
    <t>mehmoodabad p/o  jpj district Gujrat</t>
  </si>
  <si>
    <t>25183</t>
  </si>
  <si>
    <t>21548</t>
  </si>
  <si>
    <t>GMPS KASSOKI</t>
  </si>
  <si>
    <t>Kassoke</t>
  </si>
  <si>
    <t>Govt model p/s kadssoke village kassoke tehsil kamoke dist Gujranwala</t>
  </si>
  <si>
    <t>Nannd Pure</t>
  </si>
  <si>
    <t>Saima Gulzar</t>
  </si>
  <si>
    <t>15699</t>
  </si>
  <si>
    <t>52213</t>
  </si>
  <si>
    <t>GHS KOT SHAUKAT SULTAN</t>
  </si>
  <si>
    <t>Kot Shoukat Sultan Hujra</t>
  </si>
  <si>
    <t>Hujra Shah Mqueem</t>
  </si>
  <si>
    <t>Muhammad Shafique Tahir</t>
  </si>
  <si>
    <t>44804</t>
  </si>
  <si>
    <t>15701</t>
  </si>
  <si>
    <t>GGES GHAZI COLONY</t>
  </si>
  <si>
    <t>ghazi colony dera ghazi khan</t>
  </si>
  <si>
    <t>Sakeena Abbas</t>
  </si>
  <si>
    <t>GPS CHAK NO 266 AMIREY WALA</t>
  </si>
  <si>
    <t>Chak 266</t>
  </si>
  <si>
    <t>Chak no 266 amerey wala</t>
  </si>
  <si>
    <t>Chak No 266 Ameray Wala</t>
  </si>
  <si>
    <t>Chak No 265 Gowansan Wala</t>
  </si>
  <si>
    <t>Khadim Hussain Anwar</t>
  </si>
  <si>
    <t>15704</t>
  </si>
  <si>
    <t>10145</t>
  </si>
  <si>
    <t>GPS CHAK NO 109 TDA</t>
  </si>
  <si>
    <t>GPS chak 109/tda</t>
  </si>
  <si>
    <t>Chak 109/tda</t>
  </si>
  <si>
    <t>Chak 110/tda</t>
  </si>
  <si>
    <t>22241</t>
  </si>
  <si>
    <t>GGHS KOT ALAH BUKSH</t>
  </si>
  <si>
    <t>KOT ALLAH BUKHSH</t>
  </si>
  <si>
    <t>vILLAGE KOT ALLAH BUKHSH P/O KUNJAH TEHSIL AND DISTT. GUJRAT</t>
  </si>
  <si>
    <t>16122</t>
  </si>
  <si>
    <t>GGHS CHAK NO 64 JB</t>
  </si>
  <si>
    <t>chak no 64 jb</t>
  </si>
  <si>
    <t>chak no 64 JB faisalabad</t>
  </si>
  <si>
    <t>chak no 64</t>
  </si>
  <si>
    <t>Shabnam Zia</t>
  </si>
  <si>
    <t>43540</t>
  </si>
  <si>
    <t>GGCMHS MUNDAY</t>
  </si>
  <si>
    <t>vpo Munday Tehsil &amp; District Chakwal</t>
  </si>
  <si>
    <t>Nighat Nisar</t>
  </si>
  <si>
    <t>28614</t>
  </si>
  <si>
    <t>GHS SHAM KOT NAU</t>
  </si>
  <si>
    <t>Sham Kot Nou</t>
  </si>
  <si>
    <t>sham kot nou</t>
  </si>
  <si>
    <t>Ch. Muhammad Akram</t>
  </si>
  <si>
    <t>GGPS CHAK NO. 213/FB</t>
  </si>
  <si>
    <t>213fb</t>
  </si>
  <si>
    <t>Chak No.213 fb</t>
  </si>
  <si>
    <t>213 Fb</t>
  </si>
  <si>
    <t>95F A</t>
  </si>
  <si>
    <t>GES CHAK NO.325/EB</t>
  </si>
  <si>
    <t>chak no 325 EB burewala</t>
  </si>
  <si>
    <t>Abdul Qayyuom</t>
  </si>
  <si>
    <t>37211</t>
  </si>
  <si>
    <t>21534</t>
  </si>
  <si>
    <t>GGPS PIR MUBARIK SHAH (KAMOKE)</t>
  </si>
  <si>
    <t>kmk</t>
  </si>
  <si>
    <t>Muqdas Rafique</t>
  </si>
  <si>
    <t>52919</t>
  </si>
  <si>
    <t>GMMS PINDI MOHLAN</t>
  </si>
  <si>
    <t>Pindi Mohlan</t>
  </si>
  <si>
    <t>GMMS pindi Mohlan markaz pipli pahar Tehsil depalpur district okara.</t>
  </si>
  <si>
    <t>Quillah Javind sing</t>
  </si>
  <si>
    <t>28812</t>
  </si>
  <si>
    <t>Kot Jalal Din</t>
  </si>
  <si>
    <t>kot Jalal Din p/o Sham kot Nau Tehsil Chunian Distt. Kasur</t>
  </si>
  <si>
    <t>14739</t>
  </si>
  <si>
    <t>GHS REHMANIA PEOPLES COLONY FSD</t>
  </si>
  <si>
    <t>jungle singh wala</t>
  </si>
  <si>
    <t>Peoples Colony No.1, B-Block, Faisalabad.</t>
  </si>
  <si>
    <t>peoples colony No.1 B-Block</t>
  </si>
  <si>
    <t>Iftikhar Shafiq</t>
  </si>
  <si>
    <t>23679</t>
  </si>
  <si>
    <t>23361</t>
  </si>
  <si>
    <t>GMPS HAMID PUR KHURD</t>
  </si>
  <si>
    <t>Humeed Pur  Khurd</t>
  </si>
  <si>
    <t>gmps hameed pur khurd tehsel kmk dist gujranwala</t>
  </si>
  <si>
    <t>Hameed Pur Khurd</t>
  </si>
  <si>
    <t>Rifat Saleem</t>
  </si>
  <si>
    <t>GPS BHADIAN WALA</t>
  </si>
  <si>
    <t>Dager Sewag</t>
  </si>
  <si>
    <t>chak no 99/tda</t>
  </si>
  <si>
    <t>Bhadain Wala</t>
  </si>
  <si>
    <t>Tuswar Abbas</t>
  </si>
  <si>
    <t>14813</t>
  </si>
  <si>
    <t>54520</t>
  </si>
  <si>
    <t>GPS THATHA SANDRANA (De-consolidated April-2016)</t>
  </si>
  <si>
    <t>Thatta Koriyana</t>
  </si>
  <si>
    <t>thatta sandrana</t>
  </si>
  <si>
    <t>Koriyana</t>
  </si>
  <si>
    <t>Tahir Raza Shah</t>
  </si>
  <si>
    <t>Shahjahania</t>
  </si>
  <si>
    <t>Village shahjahania, p/o doulat nagar , tehsil&amp;distt. Gujrat</t>
  </si>
  <si>
    <t>Dhuma malka</t>
  </si>
  <si>
    <t>Tasleem bibi</t>
  </si>
  <si>
    <t>GHS CHARHOAY WALA</t>
  </si>
  <si>
    <t>Chah Allah Ditta Wala Mouza Patti Talli Teh&amp; Distt DGK</t>
  </si>
  <si>
    <t>Chah Allah Ditta Wala</t>
  </si>
  <si>
    <t>Sattai</t>
  </si>
  <si>
    <t>Imran haider</t>
  </si>
  <si>
    <t>GGPS 50-D</t>
  </si>
  <si>
    <t>50D</t>
  </si>
  <si>
    <t>50 D</t>
  </si>
  <si>
    <t>Kausar Sharif</t>
  </si>
  <si>
    <t>50632</t>
  </si>
  <si>
    <t>GGPS 28/14-L</t>
  </si>
  <si>
    <t>chak number 28/14L post office iqbal nagar tehsil chichawatni district sahiwal</t>
  </si>
  <si>
    <t>28/14L</t>
  </si>
  <si>
    <t>Fozia Nawaz</t>
  </si>
  <si>
    <t>53881</t>
  </si>
  <si>
    <t>GHS BUDHOKI</t>
  </si>
  <si>
    <t>village buddhoki thesil chunian distt. kasur</t>
  </si>
  <si>
    <t>Buddhoki</t>
  </si>
  <si>
    <t>Rana Sajid Ali</t>
  </si>
  <si>
    <t>35124</t>
  </si>
  <si>
    <t>GGHS CHAK NO.130 EB</t>
  </si>
  <si>
    <t>chak no.130/eb burewala</t>
  </si>
  <si>
    <t>130/eb</t>
  </si>
  <si>
    <t>RUKHSHANDA NAZEER</t>
  </si>
  <si>
    <t>21825</t>
  </si>
  <si>
    <t>43586</t>
  </si>
  <si>
    <t>GGPS DHOK KAMAL</t>
  </si>
  <si>
    <t>Dhoke KAMAL</t>
  </si>
  <si>
    <t>GGPS DHOKE KAMAL TEH AND DISTT CHAKWAL</t>
  </si>
  <si>
    <t>DHOKE KAMAL</t>
  </si>
  <si>
    <t>naseem akhtar</t>
  </si>
  <si>
    <t>GPS 633 GB E</t>
  </si>
  <si>
    <t>Raiz Nagar</t>
  </si>
  <si>
    <t>GPS 633gb east</t>
  </si>
  <si>
    <t>Chak No 633gb East No633gbNo633gbo633gb East</t>
  </si>
  <si>
    <t>Chak No583gb</t>
  </si>
  <si>
    <t>52021</t>
  </si>
  <si>
    <t>GGES 53 EB</t>
  </si>
  <si>
    <t>53EB</t>
  </si>
  <si>
    <t>Chak no53 EB pakpattan road arifwala</t>
  </si>
  <si>
    <t>53 EB</t>
  </si>
  <si>
    <t>59EB</t>
  </si>
  <si>
    <t>shagufta bashir</t>
  </si>
  <si>
    <t>53186</t>
  </si>
  <si>
    <t>GGPS MC NO.1 CHAKWAL</t>
  </si>
  <si>
    <t>GGmc p/s no 1 chakwal</t>
  </si>
  <si>
    <t>Sumaira Aziz</t>
  </si>
  <si>
    <t>12719</t>
  </si>
  <si>
    <t>14843</t>
  </si>
  <si>
    <t>GES 263/HR</t>
  </si>
  <si>
    <t>Chak No 263 HR</t>
  </si>
  <si>
    <t>Chak No 263 Hr Fort abbas</t>
  </si>
  <si>
    <t>Chak No 260 HR</t>
  </si>
  <si>
    <t>Abdul Rahman Bajwa</t>
  </si>
  <si>
    <t>22278</t>
  </si>
  <si>
    <t>GES TIBBI MARLAN</t>
  </si>
  <si>
    <t>TIBBI MARLAN</t>
  </si>
  <si>
    <t>TIBBI MARLAN SARGODHA ROAD GUJRAT</t>
  </si>
  <si>
    <t>DASWNDI PURA</t>
  </si>
  <si>
    <t>Hajra Zaman</t>
  </si>
  <si>
    <t>GHS KOT TAHIR</t>
  </si>
  <si>
    <t>Tehsil Jampur District Rajanpur</t>
  </si>
  <si>
    <t>38023</t>
  </si>
  <si>
    <t>49968</t>
  </si>
  <si>
    <t>GGPS CHAK 99/6-R AB</t>
  </si>
  <si>
    <t>99/6r-AB</t>
  </si>
  <si>
    <t>chak no 99/6r (AB) haroonabad bahawalnagar</t>
  </si>
  <si>
    <t>GHS CHAK NO. 237 GB</t>
  </si>
  <si>
    <t>CHAK NO 237 GB</t>
  </si>
  <si>
    <t>Chak236gb</t>
  </si>
  <si>
    <t>GES 27 GHAGH, P/O ADDA 25 PUL, ABDUL HAKIM</t>
  </si>
  <si>
    <t>27 Gh</t>
  </si>
  <si>
    <t>chak no 27 gh p/o 25 pull tehsil kabirwala khanewal</t>
  </si>
  <si>
    <t>Havili Koranga</t>
  </si>
  <si>
    <t>47900</t>
  </si>
  <si>
    <t>26550</t>
  </si>
  <si>
    <t>GGPS CHAK 460 JB</t>
  </si>
  <si>
    <t>chak no 460 kashmiri p/o bagh tehsil &amp;distt jhang.</t>
  </si>
  <si>
    <t>Asma Aslam</t>
  </si>
  <si>
    <t>54345</t>
  </si>
  <si>
    <t>47482</t>
  </si>
  <si>
    <t>52463</t>
  </si>
  <si>
    <t>GES ROHAILA MAITLA</t>
  </si>
  <si>
    <t>Rohela Maitla</t>
  </si>
  <si>
    <t>Rohela Maitla p.. o Hujra depalpur Okara</t>
  </si>
  <si>
    <t>Rizwan Maqsood</t>
  </si>
  <si>
    <t>14866</t>
  </si>
  <si>
    <t>GGHS CHAK NO 9/3-R</t>
  </si>
  <si>
    <t>Chak # 9/3-R</t>
  </si>
  <si>
    <t>Chak No. 9/3-R p/O 25/3R HND</t>
  </si>
  <si>
    <t>Chak No. 9/3-R</t>
  </si>
  <si>
    <t>Chak No. 30/3R</t>
  </si>
  <si>
    <t>Tanveer Kouser</t>
  </si>
  <si>
    <t>19334</t>
  </si>
  <si>
    <t>49509</t>
  </si>
  <si>
    <t>GES CHAK NO. 61 / SP</t>
  </si>
  <si>
    <t>61/sp</t>
  </si>
  <si>
    <t>chak no 61/sp Arifwala District Pakpattan</t>
  </si>
  <si>
    <t>19586</t>
  </si>
  <si>
    <t>41814</t>
  </si>
  <si>
    <t>moza faiz abad</t>
  </si>
  <si>
    <t>Saba Habib</t>
  </si>
  <si>
    <t>GPS GHAGRANA</t>
  </si>
  <si>
    <t>mouza gagrana po haveli lal</t>
  </si>
  <si>
    <t>GPS BASTI FATEH WALI</t>
  </si>
  <si>
    <t>Basti Fateh Wali</t>
  </si>
  <si>
    <t>basti fateh wali</t>
  </si>
  <si>
    <t>Dao Key Khanyana</t>
  </si>
  <si>
    <t>15377</t>
  </si>
  <si>
    <t>GPS QILLI SOKAL</t>
  </si>
  <si>
    <t>Qilli Sokal</t>
  </si>
  <si>
    <t>qilli sokal p/o usman wala tech chuhian disst kasur</t>
  </si>
  <si>
    <t>Muhammad Ghazanfar Tahir</t>
  </si>
  <si>
    <t>35141</t>
  </si>
  <si>
    <t>GGHS 273 EB</t>
  </si>
  <si>
    <t>CHAK NO 273/E.B TAJ PUR TEHSIL BUREWALA DITTS VEHARI</t>
  </si>
  <si>
    <t>CHAK NO 273/E.B TAJ PUR</t>
  </si>
  <si>
    <t>283/E.B</t>
  </si>
  <si>
    <t>sehrish abbas</t>
  </si>
  <si>
    <t>28827</t>
  </si>
  <si>
    <t>GPS BASTI MEERAY</t>
  </si>
  <si>
    <t>Meeray</t>
  </si>
  <si>
    <t>Basti Meeray Kanganpur Tehsil Chunian District kasur</t>
  </si>
  <si>
    <t>Basti Meeray</t>
  </si>
  <si>
    <t>Mc Kanganpur</t>
  </si>
  <si>
    <t>M Nasim Babar Sandhu</t>
  </si>
  <si>
    <t>GMPS HUTTAR</t>
  </si>
  <si>
    <t>village hattar post office dhool kakan tehsil and dstrict gujrat</t>
  </si>
  <si>
    <t>Adeela Batool</t>
  </si>
  <si>
    <t>16156</t>
  </si>
  <si>
    <t>17870</t>
  </si>
  <si>
    <t>GGES BHERO</t>
  </si>
  <si>
    <t>Bherro</t>
  </si>
  <si>
    <t>bhero</t>
  </si>
  <si>
    <t>Marium Liaquat</t>
  </si>
  <si>
    <t>9297</t>
  </si>
  <si>
    <t>23973</t>
  </si>
  <si>
    <t>GES BARBOCHI WALI</t>
  </si>
  <si>
    <t>GES Barbochi wala near alhamd textile mill paigha dera ghazi khan</t>
  </si>
  <si>
    <t>28823</t>
  </si>
  <si>
    <t>GPS QILA DAO KEY</t>
  </si>
  <si>
    <t>Qilla Dao Key</t>
  </si>
  <si>
    <t>Dao Key Khaniyana</t>
  </si>
  <si>
    <t>51946</t>
  </si>
  <si>
    <t>GPS 12 EB P/O 10/E.B ARIF WALA</t>
  </si>
  <si>
    <t>chak no 12/EB tehsil arifwala</t>
  </si>
  <si>
    <t>12/EB</t>
  </si>
  <si>
    <t>11327</t>
  </si>
  <si>
    <t>16174</t>
  </si>
  <si>
    <t>GPS FOREST COLONY  CHICHAWATNI</t>
  </si>
  <si>
    <t>Forest Colony</t>
  </si>
  <si>
    <t>forst colony block 2 cci</t>
  </si>
  <si>
    <t>114 7R</t>
  </si>
  <si>
    <t>GPS CHAK 88 GB I</t>
  </si>
  <si>
    <t>Chak No 88 Gb</t>
  </si>
  <si>
    <t>chak no 88 gb fsd</t>
  </si>
  <si>
    <t>Rora</t>
  </si>
  <si>
    <t>Chak No 258 Rb</t>
  </si>
  <si>
    <t>Ayesha Hanif</t>
  </si>
  <si>
    <t>16181</t>
  </si>
  <si>
    <t>35042</t>
  </si>
  <si>
    <t>GHS CHAK NO 291 EB</t>
  </si>
  <si>
    <t>CHAK NO 291 EB</t>
  </si>
  <si>
    <t>amjad pervaiz</t>
  </si>
  <si>
    <t>22326</t>
  </si>
  <si>
    <t>GPS KASSOKE</t>
  </si>
  <si>
    <t>GPS kassoki Tehsil &amp; Tehsil&amp;distt Gujrat</t>
  </si>
  <si>
    <t>15478</t>
  </si>
  <si>
    <t>21619</t>
  </si>
  <si>
    <t>GGCMS KOT KHEWAN MAL NO.1</t>
  </si>
  <si>
    <t>Kot Khewan Mal 1</t>
  </si>
  <si>
    <t>new abadi kot khewan mal 1 po mandyala taga kamoki</t>
  </si>
  <si>
    <t>Zaroon Fatima</t>
  </si>
  <si>
    <t>52444</t>
  </si>
  <si>
    <t>GPS GHOUS PUR GUJJRAN (GHATTAY PHAKNI)</t>
  </si>
  <si>
    <t>Ghous Pour Gujjran</t>
  </si>
  <si>
    <t>Dhool Chour</t>
  </si>
  <si>
    <t>Muhammad Akram Zia</t>
  </si>
  <si>
    <t>GGHS DUGRI HUNDWAN</t>
  </si>
  <si>
    <t>Dugri Hundwan</t>
  </si>
  <si>
    <t>GGHS DUGRI KALAN DASKA,SIALKOT</t>
  </si>
  <si>
    <t>dugri kalan daska</t>
  </si>
  <si>
    <t>budah goraya</t>
  </si>
  <si>
    <t>Syeda Farhat</t>
  </si>
  <si>
    <t>43163</t>
  </si>
  <si>
    <t>GGES THANEEL FATHOI</t>
  </si>
  <si>
    <t>Thanil Fatuhi</t>
  </si>
  <si>
    <t>vill and p.o thanil fatuhi teh and dist chakwal</t>
  </si>
  <si>
    <t>Herchar Dhab</t>
  </si>
  <si>
    <t>Saba Gulzar</t>
  </si>
  <si>
    <t>19955</t>
  </si>
  <si>
    <t>28652</t>
  </si>
  <si>
    <t>GGES KHARAIPER CHAK NO. 10</t>
  </si>
  <si>
    <t>Kharaiper CH 10</t>
  </si>
  <si>
    <t>kharaiper CH 10</t>
  </si>
  <si>
    <t>Tarady Wala CH 13</t>
  </si>
  <si>
    <t>22568</t>
  </si>
  <si>
    <t>GGES BHARWAL</t>
  </si>
  <si>
    <t>Bharwal</t>
  </si>
  <si>
    <t>GGES Bharwal</t>
  </si>
  <si>
    <t>Asma Sarwar</t>
  </si>
  <si>
    <t>15119</t>
  </si>
  <si>
    <t>48252</t>
  </si>
  <si>
    <t>GPS BHANO PINDI</t>
  </si>
  <si>
    <t>muhallah Deputian Bhanopindi</t>
  </si>
  <si>
    <t>Jamke</t>
  </si>
  <si>
    <t>Muhammad yousaf shakeel</t>
  </si>
  <si>
    <t>34087</t>
  </si>
  <si>
    <t>GMMS NOOR PUR CHAK N. 83/TDA</t>
  </si>
  <si>
    <t>Basti Noor Pur moaza deen pur teh Karor, layyah</t>
  </si>
  <si>
    <t>Muhammad Baqir Saqi</t>
  </si>
  <si>
    <t>8635</t>
  </si>
  <si>
    <t>GPS CITY NO. 11 MODEL TOWN</t>
  </si>
  <si>
    <t>ModelTown Block Y D G Khan</t>
  </si>
  <si>
    <t>Model TOWN</t>
  </si>
  <si>
    <t>MALIK SHOUKAT HUSSAION</t>
  </si>
  <si>
    <t>22465</t>
  </si>
  <si>
    <t>GMPS HAYAT GARH</t>
  </si>
  <si>
    <t>Hayat Garh</t>
  </si>
  <si>
    <t>GMPS Hayat Garh</t>
  </si>
  <si>
    <t>Shabnam Shaukat</t>
  </si>
  <si>
    <t>GMMS CHAK NO. 106 TDA</t>
  </si>
  <si>
    <t>Chak No .106 Tda basti malana tehsil karor lal esan district layyah</t>
  </si>
  <si>
    <t>MUHAMMAD KASHIF HAFEEZ FAROOQI</t>
  </si>
  <si>
    <t>43281</t>
  </si>
  <si>
    <t>GPS GHANWAL</t>
  </si>
  <si>
    <t>Ghanwal</t>
  </si>
  <si>
    <t>GPS KHARIAN WALI</t>
  </si>
  <si>
    <t>village kharianwali p. o sheikhpur tehsil distt gujrat</t>
  </si>
  <si>
    <t>Chak Sada</t>
  </si>
  <si>
    <t>GGPS CHAK NO 137/6-R AB</t>
  </si>
  <si>
    <t>Chak No 142 6-R</t>
  </si>
  <si>
    <t>Chak No 137 6-R p/o Faqirwali</t>
  </si>
  <si>
    <t>Chak No 137 6-R</t>
  </si>
  <si>
    <t>GGCMS CHAK ABDULAH</t>
  </si>
  <si>
    <t>Chak Abdullah p/o Mari shokshah elahi</t>
  </si>
  <si>
    <t>Mari Shokshah</t>
  </si>
  <si>
    <t>Rizwana Jabeen</t>
  </si>
  <si>
    <t>GMPS FAZOLIAN</t>
  </si>
  <si>
    <t>Fazulian</t>
  </si>
  <si>
    <t>p/office mohra noori.teh Gujar Khan.distt.rwp.village.fazulian</t>
  </si>
  <si>
    <t>GPS DASKA KALAN</t>
  </si>
  <si>
    <t>daska kalan tehsil daska district sialkot</t>
  </si>
  <si>
    <t>51351</t>
  </si>
  <si>
    <t>10465</t>
  </si>
  <si>
    <t>GPS CHAK NO. 115-A TDA</t>
  </si>
  <si>
    <t>gps chk no 115a/tda p/o rajan shah station</t>
  </si>
  <si>
    <t>Chk No 115a/tda</t>
  </si>
  <si>
    <t>Karar Hussain</t>
  </si>
  <si>
    <t>37152</t>
  </si>
  <si>
    <t>52251</t>
  </si>
  <si>
    <t>GGHS HEAD SULEMANKI</t>
  </si>
  <si>
    <t>delaly kay</t>
  </si>
  <si>
    <t>canal colony head sulemanki disst okara tehsil depalpur</t>
  </si>
  <si>
    <t>head sulemanki</t>
  </si>
  <si>
    <t>nehal mahr</t>
  </si>
  <si>
    <t>SAEEDA PARVEEN</t>
  </si>
  <si>
    <t>22347</t>
  </si>
  <si>
    <t>GPS KARIAN WALA</t>
  </si>
  <si>
    <t>village karianwala p/o distt gujrat</t>
  </si>
  <si>
    <t>RAZA Hussain Shah</t>
  </si>
  <si>
    <t>15539</t>
  </si>
  <si>
    <t>GGPS CHAK 353 GB JARANWALA</t>
  </si>
  <si>
    <t>chak no. 353 gb.</t>
  </si>
  <si>
    <t>353gb</t>
  </si>
  <si>
    <t>42384</t>
  </si>
  <si>
    <t>GGMHS KAUNTRILA</t>
  </si>
  <si>
    <t>GGHS KAUNTRILA THSIL GUJAR KHAN DISTT RWP</t>
  </si>
  <si>
    <t>RUKHSANA UN NISA</t>
  </si>
  <si>
    <t>GGPS MUHAJAR COLONY</t>
  </si>
  <si>
    <t>mc girls mohajar colony haroonabad</t>
  </si>
  <si>
    <t>Tasneem Akhter</t>
  </si>
  <si>
    <t>51942</t>
  </si>
  <si>
    <t>GPS 30 EB</t>
  </si>
  <si>
    <t>chak no 30/E B tahseel arif wala</t>
  </si>
  <si>
    <t>30/EB</t>
  </si>
  <si>
    <t>Chak 34/EB</t>
  </si>
  <si>
    <t>23591</t>
  </si>
  <si>
    <t>GHSS GHUINKE</t>
  </si>
  <si>
    <t>govt. higher secondary school ghuinke (sialkot)</t>
  </si>
  <si>
    <t>ghuinke</t>
  </si>
  <si>
    <t>GGPS CHAK NO. 53/4-R</t>
  </si>
  <si>
    <t>G . G .P / School 53 /4r</t>
  </si>
  <si>
    <t>53/ 4r</t>
  </si>
  <si>
    <t>Kamyti Town</t>
  </si>
  <si>
    <t>45617</t>
  </si>
  <si>
    <t>GES NATT SHARQI</t>
  </si>
  <si>
    <t>Natt Sharqi</t>
  </si>
  <si>
    <t>village natt Sharqi post office dhool kalan</t>
  </si>
  <si>
    <t>Sarshar Anwar</t>
  </si>
  <si>
    <t>15173</t>
  </si>
  <si>
    <t>52991</t>
  </si>
  <si>
    <t>mouza said pur p/o hujara shah moqueem taseel depalpur district okara</t>
  </si>
  <si>
    <t>Bhoon Manzabta</t>
  </si>
  <si>
    <t>GMPS SABA SHER KHAN</t>
  </si>
  <si>
    <t>Saba Sher Khan</t>
  </si>
  <si>
    <t>Village .Saba Sher Khan</t>
  </si>
  <si>
    <t>Fozia Perveen</t>
  </si>
  <si>
    <t>GHSS KOT MUBARAK</t>
  </si>
  <si>
    <t>Ishrat Jalil</t>
  </si>
  <si>
    <t>15569</t>
  </si>
  <si>
    <t>GPS SOHAL KHURD</t>
  </si>
  <si>
    <t>village sohal khurd post Tehsil District Gujrat</t>
  </si>
  <si>
    <t>noora mandhala</t>
  </si>
  <si>
    <t>Akmal Shahzad</t>
  </si>
  <si>
    <t>30638</t>
  </si>
  <si>
    <t>GGPS MC TIBBA NOOR PURA</t>
  </si>
  <si>
    <t>Tiba Noor Pura</t>
  </si>
  <si>
    <t>Tibba noor pura haroonabad</t>
  </si>
  <si>
    <t>Town Commitee</t>
  </si>
  <si>
    <t>Robina Akhtar</t>
  </si>
  <si>
    <t>52425</t>
  </si>
  <si>
    <t>GPS DHOOL CHOHAR</t>
  </si>
  <si>
    <t>Dool Chohaar</t>
  </si>
  <si>
    <t>kot pelhwan dhool chohaar p.o hujra tehsile depalpur okara</t>
  </si>
  <si>
    <t>Dhool Chohaar</t>
  </si>
  <si>
    <t>Dhool Ch99o-5o51oh Hjjiaar</t>
  </si>
  <si>
    <t>22054</t>
  </si>
  <si>
    <t>GES SHAMAS PURA</t>
  </si>
  <si>
    <t>Shamaspura</t>
  </si>
  <si>
    <t>shamaspura tehsil chunian district kasur</t>
  </si>
  <si>
    <t>47960</t>
  </si>
  <si>
    <t>22257</t>
  </si>
  <si>
    <t>GGES CHAK KALA</t>
  </si>
  <si>
    <t>Chakala</t>
  </si>
  <si>
    <t>GGES CHAK kala</t>
  </si>
  <si>
    <t>Chakkala</t>
  </si>
  <si>
    <t>Sookkala</t>
  </si>
  <si>
    <t>GGPS SAHKAY</t>
  </si>
  <si>
    <t>sahke</t>
  </si>
  <si>
    <t>sahke village, P.O Kallah Kalan</t>
  </si>
  <si>
    <t>Fozia Shahzadi</t>
  </si>
  <si>
    <t>32627</t>
  </si>
  <si>
    <t>GGES DHANA(SNE)</t>
  </si>
  <si>
    <t>dhana</t>
  </si>
  <si>
    <t>Nargis Begum</t>
  </si>
  <si>
    <t>18286</t>
  </si>
  <si>
    <t>38126</t>
  </si>
  <si>
    <t>32152</t>
  </si>
  <si>
    <t>GPS GORAI WALA</t>
  </si>
  <si>
    <t>Gorai Wala</t>
  </si>
  <si>
    <t>gps gorai wala</t>
  </si>
  <si>
    <t>Kerpal Singh</t>
  </si>
  <si>
    <t>Abdul Shakoor Anjum</t>
  </si>
  <si>
    <t>38127</t>
  </si>
  <si>
    <t>25134</t>
  </si>
  <si>
    <t>GGPS PINDI BAJWAN</t>
  </si>
  <si>
    <t>Pindi Bajwan</t>
  </si>
  <si>
    <t>GGPS Pindi Bajwan</t>
  </si>
  <si>
    <t>Phuklian 02</t>
  </si>
  <si>
    <t>22040</t>
  </si>
  <si>
    <t>51059</t>
  </si>
  <si>
    <t>31989</t>
  </si>
  <si>
    <t>38129</t>
  </si>
  <si>
    <t>GES AWAN</t>
  </si>
  <si>
    <t>Awan</t>
  </si>
  <si>
    <t>Rechand</t>
  </si>
  <si>
    <t>Saif Ullah Anjam</t>
  </si>
  <si>
    <t>18188</t>
  </si>
  <si>
    <t>18781</t>
  </si>
  <si>
    <t>GGPS PEER WALA PURANA</t>
  </si>
  <si>
    <t>RUSTAM SARGANA - FEMALE</t>
  </si>
  <si>
    <t>Pirwala Purana , Rustam SarganA</t>
  </si>
  <si>
    <t>Zubiada Begum</t>
  </si>
  <si>
    <t>48815</t>
  </si>
  <si>
    <t>GES CHAK JODH</t>
  </si>
  <si>
    <t>CHAK 46-SB - MALE</t>
  </si>
  <si>
    <t>Chak Jodh</t>
  </si>
  <si>
    <t>chak jodh</t>
  </si>
  <si>
    <t>Chak 52 Sb</t>
  </si>
  <si>
    <t>141025</t>
  </si>
  <si>
    <t>GPS MOGHA AMEEN</t>
  </si>
  <si>
    <t>SHEIKHUPURA-XX - MALE</t>
  </si>
  <si>
    <t>Moga Amin</t>
  </si>
  <si>
    <t>tatha ali</t>
  </si>
  <si>
    <t>Mogha Amin</t>
  </si>
  <si>
    <t>Gujiana Naou</t>
  </si>
  <si>
    <t>MUHAMMAD Nawaz</t>
  </si>
  <si>
    <t>3849</t>
  </si>
  <si>
    <t>32551</t>
  </si>
  <si>
    <t>49183</t>
  </si>
  <si>
    <t>GPS DHOOL P/O KOT MAHMOOD</t>
  </si>
  <si>
    <t>SHARAQPUR-IV - MALE</t>
  </si>
  <si>
    <t>GPS Dhool Post Office Kot Mehmood</t>
  </si>
  <si>
    <t>37101</t>
  </si>
  <si>
    <t>54239</t>
  </si>
  <si>
    <t>GGPS DABAN WALA</t>
  </si>
  <si>
    <t>Rustam sargana</t>
  </si>
  <si>
    <t>Ggps daban wala moza rustam sargana</t>
  </si>
  <si>
    <t>Daban wala</t>
  </si>
  <si>
    <t>32003</t>
  </si>
  <si>
    <t>GPS BHATTI DHILWAN</t>
  </si>
  <si>
    <t>Bhatti Dhilwan</t>
  </si>
  <si>
    <t>bhatti dhilwan</t>
  </si>
  <si>
    <t>51661</t>
  </si>
  <si>
    <t>49171</t>
  </si>
  <si>
    <t>GMPS CHAK NO.53 SB BADRANI</t>
  </si>
  <si>
    <t>53 Badrani</t>
  </si>
  <si>
    <t>chak no 53 Sb badrani</t>
  </si>
  <si>
    <t>53 Sb Badrani</t>
  </si>
  <si>
    <t>Chak No 52 Sb</t>
  </si>
  <si>
    <t>Iram  Javid</t>
  </si>
  <si>
    <t>38147</t>
  </si>
  <si>
    <t>32557</t>
  </si>
  <si>
    <t>GPS MADDAR</t>
  </si>
  <si>
    <t>Maddar</t>
  </si>
  <si>
    <t>village maddar tehsil sharaqpur dist skp</t>
  </si>
  <si>
    <t>Mandawala</t>
  </si>
  <si>
    <t>Ansar Rafiq</t>
  </si>
  <si>
    <t>47986</t>
  </si>
  <si>
    <t>GGPS GUJAR ABAD</t>
  </si>
  <si>
    <t>Gujjar Abad</t>
  </si>
  <si>
    <t>Gujat abad Rustam Sargana</t>
  </si>
  <si>
    <t>Riffat Asma</t>
  </si>
  <si>
    <t>GGPS KARAM ABAD</t>
  </si>
  <si>
    <t>GGPS Karam Abad Markaz Rustam Sargana Teshil Shorkot Jhang</t>
  </si>
  <si>
    <t>Karam Abad</t>
  </si>
  <si>
    <t>Adeela Shaheen</t>
  </si>
  <si>
    <t>38156</t>
  </si>
  <si>
    <t>GPS THATHA ILYAS</t>
  </si>
  <si>
    <t>Thatha Ilyas</t>
  </si>
  <si>
    <t>Village Thatha Ilyas, Tehsil Sharaqpur, District Sheikhupura</t>
  </si>
  <si>
    <t>38157</t>
  </si>
  <si>
    <t>18194</t>
  </si>
  <si>
    <t>GGPS TAHLLY WALA</t>
  </si>
  <si>
    <t>Pirwala Rustam Sargana</t>
  </si>
  <si>
    <t>Rustam</t>
  </si>
  <si>
    <t>Bina Samreen</t>
  </si>
  <si>
    <t>GHS FAIZ PUR KALAN</t>
  </si>
  <si>
    <t>GHS Faizpur Kalan</t>
  </si>
  <si>
    <t>NASEER AHMAD KHAN</t>
  </si>
  <si>
    <t>32529</t>
  </si>
  <si>
    <t>GPS FAIZE PUR CHAKI GHERA</t>
  </si>
  <si>
    <t>Chakki Ghera</t>
  </si>
  <si>
    <t>village chakki Ghera po Bholay shah tehsil sharaqpur district sheikhupura</t>
  </si>
  <si>
    <t>Chakki  Ghera</t>
  </si>
  <si>
    <t>18187</t>
  </si>
  <si>
    <t>GGCMS RUSTAM SARGANA NO 1</t>
  </si>
  <si>
    <t>rustam sargana</t>
  </si>
  <si>
    <t>48829</t>
  </si>
  <si>
    <t>47126</t>
  </si>
  <si>
    <t>GES CHAK NO.31 SB</t>
  </si>
  <si>
    <t>Chak No 31 SB</t>
  </si>
  <si>
    <t>Chak No 31SB Sargodha</t>
  </si>
  <si>
    <t>Chak No 30 SB</t>
  </si>
  <si>
    <t>44027</t>
  </si>
  <si>
    <t>24910</t>
  </si>
  <si>
    <t>GPS HASSAN WAL</t>
  </si>
  <si>
    <t>Hassan Wal</t>
  </si>
  <si>
    <t>Hassan wal</t>
  </si>
  <si>
    <t>32573</t>
  </si>
  <si>
    <t>GGPS BHANI NO. 1 SHARQPUR</t>
  </si>
  <si>
    <t>Bhani No1</t>
  </si>
  <si>
    <t>Bhani N0 1 tehsil sharqpur districk sheikhupura</t>
  </si>
  <si>
    <t>Bhani No 1</t>
  </si>
  <si>
    <t>Mehwish Jamil</t>
  </si>
  <si>
    <t>32932</t>
  </si>
  <si>
    <t>38167</t>
  </si>
  <si>
    <t>GGES CHAK NO 482 JB</t>
  </si>
  <si>
    <t>Chak No 482jb</t>
  </si>
  <si>
    <t>chak no 482 jb tehsil shorkot district jhang</t>
  </si>
  <si>
    <t>Chak 482jb</t>
  </si>
  <si>
    <t>Shafqat Kalsoom</t>
  </si>
  <si>
    <t>32954</t>
  </si>
  <si>
    <t>25139</t>
  </si>
  <si>
    <t>GGPS JANGLORA</t>
  </si>
  <si>
    <t>Phuklyan</t>
  </si>
  <si>
    <t>GGPS janglora</t>
  </si>
  <si>
    <t>janglora</t>
  </si>
  <si>
    <t>Samina Rafiq</t>
  </si>
  <si>
    <t>18344</t>
  </si>
  <si>
    <t>49147</t>
  </si>
  <si>
    <t>GGPS CHAK NO.53 SB HODOWAL</t>
  </si>
  <si>
    <t>Haduwal</t>
  </si>
  <si>
    <t>chak 53 sb haduwal</t>
  </si>
  <si>
    <t>53 Sb Haduwal</t>
  </si>
  <si>
    <t>52 Sb</t>
  </si>
  <si>
    <t>Rubina Rani</t>
  </si>
  <si>
    <t>32583</t>
  </si>
  <si>
    <t>GGPS DHAMKAY</t>
  </si>
  <si>
    <t>dhamkey teh sqp disst skp</t>
  </si>
  <si>
    <t>gulsan missal</t>
  </si>
  <si>
    <t>GPS CHAK NO.12 UCC</t>
  </si>
  <si>
    <t>Chak No 12ucc</t>
  </si>
  <si>
    <t>chack12ucc</t>
  </si>
  <si>
    <t>Chack 12ucc</t>
  </si>
  <si>
    <t>Marh Bhangwa</t>
  </si>
  <si>
    <t>38186</t>
  </si>
  <si>
    <t>GGPS BHOOR</t>
  </si>
  <si>
    <t>Bhoor</t>
  </si>
  <si>
    <t>G.G.P.S.bhoor bajwat sialkot</t>
  </si>
  <si>
    <t>Nusrat Shareef</t>
  </si>
  <si>
    <t>21483</t>
  </si>
  <si>
    <t>GPS BHOY DHKU</t>
  </si>
  <si>
    <t>Bhoy Dhaku</t>
  </si>
  <si>
    <t>village bhoy dhaku</t>
  </si>
  <si>
    <t>Mubashar Ali</t>
  </si>
  <si>
    <t>GGPS CHAK NO.64 NB</t>
  </si>
  <si>
    <t>Haji Colony</t>
  </si>
  <si>
    <t>Haji colony</t>
  </si>
  <si>
    <t>17727</t>
  </si>
  <si>
    <t>24862</t>
  </si>
  <si>
    <t>GPS KOTHAY PATHANAN</t>
  </si>
  <si>
    <t>Kothay Pathanan</t>
  </si>
  <si>
    <t>kothli pathana p/o khulluwal</t>
  </si>
  <si>
    <t>Monghar</t>
  </si>
  <si>
    <t>18190</t>
  </si>
  <si>
    <t>16274</t>
  </si>
  <si>
    <t>49077</t>
  </si>
  <si>
    <t>GPS IQBAL KOT FARID</t>
  </si>
  <si>
    <t>Rehmanpora</t>
  </si>
  <si>
    <t>Iqbal kot farid</t>
  </si>
  <si>
    <t>25157</t>
  </si>
  <si>
    <t>GGPS JHANG KHURD</t>
  </si>
  <si>
    <t>Jhang Khurd</t>
  </si>
  <si>
    <t>GGPS jhang khurd  p/o looni bajwat sialkot</t>
  </si>
  <si>
    <t>tabassum iqbal</t>
  </si>
  <si>
    <t>38199</t>
  </si>
  <si>
    <t>GPS CHAK NO.27 NB</t>
  </si>
  <si>
    <t>27 NB</t>
  </si>
  <si>
    <t>chak no 27 NB</t>
  </si>
  <si>
    <t>Chak no 27 NB</t>
  </si>
  <si>
    <t>Syed Ahmad Shah</t>
  </si>
  <si>
    <t>33494</t>
  </si>
  <si>
    <t>49037</t>
  </si>
  <si>
    <t>GPS CHAK NO.30 NB</t>
  </si>
  <si>
    <t>Chak No 30 NB</t>
  </si>
  <si>
    <t>chak # 30 nb</t>
  </si>
  <si>
    <t>30 Nb</t>
  </si>
  <si>
    <t>Khan Sher Dil Khan</t>
  </si>
  <si>
    <t>26845</t>
  </si>
  <si>
    <t>35456</t>
  </si>
  <si>
    <t>GPS TRAIL</t>
  </si>
  <si>
    <t>village trail p/o kotnaina tehsil shakargarh district narowal</t>
  </si>
  <si>
    <t>Kotnaina</t>
  </si>
  <si>
    <t>37973</t>
  </si>
  <si>
    <t>GPS BANYAL</t>
  </si>
  <si>
    <t>Banyal</t>
  </si>
  <si>
    <t>banyal</t>
  </si>
  <si>
    <t>Muhammad Tariq Aziz</t>
  </si>
  <si>
    <t>26392</t>
  </si>
  <si>
    <t>35358</t>
  </si>
  <si>
    <t>GGPS SANGRAN</t>
  </si>
  <si>
    <t>SANGRAN</t>
  </si>
  <si>
    <t>Village sangran</t>
  </si>
  <si>
    <t>Sangran</t>
  </si>
  <si>
    <t>37981</t>
  </si>
  <si>
    <t>48799</t>
  </si>
  <si>
    <t>GGHS CHAK NO.75 SB</t>
  </si>
  <si>
    <t>CHAK # 75 SB</t>
  </si>
  <si>
    <t>CHAK # 75 Sb sargodha</t>
  </si>
  <si>
    <t>CHAUKERA</t>
  </si>
  <si>
    <t>SHAMSA RAFIQUE</t>
  </si>
  <si>
    <t>26135</t>
  </si>
  <si>
    <t>GES JATTAR</t>
  </si>
  <si>
    <t>Jattar</t>
  </si>
  <si>
    <t>village jattar po kanjrur teh shakargarh district narowal</t>
  </si>
  <si>
    <t>52683</t>
  </si>
  <si>
    <t>26134</t>
  </si>
  <si>
    <t>GPS KANJRUR</t>
  </si>
  <si>
    <t>village &amp; p/o kanjrur Christian colony teh skg and distt Nwl</t>
  </si>
  <si>
    <t>37992</t>
  </si>
  <si>
    <t>48839</t>
  </si>
  <si>
    <t>47227</t>
  </si>
  <si>
    <t>GES CHAK NO. 96 NB</t>
  </si>
  <si>
    <t>96NB</t>
  </si>
  <si>
    <t>96nb sargodha</t>
  </si>
  <si>
    <t>Chak 96 NB</t>
  </si>
  <si>
    <t>Chak 79 NB</t>
  </si>
  <si>
    <t>Tahir Maqsood</t>
  </si>
  <si>
    <t>52456</t>
  </si>
  <si>
    <t>GPS CHAK NO.65 NB</t>
  </si>
  <si>
    <t>Chak no. 65 N.B. post office dharema, tehsile and district Sargodha</t>
  </si>
  <si>
    <t>Chak 65 NB</t>
  </si>
  <si>
    <t>Chak 58 NB</t>
  </si>
  <si>
    <t>37996</t>
  </si>
  <si>
    <t>GPS MIANWALI</t>
  </si>
  <si>
    <t>vill mianwali p/o kanjrur teh shakargarh dist narowal</t>
  </si>
  <si>
    <t>Syed Zahid Abbas</t>
  </si>
  <si>
    <t>37998</t>
  </si>
  <si>
    <t>GPS CHINA</t>
  </si>
  <si>
    <t>Chheena</t>
  </si>
  <si>
    <t>vill. chheena uc kanjrur tehsil shakargarh district Narowal</t>
  </si>
  <si>
    <t>29859</t>
  </si>
  <si>
    <t>49054</t>
  </si>
  <si>
    <t>GPS CHAK NO.97 NB</t>
  </si>
  <si>
    <t>Chak NO 97NB</t>
  </si>
  <si>
    <t>Chak NO 97 NB Sargodha P/O chak No 97NB Sargodha</t>
  </si>
  <si>
    <t>Chak No 97NB Sargodha</t>
  </si>
  <si>
    <t>Chak 97 NB</t>
  </si>
  <si>
    <t>Azam Khan</t>
  </si>
  <si>
    <t>47320</t>
  </si>
  <si>
    <t>48895</t>
  </si>
  <si>
    <t>GGHS CHAK NO.73 SB</t>
  </si>
  <si>
    <t>govt girls high school chak 73 sb sargodha</t>
  </si>
  <si>
    <t>Chak 73 Sb</t>
  </si>
  <si>
    <t>73 Sb</t>
  </si>
  <si>
    <t>Kashifa Iram</t>
  </si>
  <si>
    <t>38002</t>
  </si>
  <si>
    <t>49357</t>
  </si>
  <si>
    <t>GGPS CHAK NO.188 NB</t>
  </si>
  <si>
    <t>188 Nb</t>
  </si>
  <si>
    <t>Ggps chak no 188 NB</t>
  </si>
  <si>
    <t>Robina Yasmeen</t>
  </si>
  <si>
    <t>26502</t>
  </si>
  <si>
    <t>GPS QILA WARAICH</t>
  </si>
  <si>
    <t>Qillawarriach</t>
  </si>
  <si>
    <t>qilawarraich</t>
  </si>
  <si>
    <t>Qilla Warrich</t>
  </si>
  <si>
    <t>Kotli Barakhan</t>
  </si>
  <si>
    <t>Saima Naseeb</t>
  </si>
  <si>
    <t>38006</t>
  </si>
  <si>
    <t>GPS GHADIALA</t>
  </si>
  <si>
    <t>Ghadiala</t>
  </si>
  <si>
    <t>ghadiala</t>
  </si>
  <si>
    <t>Muhammad Arshad Shahzad</t>
  </si>
  <si>
    <t>47367</t>
  </si>
  <si>
    <t>GES CHAK NO.52 SB</t>
  </si>
  <si>
    <t>CHAK NO 52 SB TEHSILE  DISTRICT SARGODHA</t>
  </si>
  <si>
    <t>Electric cooler</t>
  </si>
  <si>
    <t>36812</t>
  </si>
  <si>
    <t>38013</t>
  </si>
  <si>
    <t>26284</t>
  </si>
  <si>
    <t>GGPS BHATIAN GUJRAN</t>
  </si>
  <si>
    <t>Bhattian Gujran</t>
  </si>
  <si>
    <t>Bhattian gujran p/o noor kot tehsil shakargarh district narowal</t>
  </si>
  <si>
    <t>Farzana Rasool</t>
  </si>
  <si>
    <t>30148</t>
  </si>
  <si>
    <t>GGES CHAK NO.39 NB SGD</t>
  </si>
  <si>
    <t>Chak No39 NB</t>
  </si>
  <si>
    <t>GGES chak no 39 NB SGD</t>
  </si>
  <si>
    <t>Chak No 36 NB</t>
  </si>
  <si>
    <t>27278</t>
  </si>
  <si>
    <t>38024</t>
  </si>
  <si>
    <t>26024</t>
  </si>
  <si>
    <t>GGHS BHATTI AFGHANAN</t>
  </si>
  <si>
    <t>Bhati Afghanan</t>
  </si>
  <si>
    <t>Bhatti afghanan</t>
  </si>
  <si>
    <t>Bhati Afghnan</t>
  </si>
  <si>
    <t>Gore Sial</t>
  </si>
  <si>
    <t>GHSS GD ISLAMIA MANGRI</t>
  </si>
  <si>
    <t>VILLAGE MAINGRI PO NOORKOT TEHSIL SHAKAR GARH DISTRICT NAROWAL</t>
  </si>
  <si>
    <t>53584</t>
  </si>
  <si>
    <t>37445</t>
  </si>
  <si>
    <t>48722</t>
  </si>
  <si>
    <t>GHSS CHAK NO.88 SB</t>
  </si>
  <si>
    <t>CHAK 88 SB TEH. &amp; dISTT. SARGODHA</t>
  </si>
  <si>
    <t>CHAK 88 SB</t>
  </si>
  <si>
    <t>CHAK NO 88 SB</t>
  </si>
  <si>
    <t>48992</t>
  </si>
  <si>
    <t>GES CHAK NO.72 SB</t>
  </si>
  <si>
    <t>Chak 72 Sb</t>
  </si>
  <si>
    <t>Chak 72 sb</t>
  </si>
  <si>
    <t>Haroon ur Rasheed</t>
  </si>
  <si>
    <t>38037</t>
  </si>
  <si>
    <t>26020</t>
  </si>
  <si>
    <t>GGHSS SUKHO CHAK</t>
  </si>
  <si>
    <t>P. O. sukhochak, tehsil shakargarh,district Narowal</t>
  </si>
  <si>
    <t>26021</t>
  </si>
  <si>
    <t>GGHSS MARYAL</t>
  </si>
  <si>
    <t>Maryal</t>
  </si>
  <si>
    <t>GGHSS Maryal</t>
  </si>
  <si>
    <t>Fazeelat khalid ch.</t>
  </si>
  <si>
    <t>49030</t>
  </si>
  <si>
    <t>GPS CHAK NO.93 SB</t>
  </si>
  <si>
    <t>Chk #93sb</t>
  </si>
  <si>
    <t>gps 93sb sargodha</t>
  </si>
  <si>
    <t>88 sb</t>
  </si>
  <si>
    <t>20416</t>
  </si>
  <si>
    <t>16958</t>
  </si>
  <si>
    <t>GGPS DERA ALLAH BUKHSH TULLAH</t>
  </si>
  <si>
    <t>GGPS Dera Allah Bukhsh</t>
  </si>
  <si>
    <t>Dera Allah Bukhsh</t>
  </si>
  <si>
    <t>48958</t>
  </si>
  <si>
    <t>GPS NO.2 CHAK NO.40 SB</t>
  </si>
  <si>
    <t>40SB</t>
  </si>
  <si>
    <t>GPS NO 2 CHAK   40 SB</t>
  </si>
  <si>
    <t>40 SB</t>
  </si>
  <si>
    <t>42 SB</t>
  </si>
  <si>
    <t>Naina Khalid</t>
  </si>
  <si>
    <t>38049</t>
  </si>
  <si>
    <t>48765</t>
  </si>
  <si>
    <t>GHS MARI</t>
  </si>
  <si>
    <t>Mari Teh Distt Sargodha.</t>
  </si>
  <si>
    <t>Hafiz Muhammad Ramzan</t>
  </si>
  <si>
    <t>32535</t>
  </si>
  <si>
    <t>GPS HICHKEY PUR</t>
  </si>
  <si>
    <t>Hichky Pur</t>
  </si>
  <si>
    <t>village hichky pur post office nazar lubana tehsil sharaqpur (skp) district sheikhupura</t>
  </si>
  <si>
    <t>Nazar Lubana</t>
  </si>
  <si>
    <t>38052</t>
  </si>
  <si>
    <t>49366</t>
  </si>
  <si>
    <t>GGPS CHAK NO.83 NB</t>
  </si>
  <si>
    <t>Chak 83 NB</t>
  </si>
  <si>
    <t>post office chak 74 nb chak 83 nb</t>
  </si>
  <si>
    <t>Rizwana Afzal</t>
  </si>
  <si>
    <t>30686</t>
  </si>
  <si>
    <t>25048</t>
  </si>
  <si>
    <t>32039</t>
  </si>
  <si>
    <t>Bhoeypur</t>
  </si>
  <si>
    <t>village tahli wala</t>
  </si>
  <si>
    <t>Bahriayianwala</t>
  </si>
  <si>
    <t>38057</t>
  </si>
  <si>
    <t>48850</t>
  </si>
  <si>
    <t>GES REMOUNT DEPOT</t>
  </si>
  <si>
    <t>6/7 chak bari mandi remount depot sargodha</t>
  </si>
  <si>
    <t>6/7 Chak Remount Depot</t>
  </si>
  <si>
    <t>Saqib Javed</t>
  </si>
  <si>
    <t>49222</t>
  </si>
  <si>
    <t>GGPS CHAK NO.78 NB SARGODHA</t>
  </si>
  <si>
    <t>78 Pull</t>
  </si>
  <si>
    <t>Ggps 78 nb sgd</t>
  </si>
  <si>
    <t>Chak 78 Nb</t>
  </si>
  <si>
    <t>Cent Area</t>
  </si>
  <si>
    <t>Summaira Yousuf</t>
  </si>
  <si>
    <t>32584</t>
  </si>
  <si>
    <t>GGPS RAJIAN ARAIAN</t>
  </si>
  <si>
    <t>Moman pura</t>
  </si>
  <si>
    <t>Rajian Araian</t>
  </si>
  <si>
    <t>Riffat Akbar</t>
  </si>
  <si>
    <t>28244</t>
  </si>
  <si>
    <t>GPS CHAK POWAR</t>
  </si>
  <si>
    <t>Chak Powar</t>
  </si>
  <si>
    <t>chak powar post office mandi Faiz a baad</t>
  </si>
  <si>
    <t>QuresiyanWala</t>
  </si>
  <si>
    <t>20528</t>
  </si>
  <si>
    <t>GGCMS LATIF ABAD (GERI WALA)</t>
  </si>
  <si>
    <t>Latif Abad mouza jalalpur kamlana</t>
  </si>
  <si>
    <t>Latif Abad</t>
  </si>
  <si>
    <t>Sherish Khan</t>
  </si>
  <si>
    <t>32595</t>
  </si>
  <si>
    <t>GGPS NOOR PUR ARAIAN</t>
  </si>
  <si>
    <t>Noor Pur Arrain</t>
  </si>
  <si>
    <t>Noor pur arrain sikhan Wala bangla road sharqpur</t>
  </si>
  <si>
    <t>Farzana Hanif</t>
  </si>
  <si>
    <t>30928</t>
  </si>
  <si>
    <t>32572</t>
  </si>
  <si>
    <t>GGPS MAHTAM</t>
  </si>
  <si>
    <t>mahtam</t>
  </si>
  <si>
    <t>49425</t>
  </si>
  <si>
    <t>GGES EASON</t>
  </si>
  <si>
    <t>easson</t>
  </si>
  <si>
    <t>Tehreem Elahi</t>
  </si>
  <si>
    <t>18089</t>
  </si>
  <si>
    <t>GPS CHAK NO 483 JB SOUTH KHAS</t>
  </si>
  <si>
    <t>483 JB</t>
  </si>
  <si>
    <t>chak no 483 JB</t>
  </si>
  <si>
    <t>478 JB</t>
  </si>
  <si>
    <t>32592</t>
  </si>
  <si>
    <t>GGPS TINDAY LADWAY</t>
  </si>
  <si>
    <t>Ladway</t>
  </si>
  <si>
    <t>Village  ladway</t>
  </si>
  <si>
    <t>Tinday Ladway</t>
  </si>
  <si>
    <t>GGHS CHAK NO.25 SB</t>
  </si>
  <si>
    <t>Bhagtanwala</t>
  </si>
  <si>
    <t>Gghschak 25sb</t>
  </si>
  <si>
    <t>Chak 25sb</t>
  </si>
  <si>
    <t>Yasmin Kausar</t>
  </si>
  <si>
    <t>23481</t>
  </si>
  <si>
    <t>22088</t>
  </si>
  <si>
    <t>GHSS KATHALA CHENAB</t>
  </si>
  <si>
    <t>Village and P.O Kathala Chenab Gujrat</t>
  </si>
  <si>
    <t>7901</t>
  </si>
  <si>
    <t>GPS MALKAY WALA</t>
  </si>
  <si>
    <t>kala dgkhan</t>
  </si>
  <si>
    <t>Nimra Maqbool</t>
  </si>
  <si>
    <t>GPS CHAK NO 207 M</t>
  </si>
  <si>
    <t>207m</t>
  </si>
  <si>
    <t>chak No 207m</t>
  </si>
  <si>
    <t>GPS CHAK NO. 267 JB DARS-E-MADINA</t>
  </si>
  <si>
    <t>chak no 265</t>
  </si>
  <si>
    <t>chakno267</t>
  </si>
  <si>
    <t>Chak No267</t>
  </si>
  <si>
    <t>Muhammad Tariq Javaid</t>
  </si>
  <si>
    <t>GGHS TALWANDI</t>
  </si>
  <si>
    <t>Iram Ambrin</t>
  </si>
  <si>
    <t>GPS CHAK NO 111 TDA</t>
  </si>
  <si>
    <t>111/tdq</t>
  </si>
  <si>
    <t>111/tda</t>
  </si>
  <si>
    <t>21042</t>
  </si>
  <si>
    <t>GGES CHAK NO 176 M (NORTH)</t>
  </si>
  <si>
    <t>Govt Girls E/S 176/m Dahranwala chishtian</t>
  </si>
  <si>
    <t>176m Dahranwala</t>
  </si>
  <si>
    <t>39737</t>
  </si>
  <si>
    <t>GMPS KAURAY WALA</t>
  </si>
  <si>
    <t>gmps koray wala tehsil &amp; distt jhang</t>
  </si>
  <si>
    <t>Asia Farid</t>
  </si>
  <si>
    <t>GMPS CHAK BAGGA</t>
  </si>
  <si>
    <t>village chak bagga post office tanda distt gujrat</t>
  </si>
  <si>
    <t>Chak Bagga</t>
  </si>
  <si>
    <t>Dhamthl</t>
  </si>
  <si>
    <t>Farhana</t>
  </si>
  <si>
    <t>29347</t>
  </si>
  <si>
    <t>21668</t>
  </si>
  <si>
    <t>15984</t>
  </si>
  <si>
    <t>37003</t>
  </si>
  <si>
    <t>GPS 21 GHAGH, ABDUL HAKIM</t>
  </si>
  <si>
    <t>21/1 Ghagh</t>
  </si>
  <si>
    <t>21ghagh tehsil kabirwala district khanewal</t>
  </si>
  <si>
    <t>13 D</t>
  </si>
  <si>
    <t>19870</t>
  </si>
  <si>
    <t>GHS MC MODEL BUREWALA</t>
  </si>
  <si>
    <t>GHS M.C. Model Burewala</t>
  </si>
  <si>
    <t>Main City Burewala</t>
  </si>
  <si>
    <t>Filteration plant</t>
  </si>
  <si>
    <t>GHS JUMAN SHAH</t>
  </si>
  <si>
    <t>GHS Jaman Shah PO Qaboola Tehsil Arifwala, Distt. Pakpattan</t>
  </si>
  <si>
    <t>SYED RAHIM SHAH</t>
  </si>
  <si>
    <t>GHS CHAK NO.90/ML</t>
  </si>
  <si>
    <t>CHAK NO.90/ML</t>
  </si>
  <si>
    <t>GHS CHAK NO. 90/ML KAROR (LAYYAH)</t>
  </si>
  <si>
    <t>CHAK NO. 90/ML</t>
  </si>
  <si>
    <t>29483</t>
  </si>
  <si>
    <t>28672</t>
  </si>
  <si>
    <t>GPS NO. 6 CHUNIAN</t>
  </si>
  <si>
    <t>chah samuwala chunian</t>
  </si>
  <si>
    <t>Chahsamuwala Chunian</t>
  </si>
  <si>
    <t>ZAKAR ALI</t>
  </si>
  <si>
    <t>GPS SHAHDUM SHAH</t>
  </si>
  <si>
    <t>Shahdam Shah</t>
  </si>
  <si>
    <t>moza shahdam shah post box no mahta jhedow</t>
  </si>
  <si>
    <t>Khatana</t>
  </si>
  <si>
    <t>Village Khatana Post Karianwala Gujrat</t>
  </si>
  <si>
    <t>Syed Sajjad Haider</t>
  </si>
  <si>
    <t>GGPS CHAK NO.430/6-R S</t>
  </si>
  <si>
    <t>Chak 430/ 6r</t>
  </si>
  <si>
    <t>430\6r South</t>
  </si>
  <si>
    <t>430/6r</t>
  </si>
  <si>
    <t>Farzana Kouser</t>
  </si>
  <si>
    <t>22565</t>
  </si>
  <si>
    <t>GGPS MAHAY MAJRA</t>
  </si>
  <si>
    <t>MAHAY MAJRA</t>
  </si>
  <si>
    <t>shazia bibi</t>
  </si>
  <si>
    <t>43451</t>
  </si>
  <si>
    <t>GGPS TANYALA</t>
  </si>
  <si>
    <t>Tanyala</t>
  </si>
  <si>
    <t>vpo Tanyala</t>
  </si>
  <si>
    <t>TANYALA</t>
  </si>
  <si>
    <t>CHOA JUNG ALI</t>
  </si>
  <si>
    <t>Mehwish Iqbal</t>
  </si>
  <si>
    <t>25301</t>
  </si>
  <si>
    <t>28699</t>
  </si>
  <si>
    <t>GPS JAGO WALA CHAK NO.4</t>
  </si>
  <si>
    <t>Jagoo Wala Chak 4</t>
  </si>
  <si>
    <t>gps jagoo wala chak 4</t>
  </si>
  <si>
    <t>Muhammad Siddique Rahi</t>
  </si>
  <si>
    <t>21557</t>
  </si>
  <si>
    <t>GMPS LIDHARR MUSLIM</t>
  </si>
  <si>
    <t>LIDDHAR MUSlim</t>
  </si>
  <si>
    <t>VILLAGE LIDDHAR MUSLIM.c om</t>
  </si>
  <si>
    <t>LIDDHAR MUSLIM</t>
  </si>
  <si>
    <t>15382</t>
  </si>
  <si>
    <t>GMES CHAK NO. 439/6-R</t>
  </si>
  <si>
    <t>439/6-R</t>
  </si>
  <si>
    <t>chak No 439/6-R</t>
  </si>
  <si>
    <t>Javeria Nawaz</t>
  </si>
  <si>
    <t>GMPS KOTLI MARLAN</t>
  </si>
  <si>
    <t>KOTLI MARLAN</t>
  </si>
  <si>
    <t>Shabana Asghar</t>
  </si>
  <si>
    <t>15387</t>
  </si>
  <si>
    <t>Nabila Saddique</t>
  </si>
  <si>
    <t>GGPS KHAN WALA NO. 2</t>
  </si>
  <si>
    <t>chit sarkani road basti Rafiqabad</t>
  </si>
  <si>
    <t>Basti Rafiqabad</t>
  </si>
  <si>
    <t>Asia Khawar</t>
  </si>
  <si>
    <t>42786</t>
  </si>
  <si>
    <t>GGES CHAK DOLAT</t>
  </si>
  <si>
    <t>Village Chak Doulat P.O Sukho Tehsil Gujar Khan</t>
  </si>
  <si>
    <t>Sadia Afsar</t>
  </si>
  <si>
    <t>40655</t>
  </si>
  <si>
    <t>GMPS CHAK NO. 169/M (A)</t>
  </si>
  <si>
    <t>169m</t>
  </si>
  <si>
    <t>chak no 169 m a</t>
  </si>
  <si>
    <t>169 M A</t>
  </si>
  <si>
    <t>GGHS KUND SARGANA, SARAI SIDHU</t>
  </si>
  <si>
    <t>moza kund sargana teh. kabirwala dist. khanewal</t>
  </si>
  <si>
    <t>Shamyla Eric Warris</t>
  </si>
  <si>
    <t>32308</t>
  </si>
  <si>
    <t>GES 279 GB</t>
  </si>
  <si>
    <t>Jassuana</t>
  </si>
  <si>
    <t>Chak no 279 gb</t>
  </si>
  <si>
    <t>Wahgah</t>
  </si>
  <si>
    <t>Rurala</t>
  </si>
  <si>
    <t>15398</t>
  </si>
  <si>
    <t>50173</t>
  </si>
  <si>
    <t>GES  44/12-L</t>
  </si>
  <si>
    <t>chak no 44/12.l</t>
  </si>
  <si>
    <t>Chak 44/12l</t>
  </si>
  <si>
    <t>44/12l</t>
  </si>
  <si>
    <t>15413</t>
  </si>
  <si>
    <t>52718</t>
  </si>
  <si>
    <t>GGPS SALHO NOREKA</t>
  </si>
  <si>
    <t>Salho Nore Ka</t>
  </si>
  <si>
    <t>SALHO NOREKA</t>
  </si>
  <si>
    <t>BHONE MUNZABTA</t>
  </si>
  <si>
    <t>GGHS KORAKEY</t>
  </si>
  <si>
    <t>Korakey</t>
  </si>
  <si>
    <t>po box korakey tehsil daska district salkot</t>
  </si>
  <si>
    <t>iqra tariq</t>
  </si>
  <si>
    <t>28621</t>
  </si>
  <si>
    <t>GGHS MIR KOT</t>
  </si>
  <si>
    <t>Mirkot</t>
  </si>
  <si>
    <t>gghs mirkot</t>
  </si>
  <si>
    <t>Chunian Hittar</t>
  </si>
  <si>
    <t>FARRUKH SHAHEEN</t>
  </si>
  <si>
    <t>42558</t>
  </si>
  <si>
    <t>GMPS TOPIAN</t>
  </si>
  <si>
    <t>Bardiana</t>
  </si>
  <si>
    <t>village mohra Topian post office Thakra mohra tehsil gujar khan  district Rawalpindi</t>
  </si>
  <si>
    <t>Mohra Topian</t>
  </si>
  <si>
    <t>Tehmina Ishaq</t>
  </si>
  <si>
    <t>GPS CHAK NO 100-A TDA</t>
  </si>
  <si>
    <t>khokhar isra thal</t>
  </si>
  <si>
    <t>chak no.100a/tda p/o rajan shah teh karor dist layyah</t>
  </si>
  <si>
    <t>chak 100a /tda</t>
  </si>
  <si>
    <t>rajan shah</t>
  </si>
  <si>
    <t>Abbas Raza</t>
  </si>
  <si>
    <t>20472</t>
  </si>
  <si>
    <t>43119</t>
  </si>
  <si>
    <t>GHS MOHRA KORE CHASHAM</t>
  </si>
  <si>
    <t>Mohra Kor Chaham</t>
  </si>
  <si>
    <t>GHS Mohra Kore Chasham</t>
  </si>
  <si>
    <t>Mohra Kore Chasham</t>
  </si>
  <si>
    <t>Muhammad Munib Saleem</t>
  </si>
  <si>
    <t>50121</t>
  </si>
  <si>
    <t>GHS 163/9-L</t>
  </si>
  <si>
    <t>Chak 163/9L</t>
  </si>
  <si>
    <t>chak 163/9L tehsil Chichawatni district sahiwal</t>
  </si>
  <si>
    <t>Chak 162/8L</t>
  </si>
  <si>
    <t>Nazir Ahmed</t>
  </si>
  <si>
    <t>51625</t>
  </si>
  <si>
    <t>10367</t>
  </si>
  <si>
    <t>GES CHAK NO. 80 TDA</t>
  </si>
  <si>
    <t>chak no 80 tda karor</t>
  </si>
  <si>
    <t>Chak No 80 TDA</t>
  </si>
  <si>
    <t>Haji Imdad Hussain</t>
  </si>
  <si>
    <t>52098</t>
  </si>
  <si>
    <t>GMPS CHAK NO 38 KB</t>
  </si>
  <si>
    <t>38kb</t>
  </si>
  <si>
    <t>38kb arifwala</t>
  </si>
  <si>
    <t>Chak No 38kb</t>
  </si>
  <si>
    <t>Moeen Koat</t>
  </si>
  <si>
    <t>Faiz Ahmed</t>
  </si>
  <si>
    <t>GGES 427/6-R</t>
  </si>
  <si>
    <t>427/6r</t>
  </si>
  <si>
    <t>chack 427/6.r P/O 108/6.r Teh Haroonabad Distt Bwn</t>
  </si>
  <si>
    <t>427/6/r</t>
  </si>
  <si>
    <t>109/6r</t>
  </si>
  <si>
    <t>Aneela  Javeed</t>
  </si>
  <si>
    <t>15464</t>
  </si>
  <si>
    <t>21701</t>
  </si>
  <si>
    <t>GPS KOT AHMAD SHAH</t>
  </si>
  <si>
    <t>KOT AHMADSHAH</t>
  </si>
  <si>
    <t>VILLAGE KOT AHMAD SHAH  TEHSIL KAMOKE</t>
  </si>
  <si>
    <t>KOT AHMAD SHAH</t>
  </si>
  <si>
    <t>Azmat Qadeer</t>
  </si>
  <si>
    <t>GES BASTI LAKHA, MOUZA MARI SAHU, KABIRWALA</t>
  </si>
  <si>
    <t>BASTI LAKHA, MOUZA MARI SAHU, KABIRWALA</t>
  </si>
  <si>
    <t>BASTI LAKHA</t>
  </si>
  <si>
    <t>MIAN MUJAHID HUSSAIN</t>
  </si>
  <si>
    <t>5894</t>
  </si>
  <si>
    <t>50754</t>
  </si>
  <si>
    <t>43838</t>
  </si>
  <si>
    <t>GES WAHI KING RANI</t>
  </si>
  <si>
    <t>Wahi King Rani</t>
  </si>
  <si>
    <t>Wahi King Rani po wadoor DG, khan</t>
  </si>
  <si>
    <t>Chack Nau Abad</t>
  </si>
  <si>
    <t>GHS CHAK NO. 109/F</t>
  </si>
  <si>
    <t>Azafi109/f</t>
  </si>
  <si>
    <t>chak 109/f chishtian</t>
  </si>
  <si>
    <t>Chak 109/f</t>
  </si>
  <si>
    <t>Chak 35/F</t>
  </si>
  <si>
    <t>52581</t>
  </si>
  <si>
    <t>GPS CHAK NO.47-D</t>
  </si>
  <si>
    <t>47-D</t>
  </si>
  <si>
    <t>GPS 47 -D</t>
  </si>
  <si>
    <t>SHRAFAT ALI SAJID</t>
  </si>
  <si>
    <t>21469</t>
  </si>
  <si>
    <t>GES HARPOKE</t>
  </si>
  <si>
    <t>Harpoke</t>
  </si>
  <si>
    <t>village harpoke po same tehsil kamoke district gujranwala</t>
  </si>
  <si>
    <t>17268</t>
  </si>
  <si>
    <t>GPS CHAK NO 171 JB DARBAR KARAM HUSSAIN</t>
  </si>
  <si>
    <t>Chack No 171</t>
  </si>
  <si>
    <t>Chack no 171 Darbar Karam Hussain</t>
  </si>
  <si>
    <t>Chack No 175</t>
  </si>
  <si>
    <t>Ghulam Qamber</t>
  </si>
  <si>
    <t>28941</t>
  </si>
  <si>
    <t>GGPS UMAR KOT</t>
  </si>
  <si>
    <t>Umerkot</t>
  </si>
  <si>
    <t>UmerKot</t>
  </si>
  <si>
    <t>39460</t>
  </si>
  <si>
    <t>36430</t>
  </si>
  <si>
    <t>GGPS RUKAN WALA</t>
  </si>
  <si>
    <t>basti jharakkal rukanwala</t>
  </si>
  <si>
    <t>Jharakkal</t>
  </si>
  <si>
    <t>Jasso Kawein</t>
  </si>
  <si>
    <t>41595</t>
  </si>
  <si>
    <t>16004</t>
  </si>
  <si>
    <t>22163</t>
  </si>
  <si>
    <t>GGHS THATTA MUSA</t>
  </si>
  <si>
    <t>thathamusa</t>
  </si>
  <si>
    <t>v.p.o thathamusa tehsil/distt.gujrat</t>
  </si>
  <si>
    <t>roubina kousar</t>
  </si>
  <si>
    <t>24006</t>
  </si>
  <si>
    <t>GMPS SHATAB GARH</t>
  </si>
  <si>
    <t>shatab Garh</t>
  </si>
  <si>
    <t>Bhagat  Pur</t>
  </si>
  <si>
    <t>28712</t>
  </si>
  <si>
    <t>GPS ATTARI KARAM SINGH</t>
  </si>
  <si>
    <t>Atari Karam Singh</t>
  </si>
  <si>
    <t>attari karam singh</t>
  </si>
  <si>
    <t>Attari Karam Singh</t>
  </si>
  <si>
    <t>Mullapur</t>
  </si>
  <si>
    <t>Shahadat Ali</t>
  </si>
  <si>
    <t>8042</t>
  </si>
  <si>
    <t>17618</t>
  </si>
  <si>
    <t>GGPS CHAK NO 447 JB MARATH</t>
  </si>
  <si>
    <t>GGPS Chak No 447JB Marath</t>
  </si>
  <si>
    <t>Munawar Shaheen</t>
  </si>
  <si>
    <t>GPS RANGAN WALA</t>
  </si>
  <si>
    <t>Ranganwala</t>
  </si>
  <si>
    <t>village ranganwala</t>
  </si>
  <si>
    <t>EHSAN ULLAH</t>
  </si>
  <si>
    <t>10289</t>
  </si>
  <si>
    <t>GGPS CHAK NO 296 TDA</t>
  </si>
  <si>
    <t>Athri Form</t>
  </si>
  <si>
    <t>GGPS Chak No. 296/TDA, Tehsil Karor District Layyah</t>
  </si>
  <si>
    <t>Chak No. 296/TDA</t>
  </si>
  <si>
    <t>Isba Nawaz</t>
  </si>
  <si>
    <t>17131</t>
  </si>
  <si>
    <t>GPS QADIMI</t>
  </si>
  <si>
    <t>Qademi</t>
  </si>
  <si>
    <t>mouza qademi p /o Malhoana tehsil and district jhang</t>
  </si>
  <si>
    <t>Waqas Muhayyu Din</t>
  </si>
  <si>
    <t>GGPS JAN MUHAMMAD KHALRY</t>
  </si>
  <si>
    <t>government girls primary school jan muhammad khlri chah chate wala</t>
  </si>
  <si>
    <t>Chah Chate Wala</t>
  </si>
  <si>
    <t>naveeda ghani</t>
  </si>
  <si>
    <t>52316</t>
  </si>
  <si>
    <t>GGES ADDA SAHLOWAL</t>
  </si>
  <si>
    <t>Adda Sahlowal</t>
  </si>
  <si>
    <t>Adda sahlowal</t>
  </si>
  <si>
    <t>sham Deen</t>
  </si>
  <si>
    <t>Sughra Begum</t>
  </si>
  <si>
    <t>43964</t>
  </si>
  <si>
    <t>GGPS BASTI DHON</t>
  </si>
  <si>
    <t>GGPS Basti Dhone</t>
  </si>
  <si>
    <t>Basti Dhone</t>
  </si>
  <si>
    <t>Rashida Kousar</t>
  </si>
  <si>
    <t>28216</t>
  </si>
  <si>
    <t>GPS RASEED MUHAMMAD SHAH</t>
  </si>
  <si>
    <t>Raseed Muhammad Shah muhammad shah</t>
  </si>
  <si>
    <t>Bastisti Raseed Muhammad Shah Teh. Karor Layyah</t>
  </si>
  <si>
    <t>Raseed Muhammad Shah</t>
  </si>
  <si>
    <t>8085</t>
  </si>
  <si>
    <t>GPS THALI PUL</t>
  </si>
  <si>
    <t>Government. primary school Tahli pul markaz Rakhi Munh</t>
  </si>
  <si>
    <t>Basti Tahli Pul</t>
  </si>
  <si>
    <t>22139</t>
  </si>
  <si>
    <t>GHS GANDRA KALAN</t>
  </si>
  <si>
    <t>Gandra Kalan p/o Daulat Nagar Gujrat</t>
  </si>
  <si>
    <t>Gandra kalan</t>
  </si>
  <si>
    <t>Muhammad Aqdas Mahmood Batth</t>
  </si>
  <si>
    <t>23717</t>
  </si>
  <si>
    <t>GPS BHATAY WAD</t>
  </si>
  <si>
    <t>Bhitay Wdh</t>
  </si>
  <si>
    <t>bhatay wadh post office salhokey daska sialkot</t>
  </si>
  <si>
    <t>Salhokey</t>
  </si>
  <si>
    <t>Mohammad Ilyas</t>
  </si>
  <si>
    <t>GGHS 115/12-L</t>
  </si>
  <si>
    <t>Chak No 115/12-L</t>
  </si>
  <si>
    <t>Chak No.115/12-L, Teh. Cci, Disst. Sahiwal</t>
  </si>
  <si>
    <t>Chak No118/12-L</t>
  </si>
  <si>
    <t>28824</t>
  </si>
  <si>
    <t>GPS GARAY WALA</t>
  </si>
  <si>
    <t>Garay Wala P/O Usman Wala</t>
  </si>
  <si>
    <t>Kashif Manzoor</t>
  </si>
  <si>
    <t>35044</t>
  </si>
  <si>
    <t>GHS CHAK NO.495/EB</t>
  </si>
  <si>
    <t>495/e.b</t>
  </si>
  <si>
    <t>chak 495/e.b</t>
  </si>
  <si>
    <t>Chak 495/E.B</t>
  </si>
  <si>
    <t>RAO MUHAMMAD ANWAR</t>
  </si>
  <si>
    <t>GGHS CHAK NO. 40/F</t>
  </si>
  <si>
    <t>Govt Girls High School 40/F Tehsil Chishtian</t>
  </si>
  <si>
    <t>GPS CHAK NO.34/3-R NO.2</t>
  </si>
  <si>
    <t>GPS 34/3r (A)</t>
  </si>
  <si>
    <t>17307</t>
  </si>
  <si>
    <t>GPS THATHI KHERA</t>
  </si>
  <si>
    <t>thatti khaira</t>
  </si>
  <si>
    <t>Thatti khaira</t>
  </si>
  <si>
    <t>30068</t>
  </si>
  <si>
    <t>GGPS KOT DHALWAN WALA</t>
  </si>
  <si>
    <t>Dhilmanwala</t>
  </si>
  <si>
    <t>kot dhilmanwala p/o &amp; tehsil kot radha kishen distt kasur</t>
  </si>
  <si>
    <t>Hellarkey Pemar</t>
  </si>
  <si>
    <t>18808</t>
  </si>
  <si>
    <t>GPS KOT KANA</t>
  </si>
  <si>
    <t>Kot kana</t>
  </si>
  <si>
    <t>kot kana Gujrat</t>
  </si>
  <si>
    <t>Saira Nazar</t>
  </si>
  <si>
    <t>29207</t>
  </si>
  <si>
    <t>GPS HAVELI SUFAID KHAN</t>
  </si>
  <si>
    <t>haveli sufaid khan</t>
  </si>
  <si>
    <t>Haveli Sufaid Khan</t>
  </si>
  <si>
    <t>Shafqat Shafaat Khan</t>
  </si>
  <si>
    <t>GES NO. 3 JAUHARABAD</t>
  </si>
  <si>
    <t>JAUHARABAD SADAR (MALE)</t>
  </si>
  <si>
    <t>labour colony jauharabad</t>
  </si>
  <si>
    <t>Labour Colony Jauharabad</t>
  </si>
  <si>
    <t>Jauharabad I</t>
  </si>
  <si>
    <t>GPS RAJIYA</t>
  </si>
  <si>
    <t>ban rajia p/o karore, tehsil kotli sattian, Rawalpindi</t>
  </si>
  <si>
    <t>Ban Rajia</t>
  </si>
  <si>
    <t>local pipe line</t>
  </si>
  <si>
    <t>GPS CHAK NO.587 TDA</t>
  </si>
  <si>
    <t>Sadiq Abbad</t>
  </si>
  <si>
    <t>chak no 587/tda</t>
  </si>
  <si>
    <t>Chak 587/TDA</t>
  </si>
  <si>
    <t>Ghazanfar Abbas</t>
  </si>
  <si>
    <t>18816</t>
  </si>
  <si>
    <t>22933</t>
  </si>
  <si>
    <t>GES SADWAL KALAN</t>
  </si>
  <si>
    <t>Sadwal Kalan</t>
  </si>
  <si>
    <t>V.p.o Sadwal Kalan Tehsil kharian Dist Gujrat</t>
  </si>
  <si>
    <t>Kakrali</t>
  </si>
  <si>
    <t>Tanveer Anwar</t>
  </si>
  <si>
    <t>GGES CHAH CHAROYAN WALA KEHROR PACCA</t>
  </si>
  <si>
    <t>Faiza Ahmad</t>
  </si>
  <si>
    <t>GPS BUGRI PO. KASUR</t>
  </si>
  <si>
    <t>Bugri</t>
  </si>
  <si>
    <t>Gps Bugri tashil&amp; Dist Kasur</t>
  </si>
  <si>
    <t>32938</t>
  </si>
  <si>
    <t>4652</t>
  </si>
  <si>
    <t>39316</t>
  </si>
  <si>
    <t>GPS NEAMAT ALI SHAH</t>
  </si>
  <si>
    <t>dera mian anwar</t>
  </si>
  <si>
    <t>Dera Mian Anwar</t>
  </si>
  <si>
    <t>Nazir Hussain</t>
  </si>
  <si>
    <t>GHS ANWALI</t>
  </si>
  <si>
    <t>Vill and Post Office Anwali Tehsil Kotli Sattian Rawalpindi</t>
  </si>
  <si>
    <t>Santh Anwali</t>
  </si>
  <si>
    <t>18826</t>
  </si>
  <si>
    <t>GPS CHAK NO 62 MB</t>
  </si>
  <si>
    <t>Chak 62 Mb</t>
  </si>
  <si>
    <t>chak 62 mb</t>
  </si>
  <si>
    <t>63 MB</t>
  </si>
  <si>
    <t>16964</t>
  </si>
  <si>
    <t>18828</t>
  </si>
  <si>
    <t>GGPS BASTI SEKER P/O KEHROR PACCA</t>
  </si>
  <si>
    <t>Basti Seekar</t>
  </si>
  <si>
    <t>basti seeker kehror pakka</t>
  </si>
  <si>
    <t>Tibbi Waddan</t>
  </si>
  <si>
    <t>Zoobia Almas</t>
  </si>
  <si>
    <t>22218</t>
  </si>
  <si>
    <t>GGHS Mehmood Gujrat</t>
  </si>
  <si>
    <t>SHARIFAN BIBI</t>
  </si>
  <si>
    <t>29425</t>
  </si>
  <si>
    <t>16866</t>
  </si>
  <si>
    <t>GHS KOT ISA SHAH</t>
  </si>
  <si>
    <t>Kot Is a Shah</t>
  </si>
  <si>
    <t>tassawar abbas</t>
  </si>
  <si>
    <t>45748</t>
  </si>
  <si>
    <t>GPS JOYIA WALA CHAK NO. 63 MB</t>
  </si>
  <si>
    <t>63 mB</t>
  </si>
  <si>
    <t>p/s joyia Walla 63mb</t>
  </si>
  <si>
    <t>63MB 17</t>
  </si>
  <si>
    <t>45469</t>
  </si>
  <si>
    <t>GGPS MARALI OTTAR</t>
  </si>
  <si>
    <t>Marali ottar</t>
  </si>
  <si>
    <t>marali Ottar</t>
  </si>
  <si>
    <t>Chena Arla</t>
  </si>
  <si>
    <t>Noreen Ambreen</t>
  </si>
  <si>
    <t>18835</t>
  </si>
  <si>
    <t>GGHS CHAK 624 GB JARANWALA</t>
  </si>
  <si>
    <t>chak no 624 gb</t>
  </si>
  <si>
    <t>chak no 624 gb haripur,jaranwala,faisalabad</t>
  </si>
  <si>
    <t>haripur</t>
  </si>
  <si>
    <t>fakhira niazi</t>
  </si>
  <si>
    <t>18839</t>
  </si>
  <si>
    <t>45756</t>
  </si>
  <si>
    <t>GPS NO. 2 JAUHARABAD</t>
  </si>
  <si>
    <t>block#6 jauharabad</t>
  </si>
  <si>
    <t>CH Iftikhar Ahmad</t>
  </si>
  <si>
    <t>34339</t>
  </si>
  <si>
    <t>GPS BASTI GULABIAN</t>
  </si>
  <si>
    <t>GPS Bastian Gulabian</t>
  </si>
  <si>
    <t>Basti Gulabian</t>
  </si>
  <si>
    <t>Shahid Mehmood Shaheen</t>
  </si>
  <si>
    <t>18846</t>
  </si>
  <si>
    <t>29409</t>
  </si>
  <si>
    <t>GGPS BANGLA COMBOWAN NEAR KAMAL CHISHTI</t>
  </si>
  <si>
    <t>CARE COLONY - FEMALE</t>
  </si>
  <si>
    <t>Bangla Kambowa</t>
  </si>
  <si>
    <t>Bangla kambowa kasur</t>
  </si>
  <si>
    <t>Shakeela Hashmat</t>
  </si>
  <si>
    <t>32080</t>
  </si>
  <si>
    <t>22913</t>
  </si>
  <si>
    <t>GGHS SIDH</t>
  </si>
  <si>
    <t>Sidh</t>
  </si>
  <si>
    <t>Village &amp;p.o sidh tehsil kharian distt gujrat.</t>
  </si>
  <si>
    <t>Burchh</t>
  </si>
  <si>
    <t>rashida begum</t>
  </si>
  <si>
    <t>45881</t>
  </si>
  <si>
    <t>GPS NO. 4 SARFRAZ COLONY JAUHARABAD</t>
  </si>
  <si>
    <t>govt primary school no 4 sarafraz colony</t>
  </si>
  <si>
    <t>Bola</t>
  </si>
  <si>
    <t>Basharat Saeed</t>
  </si>
  <si>
    <t>GGPS SHAH INAYAT</t>
  </si>
  <si>
    <t>Shah Inayat</t>
  </si>
  <si>
    <t>shah inayat ratti pindi</t>
  </si>
  <si>
    <t>Haller Key Pemar</t>
  </si>
  <si>
    <t>GPS 44/D, NEAR RAILWAY CROSSING, KHANEWAL</t>
  </si>
  <si>
    <t>GPS 44/D railway quarters near railway crossing khanewal</t>
  </si>
  <si>
    <t>City Railway Quarter</t>
  </si>
  <si>
    <t>Mondi lar</t>
  </si>
  <si>
    <t>Basti Baghwala p/o Mari Allah bachaya.teh.khanpur</t>
  </si>
  <si>
    <t>MariAllah bachaya</t>
  </si>
  <si>
    <t>GES MOARI</t>
  </si>
  <si>
    <t>Araryi</t>
  </si>
  <si>
    <t>moari tehsil kotlisattian district Rawalpindi</t>
  </si>
  <si>
    <t>Moafi</t>
  </si>
  <si>
    <t>Arshad Mehmood Abbasi</t>
  </si>
  <si>
    <t>25332</t>
  </si>
  <si>
    <t>GES RAILWAY STATION LODHRAN</t>
  </si>
  <si>
    <t>Sandhi Wala</t>
  </si>
  <si>
    <t>railway station ward no 25 lodhran</t>
  </si>
  <si>
    <t>Lohran City</t>
  </si>
  <si>
    <t>Ward No 25</t>
  </si>
  <si>
    <t>rana muhammad waseem</t>
  </si>
  <si>
    <t>9504</t>
  </si>
  <si>
    <t>32805</t>
  </si>
  <si>
    <t>GPS DHANDO</t>
  </si>
  <si>
    <t>DHANDOO</t>
  </si>
  <si>
    <t>basti bolaki</t>
  </si>
  <si>
    <t>Bolaki Wali</t>
  </si>
  <si>
    <t>Islam Din</t>
  </si>
  <si>
    <t>37159</t>
  </si>
  <si>
    <t>GPS TUKRA VENOI, KACHA KHUH</t>
  </si>
  <si>
    <t>Tukra Venoi</t>
  </si>
  <si>
    <t>tukra venoi kwl</t>
  </si>
  <si>
    <t>14/9r</t>
  </si>
  <si>
    <t>Muhammad Amanullah</t>
  </si>
  <si>
    <t>18877</t>
  </si>
  <si>
    <t>20174</t>
  </si>
  <si>
    <t>GPS BULHAY WALA</t>
  </si>
  <si>
    <t>AEO (M) LALIAN NO.36</t>
  </si>
  <si>
    <t>Bulley wala</t>
  </si>
  <si>
    <t>Bulley wala tehsil lalian District Chiniot</t>
  </si>
  <si>
    <t>Kot Amir</t>
  </si>
  <si>
    <t>Noor Akbar</t>
  </si>
  <si>
    <t>18881</t>
  </si>
  <si>
    <t>30454</t>
  </si>
  <si>
    <t>24329</t>
  </si>
  <si>
    <t>GPS BHANGALI</t>
  </si>
  <si>
    <t>village Bhangali Barki road Lahore Cantt</t>
  </si>
  <si>
    <t>GPS AMEER SHAH WALA</t>
  </si>
  <si>
    <t>basti ameer shah moza deen pur</t>
  </si>
  <si>
    <t>Basti Ameer Shah</t>
  </si>
  <si>
    <t>6926</t>
  </si>
  <si>
    <t>52850</t>
  </si>
  <si>
    <t>GGPS NAHRAN WALA</t>
  </si>
  <si>
    <t>nehran wala</t>
  </si>
  <si>
    <t>nrhranwala depalpur</t>
  </si>
  <si>
    <t>nehranwala</t>
  </si>
  <si>
    <t>shah yaka</t>
  </si>
  <si>
    <t>50092</t>
  </si>
  <si>
    <t>GHSS OKANWALA</t>
  </si>
  <si>
    <t>ghss okanwala</t>
  </si>
  <si>
    <t>51223</t>
  </si>
  <si>
    <t>17276</t>
  </si>
  <si>
    <t>GGPS CHAH TOTAN WALA</t>
  </si>
  <si>
    <t>marhanwali</t>
  </si>
  <si>
    <t>G GPS Chah Tootan Basti Umar</t>
  </si>
  <si>
    <t>Basti Umar</t>
  </si>
  <si>
    <t>Bushra sattar</t>
  </si>
  <si>
    <t>GGHS CHAK NO 100 GB</t>
  </si>
  <si>
    <t>GGHS 100GB Jaranwala</t>
  </si>
  <si>
    <t>Chak#100GB</t>
  </si>
  <si>
    <t>Chak#101GB</t>
  </si>
  <si>
    <t>NOOR-UL-QAMAR</t>
  </si>
  <si>
    <t>GPS MAHABLI SULTAN</t>
  </si>
  <si>
    <t>Mahaballi Sultan</t>
  </si>
  <si>
    <t>GPS Mahaballi Sultan</t>
  </si>
  <si>
    <t>Muhammad Faisal Anwaar</t>
  </si>
  <si>
    <t>17288</t>
  </si>
  <si>
    <t>GES KALARA KALAN</t>
  </si>
  <si>
    <t>Govt. E/S Kalra kalan gujrat</t>
  </si>
  <si>
    <t>GGES CHAK NO.99 TDA (BHADIAN WALA)</t>
  </si>
  <si>
    <t>Chak no 99/tda bhadanwala</t>
  </si>
  <si>
    <t>Aalia batool</t>
  </si>
  <si>
    <t>22833</t>
  </si>
  <si>
    <t>GES QAZI CHAK</t>
  </si>
  <si>
    <t>chak qazi</t>
  </si>
  <si>
    <t>chak qazi village</t>
  </si>
  <si>
    <t>Muhammad Iqbal Bhutta</t>
  </si>
  <si>
    <t>19655</t>
  </si>
  <si>
    <t>GPS SAROKI</t>
  </si>
  <si>
    <t>village and p/o saroki</t>
  </si>
  <si>
    <t>48306</t>
  </si>
  <si>
    <t>17310</t>
  </si>
  <si>
    <t>GGPS FAIZ KHAN GASHKORI</t>
  </si>
  <si>
    <t>RAJAN SHAH FEMALE</t>
  </si>
  <si>
    <t>sahu wala kacha</t>
  </si>
  <si>
    <t>sahu wala basti qazi</t>
  </si>
  <si>
    <t>Shareen Akhter</t>
  </si>
  <si>
    <t>GHS CHAK NO. 97 GB FSD</t>
  </si>
  <si>
    <t>Chak No 97 GB</t>
  </si>
  <si>
    <t>CHAK NO. 97 GB</t>
  </si>
  <si>
    <t>MUHAMMAD KASHIF RAZAQ</t>
  </si>
  <si>
    <t>22337</t>
  </si>
  <si>
    <t>GPS ABADI BODHRAG</t>
  </si>
  <si>
    <t>Jalal pur Jattan</t>
  </si>
  <si>
    <t>g p s bodhraj  Jalal pur jattan</t>
  </si>
  <si>
    <t>10393</t>
  </si>
  <si>
    <t>GPS CHAK NO. 87/ML</t>
  </si>
  <si>
    <t>chak no.87ML Tehsil karor distt Layyah</t>
  </si>
  <si>
    <t>87ML</t>
  </si>
  <si>
    <t>Shahid Mustafa</t>
  </si>
  <si>
    <t>GPS 147/9-L</t>
  </si>
  <si>
    <t>chak 147/9l</t>
  </si>
  <si>
    <t>chak no 147/9l</t>
  </si>
  <si>
    <t>147/9l</t>
  </si>
  <si>
    <t>Muhammad yasin</t>
  </si>
  <si>
    <t>5526</t>
  </si>
  <si>
    <t>12226</t>
  </si>
  <si>
    <t>52513</t>
  </si>
  <si>
    <t>GPS NASIR KAY</t>
  </si>
  <si>
    <t>Dhool Rukna</t>
  </si>
  <si>
    <t>chak Nasir Key .Teh#depalpur,Distt#Okara</t>
  </si>
  <si>
    <t>Nasir Key</t>
  </si>
  <si>
    <t>GES BHOJ PUR</t>
  </si>
  <si>
    <t>bhojpur</t>
  </si>
  <si>
    <t>vill bhoj pur p.o karriyanwala teh and distt Gujrat</t>
  </si>
  <si>
    <t>22270</t>
  </si>
  <si>
    <t>GGES JAMAL PUR SYEDAN</t>
  </si>
  <si>
    <t>Jamal Pur Syedan</t>
  </si>
  <si>
    <t>GGES Jamal pur Syedan Teh Dist Gujrat</t>
  </si>
  <si>
    <t>Moin Ud Din Pur</t>
  </si>
  <si>
    <t>Farhat Shakra</t>
  </si>
  <si>
    <t>10172</t>
  </si>
  <si>
    <t>52253</t>
  </si>
  <si>
    <t>GGHS NO. 2 HAVELI LAKHA RAILWAY ROAD</t>
  </si>
  <si>
    <t>haveli lakha</t>
  </si>
  <si>
    <t>govt.girls high school no.2 railway road haveli lakha tehsil depalpur (okara)</t>
  </si>
  <si>
    <t>mohalla jandi haveli lakha</t>
  </si>
  <si>
    <t>ZAHIDA FATIMA</t>
  </si>
  <si>
    <t>22223</t>
  </si>
  <si>
    <t>GGHS CHOPALA</t>
  </si>
  <si>
    <t>Village and P/O Chopala Teh. and Distt. Gujrat</t>
  </si>
  <si>
    <t>Faiza Yousaf</t>
  </si>
  <si>
    <t>GES PIR BEHLOL</t>
  </si>
  <si>
    <t>pir behlol</t>
  </si>
  <si>
    <t>Umer Hayyat</t>
  </si>
  <si>
    <t>17365</t>
  </si>
  <si>
    <t>50416</t>
  </si>
  <si>
    <t>GPS DOD WALA NO. 1</t>
  </si>
  <si>
    <t>DODWALA</t>
  </si>
  <si>
    <t>Basti Dodwala Chak no 38/14-L Kassowal Tehsil Chichawatni</t>
  </si>
  <si>
    <t>38/14-L Dodwala</t>
  </si>
  <si>
    <t>39/14-L</t>
  </si>
  <si>
    <t>MEHNAZ GULL</t>
  </si>
  <si>
    <t>22556</t>
  </si>
  <si>
    <t>GMPS UFTALIAN</t>
  </si>
  <si>
    <t>Uftalian</t>
  </si>
  <si>
    <t>Govt Model primary school uftalian P/o karianwala</t>
  </si>
  <si>
    <t>Rizwana latif</t>
  </si>
  <si>
    <t>21151</t>
  </si>
  <si>
    <t>53224</t>
  </si>
  <si>
    <t>52470</t>
  </si>
  <si>
    <t>GPS MUHAMMAD PUR MUGHLAN</t>
  </si>
  <si>
    <t>Muhammad Pur  Mughlan</t>
  </si>
  <si>
    <t>Muhammad pur mughla</t>
  </si>
  <si>
    <t>Muhammad Pur Mughlan</t>
  </si>
  <si>
    <t>Sajida Ramzan</t>
  </si>
  <si>
    <t>GGCMS 100/TDA ABBAS NAGAR</t>
  </si>
  <si>
    <t>khokhar isra</t>
  </si>
  <si>
    <t>Chak no. 100 tda tehsil karor district layyah</t>
  </si>
  <si>
    <t>Abbas nagar</t>
  </si>
  <si>
    <t>Ali rajan</t>
  </si>
  <si>
    <t>mumtaz saeed</t>
  </si>
  <si>
    <t>16786</t>
  </si>
  <si>
    <t>21674</t>
  </si>
  <si>
    <t>GGPS KOTLI BAGGHA</t>
  </si>
  <si>
    <t>Kotli Baggha</t>
  </si>
  <si>
    <t>Kotli baggha,P/O Mandiala tega,Tehsil kamoki,Dis Gujranwala</t>
  </si>
  <si>
    <t>GPS BASTI MEHTRAN</t>
  </si>
  <si>
    <t>basti mehtran near rind adda dg khan</t>
  </si>
  <si>
    <t>Basti Mahtran</t>
  </si>
  <si>
    <t>Muhammad Muavya</t>
  </si>
  <si>
    <t>GPS KHANAN WALA</t>
  </si>
  <si>
    <t>bastion peer wala paigah</t>
  </si>
  <si>
    <t>52628</t>
  </si>
  <si>
    <t>GPS NAI ABADI MANCHRIAN</t>
  </si>
  <si>
    <t>Nai Abadi Mancharian</t>
  </si>
  <si>
    <t>Nai Abadi Mancharian Depalpur okara</t>
  </si>
  <si>
    <t>Haider Sher</t>
  </si>
  <si>
    <t>21882</t>
  </si>
  <si>
    <t>17308</t>
  </si>
  <si>
    <t>GPS DARBAR FATEH SHAH</t>
  </si>
  <si>
    <t>Qadirpur Bakhsha Pacca</t>
  </si>
  <si>
    <t>Qadirpur Bakhsha Pacca tehsil &amp; District Jhang</t>
  </si>
  <si>
    <t>GHS AZEEM ABAD BUREWALA</t>
  </si>
  <si>
    <t>azeemabad Burewala</t>
  </si>
  <si>
    <t>GOVT. HIGH SCHOOL AZEEMABAD BUREWALA DISTT. VEHARI</t>
  </si>
  <si>
    <t>SATTELITE TOWN BUREWALA</t>
  </si>
  <si>
    <t>RO Water Treatment Plant</t>
  </si>
  <si>
    <t>16813</t>
  </si>
  <si>
    <t>22133</t>
  </si>
  <si>
    <t>GHS CHAK SADA</t>
  </si>
  <si>
    <t>Village chak sada  post office Sheikhpur</t>
  </si>
  <si>
    <t>Fakeer Hussain</t>
  </si>
  <si>
    <t>17281</t>
  </si>
  <si>
    <t>GPS WAJID ABAD</t>
  </si>
  <si>
    <t>Thata Jhabhana</t>
  </si>
  <si>
    <t>Wajid abad mouza thatta jhabana union council pubbar wala jhang</t>
  </si>
  <si>
    <t>Wajid Abad</t>
  </si>
  <si>
    <t>Muhammad Hanif Nadvi</t>
  </si>
  <si>
    <t>32399</t>
  </si>
  <si>
    <t>GPS CHAK 581 GB II</t>
  </si>
  <si>
    <t>Thatha Waince</t>
  </si>
  <si>
    <t>G.P.S 581 GB</t>
  </si>
  <si>
    <t>581GB</t>
  </si>
  <si>
    <t>44075</t>
  </si>
  <si>
    <t>22368</t>
  </si>
  <si>
    <t>GPS CHAK BUDHA</t>
  </si>
  <si>
    <t>Chak Buhda</t>
  </si>
  <si>
    <t>chakbudha p/o tanda teh/distt gujrat</t>
  </si>
  <si>
    <t>chakbudha</t>
  </si>
  <si>
    <t>12609</t>
  </si>
  <si>
    <t>50105</t>
  </si>
  <si>
    <t>16822</t>
  </si>
  <si>
    <t>GGPS CHAK NO.219-A/TDA</t>
  </si>
  <si>
    <t>Mog Garh</t>
  </si>
  <si>
    <t>chak no 219A/tda</t>
  </si>
  <si>
    <t>Chak No 219A/Tda</t>
  </si>
  <si>
    <t>Chak No 93/ML</t>
  </si>
  <si>
    <t>Fehmeda Khatoon</t>
  </si>
  <si>
    <t>43976</t>
  </si>
  <si>
    <t>29901</t>
  </si>
  <si>
    <t>36565</t>
  </si>
  <si>
    <t>GGHS 5 KASSI, KABIRWALA</t>
  </si>
  <si>
    <t>5-kassi</t>
  </si>
  <si>
    <t>Moza 5-kassi</t>
  </si>
  <si>
    <t>Mrs. riffat sohaib</t>
  </si>
  <si>
    <t>52437</t>
  </si>
  <si>
    <t>GPS SHAMAS KAY</t>
  </si>
  <si>
    <t>Shamas Kay</t>
  </si>
  <si>
    <t>Shamas kay</t>
  </si>
  <si>
    <t>12425</t>
  </si>
  <si>
    <t>16843</t>
  </si>
  <si>
    <t>kalas p/o karianwala</t>
  </si>
  <si>
    <t>GGMPS BASTI BARA</t>
  </si>
  <si>
    <t>Vadoor</t>
  </si>
  <si>
    <t>basti bara/ vadoor</t>
  </si>
  <si>
    <t>Noshaba Nargis</t>
  </si>
  <si>
    <t>50204</t>
  </si>
  <si>
    <t>GGHS MC SHAMAS PURA CHICHAWATNI</t>
  </si>
  <si>
    <t>Shamaspura chichawatni</t>
  </si>
  <si>
    <t>Sumaira Chishti</t>
  </si>
  <si>
    <t>53032</t>
  </si>
  <si>
    <t>GGPS BAHAWAL DAS</t>
  </si>
  <si>
    <t>Bhawal Das</t>
  </si>
  <si>
    <t>havaili road bhawal das</t>
  </si>
  <si>
    <t>Amli Moti</t>
  </si>
  <si>
    <t>GPS DIRAJ</t>
  </si>
  <si>
    <t>Diraj</t>
  </si>
  <si>
    <t>mouza diraj</t>
  </si>
  <si>
    <t>8629</t>
  </si>
  <si>
    <t>GGPS BASTI OGANI</t>
  </si>
  <si>
    <t>basti ugani kot mubarak dgkhan</t>
  </si>
  <si>
    <t>Basti Ugani</t>
  </si>
  <si>
    <t>16856</t>
  </si>
  <si>
    <t>52654</t>
  </si>
  <si>
    <t>GGPS KLAIR KALAN</t>
  </si>
  <si>
    <t>Kalair Klan</t>
  </si>
  <si>
    <t>Klair kalan</t>
  </si>
  <si>
    <t>Klair Kalan</t>
  </si>
  <si>
    <t>Hafiza Sajida Irshad</t>
  </si>
  <si>
    <t>32940</t>
  </si>
  <si>
    <t>GPS HASSAM</t>
  </si>
  <si>
    <t>mouza hassam</t>
  </si>
  <si>
    <t>Maharwali</t>
  </si>
  <si>
    <t>Hafiz Irfan Elahi</t>
  </si>
  <si>
    <t>GGHS PERO SHAH</t>
  </si>
  <si>
    <t>V&amp;P/O Peroshah dist.gujrat</t>
  </si>
  <si>
    <t>GPS 89 GB</t>
  </si>
  <si>
    <t>Chak 89 GB</t>
  </si>
  <si>
    <t>Chak no 89 GB</t>
  </si>
  <si>
    <t>22547</t>
  </si>
  <si>
    <t>GMPS DHENDA KHURD</t>
  </si>
  <si>
    <t>Dheenda Khurd</t>
  </si>
  <si>
    <t>Dheenda khurd post office krianwala thsil district gujrat</t>
  </si>
  <si>
    <t>Ishraat Shaheen</t>
  </si>
  <si>
    <t>GGES CHAJOKE</t>
  </si>
  <si>
    <t>Chajjoke</t>
  </si>
  <si>
    <t>gges chajjoke</t>
  </si>
  <si>
    <t>47805</t>
  </si>
  <si>
    <t>50322</t>
  </si>
  <si>
    <t>GPS 112/7-R</t>
  </si>
  <si>
    <t>112/7r</t>
  </si>
  <si>
    <t>Chak no ll2/7r chichawatni district sahiwal</t>
  </si>
  <si>
    <t>Chak no ll2/7r</t>
  </si>
  <si>
    <t>Rehm  Din</t>
  </si>
  <si>
    <t>28841</t>
  </si>
  <si>
    <t>GES QAIM SHAH WALA</t>
  </si>
  <si>
    <t>Qaim shah Wala</t>
  </si>
  <si>
    <t>Qaim shah wala  Chunian Kasur</t>
  </si>
  <si>
    <t>Hafiz Ghulam Mustafa</t>
  </si>
  <si>
    <t>GMPS CHAK NO. 10/G</t>
  </si>
  <si>
    <t>10 G</t>
  </si>
  <si>
    <t>Gmps 10g</t>
  </si>
  <si>
    <t>3 Fw</t>
  </si>
  <si>
    <t>Sabira Sultana</t>
  </si>
  <si>
    <t>52368</t>
  </si>
  <si>
    <t>GPS KALASSAN PARAMAL</t>
  </si>
  <si>
    <t>kalassan paramal tehsil depalpur district okara</t>
  </si>
  <si>
    <t>Tahir Mehbob</t>
  </si>
  <si>
    <t>32351</t>
  </si>
  <si>
    <t>GMPS CHAK NO 261/3</t>
  </si>
  <si>
    <t>Chak No 261 Kot Hamayoun Jhang</t>
  </si>
  <si>
    <t>Chak No 261 Kot Hamayoun</t>
  </si>
  <si>
    <t>8017</t>
  </si>
  <si>
    <t>GPS MIRAN KHAN</t>
  </si>
  <si>
    <t>Bella</t>
  </si>
  <si>
    <t>Basti miran khan uc bella mouza bella district dera ghazi khan</t>
  </si>
  <si>
    <t>Basti Miran Khan</t>
  </si>
  <si>
    <t>Private arrangement</t>
  </si>
  <si>
    <t>8091</t>
  </si>
  <si>
    <t>GPS PADHRI</t>
  </si>
  <si>
    <t>gps padhri</t>
  </si>
  <si>
    <t>water line</t>
  </si>
  <si>
    <t>GPS RAFI KUNDA</t>
  </si>
  <si>
    <t>Lands Attari</t>
  </si>
  <si>
    <t>kanda attari</t>
  </si>
  <si>
    <t>Kanda</t>
  </si>
  <si>
    <t>GGPS 121/7-ER</t>
  </si>
  <si>
    <t>121/7-ER</t>
  </si>
  <si>
    <t>.chak.no121/7ER  TEH chichawtni district sahiwal</t>
  </si>
  <si>
    <t>121/7ER</t>
  </si>
  <si>
    <t>119/7dr</t>
  </si>
  <si>
    <t>Rabia Iqbal</t>
  </si>
  <si>
    <t>GGES CHAK NO. 27/G CHISHTIAN</t>
  </si>
  <si>
    <t>Chak 27/G</t>
  </si>
  <si>
    <t>chak no 27/G</t>
  </si>
  <si>
    <t>Chak 23/G</t>
  </si>
  <si>
    <t>SADAF ANWAR</t>
  </si>
  <si>
    <t>40778</t>
  </si>
  <si>
    <t>52842</t>
  </si>
  <si>
    <t>GMPS MAOUZA JUJJ</t>
  </si>
  <si>
    <t>moza Jujj</t>
  </si>
  <si>
    <t>barket town Depalpur</t>
  </si>
  <si>
    <t>Moza Jujj</t>
  </si>
  <si>
    <t>GPS CHAK NO. 80 TDA</t>
  </si>
  <si>
    <t>basti peplie jharkl</t>
  </si>
  <si>
    <t>Jharkal Dera Ghulam Hussain</t>
  </si>
  <si>
    <t>Muhammad Imran Javid</t>
  </si>
  <si>
    <t>12170</t>
  </si>
  <si>
    <t>19463</t>
  </si>
  <si>
    <t>GPS BELA</t>
  </si>
  <si>
    <t>Basti jalab moza bela u/c bela p/o wadore DGk</t>
  </si>
  <si>
    <t>Jalab</t>
  </si>
  <si>
    <t>36555</t>
  </si>
  <si>
    <t>GHS 9 GHAGH, ABDUL HAKIM</t>
  </si>
  <si>
    <t>Chak No 9 Ghagh Kabirwala Khanewal</t>
  </si>
  <si>
    <t>Khizar Hayat Shaheen</t>
  </si>
  <si>
    <t>GHS SATIANA JHANG</t>
  </si>
  <si>
    <t>govt. high school satiana jhang</t>
  </si>
  <si>
    <t>MUHAMMAD MANZOOR KHALID</t>
  </si>
  <si>
    <t>27956</t>
  </si>
  <si>
    <t>GHS 113/12-L</t>
  </si>
  <si>
    <t>chak no 113/12-L</t>
  </si>
  <si>
    <t>chak no 113/12L</t>
  </si>
  <si>
    <t>113/12-L</t>
  </si>
  <si>
    <t>chak no 110/12L</t>
  </si>
  <si>
    <t>GGES FATIMA JINNAH KAMOKE</t>
  </si>
  <si>
    <t>Line par mohalla salamat pura kmk</t>
  </si>
  <si>
    <t>Bushra Sadiq</t>
  </si>
  <si>
    <t>22394</t>
  </si>
  <si>
    <t>GPS KURI SHARIF</t>
  </si>
  <si>
    <t>Kuri sharif</t>
  </si>
  <si>
    <t>village Kuri sharif post office surkhpur tehsil and District gujrat</t>
  </si>
  <si>
    <t>41544</t>
  </si>
  <si>
    <t>36656</t>
  </si>
  <si>
    <t>GGES BAQIR PUR NO.1, SARAI SIDHU</t>
  </si>
  <si>
    <t>bhattiyan wala baqirpur</t>
  </si>
  <si>
    <t>49112</t>
  </si>
  <si>
    <t>30494</t>
  </si>
  <si>
    <t>17822</t>
  </si>
  <si>
    <t>GGPS PATAI ALLAN WALI</t>
  </si>
  <si>
    <t>Patai  Allan  Wali</t>
  </si>
  <si>
    <t>moza  patai  Allan  Wali  marking kot ESA  shah teh  and  distt  Jhang</t>
  </si>
  <si>
    <t>Dhoori  Wala</t>
  </si>
  <si>
    <t>15829</t>
  </si>
  <si>
    <t>GPS LOWER PUSHT NO. 1 THULL HASSAN</t>
  </si>
  <si>
    <t>Lorpusht Thulll</t>
  </si>
  <si>
    <t>Lorpusht Thull BMP Post Roonghan  Dera Ghazi Khan</t>
  </si>
  <si>
    <t>Roonghan</t>
  </si>
  <si>
    <t>Nearly hand pump</t>
  </si>
  <si>
    <t>GGPS 42 D KALAN</t>
  </si>
  <si>
    <t>village 42\d kalan tehsil depalpur</t>
  </si>
  <si>
    <t>42d Kalan</t>
  </si>
  <si>
    <t>21539</t>
  </si>
  <si>
    <t>GGPS RAG NATH PURA</t>
  </si>
  <si>
    <t>Ladhy Wala Gorays</t>
  </si>
  <si>
    <t>hari pur, Eminabad , district gujranwala</t>
  </si>
  <si>
    <t>Hari Pur</t>
  </si>
  <si>
    <t>Dhillanwali</t>
  </si>
  <si>
    <t>Musarrat Batool Rizvi</t>
  </si>
  <si>
    <t>30235</t>
  </si>
  <si>
    <t>36807</t>
  </si>
  <si>
    <t>GPS DURATTA, P/O MUMDAL, NAWAN SHEHR</t>
  </si>
  <si>
    <t>mamdal</t>
  </si>
  <si>
    <t>Jamshid Ali</t>
  </si>
  <si>
    <t>22837</t>
  </si>
  <si>
    <t>GES CPC NO. 2 JALALPUR JATTAN</t>
  </si>
  <si>
    <t>mohallah shaukat colony p.o jalal pur jattan tehsil and district gurat</t>
  </si>
  <si>
    <t>Abdul Moeid</t>
  </si>
  <si>
    <t>GPS HABIB PURA DASKA</t>
  </si>
  <si>
    <t>Muhalla Habib pura Daska</t>
  </si>
  <si>
    <t>Zaheer-ud-din</t>
  </si>
  <si>
    <t>15841</t>
  </si>
  <si>
    <t>GHS CHAK NO 170 JB JHANG</t>
  </si>
  <si>
    <t>170/JB</t>
  </si>
  <si>
    <t>Chak No. 170/JB, Jhang</t>
  </si>
  <si>
    <t>Chak No. 169/JB Garwah Jhang</t>
  </si>
  <si>
    <t>Motor With Water Cooler(Filter) and hand Pump</t>
  </si>
  <si>
    <t>31945</t>
  </si>
  <si>
    <t>15845</t>
  </si>
  <si>
    <t>22322</t>
  </si>
  <si>
    <t>GPS SHAHBAZ PUR</t>
  </si>
  <si>
    <t>Village Shahbaz pur PO Jalal pur jattah</t>
  </si>
  <si>
    <t>Ehsan ullah</t>
  </si>
  <si>
    <t>23946</t>
  </si>
  <si>
    <t>GGPS SUKHOKAY GORAYA</t>
  </si>
  <si>
    <t>Sakhokay</t>
  </si>
  <si>
    <t>Sakhokay goraya</t>
  </si>
  <si>
    <t>Sakhokay  Goraya</t>
  </si>
  <si>
    <t>Maria Ashfaq</t>
  </si>
  <si>
    <t>39633</t>
  </si>
  <si>
    <t>GPS BALARA LAKHOKA</t>
  </si>
  <si>
    <t>Chak Belara Lakhoka p/o behli Dilawar Tehsil Arifwala district Pakpattan</t>
  </si>
  <si>
    <t>Balara Lakhoka</t>
  </si>
  <si>
    <t>28629</t>
  </si>
  <si>
    <t>GES CHUNIAN KASUR PATTOKI ROAD</t>
  </si>
  <si>
    <t>Otar</t>
  </si>
  <si>
    <t>muhammad ahmad</t>
  </si>
  <si>
    <t>GHS ROOPWAL</t>
  </si>
  <si>
    <t>vpo roopwal</t>
  </si>
  <si>
    <t>Kotchaudhrian</t>
  </si>
  <si>
    <t>ABDUR RAUF</t>
  </si>
  <si>
    <t>34580</t>
  </si>
  <si>
    <t>52893</t>
  </si>
  <si>
    <t>GGPS 43 D KALAN</t>
  </si>
  <si>
    <t>43 D Kalan</t>
  </si>
  <si>
    <t>g g p s 43 d kalan</t>
  </si>
  <si>
    <t>Dlowal</t>
  </si>
  <si>
    <t>Tanzeela Faqir</t>
  </si>
  <si>
    <t>11184</t>
  </si>
  <si>
    <t>22812</t>
  </si>
  <si>
    <t>GPS BAGOWAL KALAN</t>
  </si>
  <si>
    <t>village and post office bhagowal kalan tehsil and District gujrat</t>
  </si>
  <si>
    <t>Mohsin Shahzad</t>
  </si>
  <si>
    <t>23559</t>
  </si>
  <si>
    <t>27580</t>
  </si>
  <si>
    <t>23923</t>
  </si>
  <si>
    <t>GGPS KOTLI CHUMB WALI</t>
  </si>
  <si>
    <t>Kotli Chumb wali</t>
  </si>
  <si>
    <t>kotli chamb wali p.o.kalah Kalan,tehsil.daska district. sialkot</t>
  </si>
  <si>
    <t>Kotli Chamb Wali</t>
  </si>
  <si>
    <t>Mondaki Goraya</t>
  </si>
  <si>
    <t>Shazia Imtiaz</t>
  </si>
  <si>
    <t>14551</t>
  </si>
  <si>
    <t>GES MC MADINA TOWN FSD</t>
  </si>
  <si>
    <t>st 4 y_ block madina town fsd</t>
  </si>
  <si>
    <t>Y Block Madina Town</t>
  </si>
  <si>
    <t>Kamran Hafeez</t>
  </si>
  <si>
    <t>GGPS 117/7-DR DARA FARID</t>
  </si>
  <si>
    <t>117/7-dr Dera Farid</t>
  </si>
  <si>
    <t>ggps 117/7-dr(dera farid)</t>
  </si>
  <si>
    <t>Tanzeela Tariq</t>
  </si>
  <si>
    <t>51995</t>
  </si>
  <si>
    <t>GPS 355 EB P.O 351 EB</t>
  </si>
  <si>
    <t>355EB</t>
  </si>
  <si>
    <t>355/EB</t>
  </si>
  <si>
    <t>351EB</t>
  </si>
  <si>
    <t>33385</t>
  </si>
  <si>
    <t>52730</t>
  </si>
  <si>
    <t>GGPS SIDDIQUE NAGAR SHAIR GARRH</t>
  </si>
  <si>
    <t>farooq nagar shergarh</t>
  </si>
  <si>
    <t>18340</t>
  </si>
  <si>
    <t>22591</t>
  </si>
  <si>
    <t>GMPS NAJAN</t>
  </si>
  <si>
    <t>Najan</t>
  </si>
  <si>
    <t>GMPS najan</t>
  </si>
  <si>
    <t>31741</t>
  </si>
  <si>
    <t>GPS AHEER BELA, P/O THULL NAJEEB NAWAN SHEHR</t>
  </si>
  <si>
    <t>khara shahamand</t>
  </si>
  <si>
    <t>GPS AHEER BELA MOUZA KHARA SHAHAMAND P/O THULL NAJEEB TEHSIL KABIRWALA DISTT KHANEWAL</t>
  </si>
  <si>
    <t>THULL NAJEEB</t>
  </si>
  <si>
    <t>Ejaz Hussain Zargar</t>
  </si>
  <si>
    <t>47166</t>
  </si>
  <si>
    <t>GGPS LALU KAY</t>
  </si>
  <si>
    <t>Lalukey</t>
  </si>
  <si>
    <t>Govt. Girls primary school lalu Kay</t>
  </si>
  <si>
    <t>Lalu Kay</t>
  </si>
  <si>
    <t>Sraser Hithar</t>
  </si>
  <si>
    <t>Ayesha Siddiqa</t>
  </si>
  <si>
    <t>26437</t>
  </si>
  <si>
    <t>GPS SONAY KHAN</t>
  </si>
  <si>
    <t>Sonay Khan</t>
  </si>
  <si>
    <t>sonay khan</t>
  </si>
  <si>
    <t>Dulla Badera</t>
  </si>
  <si>
    <t>GPS SOOK KHURD</t>
  </si>
  <si>
    <t>Sook Khurd</t>
  </si>
  <si>
    <t>Sook khurd</t>
  </si>
  <si>
    <t>22551</t>
  </si>
  <si>
    <t>49175</t>
  </si>
  <si>
    <t>15419</t>
  </si>
  <si>
    <t>GGHS CHAK 66 GB</t>
  </si>
  <si>
    <t>Chak No. 66 GB Teh. Jaranwala District. Faisalabad</t>
  </si>
  <si>
    <t>Chak No  66 GB</t>
  </si>
  <si>
    <t>BUSHRA YASMIN</t>
  </si>
  <si>
    <t>GPS SADAT NAGAR</t>
  </si>
  <si>
    <t>Shahpur Thal Behron</t>
  </si>
  <si>
    <t>sadat nagar po shahpur</t>
  </si>
  <si>
    <t>Sadat Nagar</t>
  </si>
  <si>
    <t>Syed Nasir Abbas Shah</t>
  </si>
  <si>
    <t>GPS CHAK NO. 80-B/TDA</t>
  </si>
  <si>
    <t>Chak No 80-B/TDA</t>
  </si>
  <si>
    <t>Chak No. 80-B/TDA</t>
  </si>
  <si>
    <t>GPS THATHA KAMIRA</t>
  </si>
  <si>
    <t>Thatta Kameera</t>
  </si>
  <si>
    <t>Mouza thatta kameera p/o gous pur teh/dist Jhang</t>
  </si>
  <si>
    <t>22765</t>
  </si>
  <si>
    <t>GMPS TIBBA HAMAD SHAH</t>
  </si>
  <si>
    <t>Tiba Hamid Shah</t>
  </si>
  <si>
    <t>tibba hamid shah p/o deona mandi distt.&amp; tehsil gujrat</t>
  </si>
  <si>
    <t>Deoa Mandi</t>
  </si>
  <si>
    <t>15907</t>
  </si>
  <si>
    <t>GMPS KOTLI NEHANGA</t>
  </si>
  <si>
    <t>Kotli Nehanga</t>
  </si>
  <si>
    <t>Village Kotli Nehanga  P/O box Malo Mahey , Tehsil Daska , District Sialkot</t>
  </si>
  <si>
    <t>Malo Mahey</t>
  </si>
  <si>
    <t>Naveeda Akhtar</t>
  </si>
  <si>
    <t>50266</t>
  </si>
  <si>
    <t>GGES 21/14-L</t>
  </si>
  <si>
    <t>21/14</t>
  </si>
  <si>
    <t>GGES 21/14 L</t>
  </si>
  <si>
    <t>21/14 L</t>
  </si>
  <si>
    <t>96/12 L</t>
  </si>
  <si>
    <t>GES GOKAL JADEED</t>
  </si>
  <si>
    <t>Murali Wali</t>
  </si>
  <si>
    <t>basti Gokal karor</t>
  </si>
  <si>
    <t>Gokal Jadeed</t>
  </si>
  <si>
    <t>Farrukh Shahzad</t>
  </si>
  <si>
    <t>25338</t>
  </si>
  <si>
    <t>23378</t>
  </si>
  <si>
    <t>42288</t>
  </si>
  <si>
    <t>15914</t>
  </si>
  <si>
    <t>GPS SOCHAN WALA</t>
  </si>
  <si>
    <t>sochan wala moza lakbadher</t>
  </si>
  <si>
    <t>Sochan Wala</t>
  </si>
  <si>
    <t>Lakbadhar</t>
  </si>
  <si>
    <t>Muhammad yaseen</t>
  </si>
  <si>
    <t>14910</t>
  </si>
  <si>
    <t>52720</t>
  </si>
  <si>
    <t>GGPS BHON MANZABTA</t>
  </si>
  <si>
    <t>GGP/S Bhone Manzabta</t>
  </si>
  <si>
    <t>Hafiza Nighat Afreen</t>
  </si>
  <si>
    <t>54683</t>
  </si>
  <si>
    <t>GPS BARHAM WERA</t>
  </si>
  <si>
    <t>Braham Wera</t>
  </si>
  <si>
    <t>P.O Dewona Mandi Village Braham Wera</t>
  </si>
  <si>
    <t>Dewona</t>
  </si>
  <si>
    <t>GGPS BASTI MOHAL</t>
  </si>
  <si>
    <t>Basti Mohal Jhang</t>
  </si>
  <si>
    <t>BASTI MOHAL</t>
  </si>
  <si>
    <t>Malohwana</t>
  </si>
  <si>
    <t>Shahjehan begum</t>
  </si>
  <si>
    <t>4075</t>
  </si>
  <si>
    <t>GPS CHAK MERO</t>
  </si>
  <si>
    <t>chak Mero</t>
  </si>
  <si>
    <t>gps chak mero</t>
  </si>
  <si>
    <t>Chak Mero</t>
  </si>
  <si>
    <t>Jamshaid Ashraf</t>
  </si>
  <si>
    <t>38027</t>
  </si>
  <si>
    <t>48589</t>
  </si>
  <si>
    <t>52262</t>
  </si>
  <si>
    <t>GES QILA DEWAN SINGH</t>
  </si>
  <si>
    <t>QILA DEWAN  SINGH</t>
  </si>
  <si>
    <t>GES CHAK NO.265 EB</t>
  </si>
  <si>
    <t>GES 265/e.b burewala</t>
  </si>
  <si>
    <t>32799</t>
  </si>
  <si>
    <t>44825</t>
  </si>
  <si>
    <t>17301</t>
  </si>
  <si>
    <t>GPS TAHLI LATIF PUR</t>
  </si>
  <si>
    <t>tahli latif pur</t>
  </si>
  <si>
    <t>tahli latif pur, uc kariwala tehsil and dist jhang</t>
  </si>
  <si>
    <t>kariwala</t>
  </si>
  <si>
    <t>Imran Nasir</t>
  </si>
  <si>
    <t>5122</t>
  </si>
  <si>
    <t>52462</t>
  </si>
  <si>
    <t>GPS WAJHLANA</t>
  </si>
  <si>
    <t>wajhlana</t>
  </si>
  <si>
    <t>Moza Wajhlana P/o Hujra Shah Muqeem Tehsil Depalpur District Okara</t>
  </si>
  <si>
    <t>DHuliana</t>
  </si>
  <si>
    <t>GGHS CHAK NO 190 RB KARARY</t>
  </si>
  <si>
    <t>Chak No 190 Rb Faisalabad</t>
  </si>
  <si>
    <t>chak no 190/rb karari kalan faisalabad</t>
  </si>
  <si>
    <t>190/rb karari kalan</t>
  </si>
  <si>
    <t>chak 190/rb</t>
  </si>
  <si>
    <t>GPS JHANDEER WALA</t>
  </si>
  <si>
    <t>Gps jhandeer wala moza sanjh Isra Tehsil Karor District layyah</t>
  </si>
  <si>
    <t>Chah Jhandeer wala</t>
  </si>
  <si>
    <t>50643</t>
  </si>
  <si>
    <t>GGPS DOCHARKHA KUNIA LAL</t>
  </si>
  <si>
    <t>Tarar Basti</t>
  </si>
  <si>
    <t>GGPS Docharkha kunia lal</t>
  </si>
  <si>
    <t>Docharkha Kunia Lal</t>
  </si>
  <si>
    <t>Adila Javed</t>
  </si>
  <si>
    <t>GGPS BHAKOKY</t>
  </si>
  <si>
    <t>Bhakoky</t>
  </si>
  <si>
    <t>Bhakoky dakhana jalalpur jattan</t>
  </si>
  <si>
    <t>Farah Sultana</t>
  </si>
  <si>
    <t>21865</t>
  </si>
  <si>
    <t>21185</t>
  </si>
  <si>
    <t>52534</t>
  </si>
  <si>
    <t>GPS HAKOOMAT GARH</t>
  </si>
  <si>
    <t>Hakoomat garh</t>
  </si>
  <si>
    <t>Muhammad Zareen</t>
  </si>
  <si>
    <t>GES DAGAR KHAR</t>
  </si>
  <si>
    <t>Daggar</t>
  </si>
  <si>
    <t>basti daggar rakhi gaj tamun leghari tribal area DG khan</t>
  </si>
  <si>
    <t>Tamun Leghari Zaireen</t>
  </si>
  <si>
    <t>GMPS KOT GHULAM</t>
  </si>
  <si>
    <t>Kot Ghulam</t>
  </si>
  <si>
    <t>49904</t>
  </si>
  <si>
    <t>50502</t>
  </si>
  <si>
    <t>GGPS 113/7-R</t>
  </si>
  <si>
    <t>113/7 R chichawatni district Sahiwal</t>
  </si>
  <si>
    <t>Robina Shahnaz</t>
  </si>
  <si>
    <t>GPS CHAK 263 RB IV DGJ KOT</t>
  </si>
  <si>
    <t>GPS NO.4 Dijkot</t>
  </si>
  <si>
    <t>TMA Dijkot</t>
  </si>
  <si>
    <t>GES CHAK 193 RB</t>
  </si>
  <si>
    <t>Sharianwala 193</t>
  </si>
  <si>
    <t>CHAK NO. 193 RB SHAREEN WALA</t>
  </si>
  <si>
    <t>200 RB LATHIANWALA</t>
  </si>
  <si>
    <t>MUHAMMAD MAJID JAVID</t>
  </si>
  <si>
    <t>33135</t>
  </si>
  <si>
    <t>22784</t>
  </si>
  <si>
    <t>GGPS CHAK MOBARAK</t>
  </si>
  <si>
    <t>village chak mubarak post office gujrat  district and tehseel gujrat</t>
  </si>
  <si>
    <t>Syeda Maria Sajid</t>
  </si>
  <si>
    <t>GGPS ZAFAR COLONY</t>
  </si>
  <si>
    <t>Dholka</t>
  </si>
  <si>
    <t>zafarcolony p/o akrianwala Jhang</t>
  </si>
  <si>
    <t>Zafarcolony</t>
  </si>
  <si>
    <t>50341</t>
  </si>
  <si>
    <t>GPS TUKKRA 18-A/WM</t>
  </si>
  <si>
    <t>CHAK TUKKRA, 18-A/WM</t>
  </si>
  <si>
    <t>Chak TUKKRA 18-A/WM</t>
  </si>
  <si>
    <t>MURAD K KATHIA</t>
  </si>
  <si>
    <t>28047</t>
  </si>
  <si>
    <t>8139</t>
  </si>
  <si>
    <t>GGPS BAGAY WALA</t>
  </si>
  <si>
    <t>Daggar Chit</t>
  </si>
  <si>
    <t>chit sarkani road basti khalid abad</t>
  </si>
  <si>
    <t>Basti Khalidabad</t>
  </si>
  <si>
    <t>45589</t>
  </si>
  <si>
    <t>16869</t>
  </si>
  <si>
    <t>GPS CHAK  268 RB II FSD</t>
  </si>
  <si>
    <t>chak no 268 rb fsd</t>
  </si>
  <si>
    <t>Bhamni Wala</t>
  </si>
  <si>
    <t>Muhammad Mudassar Akram</t>
  </si>
  <si>
    <t>16871</t>
  </si>
  <si>
    <t>GPS BILHAR DAWANA, SARAI SIDHU</t>
  </si>
  <si>
    <t>Gps bilhar dawana kabirwala khanewal</t>
  </si>
  <si>
    <t>Bilhar Dawana</t>
  </si>
  <si>
    <t>9639</t>
  </si>
  <si>
    <t>17838</t>
  </si>
  <si>
    <t>GMPS DOSEHRA</t>
  </si>
  <si>
    <t>dosehra</t>
  </si>
  <si>
    <t>dosehra, jhang</t>
  </si>
  <si>
    <t>shah jewna</t>
  </si>
  <si>
    <t>SYEDA ABIDA PARVEEN</t>
  </si>
  <si>
    <t>GGHS 50/12-L</t>
  </si>
  <si>
    <t>GGHS 50/12-L chichawatni</t>
  </si>
  <si>
    <t>GGMES KHAR RAKHI GORGE</t>
  </si>
  <si>
    <t>Government Girls Model Elementary School Khar Fort Manro</t>
  </si>
  <si>
    <t>Khar Fort Manro</t>
  </si>
  <si>
    <t>36762</t>
  </si>
  <si>
    <t>GPS JALIL PUR, ABDUL HAKIM</t>
  </si>
  <si>
    <t>jaleel pur</t>
  </si>
  <si>
    <t>moza jalil pur</t>
  </si>
  <si>
    <t>jalil pur</t>
  </si>
  <si>
    <t>umeed garh</t>
  </si>
  <si>
    <t>GPS CHAK 266 RB SABUANA</t>
  </si>
  <si>
    <t>Sabuana</t>
  </si>
  <si>
    <t>chak No 266 RB Sabuana</t>
  </si>
  <si>
    <t>Nazakat Ali</t>
  </si>
  <si>
    <t>GGHS 119/7DR</t>
  </si>
  <si>
    <t>chak #119/7-dr</t>
  </si>
  <si>
    <t>Chak #119/7-dr</t>
  </si>
  <si>
    <t>AZKA JAVED</t>
  </si>
  <si>
    <t>46145</t>
  </si>
  <si>
    <t>37033</t>
  </si>
  <si>
    <t>GGPS JINNAH COLONY</t>
  </si>
  <si>
    <t>Qurat Ul Ain Zahra</t>
  </si>
  <si>
    <t>GPS KHARAL KALAN</t>
  </si>
  <si>
    <t>kharal kalan</t>
  </si>
  <si>
    <t>GHS CHAK NO.303/EB</t>
  </si>
  <si>
    <t>CHAK NO. 303EB, BUREWALA</t>
  </si>
  <si>
    <t>303/EB</t>
  </si>
  <si>
    <t>265EB</t>
  </si>
  <si>
    <t>GHS CHAK NO. 110/7-R</t>
  </si>
  <si>
    <t>chak no 110/7-R Tehsil chichawatni Distt Sahiwal</t>
  </si>
  <si>
    <t>110 / 7-R</t>
  </si>
  <si>
    <t>Chak No 110/7-R</t>
  </si>
  <si>
    <t>36595</t>
  </si>
  <si>
    <t>GES BARJH SARGANA, SARAI SIDHU</t>
  </si>
  <si>
    <t>Moza Barajh Sargana Sarai Sidhu</t>
  </si>
  <si>
    <t>Umar Nasir</t>
  </si>
  <si>
    <t>46494</t>
  </si>
  <si>
    <t>52891</t>
  </si>
  <si>
    <t>GGPS NAWAN KOT LALIAN WALA</t>
  </si>
  <si>
    <t>nawan kot lalian wala</t>
  </si>
  <si>
    <t>Nawan Kot Lalian Wala</t>
  </si>
  <si>
    <t>GPS BHOKAN GHUDAR KAY</t>
  </si>
  <si>
    <t>Bukkan Guddar Kay</t>
  </si>
  <si>
    <t>11257</t>
  </si>
  <si>
    <t>19768</t>
  </si>
  <si>
    <t>GGPS HOSPITAL MOCHI WALA</t>
  </si>
  <si>
    <t>GGPS Ada Hospital Mochiwala</t>
  </si>
  <si>
    <t>Ada Hospital Mochiwala</t>
  </si>
  <si>
    <t>Chak No 182 Mochiwala</t>
  </si>
  <si>
    <t>GGES CHAK NO 261 JB MURAD WALA</t>
  </si>
  <si>
    <t>Chak No 261</t>
  </si>
  <si>
    <t>gges261 jb murad wala markaz mukhiana tehsil o zila jhang</t>
  </si>
  <si>
    <t>261 Murad Wala</t>
  </si>
  <si>
    <t>Hafiza Farida Khatoon</t>
  </si>
  <si>
    <t>23257</t>
  </si>
  <si>
    <t>GHS CHAK 35 JB FSD</t>
  </si>
  <si>
    <t>35 JB</t>
  </si>
  <si>
    <t>ghs 35 JB Faisalabad Chak no 35 JB FSD</t>
  </si>
  <si>
    <t>chak no 35 JB FSD</t>
  </si>
  <si>
    <t>chak no 38 JB Dabora</t>
  </si>
  <si>
    <t>301584</t>
  </si>
  <si>
    <t>GES CHAK NO 79 C TDA</t>
  </si>
  <si>
    <t>Chak No 79c/TDA</t>
  </si>
  <si>
    <t>GGHS CHAK NO. 172/M</t>
  </si>
  <si>
    <t>chak no 172/M</t>
  </si>
  <si>
    <t>Chak No 172/M tehsile chishtian districtr bwn</t>
  </si>
  <si>
    <t>Chak No 172/M</t>
  </si>
  <si>
    <t>Chak No 173/M</t>
  </si>
  <si>
    <t>zahida naseem</t>
  </si>
  <si>
    <t>40492</t>
  </si>
  <si>
    <t>22174</t>
  </si>
  <si>
    <t>GGHS KAMLI WALA GUJRAT</t>
  </si>
  <si>
    <t>Noor Pur Padday, Near Lal Masjid, Gujrat</t>
  </si>
  <si>
    <t>Noor Pur Padday</t>
  </si>
  <si>
    <t>50280</t>
  </si>
  <si>
    <t>GGES 85/12-L</t>
  </si>
  <si>
    <t>85/12-l</t>
  </si>
  <si>
    <t>92/12-l</t>
  </si>
  <si>
    <t>Navida Ashfaq</t>
  </si>
  <si>
    <t>47719</t>
  </si>
  <si>
    <t>51830</t>
  </si>
  <si>
    <t>GGHS 63 EB</t>
  </si>
  <si>
    <t>63eb</t>
  </si>
  <si>
    <t>chak no. 63/EB</t>
  </si>
  <si>
    <t>Chak NO 63/EB</t>
  </si>
  <si>
    <t>NAHEED ASIF</t>
  </si>
  <si>
    <t>50482</t>
  </si>
  <si>
    <t>GGES MC NO.2 CHICHAWATNI</t>
  </si>
  <si>
    <t>Ahmad nagger</t>
  </si>
  <si>
    <t>Govt Mc Girls Middle School no 2</t>
  </si>
  <si>
    <t>Zahida Atta</t>
  </si>
  <si>
    <t>65238</t>
  </si>
  <si>
    <t>10126</t>
  </si>
  <si>
    <t>GPS CHAK NO 228 A TDA</t>
  </si>
  <si>
    <t>Chak No 228A/TDA</t>
  </si>
  <si>
    <t>Chak No. 228A/TDA</t>
  </si>
  <si>
    <t>228A/TDA</t>
  </si>
  <si>
    <t>20658</t>
  </si>
  <si>
    <t>28606</t>
  </si>
  <si>
    <t>GHS GEHLAN HITHAR</t>
  </si>
  <si>
    <t>village harar post office kamonke</t>
  </si>
  <si>
    <t>shazia shaheen</t>
  </si>
  <si>
    <t>33985</t>
  </si>
  <si>
    <t>36618</t>
  </si>
  <si>
    <t>GES JAMAL KAY TRAGGER, NAWAN SHEHR</t>
  </si>
  <si>
    <t>JAMAL KAY TRAGGAR</t>
  </si>
  <si>
    <t>Mouza JAMAL KAY TRAGGER, KABIRWALA</t>
  </si>
  <si>
    <t>JAMAL KAY TRAGGER</t>
  </si>
  <si>
    <t>52482</t>
  </si>
  <si>
    <t>GGHS CHAK 203 RB II MALIK PUR</t>
  </si>
  <si>
    <t>203/rb</t>
  </si>
  <si>
    <t>govt girls high school 203/rb malikpur fsd</t>
  </si>
  <si>
    <t>shahina Hanif</t>
  </si>
  <si>
    <t>52862</t>
  </si>
  <si>
    <t>GGPS CHAK NO.55 D</t>
  </si>
  <si>
    <t>Govt. Girls primary school 55/D</t>
  </si>
  <si>
    <t>Farkhanda Mushtaq</t>
  </si>
  <si>
    <t>GGES SEROOT WALA</t>
  </si>
  <si>
    <t>bhutta colony  Dg Khan</t>
  </si>
  <si>
    <t>Bhutta Colony</t>
  </si>
  <si>
    <t>Model town</t>
  </si>
  <si>
    <t>22182</t>
  </si>
  <si>
    <t>GGHSS KATHALA CHINAB</t>
  </si>
  <si>
    <t>Kahala Chenab</t>
  </si>
  <si>
    <t>p/of and village Kathala chenab</t>
  </si>
  <si>
    <t>FARZANA BASHIR</t>
  </si>
  <si>
    <t>29234</t>
  </si>
  <si>
    <t>10215</t>
  </si>
  <si>
    <t>GGPS CHAK NO.108 TDA</t>
  </si>
  <si>
    <t>khokhar israBASTI SIBANI</t>
  </si>
  <si>
    <t>CHAK NUMBER 108 TDA BASTI SIBANI</t>
  </si>
  <si>
    <t>BASTI SIBANI</t>
  </si>
  <si>
    <t>GARAY WALA</t>
  </si>
  <si>
    <t>stara parveen</t>
  </si>
  <si>
    <t>6707</t>
  </si>
  <si>
    <t>9992</t>
  </si>
  <si>
    <t>GGHS CHAK NO 94 ML</t>
  </si>
  <si>
    <t>chak no 94ml tahseel karor district layyah</t>
  </si>
  <si>
    <t>94ml</t>
  </si>
  <si>
    <t>motor and hand pump</t>
  </si>
  <si>
    <t>GGHS CHAK NO. 18/G</t>
  </si>
  <si>
    <t>18/g</t>
  </si>
  <si>
    <t>18G chishtian</t>
  </si>
  <si>
    <t>18 G Chishtian</t>
  </si>
  <si>
    <t>42 F</t>
  </si>
  <si>
    <t>Nargis Rasheed</t>
  </si>
  <si>
    <t>27751</t>
  </si>
  <si>
    <t>50415</t>
  </si>
  <si>
    <t>GPS 38/14-L</t>
  </si>
  <si>
    <t>chak no. 38/14.L Tehsil. Chichawatni. Distt. Sahiwal</t>
  </si>
  <si>
    <t>TARIQ MEHMOOD ASIF</t>
  </si>
  <si>
    <t>17492</t>
  </si>
  <si>
    <t>36272</t>
  </si>
  <si>
    <t>GPS JALAL WALA</t>
  </si>
  <si>
    <t>Chaak Gazrwani</t>
  </si>
  <si>
    <t>District and Tehsil D.G.Khan, Post office kala maoza chaak gazrwani chah jalal wala</t>
  </si>
  <si>
    <t>37001</t>
  </si>
  <si>
    <t>GPS NEHALAY WALA, ABDUL HAKIM</t>
  </si>
  <si>
    <t>Nehalay Wala Teh: Kabirwala Khanewal</t>
  </si>
  <si>
    <t>Basti Nehalay Wala</t>
  </si>
  <si>
    <t>22168</t>
  </si>
  <si>
    <t>GES CHAK NO 40/F</t>
  </si>
  <si>
    <t>CHAK 40 F</t>
  </si>
  <si>
    <t>Chak no. 40. f. tehsil Chishtian Distt. Bahawalnagar</t>
  </si>
  <si>
    <t>Chak 40 F</t>
  </si>
  <si>
    <t>21621</t>
  </si>
  <si>
    <t>GGPS KALU KHURD</t>
  </si>
  <si>
    <t>GGPS kalu Khurd uc sohawa Tehsil kamonki district Gujranwala</t>
  </si>
  <si>
    <t>GPS CHAK NO. 99 TDA JOOTY WALA</t>
  </si>
  <si>
    <t>Basti Jooty Wala</t>
  </si>
  <si>
    <t>Basti jooty wala chak 99 tda tehsil karor district  layyah</t>
  </si>
  <si>
    <t>Chak 99tda</t>
  </si>
  <si>
    <t>36731</t>
  </si>
  <si>
    <t>GPS ISLAM HERAJ, SARAI SIDHU</t>
  </si>
  <si>
    <t>islam heraj</t>
  </si>
  <si>
    <t>moza islam heraj</t>
  </si>
  <si>
    <t>muhammad saleem</t>
  </si>
  <si>
    <t>41021</t>
  </si>
  <si>
    <t>GMPS CHAK NO 162 JB</t>
  </si>
  <si>
    <t>Thalochi Noul</t>
  </si>
  <si>
    <t>Chak#162 PO Chak#161 Guniana</t>
  </si>
  <si>
    <t>CHAK# 162</t>
  </si>
  <si>
    <t>Uzma Abdullah</t>
  </si>
  <si>
    <t>8011</t>
  </si>
  <si>
    <t>Basti Shmla Muradani ,D.G.Khan</t>
  </si>
  <si>
    <t>Basti Shmla Muradani</t>
  </si>
  <si>
    <t>Chorhatta Pachadh</t>
  </si>
  <si>
    <t>GGPS RAWAN</t>
  </si>
  <si>
    <t>Basti Khahawar Moza Ranwan</t>
  </si>
  <si>
    <t>Pir Adill</t>
  </si>
  <si>
    <t>27525</t>
  </si>
  <si>
    <t>22262</t>
  </si>
  <si>
    <t>GGHS CHAK SADA</t>
  </si>
  <si>
    <t>GGHS chak sada tehsila and district gujrat</t>
  </si>
  <si>
    <t>Kokab Jabeen</t>
  </si>
  <si>
    <t>17795</t>
  </si>
  <si>
    <t>10209</t>
  </si>
  <si>
    <t>GGPS CHAK NO.87 TDA</t>
  </si>
  <si>
    <t>CHAK NO. 87/TDA</t>
  </si>
  <si>
    <t>CHAK NO. 87/TDA, TEHSIL KAROR LAL EASON DISTRICT LAYYAH.</t>
  </si>
  <si>
    <t>Humaira Gul</t>
  </si>
  <si>
    <t>46879</t>
  </si>
  <si>
    <t>52768</t>
  </si>
  <si>
    <t>GMPS RAKH ABDAL KAY</t>
  </si>
  <si>
    <t>Rakh Abdal Kay</t>
  </si>
  <si>
    <t>Haveli lakha</t>
  </si>
  <si>
    <t>Nama Jindy Ka</t>
  </si>
  <si>
    <t>Mahmoona Baby</t>
  </si>
  <si>
    <t>37853</t>
  </si>
  <si>
    <t>GHS ISLAMIA GATTI FSD</t>
  </si>
  <si>
    <t>CHAK NO.202 RB GATTI FSD</t>
  </si>
  <si>
    <t>202 RB GATTI</t>
  </si>
  <si>
    <t>161346</t>
  </si>
  <si>
    <t>50413</t>
  </si>
  <si>
    <t>GPS 3/14-L</t>
  </si>
  <si>
    <t>3/14L</t>
  </si>
  <si>
    <t>Chak 3/14_L</t>
  </si>
  <si>
    <t>MUHAMMAD SHAFIQU</t>
  </si>
  <si>
    <t>GMPS CHAK NO. 433 EB  (MAIN ABADI)</t>
  </si>
  <si>
    <t>433/EB</t>
  </si>
  <si>
    <t>Govt Model Primary School 433/EB Main Abadi Burewala</t>
  </si>
  <si>
    <t>433/EB Main Abadi</t>
  </si>
  <si>
    <t>9947</t>
  </si>
  <si>
    <t>GGHS CHAK NO. 90 ML</t>
  </si>
  <si>
    <t>GGHS 90ml karor</t>
  </si>
  <si>
    <t>Chak 90ml</t>
  </si>
  <si>
    <t>NASREEN RAFIQ</t>
  </si>
  <si>
    <t>17178</t>
  </si>
  <si>
    <t>17787</t>
  </si>
  <si>
    <t>GMPS CHAK NO 182 II</t>
  </si>
  <si>
    <t>Chak No 182 JB T/D Jhang</t>
  </si>
  <si>
    <t>Chak 182</t>
  </si>
  <si>
    <t>Ishrat Firdous</t>
  </si>
  <si>
    <t>17189</t>
  </si>
  <si>
    <t>GGHS 315 EB</t>
  </si>
  <si>
    <t>Chak No 315</t>
  </si>
  <si>
    <t>Chak No 315 /Eb  Teh. Burewala District Vehari</t>
  </si>
  <si>
    <t>Chak No 315/eb</t>
  </si>
  <si>
    <t>Chak No 317/eb</t>
  </si>
  <si>
    <t>42447</t>
  </si>
  <si>
    <t>GHS SARGANI</t>
  </si>
  <si>
    <t>SARGANI THAL</t>
  </si>
  <si>
    <t>POST OFFICE BASTI SARGANI TEHSIL KAROR DISTRICT LAYYAH</t>
  </si>
  <si>
    <t>BASTI SARGANI</t>
  </si>
  <si>
    <t>Naseem Abbas Vaseer</t>
  </si>
  <si>
    <t>17204</t>
  </si>
  <si>
    <t>GGPS PATOANA GHARBI</t>
  </si>
  <si>
    <t>mz patoana</t>
  </si>
  <si>
    <t>GGHS SANTAL</t>
  </si>
  <si>
    <t>village santal p/o hajiwala tehsil &amp; district Gujrat</t>
  </si>
  <si>
    <t>Kubra Ehsan</t>
  </si>
  <si>
    <t>30579</t>
  </si>
  <si>
    <t>GGPS ROSHAN PUR, ABDUL HAKIM</t>
  </si>
  <si>
    <t>Roshan Pur</t>
  </si>
  <si>
    <t>chah khokhar Wala Moza Roshan pur</t>
  </si>
  <si>
    <t>Chah Khokhar Wala</t>
  </si>
  <si>
    <t>Umed Garh</t>
  </si>
  <si>
    <t>29125</t>
  </si>
  <si>
    <t>GGES 653 / 4 GB</t>
  </si>
  <si>
    <t>Chak No 653/4GB</t>
  </si>
  <si>
    <t>Chak No 653/4 GB</t>
  </si>
  <si>
    <t>Chak No 647 GB</t>
  </si>
  <si>
    <t>Nahid Ashraf</t>
  </si>
  <si>
    <t>38567</t>
  </si>
  <si>
    <t>GES NOORA MANDHALA</t>
  </si>
  <si>
    <t>Mandhala,Teh and Distt Gujrat</t>
  </si>
  <si>
    <t>Shafqat Ullah</t>
  </si>
  <si>
    <t>GHS MB RAIL BAZAR JHANG</t>
  </si>
  <si>
    <t>Rail Bazar Chowk Jhang Sadar</t>
  </si>
  <si>
    <t>Chambali Market</t>
  </si>
  <si>
    <t>GPS 436/GB-SOUTH</t>
  </si>
  <si>
    <t>Chak No 436 Gb Duchy</t>
  </si>
  <si>
    <t>Chak no 436 GB  South</t>
  </si>
  <si>
    <t>17229</t>
  </si>
  <si>
    <t>52826</t>
  </si>
  <si>
    <t>GGPS WASOO SALAM KA</t>
  </si>
  <si>
    <t>Wasoo Salam Ka</t>
  </si>
  <si>
    <t>wasoo Salam Ka okars</t>
  </si>
  <si>
    <t>Fareeda Bibi</t>
  </si>
  <si>
    <t>50395</t>
  </si>
  <si>
    <t>GPS 1-A/14-L</t>
  </si>
  <si>
    <t>1-A/14-L</t>
  </si>
  <si>
    <t>chak no 1-A/14-L</t>
  </si>
  <si>
    <t>Chak No 4-14-L</t>
  </si>
  <si>
    <t>17235</t>
  </si>
  <si>
    <t>50329</t>
  </si>
  <si>
    <t>GPS NATHU AMIR</t>
  </si>
  <si>
    <t>Nathu Amir</t>
  </si>
  <si>
    <t>chakbandi bandi nathu amir</t>
  </si>
  <si>
    <t>muhammad Ramzan</t>
  </si>
  <si>
    <t>17786</t>
  </si>
  <si>
    <t>GGPS CHAK NO 182</t>
  </si>
  <si>
    <t>GGPS chak 182 /1</t>
  </si>
  <si>
    <t>Nighat Rasool</t>
  </si>
  <si>
    <t>14376</t>
  </si>
  <si>
    <t>26163</t>
  </si>
  <si>
    <t>GHS GAKHRA KALAN</t>
  </si>
  <si>
    <t>GHS 5GAKHRA KALAN</t>
  </si>
  <si>
    <t>ihsan ullah</t>
  </si>
  <si>
    <t>7381</t>
  </si>
  <si>
    <t>17248</t>
  </si>
  <si>
    <t>15835</t>
  </si>
  <si>
    <t>GPS 55 JB  II</t>
  </si>
  <si>
    <t>55jb</t>
  </si>
  <si>
    <t>Chak #55 JB</t>
  </si>
  <si>
    <t>55 JB II</t>
  </si>
  <si>
    <t>27 JB</t>
  </si>
  <si>
    <t>Muhammad Umair Riaz</t>
  </si>
  <si>
    <t>26530</t>
  </si>
  <si>
    <t>17377</t>
  </si>
  <si>
    <t>22691</t>
  </si>
  <si>
    <t>GGES MAKIANA</t>
  </si>
  <si>
    <t>Makiana</t>
  </si>
  <si>
    <t>Vpo Makiana,Tehsil &amp; District Gujrat</t>
  </si>
  <si>
    <t>Uzma Tassawar</t>
  </si>
  <si>
    <t>52861</t>
  </si>
  <si>
    <t>GGPS BAHNI CHANDOOR</t>
  </si>
  <si>
    <t>Bahni Chandoor</t>
  </si>
  <si>
    <t>G G P/S Bahni Chandoor Near DPS Depalpur</t>
  </si>
  <si>
    <t>Shahida Muzamil</t>
  </si>
  <si>
    <t>17384</t>
  </si>
  <si>
    <t>22395</t>
  </si>
  <si>
    <t>GPS SHAM PUR</t>
  </si>
  <si>
    <t>Shampur Khokhran</t>
  </si>
  <si>
    <t>village Shampur Khokhran post office Mari Khokhran</t>
  </si>
  <si>
    <t>Justin John</t>
  </si>
  <si>
    <t>27284</t>
  </si>
  <si>
    <t>GGCMS WANDILA JAGIR</t>
  </si>
  <si>
    <t>Wandila Jagir</t>
  </si>
  <si>
    <t>Moza Vandila jagir</t>
  </si>
  <si>
    <t>Wandlia Jagir</t>
  </si>
  <si>
    <t>Saima Zafar</t>
  </si>
  <si>
    <t>17419</t>
  </si>
  <si>
    <t>GPS JHUGH KHURD</t>
  </si>
  <si>
    <t>Muhammad Shahid Maqbool</t>
  </si>
  <si>
    <t>18990</t>
  </si>
  <si>
    <t>54732</t>
  </si>
  <si>
    <t>GPS THATHA HUSSAIN ALI SHAH</t>
  </si>
  <si>
    <t>Thatha Husain Ali</t>
  </si>
  <si>
    <t>village thatha Hussain Ali shah</t>
  </si>
  <si>
    <t>Thatha Hussain Ali</t>
  </si>
  <si>
    <t>17422</t>
  </si>
  <si>
    <t>36594</t>
  </si>
  <si>
    <t>GHS MURAD MAAN, SARAI SIDHU</t>
  </si>
  <si>
    <t>Murad Maan</t>
  </si>
  <si>
    <t>15098</t>
  </si>
  <si>
    <t>17425</t>
  </si>
  <si>
    <t>17755</t>
  </si>
  <si>
    <t>GMPS CHAK NO 181 JB EAST</t>
  </si>
  <si>
    <t>181 East</t>
  </si>
  <si>
    <t>chak no.181 east</t>
  </si>
  <si>
    <t>Chan No181 East</t>
  </si>
  <si>
    <t>Sahib Zadi</t>
  </si>
  <si>
    <t>50247</t>
  </si>
  <si>
    <t>GGES 26/11-L</t>
  </si>
  <si>
    <t>26/11-l</t>
  </si>
  <si>
    <t>26/11-l ghaziabad cci</t>
  </si>
  <si>
    <t>30/11-l</t>
  </si>
  <si>
    <t>Fariha Tahir</t>
  </si>
  <si>
    <t>52814</t>
  </si>
  <si>
    <t>GGPS HAKAM SADHAR KEY</t>
  </si>
  <si>
    <t>Hakim Sadhar Kay</t>
  </si>
  <si>
    <t>ggps hakim sadhar kay</t>
  </si>
  <si>
    <t>Pandat Manfool</t>
  </si>
  <si>
    <t>Tahira Ashraf</t>
  </si>
  <si>
    <t>17438</t>
  </si>
  <si>
    <t>GPS CHAKBANDY BARKHA.</t>
  </si>
  <si>
    <t>ChakBandiBarkha</t>
  </si>
  <si>
    <t>ChakBandiBarkha Tehsil Chichawatni District Sahiwal</t>
  </si>
  <si>
    <t>19704</t>
  </si>
  <si>
    <t>50496</t>
  </si>
  <si>
    <t>GGPS 105/12-L</t>
  </si>
  <si>
    <t>105/12 L</t>
  </si>
  <si>
    <t>chak no 105/12. L</t>
  </si>
  <si>
    <t>50/12 L</t>
  </si>
  <si>
    <t>31047</t>
  </si>
  <si>
    <t>22469</t>
  </si>
  <si>
    <t>22199</t>
  </si>
  <si>
    <t>GES NOSHERA KHAWAJGAN</t>
  </si>
  <si>
    <t>Noshera Khawajgan</t>
  </si>
  <si>
    <t>Village /Post office Noshera Khawajgan</t>
  </si>
  <si>
    <t>Waheed Hassan</t>
  </si>
  <si>
    <t>17449</t>
  </si>
  <si>
    <t>52313</t>
  </si>
  <si>
    <t>GGHS GADDY WAL</t>
  </si>
  <si>
    <t>GGHS GADDYWAL HUJRA</t>
  </si>
  <si>
    <t>sumaira ali</t>
  </si>
  <si>
    <t>17450</t>
  </si>
  <si>
    <t>36749</t>
  </si>
  <si>
    <t>GPS SAHIB LANGARA, SARAI SIDHU</t>
  </si>
  <si>
    <t>Gps Sahib Langra</t>
  </si>
  <si>
    <t>mouza sahab langra p/o sarain sidhu kabirwala disst khanewal</t>
  </si>
  <si>
    <t>Sahab Langra</t>
  </si>
  <si>
    <t>18868</t>
  </si>
  <si>
    <t>17454</t>
  </si>
  <si>
    <t>17746</t>
  </si>
  <si>
    <t>GGPS CHAK NO 214 GUJAR</t>
  </si>
  <si>
    <t>ggps 214 gujar</t>
  </si>
  <si>
    <t>Chak 214 Gujjar</t>
  </si>
  <si>
    <t>Rabia Perveen</t>
  </si>
  <si>
    <t>11609</t>
  </si>
  <si>
    <t>15828</t>
  </si>
  <si>
    <t>GES CHAK 49 JB FSD</t>
  </si>
  <si>
    <t>Chak No 49 Jb</t>
  </si>
  <si>
    <t>GES 49 JB</t>
  </si>
  <si>
    <t>Munda Pind</t>
  </si>
  <si>
    <t>Chak No 50 Jb II</t>
  </si>
  <si>
    <t>Ikram Ul Haq</t>
  </si>
  <si>
    <t>22615</t>
  </si>
  <si>
    <t>kotnathu</t>
  </si>
  <si>
    <t>Kotnathu</t>
  </si>
  <si>
    <t>Jasoki</t>
  </si>
  <si>
    <t>Gulshan Naveed</t>
  </si>
  <si>
    <t>52339</t>
  </si>
  <si>
    <t>GGES HAKOOMAT GARH</t>
  </si>
  <si>
    <t>Nasreen Nasir</t>
  </si>
  <si>
    <t>GPS MAJRA SHAMALI</t>
  </si>
  <si>
    <t>Majra Shumali</t>
  </si>
  <si>
    <t>village Majra Shumali P. O Karianwala Tehsil and district Gujrat</t>
  </si>
  <si>
    <t>54541</t>
  </si>
  <si>
    <t>GPS MUHAMMAD PUR NASHEB</t>
  </si>
  <si>
    <t>Muhammad Pur  M Muhammad Pur Ns</t>
  </si>
  <si>
    <t>Muhammad Pur Nashaib</t>
  </si>
  <si>
    <t>Muhammad Pur Muhammad Pur Nash</t>
  </si>
  <si>
    <t>Nazar Abass</t>
  </si>
  <si>
    <t>22151</t>
  </si>
  <si>
    <t>vill and post office langay teh and distt gujrat</t>
  </si>
  <si>
    <t>17483</t>
  </si>
  <si>
    <t>52454</t>
  </si>
  <si>
    <t>GPS CHAK WALI MUHAMMAD</t>
  </si>
  <si>
    <t>chak wali Muhmmad</t>
  </si>
  <si>
    <t>p/o chak wali muhammad</t>
  </si>
  <si>
    <t>chak wali muhammad</t>
  </si>
  <si>
    <t>jaith pur</t>
  </si>
  <si>
    <t>17486</t>
  </si>
  <si>
    <t>GHSS JODH PUR, KABIRWALA</t>
  </si>
  <si>
    <t>Government HSS Jodh Pur Teh kabirwala District Khanewal</t>
  </si>
  <si>
    <t>MUHAMMAD AZHAR ILYAS</t>
  </si>
  <si>
    <t>17784</t>
  </si>
  <si>
    <t>GMPS CHAK NO. 255</t>
  </si>
  <si>
    <t>chak no 255</t>
  </si>
  <si>
    <t>jahangir khan</t>
  </si>
  <si>
    <t>21355</t>
  </si>
  <si>
    <t>GHS GUNNA AUR</t>
  </si>
  <si>
    <t>GUNNA-AUR</t>
  </si>
  <si>
    <t>village and P/O GUNNA-AUR TEHSIL KAMOKE DISTT. GUJRANWALA</t>
  </si>
  <si>
    <t>M.Iqbal Ranjha</t>
  </si>
  <si>
    <t>GGHS LAKHAN WAL</t>
  </si>
  <si>
    <t>P.O. LAKHANWAL KHURD TEH. &amp; DIST GUJRAT</t>
  </si>
  <si>
    <t>LAKHANWAL</t>
  </si>
  <si>
    <t>SHAZIA GILLANI</t>
  </si>
  <si>
    <t>28667</t>
  </si>
  <si>
    <t>GGHS KUL</t>
  </si>
  <si>
    <t>GGHS Kul Tehsil Chunian District Kasur</t>
  </si>
  <si>
    <t>SAFIA GHAFOOR</t>
  </si>
  <si>
    <t>42009</t>
  </si>
  <si>
    <t>52904</t>
  </si>
  <si>
    <t>GPS PHULAN TOLI KHURD</t>
  </si>
  <si>
    <t>Qalandar Shah</t>
  </si>
  <si>
    <t>phullan toli khurd</t>
  </si>
  <si>
    <t>Phullan Toli Khurd</t>
  </si>
  <si>
    <t>28843</t>
  </si>
  <si>
    <t>GPS BASTI CHEEMBIAN WALI</t>
  </si>
  <si>
    <t>Basti cheenbian wali p/o,Mokal Tehsil Chunian Distt.KASUR</t>
  </si>
  <si>
    <t>Basti cheenbian wali</t>
  </si>
  <si>
    <t>Abdul Ghaffar Anjum</t>
  </si>
  <si>
    <t>GPS 26 JB II</t>
  </si>
  <si>
    <t>26 Jb Ii</t>
  </si>
  <si>
    <t>26 jb ll</t>
  </si>
  <si>
    <t>27 Jb</t>
  </si>
  <si>
    <t>GPS KANG MEHD PUR</t>
  </si>
  <si>
    <t>Kang MEHD Pur</t>
  </si>
  <si>
    <t>government primary school Kang mehad pur tehseel and district Gujrat</t>
  </si>
  <si>
    <t>47473</t>
  </si>
  <si>
    <t>16206</t>
  </si>
  <si>
    <t>7738</t>
  </si>
  <si>
    <t>GHS CHURATHA PACHADH</t>
  </si>
  <si>
    <t>D G Khan</t>
  </si>
  <si>
    <t>Churhatta pachadh near pull Kalairi D.G.Khan</t>
  </si>
  <si>
    <t>Pull Kalairi Dgk</t>
  </si>
  <si>
    <t>24497</t>
  </si>
  <si>
    <t>GGPS LADHA</t>
  </si>
  <si>
    <t>p/o ladha village ladha sadha teh.dis gujrat</t>
  </si>
  <si>
    <t>ehlas garh</t>
  </si>
  <si>
    <t>Shabana yousaf</t>
  </si>
  <si>
    <t>23202</t>
  </si>
  <si>
    <t>14988</t>
  </si>
  <si>
    <t>GPS 73 GB</t>
  </si>
  <si>
    <t>73 Gb</t>
  </si>
  <si>
    <t>CHAK NO 72 Gb</t>
  </si>
  <si>
    <t>YASAR MUSHTAQ</t>
  </si>
  <si>
    <t>GGPS DHODAY SHARIF</t>
  </si>
  <si>
    <t>Dhoda Sharif</t>
  </si>
  <si>
    <t>GGPS DHOODA SHARIF, village dhoda sharif.</t>
  </si>
  <si>
    <t>Asmat Rani</t>
  </si>
  <si>
    <t>22806</t>
  </si>
  <si>
    <t>GMMS TIBI KASANA</t>
  </si>
  <si>
    <t>tIBI kISANA</t>
  </si>
  <si>
    <t>VILLAGE tIBI kISANA</t>
  </si>
  <si>
    <t>TIBI kISANA</t>
  </si>
  <si>
    <t>BHARAJ</t>
  </si>
  <si>
    <t>MUHAMMAD  IJAZ</t>
  </si>
  <si>
    <t>GGHS ELLAH ABAD</t>
  </si>
  <si>
    <t>kaNgan pur road ellah abad tehsil chunian distt.kasur</t>
  </si>
  <si>
    <t>kalsoom mansha</t>
  </si>
  <si>
    <t>52135</t>
  </si>
  <si>
    <t>GMPS 209 EB POST OFFICE 207/EB</t>
  </si>
  <si>
    <t>209EB</t>
  </si>
  <si>
    <t>chak no.209EB Tehsil Arifwala Pakpattan</t>
  </si>
  <si>
    <t>163EB</t>
  </si>
  <si>
    <t>39654</t>
  </si>
  <si>
    <t>36632</t>
  </si>
  <si>
    <t>GGHSS SHAM KOT, KABIRWALA</t>
  </si>
  <si>
    <t>basti shamkot tehsil kabirwala distt khanewal</t>
  </si>
  <si>
    <t>UC Shamkot</t>
  </si>
  <si>
    <t>16491</t>
  </si>
  <si>
    <t>52136</t>
  </si>
  <si>
    <t>GGPS 209 EB BASTI JATTAN WALI</t>
  </si>
  <si>
    <t>209/EB</t>
  </si>
  <si>
    <t>chak # 209/E.B P.O #207/E.B tehsil arifwala distt pakpattam</t>
  </si>
  <si>
    <t>GPS HAFIZ ABAD NO.2</t>
  </si>
  <si>
    <t>Rakh Chabbry Zareen</t>
  </si>
  <si>
    <t>chah budhan Wala mouza Rakh Chabbry Zareen Dera Ghazi Khan</t>
  </si>
  <si>
    <t>Chah Budhan Wala</t>
  </si>
  <si>
    <t>Chabbry Zareen</t>
  </si>
  <si>
    <t>52508</t>
  </si>
  <si>
    <t>GPS CHAK UTTAM SINGH</t>
  </si>
  <si>
    <t>Kot Haji Jan Muhammad Muhammad</t>
  </si>
  <si>
    <t>kot Haj Jan Muhammad</t>
  </si>
  <si>
    <t>42603</t>
  </si>
  <si>
    <t>GGHS CHAK NO.140 M</t>
  </si>
  <si>
    <t>140m</t>
  </si>
  <si>
    <t>chak no. 140m</t>
  </si>
  <si>
    <t>Shabana Choudhary</t>
  </si>
  <si>
    <t>22158</t>
  </si>
  <si>
    <t>GGHS MANGOWAL GHARBI</t>
  </si>
  <si>
    <t>mangowal gharbi distt gujrat</t>
  </si>
  <si>
    <t>GPS ALI WALA</t>
  </si>
  <si>
    <t>Sergani Thal</t>
  </si>
  <si>
    <t>GPS Ali Wala moza sergani tehsil karor distt layyah.</t>
  </si>
  <si>
    <t>Sergani Thal Aliwala Wala</t>
  </si>
  <si>
    <t>Elahi Baksh</t>
  </si>
  <si>
    <t>GPS 78/12-L</t>
  </si>
  <si>
    <t>Chak No 78/12L</t>
  </si>
  <si>
    <t>chak no 78/12 L</t>
  </si>
  <si>
    <t>Chak No 78/12 L</t>
  </si>
  <si>
    <t>36090</t>
  </si>
  <si>
    <t>23708</t>
  </si>
  <si>
    <t>GPS MISSION TALHARA</t>
  </si>
  <si>
    <t>Talhara the.daska dist.sialkot</t>
  </si>
  <si>
    <t>50439</t>
  </si>
  <si>
    <t>GPS 79/12-L</t>
  </si>
  <si>
    <t>Chak no 79/12L Teh Chichawatni Dist Sahiwal</t>
  </si>
  <si>
    <t>16809</t>
  </si>
  <si>
    <t>35188</t>
  </si>
  <si>
    <t>GPS CHAK NO.299 EB</t>
  </si>
  <si>
    <t>chak no.299/EB burewala</t>
  </si>
  <si>
    <t>299/eb</t>
  </si>
  <si>
    <t>325/eb</t>
  </si>
  <si>
    <t>Arslan Manzoor</t>
  </si>
  <si>
    <t>49903</t>
  </si>
  <si>
    <t>21542</t>
  </si>
  <si>
    <t>GGES MAHLO WALA</t>
  </si>
  <si>
    <t>village and post office mehlowala</t>
  </si>
  <si>
    <t>Zubaida Sadiq</t>
  </si>
  <si>
    <t>23612</t>
  </si>
  <si>
    <t>GHS AWAMI SATRAH</t>
  </si>
  <si>
    <t>VPO SATRAH</t>
  </si>
  <si>
    <t>MUHAMMAD ZAFARULLAH</t>
  </si>
  <si>
    <t>ELECTRIC PUMP (03-HAND PUMP)</t>
  </si>
  <si>
    <t>GGMPS PHAPRI</t>
  </si>
  <si>
    <t>mirhata uc 32 basti saeed wala ggmps phapri</t>
  </si>
  <si>
    <t>53029</t>
  </si>
  <si>
    <t>GGES AMLI KAY ATHER SHAH(Under NGO)</t>
  </si>
  <si>
    <t>Amli Ky</t>
  </si>
  <si>
    <t>amli ky athr shah</t>
  </si>
  <si>
    <t>Amli Ky Athr Shah</t>
  </si>
  <si>
    <t>Maimona Taimoor</t>
  </si>
  <si>
    <t>50113</t>
  </si>
  <si>
    <t>GHS 8/11-L</t>
  </si>
  <si>
    <t>CHAK NO 8/11-L</t>
  </si>
  <si>
    <t>JOSEPH FAHEEM</t>
  </si>
  <si>
    <t>17023</t>
  </si>
  <si>
    <t>GGHS YAROO KHOSA</t>
  </si>
  <si>
    <t>Govt.Girls High School, Yaroo Khosa,D.G. Khan</t>
  </si>
  <si>
    <t>Rakhshanda  Jabeen</t>
  </si>
  <si>
    <t>17025</t>
  </si>
  <si>
    <t>GHS CHAK NO.247/EB</t>
  </si>
  <si>
    <t>chak No.247/EB</t>
  </si>
  <si>
    <t>GPS CHAK 206 RB IV</t>
  </si>
  <si>
    <t>chak 206 Rb sadowala</t>
  </si>
  <si>
    <t>chak no.206 Rb sadowala</t>
  </si>
  <si>
    <t>chak no 206 Rb</t>
  </si>
  <si>
    <t>chak no 205 Rb</t>
  </si>
  <si>
    <t>GGPS SOOK KHURD</t>
  </si>
  <si>
    <t>village sook khurd</t>
  </si>
  <si>
    <t>Farah Shoukat</t>
  </si>
  <si>
    <t>53039</t>
  </si>
  <si>
    <t>GGES CHAK NO. 25/D</t>
  </si>
  <si>
    <t>25/D</t>
  </si>
  <si>
    <t>25/D,Shergarh   Okara</t>
  </si>
  <si>
    <t>MustafaAbad</t>
  </si>
  <si>
    <t>GPS JHANGIR PUR</t>
  </si>
  <si>
    <t>Jhangir Pur</t>
  </si>
  <si>
    <t>gps jhangir pur p/o mangowal west teh &amp; distt gujrat</t>
  </si>
  <si>
    <t>GGHS BAGH WALA</t>
  </si>
  <si>
    <t>sargani thal</t>
  </si>
  <si>
    <t>GGHS SOLING ADDA BAGHWALA</t>
  </si>
  <si>
    <t>BAGHWALA</t>
  </si>
  <si>
    <t>ALI rajan</t>
  </si>
  <si>
    <t>nargis perveen</t>
  </si>
  <si>
    <t>22728</t>
  </si>
  <si>
    <t>GGCMS MEOWAL</t>
  </si>
  <si>
    <t>Meowal</t>
  </si>
  <si>
    <t>Meowal p/o Boken More Gujrat</t>
  </si>
  <si>
    <t>Jora Jalal Pur</t>
  </si>
  <si>
    <t>Kousar Jahan</t>
  </si>
  <si>
    <t>17622</t>
  </si>
  <si>
    <t>GMPS CHAK NO 452 JB</t>
  </si>
  <si>
    <t>Chak No452JB</t>
  </si>
  <si>
    <t>GMPS Chak No 452/JB</t>
  </si>
  <si>
    <t>Chak No 452JB</t>
  </si>
  <si>
    <t>Chak No215JB</t>
  </si>
  <si>
    <t>27761</t>
  </si>
  <si>
    <t>14967</t>
  </si>
  <si>
    <t>gps 365 GB west</t>
  </si>
  <si>
    <t>365 Gb W</t>
  </si>
  <si>
    <t>364 Gb</t>
  </si>
  <si>
    <t>Mushtaq  Ahmad</t>
  </si>
  <si>
    <t>17058</t>
  </si>
  <si>
    <t>35116</t>
  </si>
  <si>
    <t>GGHS 177 EB</t>
  </si>
  <si>
    <t>chak no. 177   /eb</t>
  </si>
  <si>
    <t>177/EB</t>
  </si>
  <si>
    <t>Gaggoo East</t>
  </si>
  <si>
    <t>farhana munir</t>
  </si>
  <si>
    <t>17061</t>
  </si>
  <si>
    <t>50507</t>
  </si>
  <si>
    <t>GGPS 106/7-R</t>
  </si>
  <si>
    <t>106/7R</t>
  </si>
  <si>
    <t>Memoona Shaukat</t>
  </si>
  <si>
    <t>17062</t>
  </si>
  <si>
    <t>14955</t>
  </si>
  <si>
    <t>GPS CHAK 278 GB</t>
  </si>
  <si>
    <t>Godhuana</t>
  </si>
  <si>
    <t>chak no.278 G.B</t>
  </si>
  <si>
    <t>Chak No 278 Gb</t>
  </si>
  <si>
    <t>Chak No 283 Gb</t>
  </si>
  <si>
    <t>GMPS CHAK NO 227 TDA</t>
  </si>
  <si>
    <t>227/TDA</t>
  </si>
  <si>
    <t>GMPS CHAK NO 227/TDA</t>
  </si>
  <si>
    <t>GGES CHAK NO 256 JB</t>
  </si>
  <si>
    <t>Chak No 256</t>
  </si>
  <si>
    <t>chak no 256.jb. kalian.post office 214 gojra more, tehsil &amp; District jhang</t>
  </si>
  <si>
    <t>Chak No 256 Kalian</t>
  </si>
  <si>
    <t>Chak No 450</t>
  </si>
  <si>
    <t>49715</t>
  </si>
  <si>
    <t>GPS PERSOWAL</t>
  </si>
  <si>
    <t>Persowal</t>
  </si>
  <si>
    <t>village Persowal p.o Persowal teh&amp;Distt gujrat</t>
  </si>
  <si>
    <t>Madiha younas</t>
  </si>
  <si>
    <t>GPS RANG SHAH</t>
  </si>
  <si>
    <t>Basti Rang Shah u/ c Samtia teh.Karor disst.Layyah</t>
  </si>
  <si>
    <t>10478</t>
  </si>
  <si>
    <t>30639</t>
  </si>
  <si>
    <t>GGPS KOTHAY JATTAN</t>
  </si>
  <si>
    <t>village kothay jattan</t>
  </si>
  <si>
    <t>Kothay Jattan</t>
  </si>
  <si>
    <t>Nazia Muhammad Hussain</t>
  </si>
  <si>
    <t>18023</t>
  </si>
  <si>
    <t>31036</t>
  </si>
  <si>
    <t>GHSS YAROO</t>
  </si>
  <si>
    <t>yaroo Khosa</t>
  </si>
  <si>
    <t>Tipu Sultan</t>
  </si>
  <si>
    <t>GGHS NO. 1 HAVELI LAKHA MUNAWAR SHAHEED ROAD</t>
  </si>
  <si>
    <t>GOVT GIRLS HIGH SCHOOL NO 1 MUNAWAR SHAHEED ROAD  HAVELI LAKHA</t>
  </si>
  <si>
    <t>TAHIRA NASREEN HASSAN</t>
  </si>
  <si>
    <t>19970</t>
  </si>
  <si>
    <t>GPS JOURA JALAL PUR</t>
  </si>
  <si>
    <t>Joura Jalal Pur</t>
  </si>
  <si>
    <t>Vill.Joura Jalal.pur.p.o.Teh&amp;Dist.Gujrat</t>
  </si>
  <si>
    <t>26744</t>
  </si>
  <si>
    <t>50146</t>
  </si>
  <si>
    <t>GGHS MC CHICHAWATNI</t>
  </si>
  <si>
    <t>GGHS MC Block 15 CCI</t>
  </si>
  <si>
    <t>Block 15 Cci</t>
  </si>
  <si>
    <t>Rakhshanda Bashir</t>
  </si>
  <si>
    <t>GGPS 5 MARLA SCHEME QADIMI</t>
  </si>
  <si>
    <t>Chak doli shaheed Moza Qadimi jhang</t>
  </si>
  <si>
    <t>Doli Shaheed</t>
  </si>
  <si>
    <t>Humaira Naz</t>
  </si>
  <si>
    <t>19783</t>
  </si>
  <si>
    <t>GPS BALOCHAY WALI</t>
  </si>
  <si>
    <t>Balochay wali</t>
  </si>
  <si>
    <t>Balochay Wali</t>
  </si>
  <si>
    <t>23185</t>
  </si>
  <si>
    <t>GHS AGRO. TECHNICAL 226/RB</t>
  </si>
  <si>
    <t>MALKHANWALA</t>
  </si>
  <si>
    <t>CHAK NO. 226/RB MALKHANWALA, FAISALABAD.</t>
  </si>
  <si>
    <t>CHAK NO. 235/RB</t>
  </si>
  <si>
    <t>ASHRAF ALI ZIA</t>
  </si>
  <si>
    <t>52936</t>
  </si>
  <si>
    <t>GPS PANAH NAGAR</t>
  </si>
  <si>
    <t>Panah Nagar</t>
  </si>
  <si>
    <t>panah nagar</t>
  </si>
  <si>
    <t>Samundari</t>
  </si>
  <si>
    <t>GHS 175/9-L</t>
  </si>
  <si>
    <t>CHAK NO. 175/9-L, CHICHAWATNI, SAHIWAL.</t>
  </si>
  <si>
    <t>175/9L</t>
  </si>
  <si>
    <t>CHAK NO. 147/9-L</t>
  </si>
  <si>
    <t>ARSHID RAOF</t>
  </si>
  <si>
    <t>35097</t>
  </si>
  <si>
    <t>GGHS CHAK NO.509 EB</t>
  </si>
  <si>
    <t>chak no 509/eB</t>
  </si>
  <si>
    <t>CHAK NO 509/EB BUREWALA</t>
  </si>
  <si>
    <t>chak no 509/EB</t>
  </si>
  <si>
    <t>CHAK NO 521/EB</t>
  </si>
  <si>
    <t>Saleema Begum</t>
  </si>
  <si>
    <t>52888</t>
  </si>
  <si>
    <t>GGPS 52-D</t>
  </si>
  <si>
    <t>52/D</t>
  </si>
  <si>
    <t>Chuk 52/D</t>
  </si>
  <si>
    <t>Pipli Pabar</t>
  </si>
  <si>
    <t>tahira Naseem</t>
  </si>
  <si>
    <t>GPS CHAK 206 RB III</t>
  </si>
  <si>
    <t>Ck# 206rb Keronwala</t>
  </si>
  <si>
    <t>G.P/S 206RB III Teh:Japan wala Distt:Faisalabad</t>
  </si>
  <si>
    <t>Chak# 206rb</t>
  </si>
  <si>
    <t>Chak#205rb</t>
  </si>
  <si>
    <t>17122</t>
  </si>
  <si>
    <t>GGHS CHAK NO 92 TDA</t>
  </si>
  <si>
    <t>Chak92 Tda</t>
  </si>
  <si>
    <t>chak92 tda karor</t>
  </si>
  <si>
    <t>Chak 92 Tda</t>
  </si>
  <si>
    <t>Chak 98 Ml</t>
  </si>
  <si>
    <t>Rabia Mazhar</t>
  </si>
  <si>
    <t>22841</t>
  </si>
  <si>
    <t>GPS SHAH RODU</t>
  </si>
  <si>
    <t>SHAH RODU</t>
  </si>
  <si>
    <t>GOVERNMENT PRIMARY SCHOOL SHAH RODU</t>
  </si>
  <si>
    <t>MANGOWAL WEST</t>
  </si>
  <si>
    <t>Mustansar Mahmood</t>
  </si>
  <si>
    <t>GES BASTI LOTHER</t>
  </si>
  <si>
    <t>Khokhar isra nashaib</t>
  </si>
  <si>
    <t>gES basti loother tehsil karor district layyah</t>
  </si>
  <si>
    <t>basti loother</t>
  </si>
  <si>
    <t>Aziz abbas</t>
  </si>
  <si>
    <t>GGES DHAMTHAL</t>
  </si>
  <si>
    <t>village dhamthal, p.o karianwala</t>
  </si>
  <si>
    <t>Rasheeda aslam</t>
  </si>
  <si>
    <t>52576</t>
  </si>
  <si>
    <t>GPS NO.4 DEPALPUR</t>
  </si>
  <si>
    <t>GPS no. 4,depalpur</t>
  </si>
  <si>
    <t>Mc Depalpur</t>
  </si>
  <si>
    <t>GES PALLAY</t>
  </si>
  <si>
    <t>pallay po barrohi</t>
  </si>
  <si>
    <t>Pallay</t>
  </si>
  <si>
    <t>Iftikhar Haroon</t>
  </si>
  <si>
    <t>30829</t>
  </si>
  <si>
    <t>GPS FEROZA TOWN</t>
  </si>
  <si>
    <t>HAYATLAR LAR</t>
  </si>
  <si>
    <t>Gulshan colony feroza</t>
  </si>
  <si>
    <t>HAYATLAR</t>
  </si>
  <si>
    <t>Abdul Rehman Shaheen</t>
  </si>
  <si>
    <t>19268</t>
  </si>
  <si>
    <t>29263</t>
  </si>
  <si>
    <t>GPS MAIN WALA</t>
  </si>
  <si>
    <t>MIAN WALA</t>
  </si>
  <si>
    <t>Mian Wala PO Burj  Kalan Tehsil District KASUR</t>
  </si>
  <si>
    <t>GHULAM FARID</t>
  </si>
  <si>
    <t>31738</t>
  </si>
  <si>
    <t>GGHS PINDI SULTAN PUR</t>
  </si>
  <si>
    <t>37311</t>
  </si>
  <si>
    <t>GGPS 81-82/10-R, KACHA KHUH</t>
  </si>
  <si>
    <t>CHAK NO. 81-82/10-R KHANEWAL</t>
  </si>
  <si>
    <t>CHAK NO. 76/10-R</t>
  </si>
  <si>
    <t>Shahnaz Akthar</t>
  </si>
  <si>
    <t>42302</t>
  </si>
  <si>
    <t>GGPS HILTOPA</t>
  </si>
  <si>
    <t>Village HillTopa Post Office Mallot Sattian Teh Kotli Sattian Dist RWP</t>
  </si>
  <si>
    <t>HillTopa</t>
  </si>
  <si>
    <t>11082</t>
  </si>
  <si>
    <t>29306</t>
  </si>
  <si>
    <t>GPS SHER KOT</t>
  </si>
  <si>
    <t>Sher Kot</t>
  </si>
  <si>
    <t>sher kot</t>
  </si>
  <si>
    <t>Muhammad Maqsood</t>
  </si>
  <si>
    <t>GGES AFZAL ABAD</t>
  </si>
  <si>
    <t>ZAFAR KAY - FEMALE</t>
  </si>
  <si>
    <t>Afzal Abad</t>
  </si>
  <si>
    <t>Peemar Ottar</t>
  </si>
  <si>
    <t>Samra Younas</t>
  </si>
  <si>
    <t>29256</t>
  </si>
  <si>
    <t>GPS BAKHSHAY WALA</t>
  </si>
  <si>
    <t>BAKHSHAY WALA P/O JODH SINGH WALA</t>
  </si>
  <si>
    <t>THATHI USMAN</t>
  </si>
  <si>
    <t>MUHAMMAD AMIN JAVED</t>
  </si>
  <si>
    <t>18904</t>
  </si>
  <si>
    <t>GHS WAGHAL</t>
  </si>
  <si>
    <t>Village and post office waghal tehsil kottli sattian rawalpindi</t>
  </si>
  <si>
    <t>Local pipe line</t>
  </si>
  <si>
    <t>27767</t>
  </si>
  <si>
    <t>GGPS NO. 5 MALAKWAL</t>
  </si>
  <si>
    <t>Malkwal</t>
  </si>
  <si>
    <t>G G P S No 5.Malkwal</t>
  </si>
  <si>
    <t>18912</t>
  </si>
  <si>
    <t>GGES BANGIAL</t>
  </si>
  <si>
    <t>bangial</t>
  </si>
  <si>
    <t>p.o Bangial  tehsil kharian distt gujrat</t>
  </si>
  <si>
    <t>langrail</t>
  </si>
  <si>
    <t>humaira falk</t>
  </si>
  <si>
    <t>GPS CHAK 122-123 NP</t>
  </si>
  <si>
    <t>122-123/NP</t>
  </si>
  <si>
    <t>CHAK123/NP P/O FEROZA TEH.LIAQUETPUR DIST.RAHIM YAR KHAN.</t>
  </si>
  <si>
    <t>Muhammad Arshad Nadeem</t>
  </si>
  <si>
    <t>53742</t>
  </si>
  <si>
    <t>18915</t>
  </si>
  <si>
    <t>42158</t>
  </si>
  <si>
    <t>GGHS MIRZA PUR</t>
  </si>
  <si>
    <t>village and post office mirzapur tehsil kotli sattian district rawalpindi</t>
  </si>
  <si>
    <t>Saiqa Amin</t>
  </si>
  <si>
    <t>18916</t>
  </si>
  <si>
    <t>37297</t>
  </si>
  <si>
    <t>GPS MODEL 11/8-R, KACHA KHUH</t>
  </si>
  <si>
    <t>11/8/r</t>
  </si>
  <si>
    <t>G.g.p.s 11/8/r</t>
  </si>
  <si>
    <t>11-8r</t>
  </si>
  <si>
    <t>11/a/8/r</t>
  </si>
  <si>
    <t>49194</t>
  </si>
  <si>
    <t>29246</t>
  </si>
  <si>
    <t>GPS RATNAY WALA</t>
  </si>
  <si>
    <t>Ratnay Wala</t>
  </si>
  <si>
    <t>Village  Ratnay Wala</t>
  </si>
  <si>
    <t>GULZAR SHAH NAEEM</t>
  </si>
  <si>
    <t>46156</t>
  </si>
  <si>
    <t>GHS MC KHUSHAB</t>
  </si>
  <si>
    <t>purana chock khushab</t>
  </si>
  <si>
    <t>NAZAR HAYAT KHAN</t>
  </si>
  <si>
    <t>18919</t>
  </si>
  <si>
    <t>GPS CHAK 427-B TDA</t>
  </si>
  <si>
    <t>Chak No. 427-B/TDA TEHSIL AND DISTRICT LAYYAH</t>
  </si>
  <si>
    <t>chak No 427-B/TDA</t>
  </si>
  <si>
    <t>Muhammad Ameer Nawaz</t>
  </si>
  <si>
    <t>35742</t>
  </si>
  <si>
    <t>GPS 94 WB</t>
  </si>
  <si>
    <t>chak 94 wb garha more mailsi vehari</t>
  </si>
  <si>
    <t>18687</t>
  </si>
  <si>
    <t>GPS HAJI WALA</t>
  </si>
  <si>
    <t>Chahan Muhammad Shareef muhammad shareef</t>
  </si>
  <si>
    <t>haji wala mouza chahan muhammad shareef teh. kehror pakka distt. lodhran</t>
  </si>
  <si>
    <t>haji wala</t>
  </si>
  <si>
    <t>fareed abad</t>
  </si>
  <si>
    <t>Jamshaid Khan</t>
  </si>
  <si>
    <t>18688</t>
  </si>
  <si>
    <t>29192</t>
  </si>
  <si>
    <t>GPS KALON KALAN KASUR</t>
  </si>
  <si>
    <t>Kailoo Kallan</t>
  </si>
  <si>
    <t>kailoo kallan</t>
  </si>
  <si>
    <t>Bahadur Pure</t>
  </si>
  <si>
    <t>Rizwan Munir</t>
  </si>
  <si>
    <t>34125</t>
  </si>
  <si>
    <t>29205</t>
  </si>
  <si>
    <t>GPS BASTI SULEMAN ABAD</t>
  </si>
  <si>
    <t>village basti sulemanabad kasur</t>
  </si>
  <si>
    <t>Basti Salman Abad SuleSulemSulemaSulemanSulemanaSu</t>
  </si>
  <si>
    <t>18693</t>
  </si>
  <si>
    <t>12338</t>
  </si>
  <si>
    <t>GPS CHAK NO. 583 TDA</t>
  </si>
  <si>
    <t>Chak No 583TDA</t>
  </si>
  <si>
    <t>chak  no 583TDA</t>
  </si>
  <si>
    <t>Chak No 583 Tda</t>
  </si>
  <si>
    <t>ZAHID MAHMOOD</t>
  </si>
  <si>
    <t>GPS KOT MUHAMMAD AMEER</t>
  </si>
  <si>
    <t>Kot Muhammad Ameer</t>
  </si>
  <si>
    <t>kot Muhammad ameer</t>
  </si>
  <si>
    <t>Pemar Ottar</t>
  </si>
  <si>
    <t>Rameez Tahir</t>
  </si>
  <si>
    <t>6294</t>
  </si>
  <si>
    <t>46606</t>
  </si>
  <si>
    <t>GHS JABBI</t>
  </si>
  <si>
    <t>vpo jabbi</t>
  </si>
  <si>
    <t>Muhammad Asad Ullah Shah</t>
  </si>
  <si>
    <t>44653</t>
  </si>
  <si>
    <t>18705</t>
  </si>
  <si>
    <t>38364</t>
  </si>
  <si>
    <t>GGPS SABAZ KOT</t>
  </si>
  <si>
    <t>sabas kot</t>
  </si>
  <si>
    <t>chah nawa jalil wala moza sabaz kot tehsil kehror pakka zila lodhran</t>
  </si>
  <si>
    <t>nawa jalil wala</t>
  </si>
  <si>
    <t>gahi mumar</t>
  </si>
  <si>
    <t>GHS CHAK NO 118 GB</t>
  </si>
  <si>
    <t>Sfaid Poshaan</t>
  </si>
  <si>
    <t>GHS 118 GB</t>
  </si>
  <si>
    <t>Chak No 118 gb</t>
  </si>
  <si>
    <t>121312</t>
  </si>
  <si>
    <t>GES CHARE WAN P/O KULY WALA</t>
  </si>
  <si>
    <t>Charaywan</t>
  </si>
  <si>
    <t>Government E/S Charaywan Kasur</t>
  </si>
  <si>
    <t>Hafiz Muhammad Yahya</t>
  </si>
  <si>
    <t>23204</t>
  </si>
  <si>
    <t>GMPS CHAK FAZAL</t>
  </si>
  <si>
    <t>KAKRALI II - FEMALE</t>
  </si>
  <si>
    <t>Chak Fazal</t>
  </si>
  <si>
    <t>district gujrat tehsel kharian dakhana saria kotla Arab ali khan</t>
  </si>
  <si>
    <t>Chiriawla</t>
  </si>
  <si>
    <t>14515</t>
  </si>
  <si>
    <t>22829</t>
  </si>
  <si>
    <t>GGPS CHAK BAZURG</t>
  </si>
  <si>
    <t>Chak bazurg</t>
  </si>
  <si>
    <t>chak bazurg</t>
  </si>
  <si>
    <t>Chak Bazurg</t>
  </si>
  <si>
    <t>Nosheen Maryam</t>
  </si>
  <si>
    <t>23457</t>
  </si>
  <si>
    <t>16096</t>
  </si>
  <si>
    <t>GGHS CHAK NO 209 RB</t>
  </si>
  <si>
    <t>CHAK NO 209/RB.FAISALABAD.</t>
  </si>
  <si>
    <t>GOVT. GIRLS HIGH SCHOOL 209/RB. FAISALABAD.</t>
  </si>
  <si>
    <t>CHAK NO 209/RB FAISALABAD.</t>
  </si>
  <si>
    <t>sHAHNAZ KAUSAR</t>
  </si>
  <si>
    <t>38244</t>
  </si>
  <si>
    <t>27627</t>
  </si>
  <si>
    <t>Gps Hamid pur</t>
  </si>
  <si>
    <t>Haji Basti</t>
  </si>
  <si>
    <t>Rapper</t>
  </si>
  <si>
    <t>Dilshad Ali</t>
  </si>
  <si>
    <t>29233</t>
  </si>
  <si>
    <t>GPS BHOJJA</t>
  </si>
  <si>
    <t>Bhoja</t>
  </si>
  <si>
    <t>bhoja post ofice sarhali kalan district  kasur</t>
  </si>
  <si>
    <t>Sarhali Kalan</t>
  </si>
  <si>
    <t>Tahir Ismail</t>
  </si>
  <si>
    <t>46257</t>
  </si>
  <si>
    <t>18728</t>
  </si>
  <si>
    <t>42289</t>
  </si>
  <si>
    <t>GGPS BUN RAJIA</t>
  </si>
  <si>
    <t>village Bun Rajia post office Karore Teh kotli sattian district Rawalpindi</t>
  </si>
  <si>
    <t>Bun Rajia</t>
  </si>
  <si>
    <t>Rahila Tabasum</t>
  </si>
  <si>
    <t>6659</t>
  </si>
  <si>
    <t>GHS KANG CHANNAN</t>
  </si>
  <si>
    <t>Kang Channan</t>
  </si>
  <si>
    <t>Kang Channan Tehsil and District Gujrat</t>
  </si>
  <si>
    <t>Ghakhra Kalan</t>
  </si>
  <si>
    <t>18733</t>
  </si>
  <si>
    <t>30010</t>
  </si>
  <si>
    <t>GPS KOT DHILWAN WALA</t>
  </si>
  <si>
    <t>Haller K Pemar</t>
  </si>
  <si>
    <t>kot Dhilman Wala</t>
  </si>
  <si>
    <t>Kot Dhilman Wala</t>
  </si>
  <si>
    <t>Haller K</t>
  </si>
  <si>
    <t>Sardar Bilawal Tahir</t>
  </si>
  <si>
    <t>18737</t>
  </si>
  <si>
    <t>GGHS SADHORA MUSLIM</t>
  </si>
  <si>
    <t>Talab Committee</t>
  </si>
  <si>
    <t>near talab committee</t>
  </si>
  <si>
    <t>saima anjum-un Nisa</t>
  </si>
  <si>
    <t>GPS BAKHSHO GOPANG</t>
  </si>
  <si>
    <t>GPS Bukhsh oo  Gopang</t>
  </si>
  <si>
    <t>Dhandh Gagri</t>
  </si>
  <si>
    <t>Ishaq Ahmed</t>
  </si>
  <si>
    <t>42192</t>
  </si>
  <si>
    <t>GPS BALAWRA</t>
  </si>
  <si>
    <t>Balawara</t>
  </si>
  <si>
    <t>village balawara tehsil and post office kotli sattian,rwp</t>
  </si>
  <si>
    <t>BaLawara</t>
  </si>
  <si>
    <t>Shazia Begum</t>
  </si>
  <si>
    <t>GGPS SHADIWAL KHURD</t>
  </si>
  <si>
    <t>Shadiwal Khurd</t>
  </si>
  <si>
    <t>shadiwal khurd jalalpur jattan gujrat</t>
  </si>
  <si>
    <t>Thathamusa</t>
  </si>
  <si>
    <t>Mahfooz Akhtar</t>
  </si>
  <si>
    <t>8154</t>
  </si>
  <si>
    <t>18744</t>
  </si>
  <si>
    <t>GMPS CHAH KALU WALA</t>
  </si>
  <si>
    <t>GMPS Chah Kalu Wala</t>
  </si>
  <si>
    <t>Chah Kalu Wala</t>
  </si>
  <si>
    <t>29862</t>
  </si>
  <si>
    <t>29307</t>
  </si>
  <si>
    <t>12095</t>
  </si>
  <si>
    <t>GPS KACHI KUTRA</t>
  </si>
  <si>
    <t>basti ser bagh khan wali p/o qasba gujrat teh.kot addu dist.muzaffargarh</t>
  </si>
  <si>
    <t>Ser Bagh Khan Wali</t>
  </si>
  <si>
    <t>Muhammad Safdar Hussain</t>
  </si>
  <si>
    <t>38254</t>
  </si>
  <si>
    <t>GPS BASTI MUD</t>
  </si>
  <si>
    <t>Govt primary school basti mud.(tibbi waddan)</t>
  </si>
  <si>
    <t>29304</t>
  </si>
  <si>
    <t>GPS MANDI DHOLAN HITHAR</t>
  </si>
  <si>
    <t>MANDI DHOLAN</t>
  </si>
  <si>
    <t>MANDI DHOLAN HITHAR TEHSIL AND DISTRICT KASUR</t>
  </si>
  <si>
    <t>Sarwar Masih</t>
  </si>
  <si>
    <t>42211</t>
  </si>
  <si>
    <t>GPS PHOFANDI</t>
  </si>
  <si>
    <t>Phofandi</t>
  </si>
  <si>
    <t>Village Phofandi Teh Kotlisattian</t>
  </si>
  <si>
    <t>29150</t>
  </si>
  <si>
    <t>GPS MC KOT GHULAM MUHAMMAD KASUR</t>
  </si>
  <si>
    <t>Kot Ghulam Muhammad Khan Kasur</t>
  </si>
  <si>
    <t>Ksur City Muhammad Khan KASUR</t>
  </si>
  <si>
    <t>Hasham Bukhari</t>
  </si>
  <si>
    <t>22034</t>
  </si>
  <si>
    <t>25687</t>
  </si>
  <si>
    <t>GPS ALLAH WASAYA</t>
  </si>
  <si>
    <t>Shah Mohammad Marril</t>
  </si>
  <si>
    <t>basti jam Allah wasaya moza shah mohammad maril p/o khan pur tehsil khan pur district rahim yar khan</t>
  </si>
  <si>
    <t>Jam Allah Wasaya</t>
  </si>
  <si>
    <t>Mian Basit Mushtaq</t>
  </si>
  <si>
    <t>18757</t>
  </si>
  <si>
    <t>23227</t>
  </si>
  <si>
    <t>GMPS MATHANA CHAK</t>
  </si>
  <si>
    <t>Mathana Chak</t>
  </si>
  <si>
    <t>mathana chak post office sheikhpur</t>
  </si>
  <si>
    <t>36645</t>
  </si>
  <si>
    <t>GPS PAK KUWAIT MILLS KHUSHAB</t>
  </si>
  <si>
    <t>near pak kuwait mill jauharabad</t>
  </si>
  <si>
    <t>Daira Muhammad Ali</t>
  </si>
  <si>
    <t>16-ii Hadali</t>
  </si>
  <si>
    <t>Tanvir Hussain</t>
  </si>
  <si>
    <t>37354</t>
  </si>
  <si>
    <t>GGCMS 19/9-R KACHA KHUH</t>
  </si>
  <si>
    <t>kacha khuh</t>
  </si>
  <si>
    <t>chak 19/9_R west kacha khuh</t>
  </si>
  <si>
    <t>19/9rwest</t>
  </si>
  <si>
    <t>19/9r West</t>
  </si>
  <si>
    <t>29848</t>
  </si>
  <si>
    <t>18764</t>
  </si>
  <si>
    <t>17574</t>
  </si>
  <si>
    <t>GGPS KOT DEWAN</t>
  </si>
  <si>
    <t>p/o haveli bahadar shah moza kot dewan multan road jhang</t>
  </si>
  <si>
    <t>Kot Dawan</t>
  </si>
  <si>
    <t>38653</t>
  </si>
  <si>
    <t>18773</t>
  </si>
  <si>
    <t>23209</t>
  </si>
  <si>
    <t>GGPS RATHORI</t>
  </si>
  <si>
    <t>Rathori</t>
  </si>
  <si>
    <t>Faiza Iram</t>
  </si>
  <si>
    <t>18097</t>
  </si>
  <si>
    <t>47234</t>
  </si>
  <si>
    <t>18778</t>
  </si>
  <si>
    <t>45858</t>
  </si>
  <si>
    <t>GES BOLA</t>
  </si>
  <si>
    <t>bola</t>
  </si>
  <si>
    <t>16047</t>
  </si>
  <si>
    <t>GPS JOHD JATTAN</t>
  </si>
  <si>
    <t>Johd Wala</t>
  </si>
  <si>
    <t>johd Wala p o usman Wala kasur</t>
  </si>
  <si>
    <t>Nadeem Ali</t>
  </si>
  <si>
    <t>10605</t>
  </si>
  <si>
    <t>GGES 60/GB</t>
  </si>
  <si>
    <t>60Gb</t>
  </si>
  <si>
    <t>chak#60GB</t>
  </si>
  <si>
    <t>Chak#60GB</t>
  </si>
  <si>
    <t>58Gb</t>
  </si>
  <si>
    <t>29161</t>
  </si>
  <si>
    <t>23228</t>
  </si>
  <si>
    <t>GMPS SHEIKHPUR</t>
  </si>
  <si>
    <t>G.M.P.S Sheikhpur</t>
  </si>
  <si>
    <t>Zobia</t>
  </si>
  <si>
    <t>41379</t>
  </si>
  <si>
    <t>GHS THOON</t>
  </si>
  <si>
    <t>THOON</t>
  </si>
  <si>
    <t>VILLAGE THOON P.O KAHUTI SATTIAN DISTT RAWALPINDI</t>
  </si>
  <si>
    <t>Asim Qayyum</t>
  </si>
  <si>
    <t>Pipe line</t>
  </si>
  <si>
    <t>36375</t>
  </si>
  <si>
    <t>18791</t>
  </si>
  <si>
    <t>GPS GHAKHRAH KHURD</t>
  </si>
  <si>
    <t>Mangowal</t>
  </si>
  <si>
    <t>ghakhara Kurd</t>
  </si>
  <si>
    <t>Ghakhara Kurd</t>
  </si>
  <si>
    <t>Ghakhara Kala</t>
  </si>
  <si>
    <t>Asma Liaqat</t>
  </si>
  <si>
    <t>53610</t>
  </si>
  <si>
    <t>45687</t>
  </si>
  <si>
    <t>GPS RAILWAY STATION HADALI</t>
  </si>
  <si>
    <t>Mohalla Railway Station Hadali</t>
  </si>
  <si>
    <t>MC Hadali</t>
  </si>
  <si>
    <t>48628</t>
  </si>
  <si>
    <t>GMPS CHAK NO 164 JB JOIYA</t>
  </si>
  <si>
    <t>CHAK JOIYA WALA</t>
  </si>
  <si>
    <t>chak 164 JB Joiya</t>
  </si>
  <si>
    <t>Joiya Wala</t>
  </si>
  <si>
    <t>Nazia Akbar</t>
  </si>
  <si>
    <t>22587</t>
  </si>
  <si>
    <t>GMPS MATIAN WALA</t>
  </si>
  <si>
    <t>Matianwala</t>
  </si>
  <si>
    <t>village matianwala p.o tanda</t>
  </si>
  <si>
    <t>Zaiba Shafi</t>
  </si>
  <si>
    <t>GGPS AMIR PUR THAHEEM</t>
  </si>
  <si>
    <t>Hamble Wala</t>
  </si>
  <si>
    <t>lal Da Khoh</t>
  </si>
  <si>
    <t>Lal Da Khoh</t>
  </si>
  <si>
    <t>Shabana  Saeed</t>
  </si>
  <si>
    <t>18801</t>
  </si>
  <si>
    <t>GHS KOTLI SATTIAN</t>
  </si>
  <si>
    <t>VILL AND TEHSIL KOTLI SATTIAN</t>
  </si>
  <si>
    <t>TMC KOTLI SATTIAN</t>
  </si>
  <si>
    <t>JAVED AKHTAR</t>
  </si>
  <si>
    <t>33830</t>
  </si>
  <si>
    <t>GGHS CHAK NO 58 JB FSD</t>
  </si>
  <si>
    <t>chak #58 jb lahla</t>
  </si>
  <si>
    <t>Lahla</t>
  </si>
  <si>
    <t>Samra Talib</t>
  </si>
  <si>
    <t>Purchase water cane</t>
  </si>
  <si>
    <t>44551</t>
  </si>
  <si>
    <t>17815</t>
  </si>
  <si>
    <t>GGES DHOLKA COLONY</t>
  </si>
  <si>
    <t>GGES Dholka Colony Akrrianwala Teh Jhang.</t>
  </si>
  <si>
    <t>Akrrianwala</t>
  </si>
  <si>
    <t>Dhorewala</t>
  </si>
  <si>
    <t>Almas safdar</t>
  </si>
  <si>
    <t>22881</t>
  </si>
  <si>
    <t>18334</t>
  </si>
  <si>
    <t>22348</t>
  </si>
  <si>
    <t>Village Dhamthal p/o Karianwala Teh&amp;Distt. Gujrat</t>
  </si>
  <si>
    <t>IMRAN ULLAH</t>
  </si>
  <si>
    <t>7191</t>
  </si>
  <si>
    <t>GGPS KOTLA DAGHLI THAKRA</t>
  </si>
  <si>
    <t>Kotla Dalkhli Thakra</t>
  </si>
  <si>
    <t>ggps kotla dakhli thakra,Haveli Lakha</t>
  </si>
  <si>
    <t>Kotla Dakhli Thakrs</t>
  </si>
  <si>
    <t>42/Sp-samundri</t>
  </si>
  <si>
    <t>25487</t>
  </si>
  <si>
    <t>GGPS KOT AZAM KHAIRPUR TAMEWALI</t>
  </si>
  <si>
    <t>Kot Azam</t>
  </si>
  <si>
    <t>basti kot  azam</t>
  </si>
  <si>
    <t>18338</t>
  </si>
  <si>
    <t>GPS GIDDIAN</t>
  </si>
  <si>
    <t>Giddian</t>
  </si>
  <si>
    <t>village Giddian post office Gorsian Gujrat</t>
  </si>
  <si>
    <t>Lufza Ashfaq</t>
  </si>
  <si>
    <t>22369</t>
  </si>
  <si>
    <t>GPS 581 GB I</t>
  </si>
  <si>
    <t>GPS 581 GB 1 JRW FSD</t>
  </si>
  <si>
    <t>581 Gb</t>
  </si>
  <si>
    <t>383 Gb</t>
  </si>
  <si>
    <t>41946</t>
  </si>
  <si>
    <t>22652</t>
  </si>
  <si>
    <t>GMPS SADDOKI</t>
  </si>
  <si>
    <t>Saddoki</t>
  </si>
  <si>
    <t>village saddoki post office jassoki tehsil and district Gujrat</t>
  </si>
  <si>
    <t>Maryum Khan</t>
  </si>
  <si>
    <t>18345</t>
  </si>
  <si>
    <t>29352</t>
  </si>
  <si>
    <t>GGES BASTI CHOOP SHAH KASUR</t>
  </si>
  <si>
    <t>Chup Shah</t>
  </si>
  <si>
    <t>basti chup shah kasur</t>
  </si>
  <si>
    <t>Surayya Sharazi</t>
  </si>
  <si>
    <t>17869</t>
  </si>
  <si>
    <t>GMPS DHOORI WALA</t>
  </si>
  <si>
    <t>dhori wala tehsil district jhang</t>
  </si>
  <si>
    <t>Munwar Sultana</t>
  </si>
  <si>
    <t>13992</t>
  </si>
  <si>
    <t>18349</t>
  </si>
  <si>
    <t>53008</t>
  </si>
  <si>
    <t>GGES AWAN OUTAR</t>
  </si>
  <si>
    <t>Awan Outar</t>
  </si>
  <si>
    <t>moza awan outar mustafabad 128 dak khana shergarh tehsil depalpur district okara</t>
  </si>
  <si>
    <t>Nayab Tahir</t>
  </si>
  <si>
    <t>21530</t>
  </si>
  <si>
    <t>GPS KHUDA BUKHSH SIAL</t>
  </si>
  <si>
    <t>Khuda Bakhsh Sial</t>
  </si>
  <si>
    <t>basti and moza khuda baksh sial</t>
  </si>
  <si>
    <t>Mohammad Iqbal Hussain</t>
  </si>
  <si>
    <t>18354</t>
  </si>
  <si>
    <t>GPS ZORE KOT</t>
  </si>
  <si>
    <t>basti zorkot khairpur tamewaly</t>
  </si>
  <si>
    <t>Aadil Sajjad</t>
  </si>
  <si>
    <t>52326</t>
  </si>
  <si>
    <t>GGES 29-D</t>
  </si>
  <si>
    <t>29/d</t>
  </si>
  <si>
    <t>29/d dak khana shairgharh depalpr</t>
  </si>
  <si>
    <t>Qila Jwind Sing</t>
  </si>
  <si>
    <t>Perveen Alhtar</t>
  </si>
  <si>
    <t>18001</t>
  </si>
  <si>
    <t>18449</t>
  </si>
  <si>
    <t>GMPS MATTA</t>
  </si>
  <si>
    <t>Matta</t>
  </si>
  <si>
    <t>ratta matta</t>
  </si>
  <si>
    <t>Ratta Matta Shumali</t>
  </si>
  <si>
    <t>Khadija Aftab</t>
  </si>
  <si>
    <t>22597</t>
  </si>
  <si>
    <t>GMPS CHAK SHERO</t>
  </si>
  <si>
    <t>ChakShero</t>
  </si>
  <si>
    <t>village chak shero post office tanda tehsil and district gujrat</t>
  </si>
  <si>
    <t>Chak Shero</t>
  </si>
  <si>
    <t>Khazima Arshad</t>
  </si>
  <si>
    <t>GGPS CHAK NO 163 JB</t>
  </si>
  <si>
    <t>Dubba</t>
  </si>
  <si>
    <t>chak no 163 dubba jhang</t>
  </si>
  <si>
    <t>Chak Sipra</t>
  </si>
  <si>
    <t>16899</t>
  </si>
  <si>
    <t>10335</t>
  </si>
  <si>
    <t>GGPS CHAK NO 295 TDA</t>
  </si>
  <si>
    <t>Chak No. 295/TDA</t>
  </si>
  <si>
    <t>GGPS Chak no 295/TDA Tehsil Karor District Layyah</t>
  </si>
  <si>
    <t>chak no 295/TDA</t>
  </si>
  <si>
    <t>16905</t>
  </si>
  <si>
    <t>52353</t>
  </si>
  <si>
    <t>GGES CHAK SHAH MUHAMMAD</t>
  </si>
  <si>
    <t>Chak Shah Muhammad Bodla</t>
  </si>
  <si>
    <t>chak shah muhammad bodla teh depalpur dist okara</t>
  </si>
  <si>
    <t>Nasim Manzoor</t>
  </si>
  <si>
    <t>35866</t>
  </si>
  <si>
    <t>GGPS 99/TDA DERA KHUDA BAKHSH</t>
  </si>
  <si>
    <t>Dera Khuda Bakhsh Khan</t>
  </si>
  <si>
    <t>chat 99B\TDA DERA KHUDA BAKSH KHAN</t>
  </si>
  <si>
    <t>Kaliyan Thal</t>
  </si>
  <si>
    <t>zarnigar asmat</t>
  </si>
  <si>
    <t>GHS 164/9-L</t>
  </si>
  <si>
    <t>164/9L</t>
  </si>
  <si>
    <t>Chak No. 164/9L Tehsil Chichawatni District Sahiwal</t>
  </si>
  <si>
    <t>17265</t>
  </si>
  <si>
    <t>GPS CHAK NO 256 JB SOUTH</t>
  </si>
  <si>
    <t>256 Jb South</t>
  </si>
  <si>
    <t>chak no.256 jb south</t>
  </si>
  <si>
    <t>450 Jb</t>
  </si>
  <si>
    <t>16923</t>
  </si>
  <si>
    <t>52360</t>
  </si>
  <si>
    <t>GGHS 38 D KALAN</t>
  </si>
  <si>
    <t>38d</t>
  </si>
  <si>
    <t>chak no 38d kalan Depalpur</t>
  </si>
  <si>
    <t>38d Kalan</t>
  </si>
  <si>
    <t>16926</t>
  </si>
  <si>
    <t>GGMPS MC NO. 4</t>
  </si>
  <si>
    <t>Block no 6 Dera Gazi khan</t>
  </si>
  <si>
    <t>Roqueea Begum</t>
  </si>
  <si>
    <t>27489</t>
  </si>
  <si>
    <t>50223</t>
  </si>
  <si>
    <t>GGES 14/11-L</t>
  </si>
  <si>
    <t>Chak 14/11L</t>
  </si>
  <si>
    <t>G.G E.School 14/11L</t>
  </si>
  <si>
    <t>44/12L</t>
  </si>
  <si>
    <t>Naureen Shams</t>
  </si>
  <si>
    <t>18355</t>
  </si>
  <si>
    <t>16928</t>
  </si>
  <si>
    <t>GHS ROONGHAN</t>
  </si>
  <si>
    <t>Manhai</t>
  </si>
  <si>
    <t>Roonghan p/o sakhi sarwar</t>
  </si>
  <si>
    <t>Tumman Lighari Zeren</t>
  </si>
  <si>
    <t>Ismat Ullah</t>
  </si>
  <si>
    <t>35232</t>
  </si>
  <si>
    <t>GPS 98 EB</t>
  </si>
  <si>
    <t>chak No 98/E.B</t>
  </si>
  <si>
    <t>Nasim Iqbal</t>
  </si>
  <si>
    <t>GES MOHSIN ABAD</t>
  </si>
  <si>
    <t>Chak jhangail</t>
  </si>
  <si>
    <t>patwari Chak jhangail U/C Kot mobarak Dera Ghazi Khan</t>
  </si>
  <si>
    <t>Patawari Wala</t>
  </si>
  <si>
    <t>Kot Mobarak</t>
  </si>
  <si>
    <t>Auoon Muhammad</t>
  </si>
  <si>
    <t>16943</t>
  </si>
  <si>
    <t>50212</t>
  </si>
  <si>
    <t>GGHS 44/12-L</t>
  </si>
  <si>
    <t>44/12 L chichawatni</t>
  </si>
  <si>
    <t>44/12 L</t>
  </si>
  <si>
    <t>16944</t>
  </si>
  <si>
    <t>GPS NAWAN LOK LANGAY</t>
  </si>
  <si>
    <t>Nawan Lok Langay</t>
  </si>
  <si>
    <t>p o Lanlgay, nawan lok langay,gujrat,gujrat</t>
  </si>
  <si>
    <t>GGMPS Chanan Wala</t>
  </si>
  <si>
    <t>basti gull wala smina road dg khan</t>
  </si>
  <si>
    <t>23087</t>
  </si>
  <si>
    <t>22448</t>
  </si>
  <si>
    <t>GPS BOKEN</t>
  </si>
  <si>
    <t>Vill Boken Gujrat</t>
  </si>
  <si>
    <t>Jora Jalalpure</t>
  </si>
  <si>
    <t>Atezaz Ashraf</t>
  </si>
  <si>
    <t>16797</t>
  </si>
  <si>
    <t>16952</t>
  </si>
  <si>
    <t>52296</t>
  </si>
  <si>
    <t>GHS DEVA SINGH</t>
  </si>
  <si>
    <t>qila dewa singh</t>
  </si>
  <si>
    <t>MUHAMMAD Asghar</t>
  </si>
  <si>
    <t>GPS CHAK NO 172 JB</t>
  </si>
  <si>
    <t>Jhok Khushal</t>
  </si>
  <si>
    <t>chak No 172, p/o  chak No 175, tehsil and District Jhang.</t>
  </si>
  <si>
    <t>Chak No 172</t>
  </si>
  <si>
    <t>Ghulam Jelani</t>
  </si>
  <si>
    <t>7421</t>
  </si>
  <si>
    <t>22171</t>
  </si>
  <si>
    <t>GGHS SULTAN BUKISH GUJRAT</t>
  </si>
  <si>
    <t>Sultan Bukhsh</t>
  </si>
  <si>
    <t>govt. sultan bukish railway road gujrat</t>
  </si>
  <si>
    <t>aziz abad Railway road</t>
  </si>
  <si>
    <t>chah kholay</t>
  </si>
  <si>
    <t>Sobia Ali</t>
  </si>
  <si>
    <t>50414</t>
  </si>
  <si>
    <t>GPS 1/14-L</t>
  </si>
  <si>
    <t>Chak 1/14-L</t>
  </si>
  <si>
    <t>35211</t>
  </si>
  <si>
    <t>GPS CHAK NO.285 EB</t>
  </si>
  <si>
    <t>285eb</t>
  </si>
  <si>
    <t>chak no 285eb</t>
  </si>
  <si>
    <t>7845</t>
  </si>
  <si>
    <t>6489</t>
  </si>
  <si>
    <t>GPS 11/14-L</t>
  </si>
  <si>
    <t>11/14L</t>
  </si>
  <si>
    <t>7/14L</t>
  </si>
  <si>
    <t>Muhammad Mowaz</t>
  </si>
  <si>
    <t>22838</t>
  </si>
  <si>
    <t>GHS NAGRIAN WALA</t>
  </si>
  <si>
    <t>village and post office nagrianwala</t>
  </si>
  <si>
    <t>52691</t>
  </si>
  <si>
    <t>GGES SUKHA LADHOKA</t>
  </si>
  <si>
    <t>sukha ladhoka</t>
  </si>
  <si>
    <t>GGES Sukha ladhuka</t>
  </si>
  <si>
    <t>Muhammad nagar</t>
  </si>
  <si>
    <t>50514</t>
  </si>
  <si>
    <t>GGPS 107/7-R</t>
  </si>
  <si>
    <t>28793</t>
  </si>
  <si>
    <t>GPS HADI HASSAN</t>
  </si>
  <si>
    <t>Chak No 253 J B Basti Had I Hussain Tehdil &amp; District Jhng</t>
  </si>
  <si>
    <t>Chak No 253 J B</t>
  </si>
  <si>
    <t>Chak No 250 J B</t>
  </si>
  <si>
    <t>Muhammad Azhar Hussain</t>
  </si>
  <si>
    <t>17002</t>
  </si>
  <si>
    <t>52704</t>
  </si>
  <si>
    <t>GGPS KORRAY</t>
  </si>
  <si>
    <t>Korray Jorray</t>
  </si>
  <si>
    <t>moza korray jorray post office Hujra shah muqeem teh. Depalpur District.  Okara</t>
  </si>
  <si>
    <t>Korray</t>
  </si>
  <si>
    <t>Bhon  Manzabta</t>
  </si>
  <si>
    <t>Shammila  Nawaz</t>
  </si>
  <si>
    <t>17003</t>
  </si>
  <si>
    <t>50380</t>
  </si>
  <si>
    <t>GPS 55-A/12-L</t>
  </si>
  <si>
    <t>55-A /12-L</t>
  </si>
  <si>
    <t>Chak55A/12.L</t>
  </si>
  <si>
    <t>Chak 55A/12L</t>
  </si>
  <si>
    <t>52315</t>
  </si>
  <si>
    <t>17004</t>
  </si>
  <si>
    <t>GHS 275 EB</t>
  </si>
  <si>
    <t>GHS 275/EB BUREWALA</t>
  </si>
  <si>
    <t>CHAK NO. 275/EB</t>
  </si>
  <si>
    <t>CHAK NO. 283/EB</t>
  </si>
  <si>
    <t>17015</t>
  </si>
  <si>
    <t>16967</t>
  </si>
  <si>
    <t>GGHS HERMAL PUR</t>
  </si>
  <si>
    <t>govt. girls high school harmalpur jhang</t>
  </si>
  <si>
    <t>Harmalpur</t>
  </si>
  <si>
    <t>Dr.Imrana Muzammil Sial</t>
  </si>
  <si>
    <t>20173</t>
  </si>
  <si>
    <t>29288</t>
  </si>
  <si>
    <t>53016</t>
  </si>
  <si>
    <t>GGES  4-D</t>
  </si>
  <si>
    <t>4 D</t>
  </si>
  <si>
    <t>GGES 4 D</t>
  </si>
  <si>
    <t>Qila Diwan Singh</t>
  </si>
  <si>
    <t>Kalsoom Ashraf</t>
  </si>
  <si>
    <t>38060</t>
  </si>
  <si>
    <t>37801</t>
  </si>
  <si>
    <t>18369</t>
  </si>
  <si>
    <t>GHS MC PARTAB NAGAR FAISALABAD</t>
  </si>
  <si>
    <t>partap nagar</t>
  </si>
  <si>
    <t>punj peer, faisalabad</t>
  </si>
  <si>
    <t>punj peer</t>
  </si>
  <si>
    <t>GGPS KOT FATEH BAZ KHAN</t>
  </si>
  <si>
    <t>Kot Fateh Baz Khan</t>
  </si>
  <si>
    <t>Fatima Yaqoob</t>
  </si>
  <si>
    <t>21986</t>
  </si>
  <si>
    <t>18379</t>
  </si>
  <si>
    <t>38238</t>
  </si>
  <si>
    <t>GPS SABAZ KOT</t>
  </si>
  <si>
    <t>Sabez Kot</t>
  </si>
  <si>
    <t>mouza sabez kot tehsil kehror pakka</t>
  </si>
  <si>
    <t>Gahi Mummer</t>
  </si>
  <si>
    <t>18382</t>
  </si>
  <si>
    <t>GPS KHAIRPUR TAMEWALI</t>
  </si>
  <si>
    <t>khairpur</t>
  </si>
  <si>
    <t>muhala wedera kpt</t>
  </si>
  <si>
    <t>maqbool ahmed</t>
  </si>
  <si>
    <t>18383</t>
  </si>
  <si>
    <t>53012</t>
  </si>
  <si>
    <t>GGES THATHA MEHAR ALI SHAH</t>
  </si>
  <si>
    <t>Thatha Mehar Ali Shah</t>
  </si>
  <si>
    <t>Gg e/s thatha mehr ali shah</t>
  </si>
  <si>
    <t>Thatha Mehr Ali Shah</t>
  </si>
  <si>
    <t>Azra Ashraf</t>
  </si>
  <si>
    <t>47157</t>
  </si>
  <si>
    <t>16814</t>
  </si>
  <si>
    <t>GHSS BAGH TC BAGH TOBA ROAD JHANG</t>
  </si>
  <si>
    <t>bagh</t>
  </si>
  <si>
    <t>toba road jhang sadar</t>
  </si>
  <si>
    <t>urban bagh</t>
  </si>
  <si>
    <t>56574</t>
  </si>
  <si>
    <t>31656</t>
  </si>
  <si>
    <t>GGPS HARI HER</t>
  </si>
  <si>
    <t>Hari Har</t>
  </si>
  <si>
    <t>hari har</t>
  </si>
  <si>
    <t>Nighat Zobia</t>
  </si>
  <si>
    <t>24899</t>
  </si>
  <si>
    <t>22259</t>
  </si>
  <si>
    <t>GGHS GILLAN WALA</t>
  </si>
  <si>
    <t>gillanwala</t>
  </si>
  <si>
    <t>GGHS GILLANWALA TEHSILE &amp; DISTRICT. GUJRAT</t>
  </si>
  <si>
    <t>18392</t>
  </si>
  <si>
    <t>GPS WARAN P/O QADI WIND</t>
  </si>
  <si>
    <t>GPS warn</t>
  </si>
  <si>
    <t>Akhter Parvez Shakir</t>
  </si>
  <si>
    <t>18395</t>
  </si>
  <si>
    <t>22853</t>
  </si>
  <si>
    <t>GGPS SANGO</t>
  </si>
  <si>
    <t>Sango</t>
  </si>
  <si>
    <t>sango sharif tanda Gujrat</t>
  </si>
  <si>
    <t>Barella</t>
  </si>
  <si>
    <t>Noreen Munir</t>
  </si>
  <si>
    <t>41478</t>
  </si>
  <si>
    <t>18404</t>
  </si>
  <si>
    <t>GES BHINDI</t>
  </si>
  <si>
    <t>Noor Sial</t>
  </si>
  <si>
    <t>Bhindi</t>
  </si>
  <si>
    <t>Muhammad iqbal baibrus</t>
  </si>
  <si>
    <t>22461</t>
  </si>
  <si>
    <t>GGPS DHILLU SHARQI</t>
  </si>
  <si>
    <t>Village Dhillu Sharqi,P/O Jalal Pur Jattan,Gujrat</t>
  </si>
  <si>
    <t>Dhillu Sharqi</t>
  </si>
  <si>
    <t>24528</t>
  </si>
  <si>
    <t>17861</t>
  </si>
  <si>
    <t>GHS BHOKAN</t>
  </si>
  <si>
    <t>BHOOKAN</t>
  </si>
  <si>
    <t>GHS BHOOKAN DEPALPUR OKARA</t>
  </si>
  <si>
    <t>PHULAR WAN WAZEER KAY</t>
  </si>
  <si>
    <t>ehsan ul haq Zaheer</t>
  </si>
  <si>
    <t>17868</t>
  </si>
  <si>
    <t>52816</t>
  </si>
  <si>
    <t>GGPS PHULAR WAN KAMBOH</t>
  </si>
  <si>
    <t>Phularwon Kambo</t>
  </si>
  <si>
    <t>Phularwon kamboh</t>
  </si>
  <si>
    <t>Phularwon Kamboh</t>
  </si>
  <si>
    <t>Amlimoti</t>
  </si>
  <si>
    <t>Nadia Zaheer</t>
  </si>
  <si>
    <t>GGHS CHAK 7 JB PUNJWAR</t>
  </si>
  <si>
    <t>7 JB</t>
  </si>
  <si>
    <t>7JB PUNJWAR FAISLABAD</t>
  </si>
  <si>
    <t>PUNJWAR</t>
  </si>
  <si>
    <t>GHOSIA TOWN 7JB II</t>
  </si>
  <si>
    <t>Samina Nazar</t>
  </si>
  <si>
    <t>Ssmundar</t>
  </si>
  <si>
    <t>Chak No 283 GB</t>
  </si>
  <si>
    <t>Chak No 283 gb</t>
  </si>
  <si>
    <t>Irshad Akhtar</t>
  </si>
  <si>
    <t>17874</t>
  </si>
  <si>
    <t>GGPS SHAMAS KAY</t>
  </si>
  <si>
    <t>moza shamas kay p/o hujra shah muqeem tehsel depalpur district okara</t>
  </si>
  <si>
    <t>Jhujh Kallan</t>
  </si>
  <si>
    <t>Misbah Sadiq</t>
  </si>
  <si>
    <t>15370</t>
  </si>
  <si>
    <t>17875</t>
  </si>
  <si>
    <t>GES THATHA JHABANA</t>
  </si>
  <si>
    <t>Thatha Jhabana</t>
  </si>
  <si>
    <t>Muza Thattha Jhabana Tehsil Jhang</t>
  </si>
  <si>
    <t>Pubberwala</t>
  </si>
  <si>
    <t>Rauf Azhar</t>
  </si>
  <si>
    <t>17877</t>
  </si>
  <si>
    <t>GGHS CHAK 91 RB</t>
  </si>
  <si>
    <t>91 Rb</t>
  </si>
  <si>
    <t>GGHS 91 rb teh jaranwala distt faisalabad</t>
  </si>
  <si>
    <t>91 Rb Dhunuana</t>
  </si>
  <si>
    <t>Sajida Mukhtar</t>
  </si>
  <si>
    <t>GGPS KHIZAR WALA</t>
  </si>
  <si>
    <t>ashaba</t>
  </si>
  <si>
    <t>GGPS Khizar wala</t>
  </si>
  <si>
    <t>khizar wala</t>
  </si>
  <si>
    <t>Riffat yasmeen</t>
  </si>
  <si>
    <t>52244</t>
  </si>
  <si>
    <t>GGHS HUJRA SHAH MUQEEM</t>
  </si>
  <si>
    <t>hUJRA</t>
  </si>
  <si>
    <t>NAI ABADI CHUNIAN ROAD HUJRA SHAH hujra</t>
  </si>
  <si>
    <t>CHUNIAN ROAD</t>
  </si>
  <si>
    <t>Town Committe Hujra Shah Muqeem</t>
  </si>
  <si>
    <t>22483</t>
  </si>
  <si>
    <t>GMPS NAND PUR</t>
  </si>
  <si>
    <t>GMPS NAND PUR JALAL PUR JATTAN</t>
  </si>
  <si>
    <t>17886</t>
  </si>
  <si>
    <t>GGCMS WADDAN</t>
  </si>
  <si>
    <t>waddan</t>
  </si>
  <si>
    <t>waddan, near mandi shah jewna, jhang</t>
  </si>
  <si>
    <t>Lubna Iqbal</t>
  </si>
  <si>
    <t>16192</t>
  </si>
  <si>
    <t>GHS 209/RB</t>
  </si>
  <si>
    <t>209 RB</t>
  </si>
  <si>
    <t>GHS CHAK NO 209 RB FAISALABAD</t>
  </si>
  <si>
    <t>CHAK N0 209 RB AKALGARH</t>
  </si>
  <si>
    <t>209 RB AKALGARH FSD</t>
  </si>
  <si>
    <t>PERVAIZ ANWAR</t>
  </si>
  <si>
    <t>17732</t>
  </si>
  <si>
    <t>GGPS GHOUS PUR GUJJRAN (GATHAY PHAKNI)</t>
  </si>
  <si>
    <t>Ghous Pur Gujran</t>
  </si>
  <si>
    <t>GGPS Ghos Pur Gujran</t>
  </si>
  <si>
    <t>Dhool Chohar</t>
  </si>
  <si>
    <t>Toqir Robina</t>
  </si>
  <si>
    <t>14540</t>
  </si>
  <si>
    <t>17733</t>
  </si>
  <si>
    <t>50109</t>
  </si>
  <si>
    <t>GHS 35/12-L</t>
  </si>
  <si>
    <t>Chak 35/12L</t>
  </si>
  <si>
    <t>Chak 35/12-L, Chichawatni</t>
  </si>
  <si>
    <t>Chak 35/12_L,</t>
  </si>
  <si>
    <t>Chak 10/11-L</t>
  </si>
  <si>
    <t>HAJI AMJAD IQBAL</t>
  </si>
  <si>
    <t>17735</t>
  </si>
  <si>
    <t>52896</t>
  </si>
  <si>
    <t>GGPS KHARAK SINGH</t>
  </si>
  <si>
    <t>Dera Hafeez Khan</t>
  </si>
  <si>
    <t>Dera Hafeez Khan Kharak Singh Tehsil Depalpur District Okara</t>
  </si>
  <si>
    <t>KHARAK SINGH</t>
  </si>
  <si>
    <t>Sahrash Mushtaq</t>
  </si>
  <si>
    <t>Nearby tube well and school neighbors</t>
  </si>
  <si>
    <t>10588</t>
  </si>
  <si>
    <t>9635</t>
  </si>
  <si>
    <t>22335</t>
  </si>
  <si>
    <t>GPS MANGOWAL EAST</t>
  </si>
  <si>
    <t>Mangowal East</t>
  </si>
  <si>
    <t>Mangowal Sharqi</t>
  </si>
  <si>
    <t>Behraj</t>
  </si>
  <si>
    <t>Muhammad Irfan Bashir</t>
  </si>
  <si>
    <t>13603</t>
  </si>
  <si>
    <t>GGES SOORA SINGH</t>
  </si>
  <si>
    <t>sora singh</t>
  </si>
  <si>
    <t>g.g.e.s.sora singh</t>
  </si>
  <si>
    <t>dhrmewala</t>
  </si>
  <si>
    <t>29215</t>
  </si>
  <si>
    <t>17748</t>
  </si>
  <si>
    <t>GHS SHER CHAKAR</t>
  </si>
  <si>
    <t>Haveli Shiekh Raju</t>
  </si>
  <si>
    <t>haveli shiekh raju jhang</t>
  </si>
  <si>
    <t>ZAFAR ABBAS</t>
  </si>
  <si>
    <t>22082</t>
  </si>
  <si>
    <t>GHS ZAMINDAR GUJRAT</t>
  </si>
  <si>
    <t>GOVT. ZAMINDAR HIGH SCHOOL BHIMBER ROAD GUJRAT</t>
  </si>
  <si>
    <t>Chak Mehmada Sharqi gujrat</t>
  </si>
  <si>
    <t>TARIQ MEHMOOD ATIQUE</t>
  </si>
  <si>
    <t>GMPS CHAK NO. 260 VIJHLANA</t>
  </si>
  <si>
    <t>chak no 260 vijhlana</t>
  </si>
  <si>
    <t>Chak No260 Vijhlana</t>
  </si>
  <si>
    <t>Pakhra Sulta</t>
  </si>
  <si>
    <t>Mutmtaz Begum</t>
  </si>
  <si>
    <t>20959</t>
  </si>
  <si>
    <t>17756</t>
  </si>
  <si>
    <t>9984</t>
  </si>
  <si>
    <t>GGHS CHAK NO. 234-A/TDA</t>
  </si>
  <si>
    <t>govt.girls high school 234A/TDA fateh pur tehsil karor district layah</t>
  </si>
  <si>
    <t>234A/TDA</t>
  </si>
  <si>
    <t>Sahrish Khan</t>
  </si>
  <si>
    <t>12535</t>
  </si>
  <si>
    <t>17759</t>
  </si>
  <si>
    <t>52285</t>
  </si>
  <si>
    <t>GES FARID PUR JAGIR</t>
  </si>
  <si>
    <t>Faridpur Jagir</t>
  </si>
  <si>
    <t>faridpur jagir, depalpur,okara</t>
  </si>
  <si>
    <t>Bhoomanshah</t>
  </si>
  <si>
    <t>Muhammad Saleem Kashar</t>
  </si>
  <si>
    <t>50126</t>
  </si>
  <si>
    <t>GHS 39/ 14-L</t>
  </si>
  <si>
    <t>Chao no. 39/14-L,Tehsil Chichawatni, District Sahiwal</t>
  </si>
  <si>
    <t>KHALID MEHMOOD AMIR</t>
  </si>
  <si>
    <t>GGPS CHAK NO.97/TDA</t>
  </si>
  <si>
    <t>97/TDA</t>
  </si>
  <si>
    <t>chak no.97/TDA</t>
  </si>
  <si>
    <t>Imrana Javid</t>
  </si>
  <si>
    <t>GES 48 JB</t>
  </si>
  <si>
    <t>GES 48J.B BHAMIPUR FAISALABAD</t>
  </si>
  <si>
    <t>bhamipur</t>
  </si>
  <si>
    <t>2 j.b</t>
  </si>
  <si>
    <t>17772</t>
  </si>
  <si>
    <t>GMPS JAMAL WALA</t>
  </si>
  <si>
    <t>fareedwala mouza mukhiana</t>
  </si>
  <si>
    <t>Fareedwala</t>
  </si>
  <si>
    <t>GGPS CHAK NO. 99 TDA (TOPI WALA)</t>
  </si>
  <si>
    <t>Topi Wala</t>
  </si>
  <si>
    <t>chak no 99/TDA peer swag solang karor lal eason</t>
  </si>
  <si>
    <t>chak no 99/TDA</t>
  </si>
  <si>
    <t>Gray wala</t>
  </si>
  <si>
    <t>Javaria Parween</t>
  </si>
  <si>
    <t>GGPS 175/9-L</t>
  </si>
  <si>
    <t>chak no 175/9L</t>
  </si>
  <si>
    <t>Farukh Riaz</t>
  </si>
  <si>
    <t>GHS CHAURASTA MIAN KHAN</t>
  </si>
  <si>
    <t>CHORASTA MIAN KHAN</t>
  </si>
  <si>
    <t>HAVELI ROAD , CHORASTA MIAN KHAN</t>
  </si>
  <si>
    <t>ARORA MIAN KHAN</t>
  </si>
  <si>
    <t>SAGHIR AHMAD JAVED</t>
  </si>
  <si>
    <t>22776</t>
  </si>
  <si>
    <t>GGPS BALHAR</t>
  </si>
  <si>
    <t>ballhar</t>
  </si>
  <si>
    <t>village ballhar Tehsil and district Gujrat</t>
  </si>
  <si>
    <t>Raheela Anwar</t>
  </si>
  <si>
    <t>GES BHAKOKI</t>
  </si>
  <si>
    <t>Bhakoki</t>
  </si>
  <si>
    <t>Bhakoki post office jalalpur jattan Gujrat</t>
  </si>
  <si>
    <t>Thata Musa</t>
  </si>
  <si>
    <t>51730</t>
  </si>
  <si>
    <t>17701</t>
  </si>
  <si>
    <t>GGPS KOT BOORA</t>
  </si>
  <si>
    <t>Kot Boora</t>
  </si>
  <si>
    <t>mouza kot boora tehsil and district jhang</t>
  </si>
  <si>
    <t>Asia Gul</t>
  </si>
  <si>
    <t>GHS CHAK NO 653/4 GB</t>
  </si>
  <si>
    <t>653/4GB</t>
  </si>
  <si>
    <t>Chak No. 653/4 GB, Jaranwala</t>
  </si>
  <si>
    <t>Chak 653/4GB</t>
  </si>
  <si>
    <t>Kot Balkram 647</t>
  </si>
  <si>
    <t>17790</t>
  </si>
  <si>
    <t>50093</t>
  </si>
  <si>
    <t>GHSS 96/12-L</t>
  </si>
  <si>
    <t>Chak 96/12L</t>
  </si>
  <si>
    <t>chak no 96/12.L tehsil chichawatni district sahiwal</t>
  </si>
  <si>
    <t>Chak No 96/12L</t>
  </si>
  <si>
    <t>GMPS SAHDOKI</t>
  </si>
  <si>
    <t>Sahdoki</t>
  </si>
  <si>
    <t>village sahdoki P.O Dullanwala tehsil &amp;district  Gujrat</t>
  </si>
  <si>
    <t>Muchiana</t>
  </si>
  <si>
    <t>11745</t>
  </si>
  <si>
    <t>18215</t>
  </si>
  <si>
    <t>22692</t>
  </si>
  <si>
    <t>GGPS GARHI BAHU</t>
  </si>
  <si>
    <t>Garhi Bahu</t>
  </si>
  <si>
    <t>village garhi bahu post office doulatnagar tehsil and district Gujrat</t>
  </si>
  <si>
    <t>Doulat Nagar</t>
  </si>
  <si>
    <t>saima iqbal</t>
  </si>
  <si>
    <t>26695</t>
  </si>
  <si>
    <t>25077</t>
  </si>
  <si>
    <t>22309</t>
  </si>
  <si>
    <t>GPS DHERO GHUNA</t>
  </si>
  <si>
    <t>Dheru Ghunna</t>
  </si>
  <si>
    <t>Village Dheru Ghunna Gujrat</t>
  </si>
  <si>
    <t>48439</t>
  </si>
  <si>
    <t>52270</t>
  </si>
  <si>
    <t>50138</t>
  </si>
  <si>
    <t>GHS 82/12-L</t>
  </si>
  <si>
    <t>Govt. High School 82/12.L Teh. Chichawatni Distt. Sahiwal</t>
  </si>
  <si>
    <t>Chak No. 82/12-L</t>
  </si>
  <si>
    <t>Chak No. 31/14-L</t>
  </si>
  <si>
    <t>Fazal Elahi Zahid</t>
  </si>
  <si>
    <t>17807</t>
  </si>
  <si>
    <t>52736</t>
  </si>
  <si>
    <t>GGCMS RAJ GARRH</t>
  </si>
  <si>
    <t>Raj Garh</t>
  </si>
  <si>
    <t>Rajgarh teh depalpur dist okara</t>
  </si>
  <si>
    <t>Qila Dewan Sing</t>
  </si>
  <si>
    <t>GGPS SUMANDARI KALAN</t>
  </si>
  <si>
    <t>Sumandri Kalan</t>
  </si>
  <si>
    <t>GGPS sumandri Kalan</t>
  </si>
  <si>
    <t>Mansor Sial</t>
  </si>
  <si>
    <t>54255</t>
  </si>
  <si>
    <t>GPS DOUKA BALOCHAN, BASTI AHMAD PUR SIAL</t>
  </si>
  <si>
    <t>Doukan Balochan Mouza Doukan Balochan Basti AP Sial</t>
  </si>
  <si>
    <t>mouza doukan balochan basti ahmad pur sial</t>
  </si>
  <si>
    <t>AP Sial</t>
  </si>
  <si>
    <t>Khawar Ayub</t>
  </si>
  <si>
    <t>52928</t>
  </si>
  <si>
    <t>GPS BASTI METHALE WALI</t>
  </si>
  <si>
    <t>Dharanga</t>
  </si>
  <si>
    <t>Basti Mathelay wali</t>
  </si>
  <si>
    <t>Basti Mathelay Wali</t>
  </si>
  <si>
    <t>Nehal Mehar</t>
  </si>
  <si>
    <t>MOHSIN ALI RAZA</t>
  </si>
  <si>
    <t>45793</t>
  </si>
  <si>
    <t>14965</t>
  </si>
  <si>
    <t>GPS CHAK 362 GB</t>
  </si>
  <si>
    <t>Munisb De Jhok</t>
  </si>
  <si>
    <t>chak no 362gb the jaranwala Distt fsd</t>
  </si>
  <si>
    <t>Chak No 362gb</t>
  </si>
  <si>
    <t>Chak No 364gb</t>
  </si>
  <si>
    <t>Muhammad Sher Zaman</t>
  </si>
  <si>
    <t>42276</t>
  </si>
  <si>
    <t>GMPS AKBAR PURA</t>
  </si>
  <si>
    <t>Basti ghulam akbar mohal Mouza mohal jhang</t>
  </si>
  <si>
    <t>Basti ghulam Akbar</t>
  </si>
  <si>
    <t>Mansoor Sail</t>
  </si>
  <si>
    <t>Kouser Perveen</t>
  </si>
  <si>
    <t>22733</t>
  </si>
  <si>
    <t>GGPS BOLAY</t>
  </si>
  <si>
    <t>Bolay</t>
  </si>
  <si>
    <t>39727</t>
  </si>
  <si>
    <t>17830</t>
  </si>
  <si>
    <t>52773</t>
  </si>
  <si>
    <t>GGPS BUNGA SALEH</t>
  </si>
  <si>
    <t>Bunga saleh tehsil depalpur(okara)</t>
  </si>
  <si>
    <t>Bunga Saleh</t>
  </si>
  <si>
    <t>43829</t>
  </si>
  <si>
    <t>GGPS KHEWA</t>
  </si>
  <si>
    <t>ggps khewa.p.o.j.p.j</t>
  </si>
  <si>
    <t>Sharjeela Sharif</t>
  </si>
  <si>
    <t>GHS SHAH JEWNA CITY</t>
  </si>
  <si>
    <t>ShAh Jewana</t>
  </si>
  <si>
    <t>ShAh Jewana city, jhang</t>
  </si>
  <si>
    <t>17835</t>
  </si>
  <si>
    <t>53038</t>
  </si>
  <si>
    <t>GGES CHAK WALAIT ALI SHAH</t>
  </si>
  <si>
    <t>Chak Walait Ali Shah</t>
  </si>
  <si>
    <t>GGES chak walait ali shah</t>
  </si>
  <si>
    <t>Bhutta Muhabat</t>
  </si>
  <si>
    <t>Sumaira</t>
  </si>
  <si>
    <t>22586</t>
  </si>
  <si>
    <t>GGPS HADKA</t>
  </si>
  <si>
    <t>Hadka</t>
  </si>
  <si>
    <t>hadka</t>
  </si>
  <si>
    <t>Parveen Kousar</t>
  </si>
  <si>
    <t>31141</t>
  </si>
  <si>
    <t>28689</t>
  </si>
  <si>
    <t>GES AWAN KALAN</t>
  </si>
  <si>
    <t>Awan Kalan P/O Hujra Shah Muqeem Okara</t>
  </si>
  <si>
    <t>15844</t>
  </si>
  <si>
    <t>GPS 9 JB</t>
  </si>
  <si>
    <t>chak no 9 jb</t>
  </si>
  <si>
    <t>chak no. 9 jb bholay wal</t>
  </si>
  <si>
    <t>chak no. 9 jb</t>
  </si>
  <si>
    <t>MUHAMMAD SAIFULLAH</t>
  </si>
  <si>
    <t>sold water can from Bazaar</t>
  </si>
  <si>
    <t>GPS 6 JB EAST</t>
  </si>
  <si>
    <t>6 JB EAST</t>
  </si>
  <si>
    <t>27592</t>
  </si>
  <si>
    <t>52351</t>
  </si>
  <si>
    <t>GGES PROBAN ABAD</t>
  </si>
  <si>
    <t>Army Stud Form</t>
  </si>
  <si>
    <t>Govt girls elementary school probynabad</t>
  </si>
  <si>
    <t>Probynabad</t>
  </si>
  <si>
    <t>Sumaira Afzal</t>
  </si>
  <si>
    <t>40755</t>
  </si>
  <si>
    <t>GPS TIBBI GHOUS</t>
  </si>
  <si>
    <t>Tibbi Ghous</t>
  </si>
  <si>
    <t>village Tibbi Ghous , teh &amp; dist gujrat</t>
  </si>
  <si>
    <t>Maria Bashir</t>
  </si>
  <si>
    <t>17895</t>
  </si>
  <si>
    <t>52692</t>
  </si>
  <si>
    <t>GGPS THATHA MIANA</t>
  </si>
  <si>
    <t>Basti Ahmad Abad</t>
  </si>
  <si>
    <t>GGPS Thatha Miana</t>
  </si>
  <si>
    <t>Hujra II</t>
  </si>
  <si>
    <t>35508</t>
  </si>
  <si>
    <t>17504</t>
  </si>
  <si>
    <t>GGHS BAGHRI NO 2</t>
  </si>
  <si>
    <t>GGHS Baghri, Chokian Stop, Malhuana Morr, Jhang.</t>
  </si>
  <si>
    <t>Baghri Sargana</t>
  </si>
  <si>
    <t>15611</t>
  </si>
  <si>
    <t>52666</t>
  </si>
  <si>
    <t>GGPS LAKHO MALKANA</t>
  </si>
  <si>
    <t>Lakhu Malkana</t>
  </si>
  <si>
    <t>Lakhu malkana</t>
  </si>
  <si>
    <t>Furrukh Shahzadi</t>
  </si>
  <si>
    <t>17902</t>
  </si>
  <si>
    <t>GGPS CHAK JALAL DIN</t>
  </si>
  <si>
    <t>chack jalal din</t>
  </si>
  <si>
    <t>CHACK JALAL DIN</t>
  </si>
  <si>
    <t>haveli shaikh raju</t>
  </si>
  <si>
    <t>Nasira Perveen</t>
  </si>
  <si>
    <t>GGES CHAK 29 GB SATIANA</t>
  </si>
  <si>
    <t>GGES 29GB</t>
  </si>
  <si>
    <t>29gb</t>
  </si>
  <si>
    <t>Shabnam Naseem</t>
  </si>
  <si>
    <t>GPS GOTH NOOR MUHAMMAD</t>
  </si>
  <si>
    <t>Goth Noor Muhammad</t>
  </si>
  <si>
    <t>basti tokah mukhi mozah goth noor Muhammad teh. khairpur Tamewali dist. Bahawalpur</t>
  </si>
  <si>
    <t>Tokah Mukhi</t>
  </si>
  <si>
    <t>Gaddan</t>
  </si>
  <si>
    <t>Zafar Tasleem Madni</t>
  </si>
  <si>
    <t>GPS CHAK 119 GB JARANWALA</t>
  </si>
  <si>
    <t>Chak no 119gb</t>
  </si>
  <si>
    <t>Chak no. 119 gb , Jaranwala</t>
  </si>
  <si>
    <t>Chak no. 119 G.b</t>
  </si>
  <si>
    <t>Chak No. 122 GB</t>
  </si>
  <si>
    <t>27733</t>
  </si>
  <si>
    <t>GPS CHAK 367 GB</t>
  </si>
  <si>
    <t>chak 367 GB tehsil jaranwala</t>
  </si>
  <si>
    <t>Chak 367 GB</t>
  </si>
  <si>
    <t>Chak 363 GB</t>
  </si>
  <si>
    <t>34848</t>
  </si>
  <si>
    <t>GPS KALRA</t>
  </si>
  <si>
    <t>Mouza Kalra Tehsil Khairpur Tamewali District Bahawalpur</t>
  </si>
  <si>
    <t>Path an Wala Kalra</t>
  </si>
  <si>
    <t>MUHAMMAD MUSTAQEEM</t>
  </si>
  <si>
    <t>GPS CHAK 97 RB II JOHAL</t>
  </si>
  <si>
    <t>Chak no 97 RB Johal. fsd</t>
  </si>
  <si>
    <t>ANIQA MOATTAR</t>
  </si>
  <si>
    <t>GES 5/14-L</t>
  </si>
  <si>
    <t>chak 5/14.L tehsl chichawatni district sahiwal</t>
  </si>
  <si>
    <t>Chak 39/14L</t>
  </si>
  <si>
    <t>31636</t>
  </si>
  <si>
    <t>50098</t>
  </si>
  <si>
    <t>GHS CHICHAWATNI CITY</t>
  </si>
  <si>
    <t>chichawatni</t>
  </si>
  <si>
    <t>govt high school burawala road chichawatni</t>
  </si>
  <si>
    <t>GGPS DHUN</t>
  </si>
  <si>
    <t>Dhun</t>
  </si>
  <si>
    <t>Dhun  pobox Karianwala Gujrat</t>
  </si>
  <si>
    <t>Hazra Mughlan</t>
  </si>
  <si>
    <t>Shazia Khalid</t>
  </si>
  <si>
    <t>47880</t>
  </si>
  <si>
    <t>5101</t>
  </si>
  <si>
    <t>9963</t>
  </si>
  <si>
    <t>GHS CHAK NO 110 TDA</t>
  </si>
  <si>
    <t>CHAK NO 110 TDA P/O 110 TDA TEHSIL KAROR DISTT.LAYYAH</t>
  </si>
  <si>
    <t>110 TDA</t>
  </si>
  <si>
    <t>CHAK NO 110 TDA</t>
  </si>
  <si>
    <t>IRFAN SHAHID</t>
  </si>
  <si>
    <t>52359</t>
  </si>
  <si>
    <t>GGES AMLI MOTI</t>
  </si>
  <si>
    <t>Amli moti</t>
  </si>
  <si>
    <t>Saima Tabasam</t>
  </si>
  <si>
    <t>49893</t>
  </si>
  <si>
    <t>GMPS CHAK NO 233 JB (W) (30-04-15)</t>
  </si>
  <si>
    <t>CHAK No 233jbW</t>
  </si>
  <si>
    <t>CHAK no 233jb(w)  tehsil&amp;Distt  Jhang</t>
  </si>
  <si>
    <t>CHAK No233jbW</t>
  </si>
  <si>
    <t>Muhammad Saleem Nadeem</t>
  </si>
  <si>
    <t>50521</t>
  </si>
  <si>
    <t>GGPS 108/7-R WEST</t>
  </si>
  <si>
    <t>108 7/r</t>
  </si>
  <si>
    <t>108 7/r west</t>
  </si>
  <si>
    <t>108 7/r West</t>
  </si>
  <si>
    <t>110 7/r</t>
  </si>
  <si>
    <t>Abida Ghaffar</t>
  </si>
  <si>
    <t>74596</t>
  </si>
  <si>
    <t>17656</t>
  </si>
  <si>
    <t>22366</t>
  </si>
  <si>
    <t>GPS SIRHALI KHURD</t>
  </si>
  <si>
    <t>sarhali khurd tehsil and district Gujrat</t>
  </si>
  <si>
    <t>17662</t>
  </si>
  <si>
    <t>GMPS CHAK NO 183 I</t>
  </si>
  <si>
    <t>Balloana</t>
  </si>
  <si>
    <t>chak no.183</t>
  </si>
  <si>
    <t>Chak No182</t>
  </si>
  <si>
    <t>17664</t>
  </si>
  <si>
    <t>GMPS GUDARA</t>
  </si>
  <si>
    <t>union concil amli moti moza gudara</t>
  </si>
  <si>
    <t>Anila Noor</t>
  </si>
  <si>
    <t>GGES KHARAL KALAN (under NGO)</t>
  </si>
  <si>
    <t>Kharl Kalan</t>
  </si>
  <si>
    <t>kharl kalan uc 109</t>
  </si>
  <si>
    <t>17678</t>
  </si>
  <si>
    <t>GHS RAJOWAL</t>
  </si>
  <si>
    <t>Rajowal Tehsil Depalpur District okara</t>
  </si>
  <si>
    <t>Riaz mehmood</t>
  </si>
  <si>
    <t>9794</t>
  </si>
  <si>
    <t>40893</t>
  </si>
  <si>
    <t>50111</t>
  </si>
  <si>
    <t>GHS 16/11-L</t>
  </si>
  <si>
    <t>RAAJKOT</t>
  </si>
  <si>
    <t>GHS CHAK NO. 16/11-L</t>
  </si>
  <si>
    <t>CHAK NO. 16/11-L</t>
  </si>
  <si>
    <t>CHAK NO. 23/11-L.</t>
  </si>
  <si>
    <t>22233</t>
  </si>
  <si>
    <t>GGHS SURKHPUR</t>
  </si>
  <si>
    <t>Village and p.o.box surkhpur teh and distt Gujrat</t>
  </si>
  <si>
    <t>Musarat Shahin</t>
  </si>
  <si>
    <t>50129</t>
  </si>
  <si>
    <t>GHS 14/14-L</t>
  </si>
  <si>
    <t>14/14 L</t>
  </si>
  <si>
    <t>Chak. No 14/14.L Tehsil Chichawatni District Sahiwal</t>
  </si>
  <si>
    <t>muhammad amjad shaheen</t>
  </si>
  <si>
    <t>17702</t>
  </si>
  <si>
    <t>GGPS CHAK NO. 168 JB I</t>
  </si>
  <si>
    <t>Smore</t>
  </si>
  <si>
    <t>chak no.168smore</t>
  </si>
  <si>
    <t>168smore</t>
  </si>
  <si>
    <t>169garwa</t>
  </si>
  <si>
    <t>52212</t>
  </si>
  <si>
    <t>GHS 43/SP</t>
  </si>
  <si>
    <t>Jahagir Abad</t>
  </si>
  <si>
    <t>chak 43sp khurpa p/o haveli lakha tehsil depalpur district okara</t>
  </si>
  <si>
    <t>43SP Khurpa</t>
  </si>
  <si>
    <t>BONGA SALIHA</t>
  </si>
  <si>
    <t>Muzammal Ahmad</t>
  </si>
  <si>
    <t>17712</t>
  </si>
  <si>
    <t>52668</t>
  </si>
  <si>
    <t>GMPS PHULLAR WAN CHRAGH</t>
  </si>
  <si>
    <t>Phulrwan</t>
  </si>
  <si>
    <t>tehsil depalpur district okara p/o hasokay phularwan charag</t>
  </si>
  <si>
    <t>Phulaerwan Charag</t>
  </si>
  <si>
    <t>Qaderabad</t>
  </si>
  <si>
    <t>50162</t>
  </si>
  <si>
    <t>GGHS 98/ 12-L</t>
  </si>
  <si>
    <t>98/12.L</t>
  </si>
  <si>
    <t>Govt Girls High School 98/12.L</t>
  </si>
  <si>
    <t>Chak 98/12.L</t>
  </si>
  <si>
    <t>20/14.L</t>
  </si>
  <si>
    <t>Syeda Shaista Imtiaz</t>
  </si>
  <si>
    <t>18451</t>
  </si>
  <si>
    <t>17726</t>
  </si>
  <si>
    <t>17731</t>
  </si>
  <si>
    <t>GGPS ARRI WALA</t>
  </si>
  <si>
    <t>Chak Jalal Din</t>
  </si>
  <si>
    <t>GGPS Arri wala</t>
  </si>
  <si>
    <t>Arri wala</t>
  </si>
  <si>
    <t>Nazia Riaz</t>
  </si>
  <si>
    <t>52859</t>
  </si>
  <si>
    <t>GGPS ADDA PUR</t>
  </si>
  <si>
    <t>Dhermawala</t>
  </si>
  <si>
    <t>adda pur</t>
  </si>
  <si>
    <t>Adda Pur</t>
  </si>
  <si>
    <t>Dehermalyla</t>
  </si>
  <si>
    <t>GPS RAJAN SHAH</t>
  </si>
  <si>
    <t>GPS KHAND LORIAN</t>
  </si>
  <si>
    <t>khand Lorian Tehsil khairpur Tamewali distt BWP</t>
  </si>
  <si>
    <t>17936</t>
  </si>
  <si>
    <t>GPS AZEEM PUR</t>
  </si>
  <si>
    <t>Azeempur</t>
  </si>
  <si>
    <t>basti Azeempur</t>
  </si>
  <si>
    <t>Abrar Hussain Shah</t>
  </si>
  <si>
    <t>17944</t>
  </si>
  <si>
    <t>GGPS BAGHRI NO 1</t>
  </si>
  <si>
    <t>ada baghri jhang</t>
  </si>
  <si>
    <t>Uzma Sahar</t>
  </si>
  <si>
    <t>22656</t>
  </si>
  <si>
    <t>GGPS BORA BANTH</t>
  </si>
  <si>
    <t>Boura Banth</t>
  </si>
  <si>
    <t>Teh and Disst Gujrat p.o. Dullanwalla</t>
  </si>
  <si>
    <t>Machina</t>
  </si>
  <si>
    <t>Shazia Riaz</t>
  </si>
  <si>
    <t>23315</t>
  </si>
  <si>
    <t>50026</t>
  </si>
  <si>
    <t>25107</t>
  </si>
  <si>
    <t>GPS NEW NOSHARA</t>
  </si>
  <si>
    <t>gps new noshehra school jalal pur jattan gujrat</t>
  </si>
  <si>
    <t>New Noshehra</t>
  </si>
  <si>
    <t>Jp Jattan 2</t>
  </si>
  <si>
    <t>Syed Kashif Ali Shah</t>
  </si>
  <si>
    <t>18988</t>
  </si>
  <si>
    <t>35338</t>
  </si>
  <si>
    <t>GPS ARABIC GULPUR ICHRANI</t>
  </si>
  <si>
    <t>Govt arabic primary school Gulpur Ichrani</t>
  </si>
  <si>
    <t>Muhammad Asif Shah</t>
  </si>
  <si>
    <t>22089</t>
  </si>
  <si>
    <t>GHS NAROWALI</t>
  </si>
  <si>
    <t>Ghs Narowali gujrat</t>
  </si>
  <si>
    <t>ijaz ahmed</t>
  </si>
  <si>
    <t>15385</t>
  </si>
  <si>
    <t>GHS CHAK NO 275 GB</t>
  </si>
  <si>
    <t>Madoana</t>
  </si>
  <si>
    <t>chak No 275 GB</t>
  </si>
  <si>
    <t>Chak No 275 GB</t>
  </si>
  <si>
    <t>Chak No 277 GB</t>
  </si>
  <si>
    <t>17958</t>
  </si>
  <si>
    <t>14733</t>
  </si>
  <si>
    <t>GHS MC SAMANABAD</t>
  </si>
  <si>
    <t>MUHAMMAD ASIF JAHANGIR</t>
  </si>
  <si>
    <t>water treatment  plant</t>
  </si>
  <si>
    <t>7087</t>
  </si>
  <si>
    <t>GPS JETHA MARI</t>
  </si>
  <si>
    <t>Basti Jetha Mari</t>
  </si>
  <si>
    <t>Jetha Mari</t>
  </si>
  <si>
    <t>53015</t>
  </si>
  <si>
    <t>GGES THATHA RANGRAN WALA</t>
  </si>
  <si>
    <t>Thatha Rangran Wala</t>
  </si>
  <si>
    <t>gges thatha rangran wala</t>
  </si>
  <si>
    <t>Dherma Wala</t>
  </si>
  <si>
    <t>17963</t>
  </si>
  <si>
    <t>GPS KOT ALLA BUX</t>
  </si>
  <si>
    <t>Kot Allah Bux</t>
  </si>
  <si>
    <t>kot Allah Bux Gujrat</t>
  </si>
  <si>
    <t>GPS BONGA RAMZAN KHAN</t>
  </si>
  <si>
    <t>Bounga Ramzan Khan</t>
  </si>
  <si>
    <t>Chah Lap Wala Mouza Bounga Ramzan Khan Tehsil Khairpur Tamewali District Bahawalpur</t>
  </si>
  <si>
    <t>Lap Wala</t>
  </si>
  <si>
    <t>52722</t>
  </si>
  <si>
    <t>GMPS DHUL GEHLA</t>
  </si>
  <si>
    <t>Dhual Ghela</t>
  </si>
  <si>
    <t>GMPS Dhol Gehla</t>
  </si>
  <si>
    <t>Dhol Gehla</t>
  </si>
  <si>
    <t>Phular Wan Wazir K</t>
  </si>
  <si>
    <t>22670</t>
  </si>
  <si>
    <t>GMPS CHAK CHOUDO</t>
  </si>
  <si>
    <t>Chak choudo</t>
  </si>
  <si>
    <t>village Chack choudo post office jheranwali tehsil and district Gujrat</t>
  </si>
  <si>
    <t>Jheranwali</t>
  </si>
  <si>
    <t>Ummey Salma</t>
  </si>
  <si>
    <t>48493</t>
  </si>
  <si>
    <t>29493</t>
  </si>
  <si>
    <t>26650</t>
  </si>
  <si>
    <t>GPS GUL PUR ICHRANI</t>
  </si>
  <si>
    <t>adda mochi wala</t>
  </si>
  <si>
    <t>Adda Mochi Wala</t>
  </si>
  <si>
    <t>22311</t>
  </si>
  <si>
    <t>vill banian p.o gorsian tehsil and disst Gujarat</t>
  </si>
  <si>
    <t>Fiaz Hussain Shah</t>
  </si>
  <si>
    <t>37510</t>
  </si>
  <si>
    <t>27523</t>
  </si>
  <si>
    <t>GGES KHANDAN KHAIRPUR TAMEWALI</t>
  </si>
  <si>
    <t>Khand Lorayyan</t>
  </si>
  <si>
    <t>KHANDAN khairpur tamewali bahawal pur</t>
  </si>
  <si>
    <t>Robina Saleem</t>
  </si>
  <si>
    <t>29382</t>
  </si>
  <si>
    <t>GGPS HAVELI NATHOO WALI</t>
  </si>
  <si>
    <t>Haveli Nathoo Wali</t>
  </si>
  <si>
    <t>haveli nathoo wali qadi wind kasur</t>
  </si>
  <si>
    <t>Kauser Perven</t>
  </si>
  <si>
    <t>18219</t>
  </si>
  <si>
    <t>GGPS CPC NO. 1 JALAL PUR JATTAN</t>
  </si>
  <si>
    <t>jpj</t>
  </si>
  <si>
    <t>mohallah baghdadi jpj</t>
  </si>
  <si>
    <t>tayyaba safdar</t>
  </si>
  <si>
    <t>18222</t>
  </si>
  <si>
    <t>GES CHANDI PUR</t>
  </si>
  <si>
    <t>basti chundipur muza Syed imam shah tehsil KPT district  BWP</t>
  </si>
  <si>
    <t>Chaundipur</t>
  </si>
  <si>
    <t>M Fiaz Ahmad</t>
  </si>
  <si>
    <t>17767</t>
  </si>
  <si>
    <t>GGPS CHAK NO 230 JB</t>
  </si>
  <si>
    <t>Chak No 230 JB</t>
  </si>
  <si>
    <t>Chak No. 230 JB</t>
  </si>
  <si>
    <t>Chak No 159/JB</t>
  </si>
  <si>
    <t>Rafia Parveen</t>
  </si>
  <si>
    <t>25008</t>
  </si>
  <si>
    <t>24918</t>
  </si>
  <si>
    <t>kharlan</t>
  </si>
  <si>
    <t>Basti Hafeezabad near Rasheed workshop KPT</t>
  </si>
  <si>
    <t>Naheed Irshad</t>
  </si>
  <si>
    <t>15396</t>
  </si>
  <si>
    <t>GHS 54 GB</t>
  </si>
  <si>
    <t>Dhewal Shankar</t>
  </si>
  <si>
    <t>Chak No 54 GB jaranwala</t>
  </si>
  <si>
    <t>Chak No. 54 GB</t>
  </si>
  <si>
    <t>MUHAMMAD AFZALL</t>
  </si>
  <si>
    <t>GGES KHURRAM PUR</t>
  </si>
  <si>
    <t>Khurampur</t>
  </si>
  <si>
    <t>basti khurampur</t>
  </si>
  <si>
    <t>Ayesha sarwar rana</t>
  </si>
  <si>
    <t>18237</t>
  </si>
  <si>
    <t>GGPS KAFAN WARA</t>
  </si>
  <si>
    <t>Kafan Wara</t>
  </si>
  <si>
    <t>ggp/s kafan wara</t>
  </si>
  <si>
    <t>Samina Liaqat</t>
  </si>
  <si>
    <t>19305</t>
  </si>
  <si>
    <t>51474</t>
  </si>
  <si>
    <t>GGPS JAN MUHAMMAD NAU</t>
  </si>
  <si>
    <t>Jan Muh Nau</t>
  </si>
  <si>
    <t>Mouza jan Muh Nau</t>
  </si>
  <si>
    <t>Kot Essa Shafh</t>
  </si>
  <si>
    <t>GPS KOT ORARI</t>
  </si>
  <si>
    <t>Kot Orari</t>
  </si>
  <si>
    <t>10801</t>
  </si>
  <si>
    <t>15383</t>
  </si>
  <si>
    <t>GHS CHAK NO 101 GB PAULIANI</t>
  </si>
  <si>
    <t>101 Gb</t>
  </si>
  <si>
    <t>chak 101 gB jaranwala</t>
  </si>
  <si>
    <t>Ali Pur Banglow</t>
  </si>
  <si>
    <t>Chak # 101 GB</t>
  </si>
  <si>
    <t>muhammad naeem akhtar</t>
  </si>
  <si>
    <t>31948</t>
  </si>
  <si>
    <t>18258</t>
  </si>
  <si>
    <t>38262</t>
  </si>
  <si>
    <t>GPS BURHAN PUR</t>
  </si>
  <si>
    <t>govt primary school Burhanpur CHAH Kabir wala</t>
  </si>
  <si>
    <t>Kabir Wala</t>
  </si>
  <si>
    <t>18259</t>
  </si>
  <si>
    <t>16884</t>
  </si>
  <si>
    <t>GGHS SATIANA</t>
  </si>
  <si>
    <t>govt girls high school satiana jhang</t>
  </si>
  <si>
    <t>MozaSatiana</t>
  </si>
  <si>
    <t>shagufta hassan</t>
  </si>
  <si>
    <t>7077</t>
  </si>
  <si>
    <t>43833</t>
  </si>
  <si>
    <t>GPS 651/2 GB</t>
  </si>
  <si>
    <t>chak no 651/2 gb Teh Jaranwala Distt fsd</t>
  </si>
  <si>
    <t>651/2gb</t>
  </si>
  <si>
    <t>9136</t>
  </si>
  <si>
    <t>52696</t>
  </si>
  <si>
    <t>GGPS BOHRAN</t>
  </si>
  <si>
    <t>g.g.m.p/s bohran</t>
  </si>
  <si>
    <t>Bohran</t>
  </si>
  <si>
    <t>Tehsil Municipal Committee</t>
  </si>
  <si>
    <t>sadaf koser</t>
  </si>
  <si>
    <t>51262</t>
  </si>
  <si>
    <t>18266</t>
  </si>
  <si>
    <t>GGES BASTI CHALEY WAHIN</t>
  </si>
  <si>
    <t>Cheleywahin</t>
  </si>
  <si>
    <t>cheley wahin</t>
  </si>
  <si>
    <t>Cheley Wahin</t>
  </si>
  <si>
    <t>Raheela Zahid</t>
  </si>
  <si>
    <t>Jhok Haji</t>
  </si>
  <si>
    <t>riazabad</t>
  </si>
  <si>
    <t>Amina Basheer</t>
  </si>
  <si>
    <t>33518</t>
  </si>
  <si>
    <t>29074</t>
  </si>
  <si>
    <t>GHS MC ROAD KOT KASUR</t>
  </si>
  <si>
    <t>Road Kot Kasur City</t>
  </si>
  <si>
    <t>Road Kot</t>
  </si>
  <si>
    <t>Shan Elahi</t>
  </si>
  <si>
    <t>18276</t>
  </si>
  <si>
    <t>52345</t>
  </si>
  <si>
    <t>GGES NAMA JINDAY KA</t>
  </si>
  <si>
    <t>Namajindeka</t>
  </si>
  <si>
    <t>GES Nama jindeka</t>
  </si>
  <si>
    <t>ROBINA YASMEEN</t>
  </si>
  <si>
    <t>38263</t>
  </si>
  <si>
    <t>GPS CHOKI KUHNA</t>
  </si>
  <si>
    <t>chowki kohna post office rind jada tehsil kehror pacca lodhran</t>
  </si>
  <si>
    <t>chowki kohna</t>
  </si>
  <si>
    <t>Fayyaz Hussain Khan</t>
  </si>
  <si>
    <t>18278</t>
  </si>
  <si>
    <t>54770</t>
  </si>
  <si>
    <t>GGPS JETHA MARI</t>
  </si>
  <si>
    <t>jetha mari tehsil khair pur tamewali dist bwp</t>
  </si>
  <si>
    <t>Tamanna Nazir</t>
  </si>
  <si>
    <t>22511</t>
  </si>
  <si>
    <t>GGPS LADHA SADHA</t>
  </si>
  <si>
    <t>Sadha</t>
  </si>
  <si>
    <t>vill&amp;p/o ladha sadha.gujrat</t>
  </si>
  <si>
    <t>Amira Shehzadi</t>
  </si>
  <si>
    <t>43911</t>
  </si>
  <si>
    <t>18283</t>
  </si>
  <si>
    <t>Miani Tongra</t>
  </si>
  <si>
    <t>Basti tongra</t>
  </si>
  <si>
    <t>Basti Tongra</t>
  </si>
  <si>
    <t>Muhammad Bilal Chauhan</t>
  </si>
  <si>
    <t>GPS KOTHI NAHAR AHAMD ABAD</t>
  </si>
  <si>
    <t>MANDI ARMED ABAD</t>
  </si>
  <si>
    <t>NEHR KOTHI MANDI AHMAD ABAD</t>
  </si>
  <si>
    <t>KOTHI NEHR</t>
  </si>
  <si>
    <t>27172</t>
  </si>
  <si>
    <t>17499</t>
  </si>
  <si>
    <t>GGPS SAHIBLAKHU</t>
  </si>
  <si>
    <t>Sahib Lakhu</t>
  </si>
  <si>
    <t>village sahib lakhu teh&amp; dist gjrat</t>
  </si>
  <si>
    <t>Sofia Munawar</t>
  </si>
  <si>
    <t>GGES CHAK NO.103/ML</t>
  </si>
  <si>
    <t>103ml</t>
  </si>
  <si>
    <t>chak 103 ml</t>
  </si>
  <si>
    <t>103 Ml</t>
  </si>
  <si>
    <t>Madiha Qadir</t>
  </si>
  <si>
    <t>22616</t>
  </si>
  <si>
    <t>GGPS CHAKORI BHAKHO</t>
  </si>
  <si>
    <t>Chakori Bhakho</t>
  </si>
  <si>
    <t>village chakori bakhu</t>
  </si>
  <si>
    <t>Chakori Bakhu</t>
  </si>
  <si>
    <t>4071</t>
  </si>
  <si>
    <t>17509</t>
  </si>
  <si>
    <t>17054</t>
  </si>
  <si>
    <t>GPS CHAK NO 445 JB</t>
  </si>
  <si>
    <t>chak445</t>
  </si>
  <si>
    <t>chak.no 445</t>
  </si>
  <si>
    <t>adah khio chak446</t>
  </si>
  <si>
    <t>Nasrullah Khan</t>
  </si>
  <si>
    <t>GGHS SAHU WALA</t>
  </si>
  <si>
    <t>p/o qasba bolchain chak sahu wala tehsil karor district laayah</t>
  </si>
  <si>
    <t>Fauzia Siddique</t>
  </si>
  <si>
    <t>24937</t>
  </si>
  <si>
    <t>17525</t>
  </si>
  <si>
    <t>Chak Shahani moza sanjh isra</t>
  </si>
  <si>
    <t>Chak Shahani</t>
  </si>
  <si>
    <t>17531</t>
  </si>
  <si>
    <t>GGPS CHAK NO.83/ML</t>
  </si>
  <si>
    <t>83/ML</t>
  </si>
  <si>
    <t>chak no 90/ML tehsil karor district layyah</t>
  </si>
  <si>
    <t>chak no 83/ML</t>
  </si>
  <si>
    <t>robina khatoon</t>
  </si>
  <si>
    <t>17535</t>
  </si>
  <si>
    <t>GGHS CHAK 67 JB</t>
  </si>
  <si>
    <t>sdhar</t>
  </si>
  <si>
    <t>chak no 67 jb, sdhaar, jhang road</t>
  </si>
  <si>
    <t>chak no 67 jb fsd</t>
  </si>
  <si>
    <t>Bushra Naheed</t>
  </si>
  <si>
    <t>22165</t>
  </si>
  <si>
    <t>GGHS SAROKI</t>
  </si>
  <si>
    <t>saroki</t>
  </si>
  <si>
    <t>gghs saroki tehsil and district gujrat</t>
  </si>
  <si>
    <t>Zahida parveen</t>
  </si>
  <si>
    <t>17538</t>
  </si>
  <si>
    <t>GGPS NASIR ABAD</t>
  </si>
  <si>
    <t>GGP/S NASIR ABAD MOUZA MUKHIANA TEHSIL AND DISTRICT JHANG</t>
  </si>
  <si>
    <t>NasirAbad</t>
  </si>
  <si>
    <t>52547</t>
  </si>
  <si>
    <t>rashidabad tehsil depalpur dis.okara p/o havili lakha</t>
  </si>
  <si>
    <t>Zulfqar saqib</t>
  </si>
  <si>
    <t>GHS CHAK 77 RB</t>
  </si>
  <si>
    <t>LOHKY</t>
  </si>
  <si>
    <t>CHAK NO 77 RB TEHSIL JARANWALA</t>
  </si>
  <si>
    <t>CHAK NO 77 RB</t>
  </si>
  <si>
    <t>CHAK NO 106 RB</t>
  </si>
  <si>
    <t>MUHAMMAD ZAHID ARSHAD</t>
  </si>
  <si>
    <t>17282</t>
  </si>
  <si>
    <t>GPS IFTIKHAR ABAD</t>
  </si>
  <si>
    <t>Shah Jewana</t>
  </si>
  <si>
    <t>shah jewana city</t>
  </si>
  <si>
    <t>Iftikhar Abad</t>
  </si>
  <si>
    <t>Abdur Rehman Javied</t>
  </si>
  <si>
    <t>17398</t>
  </si>
  <si>
    <t>GGPS WAHGA</t>
  </si>
  <si>
    <t>Wahga</t>
  </si>
  <si>
    <t>Moaza wahga district jhang</t>
  </si>
  <si>
    <t>Pakkeywala</t>
  </si>
  <si>
    <t>Shehnaz Iqbal</t>
  </si>
  <si>
    <t>52317</t>
  </si>
  <si>
    <t>GGES 19-D</t>
  </si>
  <si>
    <t>19d</t>
  </si>
  <si>
    <t>Chak No 19d</t>
  </si>
  <si>
    <t>Dhool Choor</t>
  </si>
  <si>
    <t>Farhat Zia Akhtar</t>
  </si>
  <si>
    <t>17552</t>
  </si>
  <si>
    <t>22424</t>
  </si>
  <si>
    <t>GPS DERA KHATANA</t>
  </si>
  <si>
    <t>Darya Khatana</t>
  </si>
  <si>
    <t>darya khtan p/o mongowal garbi gujrat</t>
  </si>
  <si>
    <t>Khadija Anwar</t>
  </si>
  <si>
    <t>52854</t>
  </si>
  <si>
    <t>GGPS BEERBAL RANJHA</t>
  </si>
  <si>
    <t>Wan baigo ki</t>
  </si>
  <si>
    <t>Wan baigon ki Beerbal Ranjha Haveli Lakha</t>
  </si>
  <si>
    <t>Beerbal Ranjha</t>
  </si>
  <si>
    <t>Bunga Saleha</t>
  </si>
  <si>
    <t>Iffat ul Rasheed</t>
  </si>
  <si>
    <t>17557</t>
  </si>
  <si>
    <t>16207</t>
  </si>
  <si>
    <t>GHS CHAK 247 RB FSD</t>
  </si>
  <si>
    <t>247 Rb Miani</t>
  </si>
  <si>
    <t>247 r b miani</t>
  </si>
  <si>
    <t>Sikandar zulqarnain</t>
  </si>
  <si>
    <t>GPS KAROR NO.3</t>
  </si>
  <si>
    <t>Ward No 2</t>
  </si>
  <si>
    <t>ward 2 mohalla darbar shareef karor</t>
  </si>
  <si>
    <t>Muahmmad Khalid</t>
  </si>
  <si>
    <t>GGHS JHEURAN WALI</t>
  </si>
  <si>
    <t>jheuranwali</t>
  </si>
  <si>
    <t>GGHS JHEURANWALI</t>
  </si>
  <si>
    <t>shabana malik</t>
  </si>
  <si>
    <t>17561</t>
  </si>
  <si>
    <t>GGHS JAMAL KOT</t>
  </si>
  <si>
    <t>Rukhsana Ghulam Nabi</t>
  </si>
  <si>
    <t>36757</t>
  </si>
  <si>
    <t>GPS ALI CHAPPA, P/O 9-B/8-R, ABDUL HAKIM</t>
  </si>
  <si>
    <t>p/o 9-B/8-R Abdul hakim</t>
  </si>
  <si>
    <t>Shah Kareem</t>
  </si>
  <si>
    <t>51953</t>
  </si>
  <si>
    <t>17649</t>
  </si>
  <si>
    <t>GHS MILAT BEOWALI</t>
  </si>
  <si>
    <t>Govt. Millat High School Beowali Gujrat</t>
  </si>
  <si>
    <t>8157</t>
  </si>
  <si>
    <t>17582</t>
  </si>
  <si>
    <t>GMPS CHAK NO 258 JB</t>
  </si>
  <si>
    <t>Dairy Wala</t>
  </si>
  <si>
    <t>Government Model Primary school Chak No 258 Dairy Wala</t>
  </si>
  <si>
    <t>Rubina Shafi</t>
  </si>
  <si>
    <t>GGCMS MAJRA SHAREEF</t>
  </si>
  <si>
    <t>Majra sharif</t>
  </si>
  <si>
    <t>Majra Sharif Near Kunjah Gujrat</t>
  </si>
  <si>
    <t>Majra Sharif</t>
  </si>
  <si>
    <t>Noshaba</t>
  </si>
  <si>
    <t>GGPS CHAK NO 259 TDA</t>
  </si>
  <si>
    <t>259/tda</t>
  </si>
  <si>
    <t>ggps 259/tda</t>
  </si>
  <si>
    <t>Chak no 259/tda</t>
  </si>
  <si>
    <t>Rukhsana Firdose</t>
  </si>
  <si>
    <t>GHS AMLI MOTI</t>
  </si>
  <si>
    <t>Village Amlimoti Tehsil Depalpur District Okara</t>
  </si>
  <si>
    <t>Zaheer abbas</t>
  </si>
  <si>
    <t>17595</t>
  </si>
  <si>
    <t>14952</t>
  </si>
  <si>
    <t>GES 274 GB</t>
  </si>
  <si>
    <t>chak no 274 G.B</t>
  </si>
  <si>
    <t>Chak No 274 GB</t>
  </si>
  <si>
    <t>Chak No 363 GB</t>
  </si>
  <si>
    <t>GGPS MC CHAH KHOLAY</t>
  </si>
  <si>
    <t>Chah Kholay</t>
  </si>
  <si>
    <t>moh chah kholay gujrat</t>
  </si>
  <si>
    <t>Kalsoom Raza</t>
  </si>
  <si>
    <t>25566</t>
  </si>
  <si>
    <t>GGCMS KALAS</t>
  </si>
  <si>
    <t>p o box karianwala village kalas</t>
  </si>
  <si>
    <t>Kiran Bashir</t>
  </si>
  <si>
    <t>GHSS CHAK NO. 93/ML</t>
  </si>
  <si>
    <t>chak no.93/ml</t>
  </si>
  <si>
    <t>93/ml</t>
  </si>
  <si>
    <t>Malik Liaqat Ali</t>
  </si>
  <si>
    <t>22118</t>
  </si>
  <si>
    <t>GES CHAK NO 451 JB</t>
  </si>
  <si>
    <t>CHAK NO.451/JB</t>
  </si>
  <si>
    <t>Chak No 451</t>
  </si>
  <si>
    <t>HAFIZ MUHAMMAD NASIR IQBAL</t>
  </si>
  <si>
    <t>17602</t>
  </si>
  <si>
    <t>52357</t>
  </si>
  <si>
    <t>GGHS JAMO WACHAL</t>
  </si>
  <si>
    <t>Jammu Wachal</t>
  </si>
  <si>
    <t>Jammun Wachal</t>
  </si>
  <si>
    <t>Maria Khan</t>
  </si>
  <si>
    <t>CHAK Mughal</t>
  </si>
  <si>
    <t>GGPS chak mughal</t>
  </si>
  <si>
    <t>Chak mughal</t>
  </si>
  <si>
    <t>Mohib Ali Ottar</t>
  </si>
  <si>
    <t>29292</t>
  </si>
  <si>
    <t>17612</t>
  </si>
  <si>
    <t>GGHS CHAK NO. 160/9-L</t>
  </si>
  <si>
    <t>Chak No 160/9L</t>
  </si>
  <si>
    <t>chak no. 160/9_L  chichawatni,sahiwal</t>
  </si>
  <si>
    <t>18368</t>
  </si>
  <si>
    <t>18288</t>
  </si>
  <si>
    <t>53884</t>
  </si>
  <si>
    <t>GPS LOOTHRAN</t>
  </si>
  <si>
    <t>Loothran</t>
  </si>
  <si>
    <t>Moza LOOTHRAN KHAIRPUR TAMEWALI</t>
  </si>
  <si>
    <t>Basti Kalay Khan</t>
  </si>
  <si>
    <t>Noor Khan</t>
  </si>
  <si>
    <t>18289</t>
  </si>
  <si>
    <t>16984</t>
  </si>
  <si>
    <t>GGES CHAK NO 257 JB</t>
  </si>
  <si>
    <t>arianwala</t>
  </si>
  <si>
    <t>gges chak no 257 jb jhang</t>
  </si>
  <si>
    <t>ariayan wala</t>
  </si>
  <si>
    <t>pakhra sultan</t>
  </si>
  <si>
    <t>Humaira perveen</t>
  </si>
  <si>
    <t>14442</t>
  </si>
  <si>
    <t>38398</t>
  </si>
  <si>
    <t>37138</t>
  </si>
  <si>
    <t>GGCMS CHAK NO. 2/D</t>
  </si>
  <si>
    <t>2-D</t>
  </si>
  <si>
    <t>Chak No. 2/D, Rajowal, tahsil Depalpur, district okara</t>
  </si>
  <si>
    <t>Chak No 2 D</t>
  </si>
  <si>
    <t>Ramasa Ahmad</t>
  </si>
  <si>
    <t>GGHS ISRANI</t>
  </si>
  <si>
    <t>azharabad israni tehsil kpt</t>
  </si>
  <si>
    <t>Azharabad</t>
  </si>
  <si>
    <t>SHABANA NAZ</t>
  </si>
  <si>
    <t>18303</t>
  </si>
  <si>
    <t>GGPS AFZA ISLAM RARA GUJRAN KASUR</t>
  </si>
  <si>
    <t>Rarra Gujran Near Chandni Chok Kasur</t>
  </si>
  <si>
    <t>Rarra Gujran</t>
  </si>
  <si>
    <t>Saima Rasul</t>
  </si>
  <si>
    <t>GPS BHIANI</t>
  </si>
  <si>
    <t>Bhiani</t>
  </si>
  <si>
    <t>basti and moza bhiani tehsil khairpur tamewali</t>
  </si>
  <si>
    <t>GGPS BASTI KARIAN KHAIRPUR TAMEWALI</t>
  </si>
  <si>
    <t>ggps basti karian</t>
  </si>
  <si>
    <t>Karian</t>
  </si>
  <si>
    <t>Rafia Ajmal</t>
  </si>
  <si>
    <t>18313</t>
  </si>
  <si>
    <t>GGPS JANDOO WAL</t>
  </si>
  <si>
    <t>Jandowal</t>
  </si>
  <si>
    <t>Moza jandowal</t>
  </si>
  <si>
    <t>Asia Perveen</t>
  </si>
  <si>
    <t>18315</t>
  </si>
  <si>
    <t>GPS ADAM ABAD</t>
  </si>
  <si>
    <t>Gps Adam Abad, chak Islamabad kpt</t>
  </si>
  <si>
    <t>Chak Islamabad</t>
  </si>
  <si>
    <t>Mohammad Waseem</t>
  </si>
  <si>
    <t>22727</t>
  </si>
  <si>
    <t>GGPS BHALASER</t>
  </si>
  <si>
    <t>Bhlaser</t>
  </si>
  <si>
    <t>village bhlaser po makiana</t>
  </si>
  <si>
    <t>Farzana Rashid</t>
  </si>
  <si>
    <t>14244</t>
  </si>
  <si>
    <t>18319</t>
  </si>
  <si>
    <t>GMPS MEHSUM</t>
  </si>
  <si>
    <t>GMPS Mehsam post office daulat nagar dist gujrat</t>
  </si>
  <si>
    <t>Mehsam</t>
  </si>
  <si>
    <t>Dhuma Malika</t>
  </si>
  <si>
    <t>Raazia Parveen</t>
  </si>
  <si>
    <t>18320</t>
  </si>
  <si>
    <t>GPS BHINDA PEER IMAM</t>
  </si>
  <si>
    <t>Dharala Randoo</t>
  </si>
  <si>
    <t>mouza dharala randoo u/c karampur tehsil kpt  bwp</t>
  </si>
  <si>
    <t>M   sharif</t>
  </si>
  <si>
    <t>GES CHAKORI BHEKHOKE</t>
  </si>
  <si>
    <t>chakori bakhu</t>
  </si>
  <si>
    <t>Muhammad Arshad Tarar</t>
  </si>
  <si>
    <t>18413</t>
  </si>
  <si>
    <t>52726</t>
  </si>
  <si>
    <t>GGPS KANDO WAL WANAIK</t>
  </si>
  <si>
    <t>Wanaik</t>
  </si>
  <si>
    <t>Moza wanaik near Pakistani pull</t>
  </si>
  <si>
    <t>Dhool churdh</t>
  </si>
  <si>
    <t>Ayesha Asif</t>
  </si>
  <si>
    <t>18414</t>
  </si>
  <si>
    <t>GPS KOT MOHLA</t>
  </si>
  <si>
    <t>Kot Mohla</t>
  </si>
  <si>
    <t>mozakotmohla teh .&amp;dist.jhang</t>
  </si>
  <si>
    <t>Ali Abbas Khan</t>
  </si>
  <si>
    <t>GGPS BHELI</t>
  </si>
  <si>
    <t>basti behli</t>
  </si>
  <si>
    <t>Saima Yasmeen</t>
  </si>
  <si>
    <t>18416</t>
  </si>
  <si>
    <t>38310</t>
  </si>
  <si>
    <t>GGES JHOK WAHIN BANGLA ANHAAR KEHROR PACCA</t>
  </si>
  <si>
    <t>GGE/S JHOKE WAHIN BANGLA ANHAAR KAHROR PACCA</t>
  </si>
  <si>
    <t>Bangla Anhaar</t>
  </si>
  <si>
    <t>18418</t>
  </si>
  <si>
    <t>17782</t>
  </si>
  <si>
    <t>GMPS CHAK NO 254 II</t>
  </si>
  <si>
    <t>Chak 254 Jb</t>
  </si>
  <si>
    <t>Chak 254jb Saeedabad Tehsil and district Jhang</t>
  </si>
  <si>
    <t>Saeedabad</t>
  </si>
  <si>
    <t>Chak 250 Jb</t>
  </si>
  <si>
    <t>Riffat Shafi</t>
  </si>
  <si>
    <t>22225</t>
  </si>
  <si>
    <t>GGHS JALAL PUR SOBTIAN</t>
  </si>
  <si>
    <t>jalal pur sobtian</t>
  </si>
  <si>
    <t>jalal pur sobtian gujrat</t>
  </si>
  <si>
    <t>Andleeb Tariq</t>
  </si>
  <si>
    <t>18426</t>
  </si>
  <si>
    <t>GGPS KHURRAM PUR</t>
  </si>
  <si>
    <t>Bheli</t>
  </si>
  <si>
    <t>khuram pur bsty baloch wala</t>
  </si>
  <si>
    <t>Baloch Wala</t>
  </si>
  <si>
    <t>GES KHURPA CHAK</t>
  </si>
  <si>
    <t>Khurpa Chak</t>
  </si>
  <si>
    <t>Govt.E/S khurpa Chak Teh.@ Dist kasur</t>
  </si>
  <si>
    <t>Baroon Raja Jung</t>
  </si>
  <si>
    <t>GPS PUBLIC KUNJAH</t>
  </si>
  <si>
    <t>Mohallah pukhta talab circular road kunjah tehsil and distt. gujrat</t>
  </si>
  <si>
    <t>MC Kunjah</t>
  </si>
  <si>
    <t>Humayun Mumtaz</t>
  </si>
  <si>
    <t>51977</t>
  </si>
  <si>
    <t>18438</t>
  </si>
  <si>
    <t>22308</t>
  </si>
  <si>
    <t>GPS DEONA</t>
  </si>
  <si>
    <t>gps deona</t>
  </si>
  <si>
    <t>Tippu Tamoor Qader</t>
  </si>
  <si>
    <t>18802</t>
  </si>
  <si>
    <t>GGPS SADHARY</t>
  </si>
  <si>
    <t>Sadhari</t>
  </si>
  <si>
    <t>village p.o sadhari teh &amp; distt gujrat</t>
  </si>
  <si>
    <t>Nazia kosar</t>
  </si>
  <si>
    <t>Qureshi wala</t>
  </si>
  <si>
    <t>Khadija Fiaz</t>
  </si>
  <si>
    <t>Sheikh Wahan</t>
  </si>
  <si>
    <t>Chah sillan wala moza sheikh wahan The, kept Dis.Bwp</t>
  </si>
  <si>
    <t>Sillan Wala</t>
  </si>
  <si>
    <t>Muhammad Siddique Zafar</t>
  </si>
  <si>
    <t>18096</t>
  </si>
  <si>
    <t>GPS POORBA</t>
  </si>
  <si>
    <t>Poorba</t>
  </si>
  <si>
    <t>Village Poorba , P/O beowali, T/D Gujrat.</t>
  </si>
  <si>
    <t>Moin-ud-Din Pur</t>
  </si>
  <si>
    <t>Zunaira Rashid</t>
  </si>
  <si>
    <t>18099</t>
  </si>
  <si>
    <t>GPS MANGOWAL PURANA</t>
  </si>
  <si>
    <t>Purana Mangowal</t>
  </si>
  <si>
    <t>purana mangowal</t>
  </si>
  <si>
    <t>Neelam Shehzadi</t>
  </si>
  <si>
    <t>22429</t>
  </si>
  <si>
    <t>GPS KOT SHAMAS</t>
  </si>
  <si>
    <t>Kot Shamas</t>
  </si>
  <si>
    <t>vilage kot shamas p/o khas kunjah tehsil and dist. gujrat</t>
  </si>
  <si>
    <t>30251</t>
  </si>
  <si>
    <t>GGES BASTI LAL SHAH KASUR</t>
  </si>
  <si>
    <t>Basti Lal Shah</t>
  </si>
  <si>
    <t>basti lal shah kasur</t>
  </si>
  <si>
    <t>Rashida Riazat</t>
  </si>
  <si>
    <t>18107</t>
  </si>
  <si>
    <t>GMPS SHEIKH CHOGANI</t>
  </si>
  <si>
    <t>Sheikh Chogani</t>
  </si>
  <si>
    <t>sheikh chogani p/o tanda teh&amp;distt. gujrat</t>
  </si>
  <si>
    <t>Mari Kholharan</t>
  </si>
  <si>
    <t>Syeda Samra Rizvi</t>
  </si>
  <si>
    <t>GPS SURPALAN</t>
  </si>
  <si>
    <t>Behly</t>
  </si>
  <si>
    <t>basti Surpalan</t>
  </si>
  <si>
    <t>Surpalan</t>
  </si>
  <si>
    <t>22372</t>
  </si>
  <si>
    <t>GPS SARHALI KALAN</t>
  </si>
  <si>
    <t>Village Sarhali Kalan PO Karianwala Teh &amp; Distt Gujrat</t>
  </si>
  <si>
    <t>Village Mehlu p/o Tanda Th distt gujrat</t>
  </si>
  <si>
    <t>Baro</t>
  </si>
  <si>
    <t>Bushra Naz</t>
  </si>
  <si>
    <t>52304</t>
  </si>
  <si>
    <t>GES QILA TARA SINGH</t>
  </si>
  <si>
    <t>qila tara singh</t>
  </si>
  <si>
    <t>qila tara singh tehsil depalpur district okara</t>
  </si>
  <si>
    <t>GPS KHARLAN</t>
  </si>
  <si>
    <t>Govt.primary school kharlan</t>
  </si>
  <si>
    <t>Colony Hafizabad</t>
  </si>
  <si>
    <t>Hassan Raza Ali</t>
  </si>
  <si>
    <t>GPS TANZEEM KHARLAN</t>
  </si>
  <si>
    <t>basti kharlan p/o sheikh wahan teh khairpur district bwp</t>
  </si>
  <si>
    <t>Basti Kharlan</t>
  </si>
  <si>
    <t>18121</t>
  </si>
  <si>
    <t>GGES PHULARWAN</t>
  </si>
  <si>
    <t>P.O. and village phularwan</t>
  </si>
  <si>
    <t>Nadia Zubair</t>
  </si>
  <si>
    <t>36963</t>
  </si>
  <si>
    <t>5170</t>
  </si>
  <si>
    <t>31793</t>
  </si>
  <si>
    <t>18124</t>
  </si>
  <si>
    <t>GPS HAVELI TAILIAN WALI</t>
  </si>
  <si>
    <t>Haveli Talian Wali</t>
  </si>
  <si>
    <t>Ahmad Ali Abid</t>
  </si>
  <si>
    <t>31614</t>
  </si>
  <si>
    <t>19934</t>
  </si>
  <si>
    <t>GPS 47 JB</t>
  </si>
  <si>
    <t>chak no 47 jb mansoor FSD</t>
  </si>
  <si>
    <t>47 Jb Mansoor</t>
  </si>
  <si>
    <t>Iqbal Gill</t>
  </si>
  <si>
    <t>GHS ANAITI</t>
  </si>
  <si>
    <t>basti anaity</t>
  </si>
  <si>
    <t>M Binyameen</t>
  </si>
  <si>
    <t>22425</t>
  </si>
  <si>
    <t>GPS CHATTAN WALA</t>
  </si>
  <si>
    <t>Chattanwala</t>
  </si>
  <si>
    <t>village Chattanwala teh and District Gujrat</t>
  </si>
  <si>
    <t>Liaqat Abbas</t>
  </si>
  <si>
    <t>18132</t>
  </si>
  <si>
    <t>GGPS BASTI SABRI KASUR</t>
  </si>
  <si>
    <t>basti sabri ka</t>
  </si>
  <si>
    <t>Basti Sabry</t>
  </si>
  <si>
    <t>Bhadr Pura</t>
  </si>
  <si>
    <t>Gulshan Noreen</t>
  </si>
  <si>
    <t>GPS TANWARI</t>
  </si>
  <si>
    <t>Jumani</t>
  </si>
  <si>
    <t>besti tanwari tehsil khairpur</t>
  </si>
  <si>
    <t>Tanwari</t>
  </si>
  <si>
    <t>Krampur</t>
  </si>
  <si>
    <t>GGPS JAMMAN</t>
  </si>
  <si>
    <t>Jamman</t>
  </si>
  <si>
    <t>GGPS jamman</t>
  </si>
  <si>
    <t>Khadija Bi Bi</t>
  </si>
  <si>
    <t>36314</t>
  </si>
  <si>
    <t>Jhandani</t>
  </si>
  <si>
    <t>basti shah Jamal moza jhandani</t>
  </si>
  <si>
    <t>22431</t>
  </si>
  <si>
    <t>GPS DALI BANTH</t>
  </si>
  <si>
    <t>Dali banth</t>
  </si>
  <si>
    <t>Dali banth Teh&amp;District Gujarat</t>
  </si>
  <si>
    <t>18322</t>
  </si>
  <si>
    <t>12829</t>
  </si>
  <si>
    <t>18144</t>
  </si>
  <si>
    <t>GPS BUDHAN NO.2</t>
  </si>
  <si>
    <t>Usman ALI SHAH</t>
  </si>
  <si>
    <t>GPS Buddhan No Two</t>
  </si>
  <si>
    <t>Basti Buddhan</t>
  </si>
  <si>
    <t>GPS PAKI HAVALI HAZRA</t>
  </si>
  <si>
    <t>Paki Haveli Hazara</t>
  </si>
  <si>
    <t>paki haveli hazara</t>
  </si>
  <si>
    <t>Beroon Raja Jung</t>
  </si>
  <si>
    <t>17922</t>
  </si>
  <si>
    <t>GGPS KHARORA BAQIR</t>
  </si>
  <si>
    <t>Moxa kharora baqir</t>
  </si>
  <si>
    <t>Ammara Gulzar</t>
  </si>
  <si>
    <t>22709</t>
  </si>
  <si>
    <t>GGPS CHAK KHAIRDIN</t>
  </si>
  <si>
    <t>chak khair din</t>
  </si>
  <si>
    <t>alam garh</t>
  </si>
  <si>
    <t>shazia kousar</t>
  </si>
  <si>
    <t>25813</t>
  </si>
  <si>
    <t>17769</t>
  </si>
  <si>
    <t>GGPS CHAK NO 464 MEHRAN WALA</t>
  </si>
  <si>
    <t>Mehran Vala</t>
  </si>
  <si>
    <t>GGPS chak 464 mehran vala</t>
  </si>
  <si>
    <t>Chak 464 Mehran Vala</t>
  </si>
  <si>
    <t>Surraya Begum</t>
  </si>
  <si>
    <t>22504</t>
  </si>
  <si>
    <t>GGCMPS BHAGOWAL KHURD</t>
  </si>
  <si>
    <t>Bhagowal Khurd</t>
  </si>
  <si>
    <t>bhagowal khurd</t>
  </si>
  <si>
    <t>Ikhlas Gardh</t>
  </si>
  <si>
    <t>GGPS BASTI KHANOANA</t>
  </si>
  <si>
    <t>post office khanoana 464 jori wala</t>
  </si>
  <si>
    <t>Jori Wala</t>
  </si>
  <si>
    <t>Pakiza Aslam</t>
  </si>
  <si>
    <t>18164</t>
  </si>
  <si>
    <t>29379</t>
  </si>
  <si>
    <t>GMPS FAQIRIAY WALA</t>
  </si>
  <si>
    <t>Faqeery Wala</t>
  </si>
  <si>
    <t>faqeery wala</t>
  </si>
  <si>
    <t>Sheikh Hmad</t>
  </si>
  <si>
    <t>Shaista Nazli</t>
  </si>
  <si>
    <t>27436</t>
  </si>
  <si>
    <t>18165</t>
  </si>
  <si>
    <t>22836</t>
  </si>
  <si>
    <t>GPS CPC NO. 1 JALALPUR JATTAN</t>
  </si>
  <si>
    <t>near Masjid Saddiq jalalpur jattan</t>
  </si>
  <si>
    <t>MC Jalal Pur Jattan</t>
  </si>
  <si>
    <t>GPS 368 GB</t>
  </si>
  <si>
    <t>chak no 368 GB JARANWALA</t>
  </si>
  <si>
    <t>368 GB</t>
  </si>
  <si>
    <t>Bhuchuana</t>
  </si>
  <si>
    <t>Allah Ditta Saahil</t>
  </si>
  <si>
    <t>18169</t>
  </si>
  <si>
    <t>29341</t>
  </si>
  <si>
    <t>GPS CHAK DADA</t>
  </si>
  <si>
    <t>Chak  Deda</t>
  </si>
  <si>
    <t>Chak Deda  P/O Raja Jung Teh. &amp; Distt. Kasur</t>
  </si>
  <si>
    <t>Baroon  Raja Jung</t>
  </si>
  <si>
    <t>28577</t>
  </si>
  <si>
    <t>GGES CHAK NO.25/BC</t>
  </si>
  <si>
    <t>Khund Lorean</t>
  </si>
  <si>
    <t>25bc khajiwala kpt</t>
  </si>
  <si>
    <t>25bc Khaji Wals</t>
  </si>
  <si>
    <t>Azra Rafique</t>
  </si>
  <si>
    <t>38264</t>
  </si>
  <si>
    <t>GPS CHOKI SOBHAY KHAN</t>
  </si>
  <si>
    <t>Choki Sobhay Khan</t>
  </si>
  <si>
    <t>Basti Choki Sobhay Khan</t>
  </si>
  <si>
    <t>Rind Jada</t>
  </si>
  <si>
    <t>29358</t>
  </si>
  <si>
    <t>GGPS MANZOOR COLONY</t>
  </si>
  <si>
    <t>Jamat Pura</t>
  </si>
  <si>
    <t>G g p s manzoor colony kasur Jamal pura</t>
  </si>
  <si>
    <t>Kot Murad Khan</t>
  </si>
  <si>
    <t>H  Nazia</t>
  </si>
  <si>
    <t>18183</t>
  </si>
  <si>
    <t>GGPS JAVED NASIR ABAD</t>
  </si>
  <si>
    <t>Mado Ki</t>
  </si>
  <si>
    <t>moza mado ki dakhana khas tehsil o zila jhang</t>
  </si>
  <si>
    <t>52732</t>
  </si>
  <si>
    <t>GGPS SHER NAGAR</t>
  </si>
  <si>
    <t>Shar Garh</t>
  </si>
  <si>
    <t>sher nagar moza shar garh</t>
  </si>
  <si>
    <t>Sher Nagar</t>
  </si>
  <si>
    <t>Bhutta Mohabat</t>
  </si>
  <si>
    <t>Azran bibi</t>
  </si>
  <si>
    <t>38286</t>
  </si>
  <si>
    <t>GPS AMEER PUR THAHEEM</t>
  </si>
  <si>
    <t>Humbal Wala</t>
  </si>
  <si>
    <t>govt primary school Ameer pur thaheem bisti school stop</t>
  </si>
  <si>
    <t>Bisti School Stop</t>
  </si>
  <si>
    <t>MUHAMMAD QAISAR</t>
  </si>
  <si>
    <t>17407</t>
  </si>
  <si>
    <t>GMPS CHAK NO 263 JB</t>
  </si>
  <si>
    <t>Chak No 263</t>
  </si>
  <si>
    <t>chak no 263 patoana</t>
  </si>
  <si>
    <t>18195</t>
  </si>
  <si>
    <t>GPS RAJA JANG</t>
  </si>
  <si>
    <t>raja jang</t>
  </si>
  <si>
    <t>Mc Raja jung</t>
  </si>
  <si>
    <t>18197</t>
  </si>
  <si>
    <t>GGES CHURA MANEKA</t>
  </si>
  <si>
    <t>GGES Chura Maneka</t>
  </si>
  <si>
    <t>Chura Maneka</t>
  </si>
  <si>
    <t>FIRDOUS KOUSAR</t>
  </si>
  <si>
    <t>GGHS CHAK NO. 21 GB</t>
  </si>
  <si>
    <t>21 Gb</t>
  </si>
  <si>
    <t>CHAK NO 21 GB JARANWALA</t>
  </si>
  <si>
    <t>21 gb</t>
  </si>
  <si>
    <t>ZAHIDA ZARINA KAUSAR</t>
  </si>
  <si>
    <t>GHS CHAK 111 JB FSD</t>
  </si>
  <si>
    <t>111JB</t>
  </si>
  <si>
    <t>CHAK NO.111JB FAISALABAD</t>
  </si>
  <si>
    <t>cHKAK NO.111 JB FSD</t>
  </si>
  <si>
    <t>CHAK NO.113 JB FSD</t>
  </si>
  <si>
    <t>19737</t>
  </si>
  <si>
    <t>52574</t>
  </si>
  <si>
    <t>GPS SODHE KAY</t>
  </si>
  <si>
    <t>Sodhekay</t>
  </si>
  <si>
    <t>GPS sodhekay</t>
  </si>
  <si>
    <t>Intzar Ahmad Ans</t>
  </si>
  <si>
    <t>18922</t>
  </si>
  <si>
    <t>39088</t>
  </si>
  <si>
    <t>MOEEN ABAD - FEMALE</t>
  </si>
  <si>
    <t>basti Allah yar</t>
  </si>
  <si>
    <t>63842</t>
  </si>
  <si>
    <t>4211</t>
  </si>
  <si>
    <t>GPS DOABA HANS</t>
  </si>
  <si>
    <t>basti ghanni wala moza alurid Mahmood kot Tehsil Kot Adu District Muzaffargarh</t>
  </si>
  <si>
    <t>Basti Ghanni Wala</t>
  </si>
  <si>
    <t>Muhammad Tariq Abbas</t>
  </si>
  <si>
    <t>29986</t>
  </si>
  <si>
    <t>GGES CHAK NO. 59,60</t>
  </si>
  <si>
    <t>Chak No 59/60</t>
  </si>
  <si>
    <t>Elementary school chak no 59/60</t>
  </si>
  <si>
    <t>Zafar Kay</t>
  </si>
  <si>
    <t>Kousar Bashir</t>
  </si>
  <si>
    <t>18956</t>
  </si>
  <si>
    <t>33089</t>
  </si>
  <si>
    <t>GPS WATRAY WALA</t>
  </si>
  <si>
    <t>Bharihog</t>
  </si>
  <si>
    <t>p/ o sanawan moza watrya walla teh kot addu distt M garh</t>
  </si>
  <si>
    <t>Watray Wala</t>
  </si>
  <si>
    <t>Waqar Jameel</t>
  </si>
  <si>
    <t>GPS HAJI MUHAMMAD ISMAEEL</t>
  </si>
  <si>
    <t>basti boson near 5 star filling station kandani road p.o firoza</t>
  </si>
  <si>
    <t>Basti Bosan</t>
  </si>
  <si>
    <t>18934</t>
  </si>
  <si>
    <t>38327</t>
  </si>
  <si>
    <t>GGPS MOUZA SARAI 2</t>
  </si>
  <si>
    <t>saray</t>
  </si>
  <si>
    <t>ggps saray no 2 basti tibbi wala mouza saray</t>
  </si>
  <si>
    <t>basti tibbi wala</t>
  </si>
  <si>
    <t>bahawalgarh</t>
  </si>
  <si>
    <t>rabia bashir</t>
  </si>
  <si>
    <t>23245</t>
  </si>
  <si>
    <t>GMPS SOMBRI</t>
  </si>
  <si>
    <t>Sombri</t>
  </si>
  <si>
    <t>Vill sombri p.o. bhota teh kharian dist gujrat</t>
  </si>
  <si>
    <t>Bhurach</t>
  </si>
  <si>
    <t>28346</t>
  </si>
  <si>
    <t>16982</t>
  </si>
  <si>
    <t>GGHS ALI PUR</t>
  </si>
  <si>
    <t>ALI PUR P/O SAME TEHSIL AND DISTRICT JHANG</t>
  </si>
  <si>
    <t>pabar wala</t>
  </si>
  <si>
    <t>SHAHZADI RASHID HASHMI</t>
  </si>
  <si>
    <t>GES DAWAR</t>
  </si>
  <si>
    <t>Dawar</t>
  </si>
  <si>
    <t>Moza Dawar</t>
  </si>
  <si>
    <t>18947</t>
  </si>
  <si>
    <t>27785</t>
  </si>
  <si>
    <t>GMPS DERA NABI BUKHASH</t>
  </si>
  <si>
    <t>dera nabi bakhsh,khai</t>
  </si>
  <si>
    <t>Nashia Parveen</t>
  </si>
  <si>
    <t>GGES CHOKI RANGO KHAN</t>
  </si>
  <si>
    <t>Chowki Rango Khan</t>
  </si>
  <si>
    <t>GGES chowki rango khan p\o rind Jada teh# kahror pacca distt:lodhran</t>
  </si>
  <si>
    <t>Irfana mazhar</t>
  </si>
  <si>
    <t>53108</t>
  </si>
  <si>
    <t>GGHS BIAGA</t>
  </si>
  <si>
    <t>Village Biaga teh kotli sattian p /o biaga</t>
  </si>
  <si>
    <t>Biaga</t>
  </si>
  <si>
    <t>Tafheem Akbar Shagufta</t>
  </si>
  <si>
    <t>29344</t>
  </si>
  <si>
    <t>GGPS MC BASTI CHIRAGH SHAH</t>
  </si>
  <si>
    <t>Govt. mc.girls primary schools basti chiragh Shah kasur</t>
  </si>
  <si>
    <t>Kot murad khan kasur</t>
  </si>
  <si>
    <t>Kot murad khan Kasur</t>
  </si>
  <si>
    <t>18957</t>
  </si>
  <si>
    <t>23049</t>
  </si>
  <si>
    <t>vill. sohal po butter teh. khatian dist.  gujrat</t>
  </si>
  <si>
    <t>18959</t>
  </si>
  <si>
    <t>45752</t>
  </si>
  <si>
    <t>GPS MEHLIAN</t>
  </si>
  <si>
    <t>Maili Pir Bakhsh</t>
  </si>
  <si>
    <t>Maili Pir Bakhsh, P. O. Tibba Qaim Din, Tehsil and District: Khushab</t>
  </si>
  <si>
    <t>Tanzeel Anjum</t>
  </si>
  <si>
    <t>18963</t>
  </si>
  <si>
    <t>GPS BASTI KHOKAR CHAK NO 425 TDA</t>
  </si>
  <si>
    <t>chack no 425/tda</t>
  </si>
  <si>
    <t>Chack No 425/tda</t>
  </si>
  <si>
    <t>Zulfqar Ali Kashif</t>
  </si>
  <si>
    <t>18964</t>
  </si>
  <si>
    <t>GPS KAHAN SINGH KHURKAN</t>
  </si>
  <si>
    <t>Kahan Singh Khurkan</t>
  </si>
  <si>
    <t>kahan Singh khurkan</t>
  </si>
  <si>
    <t>18965</t>
  </si>
  <si>
    <t>40392</t>
  </si>
  <si>
    <t>GPS KOTLI PIRAN</t>
  </si>
  <si>
    <t>Kotli Piran</t>
  </si>
  <si>
    <t>village kotli piran tehsil p.d.khan</t>
  </si>
  <si>
    <t>18967</t>
  </si>
  <si>
    <t>5370</t>
  </si>
  <si>
    <t>GPS HAYAT LAR</t>
  </si>
  <si>
    <t>Hyayat Lar</t>
  </si>
  <si>
    <t>Basti Haji Saleh Muhammad. Mouza Hayat Lar Tehsil LQP District RYK</t>
  </si>
  <si>
    <t>Basti Saleh Muhammad Muhammad</t>
  </si>
  <si>
    <t>Qazi Muhammad Iqbal</t>
  </si>
  <si>
    <t>26166</t>
  </si>
  <si>
    <t>26067</t>
  </si>
  <si>
    <t>GGHS CHAK NO 61 RB</t>
  </si>
  <si>
    <t>chak no 61 rb</t>
  </si>
  <si>
    <t>GGHS61RB FAISALABAD</t>
  </si>
  <si>
    <t>bedianwala</t>
  </si>
  <si>
    <t>chak no 61</t>
  </si>
  <si>
    <t>aziz fatima</t>
  </si>
  <si>
    <t>27587</t>
  </si>
  <si>
    <t>GGPS TAWAILI WALI</t>
  </si>
  <si>
    <t>Tawaili Wali</t>
  </si>
  <si>
    <t>Tawaili wali</t>
  </si>
  <si>
    <t>Nighat Hanif</t>
  </si>
  <si>
    <t>45861</t>
  </si>
  <si>
    <t>GPS CHAK NO. 43 MB</t>
  </si>
  <si>
    <t>Chak No 43 MB</t>
  </si>
  <si>
    <t>Chak No. 43 MB Tehsil&amp; District Khushab</t>
  </si>
  <si>
    <t>38035</t>
  </si>
  <si>
    <t>18998</t>
  </si>
  <si>
    <t>GPS CHAK NO. 598 TDA</t>
  </si>
  <si>
    <t>Chah hassan wala Wandher Gharbi</t>
  </si>
  <si>
    <t>chak 598 tda Multan Road Chowk sarwar shaheed</t>
  </si>
  <si>
    <t>598 Tda</t>
  </si>
  <si>
    <t>Wandhar</t>
  </si>
  <si>
    <t>Sadaf Tahira</t>
  </si>
  <si>
    <t>21240</t>
  </si>
  <si>
    <t>18977</t>
  </si>
  <si>
    <t>GGPS KOT NASIR KHAN</t>
  </si>
  <si>
    <t>Kot Nasir Khan</t>
  </si>
  <si>
    <t>kot nasir khan kot radha kishan disst kasur</t>
  </si>
  <si>
    <t>Pemaar Otaar</t>
  </si>
  <si>
    <t>Lubna Anwar</t>
  </si>
  <si>
    <t>18982</t>
  </si>
  <si>
    <t>20167</t>
  </si>
  <si>
    <t>GGES KOT QAZI</t>
  </si>
  <si>
    <t>kot qazi</t>
  </si>
  <si>
    <t>moza kot qazi tehsil lalian district chiniot</t>
  </si>
  <si>
    <t>hest khewa</t>
  </si>
  <si>
    <t>Saliha Sharif</t>
  </si>
  <si>
    <t>18983</t>
  </si>
  <si>
    <t>42189</t>
  </si>
  <si>
    <t>GPS BHAN</t>
  </si>
  <si>
    <t>Bhan kotli sattian</t>
  </si>
  <si>
    <t>Dirkot</t>
  </si>
  <si>
    <t>Nosheen Kousar</t>
  </si>
  <si>
    <t>26426</t>
  </si>
  <si>
    <t>27782</t>
  </si>
  <si>
    <t>GGPS CHAK NO. 17</t>
  </si>
  <si>
    <t>chak no 17</t>
  </si>
  <si>
    <t>Nazia Yasmeen</t>
  </si>
  <si>
    <t>37047</t>
  </si>
  <si>
    <t>GHS 93/10-R, KHANEWAL</t>
  </si>
  <si>
    <t>Chak No 93/10R Khanewal</t>
  </si>
  <si>
    <t>9210R</t>
  </si>
  <si>
    <t>Abdul Quddoos Nasir</t>
  </si>
  <si>
    <t>38369</t>
  </si>
  <si>
    <t>GGPS SHAH MUHAMMAD WALA</t>
  </si>
  <si>
    <t>Hardo Thahim</t>
  </si>
  <si>
    <t>Basti Shah Muhammad wala</t>
  </si>
  <si>
    <t>Shah Muhammad Wala</t>
  </si>
  <si>
    <t>Tasneem Anwar</t>
  </si>
  <si>
    <t>34711</t>
  </si>
  <si>
    <t>GGPS DHOOL WALA</t>
  </si>
  <si>
    <t>KHOKHRAN - FEMALE</t>
  </si>
  <si>
    <t>chah dhaty wala moza feroz pur</t>
  </si>
  <si>
    <t>Chah Dhaty Wala</t>
  </si>
  <si>
    <t>Shameem Akhter</t>
  </si>
  <si>
    <t>18995</t>
  </si>
  <si>
    <t>GHS KAROR</t>
  </si>
  <si>
    <t>KALLAN BASAND</t>
  </si>
  <si>
    <t>GHS KARORE</t>
  </si>
  <si>
    <t>Zia Ullah Abbasi</t>
  </si>
  <si>
    <t>30061</t>
  </si>
  <si>
    <t>GGPS HAVELI MALIKAN WALI</t>
  </si>
  <si>
    <t>Havali Malkan Wali</t>
  </si>
  <si>
    <t>haveli malkan wali</t>
  </si>
  <si>
    <t>Havali malkan wali</t>
  </si>
  <si>
    <t>Bhamba Klan</t>
  </si>
  <si>
    <t>Rubina Asghar</t>
  </si>
  <si>
    <t>25959</t>
  </si>
  <si>
    <t>GPS GULAN LAR LIAQAT PUR</t>
  </si>
  <si>
    <t>Mir Muhammad Lar</t>
  </si>
  <si>
    <t>village Gulan Lar</t>
  </si>
  <si>
    <t>Gulan Lar</t>
  </si>
  <si>
    <t>Muhammad Zahid Jamaaa</t>
  </si>
  <si>
    <t>30731</t>
  </si>
  <si>
    <t>22875</t>
  </si>
  <si>
    <t>GHS DILAWAR PUR</t>
  </si>
  <si>
    <t>DILAWARPUR</t>
  </si>
  <si>
    <t>VPO DILAWARPUR TEHSIL KHARIAN DIST. GUJRAT</t>
  </si>
  <si>
    <t>Naseer ahmed</t>
  </si>
  <si>
    <t>GGPS HASAN KEY GAAMEY KHAN</t>
  </si>
  <si>
    <t>Gameykhan</t>
  </si>
  <si>
    <t>chack hasan k gamey khan</t>
  </si>
  <si>
    <t>Gamey Khan</t>
  </si>
  <si>
    <t>Sajida Feroz</t>
  </si>
  <si>
    <t>27653</t>
  </si>
  <si>
    <t>39412</t>
  </si>
  <si>
    <t>GGPS BASTI BHINDRAN</t>
  </si>
  <si>
    <t>Mir Pur</t>
  </si>
  <si>
    <t>ghosia colony moza mir pur</t>
  </si>
  <si>
    <t>Ghosia Colony</t>
  </si>
  <si>
    <t>Farhat Rashid</t>
  </si>
  <si>
    <t>Khuda Baksh Sakhi Talab</t>
  </si>
  <si>
    <t>19008</t>
  </si>
  <si>
    <t>GGPS PILOWAL SYEDAN</t>
  </si>
  <si>
    <t>AEO (W) LALIAN NO.08</t>
  </si>
  <si>
    <t>Pelowal saidan</t>
  </si>
  <si>
    <t>Pelowal saidan Teh Lalian Distt Chiniot</t>
  </si>
  <si>
    <t>Amatul Sbooh</t>
  </si>
  <si>
    <t>7071</t>
  </si>
  <si>
    <t>GGPS KHABARAN WALA(SALEEM KHEL)</t>
  </si>
  <si>
    <t>GHUNDI-FEMALE</t>
  </si>
  <si>
    <t>GGPS khabaran wala</t>
  </si>
  <si>
    <t>Khabaran Wala</t>
  </si>
  <si>
    <t>Saeed Fatima</t>
  </si>
  <si>
    <t>community supply</t>
  </si>
  <si>
    <t>27780</t>
  </si>
  <si>
    <t>GMPS CHAK NO.18</t>
  </si>
  <si>
    <t>Chak No I</t>
  </si>
  <si>
    <t>chak no 18</t>
  </si>
  <si>
    <t>Sughra Nazar</t>
  </si>
  <si>
    <t>GES JAGIR HORAH</t>
  </si>
  <si>
    <t>Jageer Hoora</t>
  </si>
  <si>
    <t>Govt.E/S Jageer Hoora</t>
  </si>
  <si>
    <t>Duran Wala</t>
  </si>
  <si>
    <t>19018</t>
  </si>
  <si>
    <t>GPS AARIF BLOCH</t>
  </si>
  <si>
    <t>Aarif Baloch</t>
  </si>
  <si>
    <t>basti arif baloch</t>
  </si>
  <si>
    <t>Basti Ameer Bukhsh Khan</t>
  </si>
  <si>
    <t>Muhammad Abbas Abbasi</t>
  </si>
  <si>
    <t>19019</t>
  </si>
  <si>
    <t>29243</t>
  </si>
  <si>
    <t>GES MAHEEN MAR MARKAZ</t>
  </si>
  <si>
    <t>Maheen Mar</t>
  </si>
  <si>
    <t>Maheen Mar Tehsil Kot Radha Kishan</t>
  </si>
  <si>
    <t>22419</t>
  </si>
  <si>
    <t>GPS KANG SAHALI</t>
  </si>
  <si>
    <t>kang Sahali teh and distt gujrat</t>
  </si>
  <si>
    <t>Iqra javid</t>
  </si>
  <si>
    <t>43846</t>
  </si>
  <si>
    <t>41932</t>
  </si>
  <si>
    <t>45243</t>
  </si>
  <si>
    <t>GES DHODA</t>
  </si>
  <si>
    <t>GES DHODA TEHSIL MAILSI DISST.VEHARI</t>
  </si>
  <si>
    <t>19029</t>
  </si>
  <si>
    <t>GPS DHOORI</t>
  </si>
  <si>
    <t>Dhoori</t>
  </si>
  <si>
    <t>Village Dhoori P/O Barki Lahore cantt</t>
  </si>
  <si>
    <t>38359</t>
  </si>
  <si>
    <t>47371</t>
  </si>
  <si>
    <t>GGPS MEHR KHAN WALA</t>
  </si>
  <si>
    <t>GGP,s mehr khanwala</t>
  </si>
  <si>
    <t>Ghulam Sabiha</t>
  </si>
  <si>
    <t>GES PEOPLES COLONY, KHANEWAL</t>
  </si>
  <si>
    <t>W-block people's colony khanewal</t>
  </si>
  <si>
    <t>City-khanewal</t>
  </si>
  <si>
    <t>MUHAMMAD-SARWAR-ZAHID</t>
  </si>
  <si>
    <t>18565</t>
  </si>
  <si>
    <t>GPS 27 GB</t>
  </si>
  <si>
    <t>27 GB</t>
  </si>
  <si>
    <t>chak num 27 gb</t>
  </si>
  <si>
    <t>Chak Num 27 GB</t>
  </si>
  <si>
    <t>24 GB</t>
  </si>
  <si>
    <t>Mahfooz Ur Rahman</t>
  </si>
  <si>
    <t>8967</t>
  </si>
  <si>
    <t>GGHS MC PEOPLES COLONY NO.1 FSD B.BLOCK</t>
  </si>
  <si>
    <t>people's colony b block</t>
  </si>
  <si>
    <t>Peoples Colony B B B Block Ppl Clny</t>
  </si>
  <si>
    <t>22145</t>
  </si>
  <si>
    <t>GGHS DOULAT NAGAR</t>
  </si>
  <si>
    <t>village. p.o daulat nagar</t>
  </si>
  <si>
    <t>rukhsana  kousar</t>
  </si>
  <si>
    <t>GPS KHALLAR AWAN</t>
  </si>
  <si>
    <t>Khallar Awan</t>
  </si>
  <si>
    <t>Nigah Hussnain</t>
  </si>
  <si>
    <t>43651</t>
  </si>
  <si>
    <t>17490</t>
  </si>
  <si>
    <t>GMPS ABADI TAHIR ABAD</t>
  </si>
  <si>
    <t>basti tahir abad moza sahmal adda khewa jhang</t>
  </si>
  <si>
    <t>Bsti Tahir Abad</t>
  </si>
  <si>
    <t>18588</t>
  </si>
  <si>
    <t>GPS CHANDRANI</t>
  </si>
  <si>
    <t>Chandrani</t>
  </si>
  <si>
    <t>moza chandrani po tahli talbani the khair pur tamewali</t>
  </si>
  <si>
    <t>Shed Imam Shah</t>
  </si>
  <si>
    <t>M Akbar Ali</t>
  </si>
  <si>
    <t>Khanwali</t>
  </si>
  <si>
    <t>village khanwali Gujrat</t>
  </si>
  <si>
    <t>Ghakran kalan</t>
  </si>
  <si>
    <t>Waqar Haider</t>
  </si>
  <si>
    <t>12324</t>
  </si>
  <si>
    <t>18591</t>
  </si>
  <si>
    <t>GGPS CHAK NO 165 JB III</t>
  </si>
  <si>
    <t>Ganday Wala</t>
  </si>
  <si>
    <t>ggps chak 165 jBIII</t>
  </si>
  <si>
    <t>Robina Noor</t>
  </si>
  <si>
    <t>22774</t>
  </si>
  <si>
    <t>GGPS NO.1 MADINA SYEDAN</t>
  </si>
  <si>
    <t>p.o.khas madina syedan tehsil and district Gujrat</t>
  </si>
  <si>
    <t>Sadia Shabbir</t>
  </si>
  <si>
    <t>18479</t>
  </si>
  <si>
    <t>17521</t>
  </si>
  <si>
    <t>35953</t>
  </si>
  <si>
    <t>37099</t>
  </si>
  <si>
    <t>38297</t>
  </si>
  <si>
    <t>GPS MULWANAY WALA</t>
  </si>
  <si>
    <t>Kahor</t>
  </si>
  <si>
    <t>Basti mulwany wala kahror pacca</t>
  </si>
  <si>
    <t>Mulwany Wala</t>
  </si>
  <si>
    <t>Kahror</t>
  </si>
  <si>
    <t>hafeez ahmad</t>
  </si>
  <si>
    <t>29174</t>
  </si>
  <si>
    <t>GPS HAVELI RAMIANA</t>
  </si>
  <si>
    <t>Ramyna</t>
  </si>
  <si>
    <t>GPS Haveli Ramyna dist. &amp; teh. Kasur</t>
  </si>
  <si>
    <t>Hardo Sahari</t>
  </si>
  <si>
    <t>GHSS SHEIKH WAHIN</t>
  </si>
  <si>
    <t>sheikhwahin</t>
  </si>
  <si>
    <t>muhammad munir</t>
  </si>
  <si>
    <t>18607</t>
  </si>
  <si>
    <t>GPS CHAK BHOOLA</t>
  </si>
  <si>
    <t>Chak Bhoola</t>
  </si>
  <si>
    <t>chak bhoola</t>
  </si>
  <si>
    <t>Fazeela Iram</t>
  </si>
  <si>
    <t>GPS UMER FATANI</t>
  </si>
  <si>
    <t>Umar Fatani</t>
  </si>
  <si>
    <t>Village/ moza  Umar Fatani Tehsil Kpt dist BWP</t>
  </si>
  <si>
    <t>haji mohammad Akhtar</t>
  </si>
  <si>
    <t>GPS TANZEEM KHAIRI BHABHI</t>
  </si>
  <si>
    <t>khairi bhabhi</t>
  </si>
  <si>
    <t>basti khairi bhabhi</t>
  </si>
  <si>
    <t>kotla qaim khan</t>
  </si>
  <si>
    <t>18616</t>
  </si>
  <si>
    <t>GPS JULLIANI</t>
  </si>
  <si>
    <t>Julliani</t>
  </si>
  <si>
    <t>Village Julliani P.O Mangowal Gharbi</t>
  </si>
  <si>
    <t>Usman Aslam</t>
  </si>
  <si>
    <t>18622</t>
  </si>
  <si>
    <t>29285</t>
  </si>
  <si>
    <t>GPS DHILAM LOONEKAY</t>
  </si>
  <si>
    <t>Lunekay</t>
  </si>
  <si>
    <t>Lunekay P/O Khudian Khas Kasur</t>
  </si>
  <si>
    <t>18625</t>
  </si>
  <si>
    <t>GHS THATTA MUSA</t>
  </si>
  <si>
    <t>thatha musa</t>
  </si>
  <si>
    <t>ghs thatha musa gujrat</t>
  </si>
  <si>
    <t>18626</t>
  </si>
  <si>
    <t>29333</t>
  </si>
  <si>
    <t>GPS BAQAR KEY</t>
  </si>
  <si>
    <t>Baqer Kay</t>
  </si>
  <si>
    <t>46218</t>
  </si>
  <si>
    <t>GMPS SEHWA MAJOKA</t>
  </si>
  <si>
    <t>sehwa Mjoka moza Nadha ghar p.o kot Essa Shah Jhang</t>
  </si>
  <si>
    <t>Sehwa Mjoka</t>
  </si>
  <si>
    <t>24241</t>
  </si>
  <si>
    <t>GGPS HYDERABAD</t>
  </si>
  <si>
    <t>Laal Baghali</t>
  </si>
  <si>
    <t>Basti Hyderabad, Mouza Laal Baghali, Tehsil Kahror Pakka, Distt. Lodhran.</t>
  </si>
  <si>
    <t>Basti Hyderabad</t>
  </si>
  <si>
    <t>Nadia Bagum</t>
  </si>
  <si>
    <t>22102</t>
  </si>
  <si>
    <t>GHS BHAGOWAL KHURD</t>
  </si>
  <si>
    <t>Bhagowal Khurd P.O Jalal Pur Jattan Tehsil &amp; District Gujrat</t>
  </si>
  <si>
    <t>GMPS CHAK NO 233 HUSNANA</t>
  </si>
  <si>
    <t>chak # 233 husnana</t>
  </si>
  <si>
    <t>chak no 233 Husnana</t>
  </si>
  <si>
    <t>Husnana</t>
  </si>
  <si>
    <t>PAKHRA SULTAN</t>
  </si>
  <si>
    <t>29484</t>
  </si>
  <si>
    <t>GMPS MABBOO KAY</t>
  </si>
  <si>
    <t>mabookay</t>
  </si>
  <si>
    <t>village mabbookay p/o sehjra teh &amp;distt kasur</t>
  </si>
  <si>
    <t>sehjra</t>
  </si>
  <si>
    <t>Muneeba Ibrahim</t>
  </si>
  <si>
    <t>17973</t>
  </si>
  <si>
    <t>52858</t>
  </si>
  <si>
    <t>GGPS LOHARI WALA</t>
  </si>
  <si>
    <t>Lohari Wala</t>
  </si>
  <si>
    <t>Lohari Wala PO Daula Pukhta</t>
  </si>
  <si>
    <t>Mancharian</t>
  </si>
  <si>
    <t>23739</t>
  </si>
  <si>
    <t>GPS CHELA WAHIN</t>
  </si>
  <si>
    <t>Chella Wahin</t>
  </si>
  <si>
    <t>Besti chellawahin p/o israni kpt</t>
  </si>
  <si>
    <t>Chellawahin</t>
  </si>
  <si>
    <t>Hafiz Salah Ud Din</t>
  </si>
  <si>
    <t>17977</t>
  </si>
  <si>
    <t>GMPS THATHA BAGHAILA KHOKHAR</t>
  </si>
  <si>
    <t>Thatha Bghaila</t>
  </si>
  <si>
    <t>thatha bghaila</t>
  </si>
  <si>
    <t>Nasira Rashid</t>
  </si>
  <si>
    <t>52847</t>
  </si>
  <si>
    <t>GMPS QILA HARRI CHAND</t>
  </si>
  <si>
    <t>Qila Hari Chand</t>
  </si>
  <si>
    <t>Moza Qila Hari Chand</t>
  </si>
  <si>
    <t>Dola Pukhta</t>
  </si>
  <si>
    <t>Shehnaz Bibi</t>
  </si>
  <si>
    <t>35118</t>
  </si>
  <si>
    <t>GGES KOTLY BAGHWAN</t>
  </si>
  <si>
    <t>Kotly  Bhagwan</t>
  </si>
  <si>
    <t>Gges  kotly bhawan</t>
  </si>
  <si>
    <t>Kotly Bhagwan</t>
  </si>
  <si>
    <t>fatima mustansar</t>
  </si>
  <si>
    <t>53647</t>
  </si>
  <si>
    <t>17988</t>
  </si>
  <si>
    <t>GHS KOTLI BHAGWAN</t>
  </si>
  <si>
    <t>village kotli bhagwan P/o Tanda  tehsil &amp; distt.gujrat</t>
  </si>
  <si>
    <t>Kotli Bhagwan</t>
  </si>
  <si>
    <t>Shurkh Pur</t>
  </si>
  <si>
    <t>GMPS PEER CHARAGH</t>
  </si>
  <si>
    <t>GMPS Pir charagh rind Jada kahror pacca district Lodhran</t>
  </si>
  <si>
    <t>Pir Charagh</t>
  </si>
  <si>
    <t>Mrs TabassumTasneem</t>
  </si>
  <si>
    <t>2799</t>
  </si>
  <si>
    <t>GPS GOTH BAHAR</t>
  </si>
  <si>
    <t>Bhoretha</t>
  </si>
  <si>
    <t>Basti goth bahar</t>
  </si>
  <si>
    <t>Goth Bahar</t>
  </si>
  <si>
    <t>GGHS CHAK NO. 85 GB</t>
  </si>
  <si>
    <t>chak# 85 ,GB fsd</t>
  </si>
  <si>
    <t>Jgarpur</t>
  </si>
  <si>
    <t>NAZIMA  NAZIR</t>
  </si>
  <si>
    <t>52698</t>
  </si>
  <si>
    <t>GGPS KAWNI SAIDAN</t>
  </si>
  <si>
    <t>Kawani Saydan</t>
  </si>
  <si>
    <t>g g p s kawani saydan</t>
  </si>
  <si>
    <t>Awan Klaan</t>
  </si>
  <si>
    <t>7851</t>
  </si>
  <si>
    <t>GPS JINDOO SHAH</t>
  </si>
  <si>
    <t>Khand Lorrian</t>
  </si>
  <si>
    <t>jindu shah tahsil khairpur tamiwali distric Bahawalpur</t>
  </si>
  <si>
    <t>Jindu Shah</t>
  </si>
  <si>
    <t>Hafiz Mudaser Mahmood</t>
  </si>
  <si>
    <t>Ramli</t>
  </si>
  <si>
    <t>basti ramli , mouza ramli , p/o box Anaiti , khairpur tamiwali , bahawalpur</t>
  </si>
  <si>
    <t>Ramli Marle</t>
  </si>
  <si>
    <t>Abdulshakoor</t>
  </si>
  <si>
    <t>GGPS CHARRA</t>
  </si>
  <si>
    <t>Chahra</t>
  </si>
  <si>
    <t>vill,chahra,P/O,T/D Gujrat</t>
  </si>
  <si>
    <t>Iram shahzad</t>
  </si>
  <si>
    <t>bore water</t>
  </si>
  <si>
    <t>29617</t>
  </si>
  <si>
    <t>52839</t>
  </si>
  <si>
    <t>GGES DOLA PUKHTA</t>
  </si>
  <si>
    <t>Daula pkhta</t>
  </si>
  <si>
    <t>19749</t>
  </si>
  <si>
    <t>19748</t>
  </si>
  <si>
    <t>18018</t>
  </si>
  <si>
    <t>GES MUCHRAN</t>
  </si>
  <si>
    <t>Muchran</t>
  </si>
  <si>
    <t>mouza muchran khairpurtamewali</t>
  </si>
  <si>
    <t>38278</t>
  </si>
  <si>
    <t>GPS LAL BAGHALI</t>
  </si>
  <si>
    <t>Lal Baghali</t>
  </si>
  <si>
    <t>Near Basti Allah waray WALI Mailsi Road kahror pakka</t>
  </si>
  <si>
    <t>BASTI Chohar WALI</t>
  </si>
  <si>
    <t>40605</t>
  </si>
  <si>
    <t>29209</t>
  </si>
  <si>
    <t>GPS BULANDI OTAR PO. KOTLI RAI ABU BAQAR</t>
  </si>
  <si>
    <t>Bulandi Ottar</t>
  </si>
  <si>
    <t>village Bulandi ottar</t>
  </si>
  <si>
    <t>Theh Sheikhmum</t>
  </si>
  <si>
    <t>18022</t>
  </si>
  <si>
    <t>GES HEAD SULEMANKI</t>
  </si>
  <si>
    <t>Head SULEMANKI</t>
  </si>
  <si>
    <t>Canal colony Head Sulemanki</t>
  </si>
  <si>
    <t>Head Sulemanki</t>
  </si>
  <si>
    <t>Mushtaq Ahmad Shakir</t>
  </si>
  <si>
    <t>54552</t>
  </si>
  <si>
    <t>22403</t>
  </si>
  <si>
    <t>GPS DALIA</t>
  </si>
  <si>
    <t>Dalia post office eshra district Gujrat</t>
  </si>
  <si>
    <t>Golekee</t>
  </si>
  <si>
    <t>Karamat  Shah</t>
  </si>
  <si>
    <t>GHS BEHLI</t>
  </si>
  <si>
    <t>Basti behli mouza behli</t>
  </si>
  <si>
    <t>Syed Ghulam Abbas</t>
  </si>
  <si>
    <t>22509</t>
  </si>
  <si>
    <t>GGPS NAI ABADI</t>
  </si>
  <si>
    <t>Qadar Colony</t>
  </si>
  <si>
    <t>qadar colony jalal pur jattan</t>
  </si>
  <si>
    <t>Syeda Nagina Batool</t>
  </si>
  <si>
    <t>GPS RANGPUR</t>
  </si>
  <si>
    <t>Mouza Rangpur Jaranwala</t>
  </si>
  <si>
    <t>kot Balkram</t>
  </si>
  <si>
    <t>22686</t>
  </si>
  <si>
    <t>GMPS CHOKAR KHURD</t>
  </si>
  <si>
    <t>Chokar Khurd</t>
  </si>
  <si>
    <t>chokar khurad p/o bhota tehsil and district gujrat</t>
  </si>
  <si>
    <t>Sidra Bibi</t>
  </si>
  <si>
    <t>3916</t>
  </si>
  <si>
    <t>19488</t>
  </si>
  <si>
    <t>48339</t>
  </si>
  <si>
    <t>GPS SULTAN ARAIN</t>
  </si>
  <si>
    <t>sultan  araen</t>
  </si>
  <si>
    <t>Sultan Araen</t>
  </si>
  <si>
    <t>GGPS KOT SANDA</t>
  </si>
  <si>
    <t>Kot Sanda</t>
  </si>
  <si>
    <t>kot sanda p/o kunjah T/D gujrat</t>
  </si>
  <si>
    <t>Mariam Kousar</t>
  </si>
  <si>
    <t>42071</t>
  </si>
  <si>
    <t>GPS MUD IJAZ ABAD</t>
  </si>
  <si>
    <t>mud ijazabad moza behli khairpur tamewali</t>
  </si>
  <si>
    <t>Mud Ijazabad</t>
  </si>
  <si>
    <t>52618</t>
  </si>
  <si>
    <t>GPS KOT CHARHAT SINGH</t>
  </si>
  <si>
    <t>Kot Charhat Singh</t>
  </si>
  <si>
    <t>kot charhat singh depalpur</t>
  </si>
  <si>
    <t>Charhat Singh</t>
  </si>
  <si>
    <t>Mazarabad</t>
  </si>
  <si>
    <t>Irfan Tayyab Joyia</t>
  </si>
  <si>
    <t>18048</t>
  </si>
  <si>
    <t>22213</t>
  </si>
  <si>
    <t>GES MAND</t>
  </si>
  <si>
    <t>mand</t>
  </si>
  <si>
    <t>mand tehsil/district gujrat</t>
  </si>
  <si>
    <t>Azmat Rasul</t>
  </si>
  <si>
    <t>38313</t>
  </si>
  <si>
    <t>GGPS NOOR SHAH GILLANI NO.1</t>
  </si>
  <si>
    <t>noor shah gillani</t>
  </si>
  <si>
    <t>noor  shah gillani</t>
  </si>
  <si>
    <t>Safia Rehman</t>
  </si>
  <si>
    <t>18052</t>
  </si>
  <si>
    <t>53013</t>
  </si>
  <si>
    <t>GGES CHAK NO. 33-D</t>
  </si>
  <si>
    <t>33d</t>
  </si>
  <si>
    <t>GGES33d</t>
  </si>
  <si>
    <t>Qila Jwind Singh</t>
  </si>
  <si>
    <t>Ume Habiba</t>
  </si>
  <si>
    <t>GPS NARI</t>
  </si>
  <si>
    <t>Gulpur Talbani</t>
  </si>
  <si>
    <t>basti jaliyain gulpur talbani tahseel khairpur tamewali dis. bahawalpur</t>
  </si>
  <si>
    <t>Basti Jaliyain</t>
  </si>
  <si>
    <t>18054</t>
  </si>
  <si>
    <t>38301</t>
  </si>
  <si>
    <t>GGPS RAPPAR NO. 2</t>
  </si>
  <si>
    <t>Rappar</t>
  </si>
  <si>
    <t>Basti Rappar</t>
  </si>
  <si>
    <t>Nazir Bibi</t>
  </si>
  <si>
    <t>49709</t>
  </si>
  <si>
    <t>18057</t>
  </si>
  <si>
    <t>GHS ISRANI</t>
  </si>
  <si>
    <t>uc israni tehsil kpt</t>
  </si>
  <si>
    <t>Abdul Mateen</t>
  </si>
  <si>
    <t>15473</t>
  </si>
  <si>
    <t>GES MC SHAH MUHAMMAD JOIA MEMORIAL</t>
  </si>
  <si>
    <t>shah Muhammad joya memorial school kehror pacca</t>
  </si>
  <si>
    <t>Kehror Pacca</t>
  </si>
  <si>
    <t>Dyanat Purah</t>
  </si>
  <si>
    <t>Habib Ahmad</t>
  </si>
  <si>
    <t>18062</t>
  </si>
  <si>
    <t>GPS 436/GB-NORTH</t>
  </si>
  <si>
    <t>chak #436 GB north Teh jaranwala Faisalabad</t>
  </si>
  <si>
    <t>GAJIANA</t>
  </si>
  <si>
    <t>364GB</t>
  </si>
  <si>
    <t>18065</t>
  </si>
  <si>
    <t>GPS BASTI BALA</t>
  </si>
  <si>
    <t>Jilani</t>
  </si>
  <si>
    <t>Basti Bala Mouza Jilani Khairpur Tamewali Bahawalpur</t>
  </si>
  <si>
    <t>Basti Bala</t>
  </si>
  <si>
    <t>18067</t>
  </si>
  <si>
    <t>GES SATTOKI</t>
  </si>
  <si>
    <t>GES Sattoki tehsil and district kasur</t>
  </si>
  <si>
    <t>Meer Muhammad</t>
  </si>
  <si>
    <t>Raza Muhammad Kasuri</t>
  </si>
  <si>
    <t>Water Room Filter</t>
  </si>
  <si>
    <t>GPS GOTH MITHA</t>
  </si>
  <si>
    <t>Challe Wahin</t>
  </si>
  <si>
    <t>basti goth mitha moza challen wahin tehsil khair pur tamewali</t>
  </si>
  <si>
    <t>Goth Mitha</t>
  </si>
  <si>
    <t>18075</t>
  </si>
  <si>
    <t>GPS GOTH ALI</t>
  </si>
  <si>
    <t>Goth ali</t>
  </si>
  <si>
    <t>Goth Ali</t>
  </si>
  <si>
    <t>GMPS PEERO</t>
  </si>
  <si>
    <t>Peero</t>
  </si>
  <si>
    <t>mouza peero p/o bhero jhang</t>
  </si>
  <si>
    <t>HAFIZA MUBEEN KHAN</t>
  </si>
  <si>
    <t>GPS HAVELIAN</t>
  </si>
  <si>
    <t>Havelian</t>
  </si>
  <si>
    <t>havelian uc daftoo kasur</t>
  </si>
  <si>
    <t>Daftoo</t>
  </si>
  <si>
    <t>Sultan Mahmood</t>
  </si>
  <si>
    <t>22148</t>
  </si>
  <si>
    <t>GGHSS KARIAN WALA</t>
  </si>
  <si>
    <t>GGHSS karianwala</t>
  </si>
  <si>
    <t>bushra nasreen</t>
  </si>
  <si>
    <t>18081</t>
  </si>
  <si>
    <t>GPS JHOKE HAMJANA</t>
  </si>
  <si>
    <t>Jhoke haji</t>
  </si>
  <si>
    <t>Jhoke Hamjana muza jhoke haji tehsil khairpur tamewali</t>
  </si>
  <si>
    <t>Jhoke hamjana</t>
  </si>
  <si>
    <t>Muhammad Sajjad Wagi</t>
  </si>
  <si>
    <t>18085</t>
  </si>
  <si>
    <t>29463</t>
  </si>
  <si>
    <t>GGCMS BAGAY</t>
  </si>
  <si>
    <t>Baggay</t>
  </si>
  <si>
    <t>p/o husain khan wala village bagay hithar tehsil &amp;district ksr</t>
  </si>
  <si>
    <t>Baggay Hithar</t>
  </si>
  <si>
    <t>Husain Khan Wala</t>
  </si>
  <si>
    <t>Afifa Mujahid</t>
  </si>
  <si>
    <t>18086</t>
  </si>
  <si>
    <t>GES QAZI KALRA</t>
  </si>
  <si>
    <t>Qazi Kalra Kpt</t>
  </si>
  <si>
    <t>Basti shahid khan moza Qazi kalra kpt bwp</t>
  </si>
  <si>
    <t>Qazi Kalra</t>
  </si>
  <si>
    <t>Muhammad Yasir Ilyas</t>
  </si>
  <si>
    <t>22792</t>
  </si>
  <si>
    <t>GMPS MOHLA KALAN</t>
  </si>
  <si>
    <t>Mohla Kalan</t>
  </si>
  <si>
    <t>mohla Kalan district gujrat</t>
  </si>
  <si>
    <t>16251</t>
  </si>
  <si>
    <t>GHSS DIJKOT FAISALABAD</t>
  </si>
  <si>
    <t>CHAK NO. 263 RB</t>
  </si>
  <si>
    <t>DIJKOT CHAK NO. 263 RB MC DIJKOT WARD NO.3 SAMUNDRI ROAD</t>
  </si>
  <si>
    <t>WARD NO.3</t>
  </si>
  <si>
    <t>38291</t>
  </si>
  <si>
    <t>GPS VIGGAH MAL</t>
  </si>
  <si>
    <t>Wiggah Mal</t>
  </si>
  <si>
    <t>Basti jhoke Lal Mouza Wiggah Mal Tehsil Kahror Pacca Lodhran</t>
  </si>
  <si>
    <t>Basti Jhoke Lal</t>
  </si>
  <si>
    <t>22126</t>
  </si>
  <si>
    <t>GHS JHEURAN WALI</t>
  </si>
  <si>
    <t>Village and post office khas,  jheuranwali Tensile and District Gujrat.</t>
  </si>
  <si>
    <t>KHALID MEHMOOD ANJUM</t>
  </si>
  <si>
    <t>41942</t>
  </si>
  <si>
    <t>45883</t>
  </si>
  <si>
    <t>GPS NO. 3 HADALI</t>
  </si>
  <si>
    <t>mohallah sumblianwala hadali tehsil and district khushab</t>
  </si>
  <si>
    <t>Allah Bakhsh Najam</t>
  </si>
  <si>
    <t>18671</t>
  </si>
  <si>
    <t>GGHS CHAK NO 222 RB SHAIKHAWALA (RAJA WALA)</t>
  </si>
  <si>
    <t>sheikhanwala</t>
  </si>
  <si>
    <t>govt. girls high school 222 rb sheikhanwala fsd</t>
  </si>
  <si>
    <t>perched drinking water</t>
  </si>
  <si>
    <t>29981</t>
  </si>
  <si>
    <t>GGES KOT MEHTAB KHAN</t>
  </si>
  <si>
    <t>Kot Mehtab Khan</t>
  </si>
  <si>
    <t>Kot mehtab khan tehsil kot radha kishen</t>
  </si>
  <si>
    <t>Chheena Arla</t>
  </si>
  <si>
    <t>30557</t>
  </si>
  <si>
    <t>38375</t>
  </si>
  <si>
    <t>GGES MARI BAGHO KHAN</t>
  </si>
  <si>
    <t>Mari Bhagu Khan</t>
  </si>
  <si>
    <t>GGES MARIABHAGU KHAN</t>
  </si>
  <si>
    <t>29223</t>
  </si>
  <si>
    <t>GPS GREEN KOT</t>
  </si>
  <si>
    <t>Green Kot</t>
  </si>
  <si>
    <t>Village green kot kasur</t>
  </si>
  <si>
    <t>Muhammad Sharif Shakir</t>
  </si>
  <si>
    <t>28077</t>
  </si>
  <si>
    <t>18676</t>
  </si>
  <si>
    <t>22142</t>
  </si>
  <si>
    <t>GHS DAULAT NAGAR</t>
  </si>
  <si>
    <t>VPO Daulat Nagar Gujrat</t>
  </si>
  <si>
    <t>narasab ali</t>
  </si>
  <si>
    <t>16183</t>
  </si>
  <si>
    <t>GHS 242/RB</t>
  </si>
  <si>
    <t>242 RB Faisalabad.</t>
  </si>
  <si>
    <t>242 RB Dasuha</t>
  </si>
  <si>
    <t>242 RB Fsd</t>
  </si>
  <si>
    <t>ANWAR UL HAQ NADEEM</t>
  </si>
  <si>
    <t>27519</t>
  </si>
  <si>
    <t>14964</t>
  </si>
  <si>
    <t>GPS CHAK 36 GB</t>
  </si>
  <si>
    <t>Kheri Majra</t>
  </si>
  <si>
    <t>chak no 36 gb</t>
  </si>
  <si>
    <t>Chak No 36 Gb</t>
  </si>
  <si>
    <t>Chak No 37 Gb</t>
  </si>
  <si>
    <t>38898</t>
  </si>
  <si>
    <t>38365</t>
  </si>
  <si>
    <t>GGPS BASTI DHADDI</t>
  </si>
  <si>
    <t>Matwaly Wala</t>
  </si>
  <si>
    <t>GGPS Basti Dhuddi</t>
  </si>
  <si>
    <t>Matwaly Waly</t>
  </si>
  <si>
    <t>Zubaida Aziz</t>
  </si>
  <si>
    <t>36837</t>
  </si>
  <si>
    <t>18681</t>
  </si>
  <si>
    <t>29165</t>
  </si>
  <si>
    <t>GPS BHATTA SOHN DIN KASUR</t>
  </si>
  <si>
    <t>Bhatta Sohan Din Kasur</t>
  </si>
  <si>
    <t>Chiraag Shah</t>
  </si>
  <si>
    <t>47431</t>
  </si>
  <si>
    <t>11730</t>
  </si>
  <si>
    <t>32722</t>
  </si>
  <si>
    <t>GPS CHAK NO.561 TDA</t>
  </si>
  <si>
    <t>Chak No 561/tda</t>
  </si>
  <si>
    <t>Chak No 561TDA</t>
  </si>
  <si>
    <t>Chak No 567</t>
  </si>
  <si>
    <t>Ghulam Sabir</t>
  </si>
  <si>
    <t>11470</t>
  </si>
  <si>
    <t>47072</t>
  </si>
  <si>
    <t>GHS GHUNDI</t>
  </si>
  <si>
    <t>Village and Post Office Ghundi Tehsil and District Mianwali</t>
  </si>
  <si>
    <t>Muhammad Javaid Iqbal Khan</t>
  </si>
  <si>
    <t>11309</t>
  </si>
  <si>
    <t>35426</t>
  </si>
  <si>
    <t>34005</t>
  </si>
  <si>
    <t>GGPS JIA MUSA SHAHDRA</t>
  </si>
  <si>
    <t>Qot Mohibo</t>
  </si>
  <si>
    <t>Bariyan wala chowk  near stop no 25 shiekhopora road shahdara</t>
  </si>
  <si>
    <t>The Qot Mohibo</t>
  </si>
  <si>
    <t>41561</t>
  </si>
  <si>
    <t>GGHS MC TALAB PUKHTA BANNI</t>
  </si>
  <si>
    <t>Banni</t>
  </si>
  <si>
    <t>gghs MC talab pukhta Banni rwp</t>
  </si>
  <si>
    <t>Shamim Waheed</t>
  </si>
  <si>
    <t>53589</t>
  </si>
  <si>
    <t>GHS MODEL RENALA KHURD</t>
  </si>
  <si>
    <t>GMHS Renala Khurd Distt. Okara</t>
  </si>
  <si>
    <t>Renala City</t>
  </si>
  <si>
    <t>MC Renalal city</t>
  </si>
  <si>
    <t>MANZAR BASHIR AHMAD</t>
  </si>
  <si>
    <t>51769</t>
  </si>
  <si>
    <t>GGPS MOUZA TIBBI MOHAL</t>
  </si>
  <si>
    <t>Tibbi Mohal</t>
  </si>
  <si>
    <t>GGPS tibbi mohal</t>
  </si>
  <si>
    <t>shagufta umbreen</t>
  </si>
  <si>
    <t>36979</t>
  </si>
  <si>
    <t>34194</t>
  </si>
  <si>
    <t>5127</t>
  </si>
  <si>
    <t>GMHS MODEL</t>
  </si>
  <si>
    <t>Liaquatpur</t>
  </si>
  <si>
    <t>Govt Model High School Kachehri Road Liaquatpur</t>
  </si>
  <si>
    <t>MUHAMMAD SALEEM ASIF</t>
  </si>
  <si>
    <t>GGHS CHACHIAN</t>
  </si>
  <si>
    <t>Chaichian</t>
  </si>
  <si>
    <t>GGHS CHIACHIAN</t>
  </si>
  <si>
    <t>Karnana</t>
  </si>
  <si>
    <t>53498</t>
  </si>
  <si>
    <t>GGPS CHAK NO.10/GD JORA</t>
  </si>
  <si>
    <t>10 Gd Jora</t>
  </si>
  <si>
    <t>GGPS 10 gd jora</t>
  </si>
  <si>
    <t>maqboola MUSHTAQ</t>
  </si>
  <si>
    <t>25577</t>
  </si>
  <si>
    <t>18393</t>
  </si>
  <si>
    <t>34699</t>
  </si>
  <si>
    <t>GGPS TARPAEE</t>
  </si>
  <si>
    <t>Tarpai</t>
  </si>
  <si>
    <t>Chah dharkhashi wala</t>
  </si>
  <si>
    <t>Dharkhashi Wala</t>
  </si>
  <si>
    <t>Khagge Wala</t>
  </si>
  <si>
    <t>Urooj Noor Alam</t>
  </si>
  <si>
    <t>54002</t>
  </si>
  <si>
    <t>51359</t>
  </si>
  <si>
    <t>GGHS KOMHARI WALA</t>
  </si>
  <si>
    <t>chak kumhariwala</t>
  </si>
  <si>
    <t>nargis ijaz</t>
  </si>
  <si>
    <t>27016</t>
  </si>
  <si>
    <t>GGPS 19 MR MULTAN</t>
  </si>
  <si>
    <t>Chak 19 Mr</t>
  </si>
  <si>
    <t>chak 19/mr tehsil multan</t>
  </si>
  <si>
    <t>19 Mr</t>
  </si>
  <si>
    <t>18/ MR</t>
  </si>
  <si>
    <t>Maria Sharif</t>
  </si>
  <si>
    <t>51456</t>
  </si>
  <si>
    <t>GES BASTI GHULAM FARID</t>
  </si>
  <si>
    <t>MALay Kay Taroo</t>
  </si>
  <si>
    <t>GES GHULAM FARID MALAYka</t>
  </si>
  <si>
    <t>GHULAM FARID MALEKA</t>
  </si>
  <si>
    <t>29877</t>
  </si>
  <si>
    <t>GMPS JHALAR CHIRAG DIN</t>
  </si>
  <si>
    <t>Jhalar Chirag Din</t>
  </si>
  <si>
    <t>jhalar chirag din</t>
  </si>
  <si>
    <t>Mukhtar Barket</t>
  </si>
  <si>
    <t>10893</t>
  </si>
  <si>
    <t>27547</t>
  </si>
  <si>
    <t>GPS MOGA DAIM</t>
  </si>
  <si>
    <t>Moga daim</t>
  </si>
  <si>
    <t>moga daim post office sukheke mandi tehsil pindibhattian district Hafezabad</t>
  </si>
  <si>
    <t>Kotsarwar</t>
  </si>
  <si>
    <t>20069</t>
  </si>
  <si>
    <t>GMPS TARANDA MUDHU KHAN</t>
  </si>
  <si>
    <t>TARANDA MUDHOO KHAN</t>
  </si>
  <si>
    <t>Head mistress GOVERNMT MODEL PRIMARY SCHOOL,TARANDA MUDHOO KHAN BASTI QAZI NOOR MUHAMMAD POST OFFICE NAWAN KOT TEHSIL KHANPUR DISTRICT RAHIM YAR KHAN</t>
  </si>
  <si>
    <t>Basti QAZI NOOR   Muhammad</t>
  </si>
  <si>
    <t>Zahida Rafiq</t>
  </si>
  <si>
    <t>GGPS CHAK NO. 625 TDA</t>
  </si>
  <si>
    <t>Dhoon</t>
  </si>
  <si>
    <t>chak no 625 TDA</t>
  </si>
  <si>
    <t>Chak No 625 TDA</t>
  </si>
  <si>
    <t>GPS NO 3 NAROWAL</t>
  </si>
  <si>
    <t>Gunj Hussain Abad Narowal</t>
  </si>
  <si>
    <t>Near Railway station Gunj Hussain Abad Narowal</t>
  </si>
  <si>
    <t>City Narowal</t>
  </si>
  <si>
    <t>Muhammad Nawaz Malik</t>
  </si>
  <si>
    <t>25986</t>
  </si>
  <si>
    <t>27032</t>
  </si>
  <si>
    <t>GGPS AMEER SHAH</t>
  </si>
  <si>
    <t>Meera Pur</t>
  </si>
  <si>
    <t>kotla ameer shah</t>
  </si>
  <si>
    <t>Kotla Ameer Shah</t>
  </si>
  <si>
    <t>27408</t>
  </si>
  <si>
    <t>GGPS CHANNI NOOR MUHAMMAD</t>
  </si>
  <si>
    <t>KHURAM CHORERA â€“ FEMALE</t>
  </si>
  <si>
    <t>Chah Mirza</t>
  </si>
  <si>
    <t>govt. girls primary school channi noor Muhammad</t>
  </si>
  <si>
    <t>Bagh Kuhna</t>
  </si>
  <si>
    <t>Shazia Ata</t>
  </si>
  <si>
    <t>27043</t>
  </si>
  <si>
    <t>GHSS MITHAN KOT</t>
  </si>
  <si>
    <t>Katcha KOT MITHAN</t>
  </si>
  <si>
    <t>railway road kot MITHAN</t>
  </si>
  <si>
    <t>Kot MITHAN</t>
  </si>
  <si>
    <t>RAO SANA ULLAH</t>
  </si>
  <si>
    <t>34083</t>
  </si>
  <si>
    <t>48011</t>
  </si>
  <si>
    <t>GGPS LANGER KHEL</t>
  </si>
  <si>
    <t>pakka</t>
  </si>
  <si>
    <t>wandha langare khela wala</t>
  </si>
  <si>
    <t>langar khel</t>
  </si>
  <si>
    <t>mC kundian</t>
  </si>
  <si>
    <t>GPS SANDOHA</t>
  </si>
  <si>
    <t>Sandoha</t>
  </si>
  <si>
    <t>Village Sandoha P.O. Daulat Nagar Tehsil Kharian District Gujrat</t>
  </si>
  <si>
    <t>Bazurgwal</t>
  </si>
  <si>
    <t>17165</t>
  </si>
  <si>
    <t>31742</t>
  </si>
  <si>
    <t>GGPS MUBARIK PUR KALAN</t>
  </si>
  <si>
    <t>Mubarak Pur Kalan</t>
  </si>
  <si>
    <t>village mubarak pur Klan p/o sirirampura tehsiel muridkey district sheikhupura</t>
  </si>
  <si>
    <t>Mhay</t>
  </si>
  <si>
    <t>11752</t>
  </si>
  <si>
    <t>22058</t>
  </si>
  <si>
    <t>GPS DIN PURA</t>
  </si>
  <si>
    <t>Dinpura</t>
  </si>
  <si>
    <t>muhalla din puratatlayaali</t>
  </si>
  <si>
    <t>din Pura</t>
  </si>
  <si>
    <t>Tatlayaali</t>
  </si>
  <si>
    <t>47894</t>
  </si>
  <si>
    <t>47860</t>
  </si>
  <si>
    <t>GHS MADHANI WALA MINCHIN ABAD</t>
  </si>
  <si>
    <t>chak madhaniwala teh manchanabad bahwalnagar</t>
  </si>
  <si>
    <t>matt wala</t>
  </si>
  <si>
    <t>GGPS MUD JEWAN</t>
  </si>
  <si>
    <t>Peer Chanan Punan</t>
  </si>
  <si>
    <t>Postoffice Mari Allah Bachaya Teh.Khan Pur Distt.Rahim Yar Khan</t>
  </si>
  <si>
    <t>Mud Jevan</t>
  </si>
  <si>
    <t>18488</t>
  </si>
  <si>
    <t>GGPS BASTI BHUTIAN</t>
  </si>
  <si>
    <t>Basti Bhattian Tehsil Khan Pur</t>
  </si>
  <si>
    <t>Basti bhattian</t>
  </si>
  <si>
    <t>HUMAIRA AYOUB</t>
  </si>
  <si>
    <t>38165</t>
  </si>
  <si>
    <t>27946</t>
  </si>
  <si>
    <t>GGPS SHER PUR</t>
  </si>
  <si>
    <t>WAHI SALAMAT RAY- FEMALE</t>
  </si>
  <si>
    <t>Sherpur</t>
  </si>
  <si>
    <t>Govt Girls primary School Sher Pur</t>
  </si>
  <si>
    <t>Tehmina Mustafa</t>
  </si>
  <si>
    <t>GGCMS BERAHIM WALI</t>
  </si>
  <si>
    <t>basti Ibrahim wali, muzaffar garh</t>
  </si>
  <si>
    <t>Ibrahim wali</t>
  </si>
  <si>
    <t>GGHS MOCHH</t>
  </si>
  <si>
    <t>Govt.  Girls  High School  Mochh ( Mianwali)</t>
  </si>
  <si>
    <t>mOHALA ALAM KHAN KHEL MOCHH</t>
  </si>
  <si>
    <t>47818</t>
  </si>
  <si>
    <t>GPS WATOOAN WALA</t>
  </si>
  <si>
    <t>GPS watooanwala pilan mianwali</t>
  </si>
  <si>
    <t>Watooanwala</t>
  </si>
  <si>
    <t>29346</t>
  </si>
  <si>
    <t>27071</t>
  </si>
  <si>
    <t>21862</t>
  </si>
  <si>
    <t>GPS DEHLO BASHA</t>
  </si>
  <si>
    <t>Dhelo Basha</t>
  </si>
  <si>
    <t>Dhelo Basha P.O. Oulakh Bhaike Tehsil Nowshera Virkan District Gujranwala</t>
  </si>
  <si>
    <t>6266</t>
  </si>
  <si>
    <t>14218</t>
  </si>
  <si>
    <t>GGPS KOTLI PIR SHAH</t>
  </si>
  <si>
    <t>AASNI - FEMALE</t>
  </si>
  <si>
    <t>Kotla Gamu</t>
  </si>
  <si>
    <t>kotli peer shah</t>
  </si>
  <si>
    <t>Kotli Peer Shah</t>
  </si>
  <si>
    <t>Sadia Nazli</t>
  </si>
  <si>
    <t>49027</t>
  </si>
  <si>
    <t>33150</t>
  </si>
  <si>
    <t>GGES CHAK CHOHAR SHAH (Newly Established)</t>
  </si>
  <si>
    <t>Chak Chohar Shah</t>
  </si>
  <si>
    <t>Govt Girls elementary school chak chohar shah</t>
  </si>
  <si>
    <t>Chak No68/12</t>
  </si>
  <si>
    <t>yasmeen akram</t>
  </si>
  <si>
    <t>28189</t>
  </si>
  <si>
    <t>GHS BHEROWAL</t>
  </si>
  <si>
    <t>village and post office bherowal tehsil phalia district m.B.Din</t>
  </si>
  <si>
    <t>bherowal</t>
  </si>
  <si>
    <t>Kamran Ahmad Haral</t>
  </si>
  <si>
    <t>34836</t>
  </si>
  <si>
    <t>GGPS 123/P TIBBA</t>
  </si>
  <si>
    <t>Wah Faqreeran</t>
  </si>
  <si>
    <t>chak no 123 p tibba teh and disst rahim yar khan</t>
  </si>
  <si>
    <t>Chak No 123p Tibba</t>
  </si>
  <si>
    <t>Chak 114 P</t>
  </si>
  <si>
    <t>Aysha Siddiqa</t>
  </si>
  <si>
    <t>29510</t>
  </si>
  <si>
    <t>GGPS QILLA GANJA</t>
  </si>
  <si>
    <t>Qila Ganja</t>
  </si>
  <si>
    <t>Abu Bakar Town Khudian Khas, Kasur</t>
  </si>
  <si>
    <t>Rabia Bukhari</t>
  </si>
  <si>
    <t>GGPS KACHA PATTAL MUSTAQIL</t>
  </si>
  <si>
    <t>Kacha Pattal Ghair  Mustaqil</t>
  </si>
  <si>
    <t>chah bahadur wala pattal ghair mstaqil kot adu</t>
  </si>
  <si>
    <t>Chah Bahadur Wala</t>
  </si>
  <si>
    <t>Mouza Choudary</t>
  </si>
  <si>
    <t>Shumaila Niaz</t>
  </si>
  <si>
    <t>GES SOHAWA JAMLANI</t>
  </si>
  <si>
    <t>sohawa bolani</t>
  </si>
  <si>
    <t>sohawa jamlani.</t>
  </si>
  <si>
    <t>sohawa jamlani</t>
  </si>
  <si>
    <t>sohawa dillowana</t>
  </si>
  <si>
    <t>33731</t>
  </si>
  <si>
    <t>GES MC IQBAL NAGAR</t>
  </si>
  <si>
    <t>Jumma Khalsa</t>
  </si>
  <si>
    <t>ges mc iqbal nagar multan city</t>
  </si>
  <si>
    <t>multan city</t>
  </si>
  <si>
    <t>lqbal nagar</t>
  </si>
  <si>
    <t>hafiz faiz ahmad</t>
  </si>
  <si>
    <t>23482</t>
  </si>
  <si>
    <t>46409</t>
  </si>
  <si>
    <t>GGHS RANG PUR BAGHOOR</t>
  </si>
  <si>
    <t>GGHS Rangpur khushab</t>
  </si>
  <si>
    <t>Parveen Malik</t>
  </si>
  <si>
    <t>34905</t>
  </si>
  <si>
    <t>GHSS WAN RADHA RAM PATTOKI</t>
  </si>
  <si>
    <t>Habib Abad</t>
  </si>
  <si>
    <t>Govt. Higher Secondary School Wan Radha Ram(Kasur)</t>
  </si>
  <si>
    <t>32928</t>
  </si>
  <si>
    <t>GPS TIBBA UCHI</t>
  </si>
  <si>
    <t>FATEH DARYA-MALE</t>
  </si>
  <si>
    <t>village tibba uchi near miran pur tehsil &amp; district nankana sahib</t>
  </si>
  <si>
    <t>Tibba Uchi</t>
  </si>
  <si>
    <t>Fahad Bin Khalid</t>
  </si>
  <si>
    <t>GGHS HADALI</t>
  </si>
  <si>
    <t>Govt. Girls High School Hadali Tehsil and District Khushab</t>
  </si>
  <si>
    <t>FARZANA NASEEM SAGGU</t>
  </si>
  <si>
    <t>27110</t>
  </si>
  <si>
    <t>51462</t>
  </si>
  <si>
    <t>GPS QADIR PUR MUNSHIAN PO PAKPATTAN</t>
  </si>
  <si>
    <t>Qadirpur Munshian</t>
  </si>
  <si>
    <t>Qadirpur munshian</t>
  </si>
  <si>
    <t>Zufishan Guleraiz</t>
  </si>
  <si>
    <t>34698</t>
  </si>
  <si>
    <t>GGPS KANDHAALA</t>
  </si>
  <si>
    <t>MEYODATA-FEMALE</t>
  </si>
  <si>
    <t>Kandhala</t>
  </si>
  <si>
    <t>village kandhala tehsil and district Narowal</t>
  </si>
  <si>
    <t>Thilley Kalan</t>
  </si>
  <si>
    <t>Wajeeha Afzal</t>
  </si>
  <si>
    <t>14903</t>
  </si>
  <si>
    <t>GPS AHMAD KOT</t>
  </si>
  <si>
    <t>Pirhar Sherqi</t>
  </si>
  <si>
    <t>Basti Ahmad Kot mouza pirhar sherqi kot addu</t>
  </si>
  <si>
    <t>Basti Ahmad Kot</t>
  </si>
  <si>
    <t>Mc Kot Adu</t>
  </si>
  <si>
    <t>Abdul Sajid</t>
  </si>
  <si>
    <t>33860</t>
  </si>
  <si>
    <t>GGPS MC JAMAL PURA</t>
  </si>
  <si>
    <t>jamal pura</t>
  </si>
  <si>
    <t>Writes Colony</t>
  </si>
  <si>
    <t>Naheed Azra</t>
  </si>
  <si>
    <t>23672</t>
  </si>
  <si>
    <t>27116</t>
  </si>
  <si>
    <t>GHS MOEEN ABAD</t>
  </si>
  <si>
    <t>MOEEN ABAD</t>
  </si>
  <si>
    <t>27118</t>
  </si>
  <si>
    <t>GPS SONIC</t>
  </si>
  <si>
    <t>moza sonak</t>
  </si>
  <si>
    <t>SOnak</t>
  </si>
  <si>
    <t>25587</t>
  </si>
  <si>
    <t>53137</t>
  </si>
  <si>
    <t>GGHS CHAK NO. 14/GD</t>
  </si>
  <si>
    <t>14 gd raza abad</t>
  </si>
  <si>
    <t>gghs14 Gd Raza Abad</t>
  </si>
  <si>
    <t>14 Gd Raza Abad</t>
  </si>
  <si>
    <t>14 /Gd</t>
  </si>
  <si>
    <t>azra khanam</t>
  </si>
  <si>
    <t>44089</t>
  </si>
  <si>
    <t>47090</t>
  </si>
  <si>
    <t>GMES YAROO KHEL</t>
  </si>
  <si>
    <t>MUSA KHEL NO.1-FEMALE</t>
  </si>
  <si>
    <t>Govt. girls community model.elementary school yaru khel mianwali.</t>
  </si>
  <si>
    <t>Azra Kalsoom</t>
  </si>
  <si>
    <t>54897</t>
  </si>
  <si>
    <t>11243</t>
  </si>
  <si>
    <t>GGPS ISLAMABAD</t>
  </si>
  <si>
    <t>Vehnival Tha</t>
  </si>
  <si>
    <t>Govt girls primary school Islamabad.</t>
  </si>
  <si>
    <t>Dhuhdi Wala</t>
  </si>
  <si>
    <t>GHSS PHAPHRIL</t>
  </si>
  <si>
    <t>VPO Phaphril</t>
  </si>
  <si>
    <t>Sajid Mehmood Abbasi</t>
  </si>
  <si>
    <t>29926</t>
  </si>
  <si>
    <t>GMPS KOT JAGAT SINGH</t>
  </si>
  <si>
    <t>Kot Jaggat Singh</t>
  </si>
  <si>
    <t>kot jaggat singh</t>
  </si>
  <si>
    <t>GMPS BHIDIAN KHAN PUR</t>
  </si>
  <si>
    <t>Bhedian Khan Pur</t>
  </si>
  <si>
    <t>bhedian khan pur</t>
  </si>
  <si>
    <t>Bhedian Kalan</t>
  </si>
  <si>
    <t>TAHIRA TASNEEM</t>
  </si>
  <si>
    <t>35922</t>
  </si>
  <si>
    <t>GGCMS 119 WB</t>
  </si>
  <si>
    <t>119/WB</t>
  </si>
  <si>
    <t>119/wb</t>
  </si>
  <si>
    <t>119/Wb</t>
  </si>
  <si>
    <t>Sandal</t>
  </si>
  <si>
    <t>Naila Parveen</t>
  </si>
  <si>
    <t>25601</t>
  </si>
  <si>
    <t>GPS TANWRI WALA</t>
  </si>
  <si>
    <t>Mauza panwar shumali p.s tanwari wala</t>
  </si>
  <si>
    <t>Tanwari Wala</t>
  </si>
  <si>
    <t>23215</t>
  </si>
  <si>
    <t>GMPS JANDALA</t>
  </si>
  <si>
    <t>Jandala</t>
  </si>
  <si>
    <t>p/o Samrala village Jandala Teh Kharian Distt Gujrat</t>
  </si>
  <si>
    <t>Asifa Hameed</t>
  </si>
  <si>
    <t>17432</t>
  </si>
  <si>
    <t>GGPS SAKHI</t>
  </si>
  <si>
    <t>DHOTA AZMAT - FEMALE</t>
  </si>
  <si>
    <t>Sakhi</t>
  </si>
  <si>
    <t>village sakhi tehsil pindi bhattian distt hafizabad</t>
  </si>
  <si>
    <t>Mattke</t>
  </si>
  <si>
    <t>Rukhsana Biibi</t>
  </si>
  <si>
    <t>25612</t>
  </si>
  <si>
    <t>GMPS SUJJOWALI</t>
  </si>
  <si>
    <t>Sujowali</t>
  </si>
  <si>
    <t>islaam pura tehsil pasrour disst sialkot</t>
  </si>
  <si>
    <t>Takhut Pur</t>
  </si>
  <si>
    <t>30995</t>
  </si>
  <si>
    <t>25615</t>
  </si>
  <si>
    <t>GPS BHAGO DIAL</t>
  </si>
  <si>
    <t>BHAGODIAL</t>
  </si>
  <si>
    <t>Village  Bhagodial  P/O  Same Tehsil Muridke District Sheikhupura</t>
  </si>
  <si>
    <t>Ghuchli  Virk</t>
  </si>
  <si>
    <t>25621</t>
  </si>
  <si>
    <t>GGPS NOOR AHMED BHOMB</t>
  </si>
  <si>
    <t>MURAD PUR SIAL</t>
  </si>
  <si>
    <t>BASTI NOOR AHMED BHOMB MOZA MURAD PUR SIAL LIAQUAT PUR</t>
  </si>
  <si>
    <t>NOOR AHMED BHOMB</t>
  </si>
  <si>
    <t>GPS CHAK NO.119/1-L</t>
  </si>
  <si>
    <t>chak # 119/1.L</t>
  </si>
  <si>
    <t>119/1L</t>
  </si>
  <si>
    <t>53345</t>
  </si>
  <si>
    <t>25114</t>
  </si>
  <si>
    <t>53142</t>
  </si>
  <si>
    <t>GGES CHAK NO. 21/4-L</t>
  </si>
  <si>
    <t>21/4L</t>
  </si>
  <si>
    <t>gges21/4L</t>
  </si>
  <si>
    <t>Chak#36A/4L</t>
  </si>
  <si>
    <t>GPS CHAKORA</t>
  </si>
  <si>
    <t>Village Chakora PO Pahrian Wali Phalia MB Din</t>
  </si>
  <si>
    <t>Muhammad Rizwan Ishtiaq ashtiaq</t>
  </si>
  <si>
    <t>53502</t>
  </si>
  <si>
    <t>GHS KADHAR</t>
  </si>
  <si>
    <t>vpo kadhar teh &amp; disst mandi bahauddin</t>
  </si>
  <si>
    <t>GPS MALIK AKKO</t>
  </si>
  <si>
    <t>Chak No 105</t>
  </si>
  <si>
    <t>Basti jangla Nawan kot</t>
  </si>
  <si>
    <t>Basti Jaangla</t>
  </si>
  <si>
    <t>Piranditta Aftab</t>
  </si>
  <si>
    <t>39271</t>
  </si>
  <si>
    <t>GPS DHOK BARRAKI</t>
  </si>
  <si>
    <t>Bhoona Wali</t>
  </si>
  <si>
    <t>dhoke Bharaki</t>
  </si>
  <si>
    <t>Dhoke Bharaki</t>
  </si>
  <si>
    <t>Water tanker rented.</t>
  </si>
  <si>
    <t>34601</t>
  </si>
  <si>
    <t>25131</t>
  </si>
  <si>
    <t>47936</t>
  </si>
  <si>
    <t>GGPS CHAK NO. 19 DB PIPLAN</t>
  </si>
  <si>
    <t>Chak No 19 DB</t>
  </si>
  <si>
    <t>chak no 19 db tehsil piplan</t>
  </si>
  <si>
    <t>Chak No 19 Db</t>
  </si>
  <si>
    <t>Nazia Anwar</t>
  </si>
  <si>
    <t>45736</t>
  </si>
  <si>
    <t>GPS CHAK NO 53 MB</t>
  </si>
  <si>
    <t>JAUHARABAD SOUTH (MALE)</t>
  </si>
  <si>
    <t>CHAK #53MB</t>
  </si>
  <si>
    <t>G.P/S.53MB.Po.Box 53MB Distt Khushab</t>
  </si>
  <si>
    <t>Chak#53MB</t>
  </si>
  <si>
    <t>Chak No 51MB</t>
  </si>
  <si>
    <t>MUHAMMAD MOHSIN</t>
  </si>
  <si>
    <t>2892</t>
  </si>
  <si>
    <t>25143</t>
  </si>
  <si>
    <t>GMPS JAVED ABAD COLONY NO. 2</t>
  </si>
  <si>
    <t>RAJANPUR (N) - FEMALE</t>
  </si>
  <si>
    <t>CHOWK ALLAH ABAD MOHALLAH KHAIRA DISTRICT RAJAN PUR</t>
  </si>
  <si>
    <t>Municipal commettee</t>
  </si>
  <si>
    <t>Balqees Afghan</t>
  </si>
  <si>
    <t>25145</t>
  </si>
  <si>
    <t>GPS ALLAH WALI</t>
  </si>
  <si>
    <t>near railwaystation d.d.p</t>
  </si>
  <si>
    <t>M C Daira din Pannah</t>
  </si>
  <si>
    <t>Muhammad Rouf</t>
  </si>
  <si>
    <t>34364</t>
  </si>
  <si>
    <t>25147</t>
  </si>
  <si>
    <t>28571</t>
  </si>
  <si>
    <t>GPS LASURI KALAN</t>
  </si>
  <si>
    <t>Lasuri Kalan</t>
  </si>
  <si>
    <t>lasuri Kalan</t>
  </si>
  <si>
    <t>Nasira Noreen</t>
  </si>
  <si>
    <t>25148</t>
  </si>
  <si>
    <t>GGPS NATHIAL</t>
  </si>
  <si>
    <t>Nathial</t>
  </si>
  <si>
    <t>v. po nathial teh pind dadan Khan district jhelum</t>
  </si>
  <si>
    <t>Saba Arzoo</t>
  </si>
  <si>
    <t>GPS LOW INCOME SCHEME BASTI WAJID ABAD</t>
  </si>
  <si>
    <t>GPS LOWINCOME SCHEME basti wajid abad</t>
  </si>
  <si>
    <t>Mc khan Pur</t>
  </si>
  <si>
    <t>peer bukhsh</t>
  </si>
  <si>
    <t>25158</t>
  </si>
  <si>
    <t>GHS MURAD ABAD</t>
  </si>
  <si>
    <t>Murad abad Tehsil and district muzaffargarh</t>
  </si>
  <si>
    <t>MUHAMMAD ASGHAR khan</t>
  </si>
  <si>
    <t>45271</t>
  </si>
  <si>
    <t>GGPS SHER GARRH</t>
  </si>
  <si>
    <t>Bhidwall Wala</t>
  </si>
  <si>
    <t>sher garh thal tehsil Mankera Dist. Bhakkar</t>
  </si>
  <si>
    <t>Dighana</t>
  </si>
  <si>
    <t>Hina Sikander</t>
  </si>
  <si>
    <t>25167</t>
  </si>
  <si>
    <t>34432</t>
  </si>
  <si>
    <t>31296</t>
  </si>
  <si>
    <t>GPS KHAGGAY WALA P/O ISLAM PUR</t>
  </si>
  <si>
    <t>P/O Budhla Sant Moza Khaggay Wala Multan</t>
  </si>
  <si>
    <t>33706</t>
  </si>
  <si>
    <t>GMPS 101/NP</t>
  </si>
  <si>
    <t>AZEEM SHAH-FEMALE</t>
  </si>
  <si>
    <t>UBATA</t>
  </si>
  <si>
    <t>chak No 101/ np</t>
  </si>
  <si>
    <t>101/np</t>
  </si>
  <si>
    <t>46244</t>
  </si>
  <si>
    <t>31244</t>
  </si>
  <si>
    <t>25173</t>
  </si>
  <si>
    <t>35991</t>
  </si>
  <si>
    <t>GPS NO. 1 FATEH PUR</t>
  </si>
  <si>
    <t>Chattay Wala Mouza Fateh Pur</t>
  </si>
  <si>
    <t>Jamshed Ali</t>
  </si>
  <si>
    <t>GPS DHOK MIAL</t>
  </si>
  <si>
    <t>KUND-MALE</t>
  </si>
  <si>
    <t>Lakiya dhok Mial chakrala</t>
  </si>
  <si>
    <t>Lakiya Mial</t>
  </si>
  <si>
    <t>Shafi Ullah Khan</t>
  </si>
  <si>
    <t>GGPS NO 2 KANDWAL</t>
  </si>
  <si>
    <t>Rizwana Javaid</t>
  </si>
  <si>
    <t>25186</t>
  </si>
  <si>
    <t>23219</t>
  </si>
  <si>
    <t>GGPS KOTLA ARAB ALI KHAN</t>
  </si>
  <si>
    <t>kotla</t>
  </si>
  <si>
    <t>kotla arab ali</t>
  </si>
  <si>
    <t>kotla A A khan</t>
  </si>
  <si>
    <t>Rifat Bashir</t>
  </si>
  <si>
    <t>45433</t>
  </si>
  <si>
    <t>Qadir Pur Dhakoo</t>
  </si>
  <si>
    <t>basti Muhammad pur kahror pakka</t>
  </si>
  <si>
    <t>Muhammad Altaf Javed</t>
  </si>
  <si>
    <t>GHS TAHLI TALBANI</t>
  </si>
  <si>
    <t>tahli talbani</t>
  </si>
  <si>
    <t>ghs tahli talbani  kpt</t>
  </si>
  <si>
    <t>Tahli Talbani</t>
  </si>
  <si>
    <t>syed imam shah</t>
  </si>
  <si>
    <t>Muhammad Faryad</t>
  </si>
  <si>
    <t>18453</t>
  </si>
  <si>
    <t>GGPS CHAK ISLAM ABAD</t>
  </si>
  <si>
    <t>chak Islamabad tehsil khairpur tamewali</t>
  </si>
  <si>
    <t>Irum Naz</t>
  </si>
  <si>
    <t>38404</t>
  </si>
  <si>
    <t>GPS SHAH ABU TAHIR</t>
  </si>
  <si>
    <t>Shah Abu Tahir</t>
  </si>
  <si>
    <t>basti Rana Wahin kahror pacca</t>
  </si>
  <si>
    <t>Naiko Kara</t>
  </si>
  <si>
    <t>Syed Ghulam Qasim</t>
  </si>
  <si>
    <t>18459</t>
  </si>
  <si>
    <t>GPS BUDHAN NO.1</t>
  </si>
  <si>
    <t>Mouza Usman Ali Shah</t>
  </si>
  <si>
    <t>Basti Budhan Mouza Usman Ali Shah</t>
  </si>
  <si>
    <t>Basti Budhan</t>
  </si>
  <si>
    <t>Maqbool Ahmad Zahid</t>
  </si>
  <si>
    <t>GPS NAWAZ ABAD</t>
  </si>
  <si>
    <t>Mouza Narri</t>
  </si>
  <si>
    <t>Basti narri p/o kot Azam , GPS Nawaz Abad</t>
  </si>
  <si>
    <t>Basti Narri</t>
  </si>
  <si>
    <t>38339</t>
  </si>
  <si>
    <t>GGPS QADIR PUR CHIMNA</t>
  </si>
  <si>
    <t>Qadir Pur Chimna</t>
  </si>
  <si>
    <t>GGPS Qadir Pur Chimna Tehsil Kahror Pacca Dist Lodhran</t>
  </si>
  <si>
    <t>Chelay Wahin</t>
  </si>
  <si>
    <t>SAFIA NAZEER</t>
  </si>
  <si>
    <t>38267</t>
  </si>
  <si>
    <t>GES CHORE WAH BASTI DUR MUHAMMAD KANJU WALI</t>
  </si>
  <si>
    <t>basti dur Muhammad kanju fareed  abad</t>
  </si>
  <si>
    <t>Dur  Muhammad Kanju</t>
  </si>
  <si>
    <t>M Akbar</t>
  </si>
  <si>
    <t>52823</t>
  </si>
  <si>
    <t>GGPS JAWAYA BALOCH</t>
  </si>
  <si>
    <t>Jaway Baloch</t>
  </si>
  <si>
    <t>government girls p/s Jawaya Bloch</t>
  </si>
  <si>
    <t>Jwaya Bloch</t>
  </si>
  <si>
    <t>Hakumat Garh</t>
  </si>
  <si>
    <t>Masoom Fatima</t>
  </si>
  <si>
    <t>GPS JUIYA DHUDDI</t>
  </si>
  <si>
    <t>Usman Ali Shah</t>
  </si>
  <si>
    <t>Basti Usman Ali Shah,</t>
  </si>
  <si>
    <t>Waseem Shahzad</t>
  </si>
  <si>
    <t>16199</t>
  </si>
  <si>
    <t>GHS CHAK 52 JB MULLANPUR FSD</t>
  </si>
  <si>
    <t>chak No. 52/JB Mullanpur, Fsd</t>
  </si>
  <si>
    <t>52 Jb</t>
  </si>
  <si>
    <t>58/JB</t>
  </si>
  <si>
    <t>Syed Muhammad Tahir Kazmi</t>
  </si>
  <si>
    <t>18484</t>
  </si>
  <si>
    <t>22228</t>
  </si>
  <si>
    <t>GGES DHARAKARI</t>
  </si>
  <si>
    <t>Dharekary</t>
  </si>
  <si>
    <t>village dharekary P.O daulat nagar teh District Gujrat</t>
  </si>
  <si>
    <t>Tazeem Kousar</t>
  </si>
  <si>
    <t>42207</t>
  </si>
  <si>
    <t>43496</t>
  </si>
  <si>
    <t>18486</t>
  </si>
  <si>
    <t>GGPS CHAK NO.22/F.W HAMEED ABAD</t>
  </si>
  <si>
    <t>Chak 22</t>
  </si>
  <si>
    <t>chak 22 Hameed Abad</t>
  </si>
  <si>
    <t>Muqadas Parveen</t>
  </si>
  <si>
    <t>GPS Muhammadpur mouza gulpur tabani khair pur tamewali bwp</t>
  </si>
  <si>
    <t>Muhamnadpur</t>
  </si>
  <si>
    <t>Syed Muhammad Bilal Hamdani</t>
  </si>
  <si>
    <t>38266</t>
  </si>
  <si>
    <t>GPS ISLAM WALI MAUZA DAKHANA GHARO</t>
  </si>
  <si>
    <t>DHAKANA GHAROO</t>
  </si>
  <si>
    <t>near basti kheway wala</t>
  </si>
  <si>
    <t>Kheway wala</t>
  </si>
  <si>
    <t>53886</t>
  </si>
  <si>
    <t>GPS HAMEED ABAD</t>
  </si>
  <si>
    <t>Gowans</t>
  </si>
  <si>
    <t>basti gulam qadir veins mouza gowans p/o anaiti tehsil khair pur tamewali district bahawalpur.</t>
  </si>
  <si>
    <t>Basti Gulam Qadir Veins</t>
  </si>
  <si>
    <t>GHS Chak No.169 JB</t>
  </si>
  <si>
    <t>CHAK NO. 169 GARWAH</t>
  </si>
  <si>
    <t>GHS CHAK NO. 169 JB JHANG</t>
  </si>
  <si>
    <t>CHAK 169 garwah</t>
  </si>
  <si>
    <t>47458</t>
  </si>
  <si>
    <t>GGES MAHANAT DARSHAN</t>
  </si>
  <si>
    <t>Darshan</t>
  </si>
  <si>
    <t>Mahanat Darshen Teh.Depalpur Distt.Okara</t>
  </si>
  <si>
    <t>44447</t>
  </si>
  <si>
    <t>GMPS KAN MOHLA</t>
  </si>
  <si>
    <t>Kan Mohla</t>
  </si>
  <si>
    <t>village kan mohla post office jalal pur jattan district gujrat</t>
  </si>
  <si>
    <t>Thutta Musa</t>
  </si>
  <si>
    <t>Bushra Sharif</t>
  </si>
  <si>
    <t>24097</t>
  </si>
  <si>
    <t>24559</t>
  </si>
  <si>
    <t>GPS TODOAY PUR TEH. DISTT. KASUR</t>
  </si>
  <si>
    <t>Toady pur</t>
  </si>
  <si>
    <t>Today pur</t>
  </si>
  <si>
    <t>Hafiz Muhammad Rizwan Qadri</t>
  </si>
  <si>
    <t>25095</t>
  </si>
  <si>
    <t>GPS WAHAND SARMANI</t>
  </si>
  <si>
    <t>chah buppar wala.moza wahind sarmani.tehsil kahror pacca.district Lodhran.</t>
  </si>
  <si>
    <t>Buppar Wala</t>
  </si>
  <si>
    <t>Javed Ahmad</t>
  </si>
  <si>
    <t>GGPS DITTA SAMEEJA-C</t>
  </si>
  <si>
    <t>Ditta Sameeja C</t>
  </si>
  <si>
    <t>dosso wala</t>
  </si>
  <si>
    <t>Syed imam Shah</t>
  </si>
  <si>
    <t>25166</t>
  </si>
  <si>
    <t>22693</t>
  </si>
  <si>
    <t>GGPS DUHMA MALIKA</t>
  </si>
  <si>
    <t>vill dhuma malka po daulatnagar teh and district gujrat</t>
  </si>
  <si>
    <t>28113</t>
  </si>
  <si>
    <t>42060</t>
  </si>
  <si>
    <t>GHS CHAK NO. 255 JB</t>
  </si>
  <si>
    <t>CHAK NO. 255 JB TEHSIL &amp; DISTT JHANG</t>
  </si>
  <si>
    <t>CHAK NO. 255 JB JHANG</t>
  </si>
  <si>
    <t>CHAK NO. 250 JB JHANG</t>
  </si>
  <si>
    <t>AFTAB RIAZ</t>
  </si>
  <si>
    <t>133947</t>
  </si>
  <si>
    <t>GPS TAUFEERA</t>
  </si>
  <si>
    <t>Taufeerah</t>
  </si>
  <si>
    <t>Basti Taufeerah Mouza Taufeerah  Tehsil Khairpur Tamewali  District  Bahawalpur</t>
  </si>
  <si>
    <t>15362</t>
  </si>
  <si>
    <t>GHS PUBLIC 591 GB GANGA PUR</t>
  </si>
  <si>
    <t>591 GB</t>
  </si>
  <si>
    <t>Chak No 591 GB Jaranwala</t>
  </si>
  <si>
    <t>Chak No  591 GB</t>
  </si>
  <si>
    <t>Chak No 591 GB</t>
  </si>
  <si>
    <t>RANA MUDASSAR AHMED</t>
  </si>
  <si>
    <t>GGPS SHEIKH WAHIN</t>
  </si>
  <si>
    <t>dakkhana khas sheikwahan</t>
  </si>
  <si>
    <t>10886</t>
  </si>
  <si>
    <t>29151</t>
  </si>
  <si>
    <t>GPS MC SABZI MANDI</t>
  </si>
  <si>
    <t>Govt. MC Primary School Sabzi Mandi beron kot peeran kasr</t>
  </si>
  <si>
    <t>Kot Peeran Kasur</t>
  </si>
  <si>
    <t>52023</t>
  </si>
  <si>
    <t>GGES JALADI WAHIN KEHROR PACCA</t>
  </si>
  <si>
    <t>Jhanbi wahin</t>
  </si>
  <si>
    <t>basti jaladi wahin</t>
  </si>
  <si>
    <t>Jaldi Wahin</t>
  </si>
  <si>
    <t>Sha Pur Phl</t>
  </si>
  <si>
    <t>Shahana Lal</t>
  </si>
  <si>
    <t>4195</t>
  </si>
  <si>
    <t>GPS KHAJJI WALA CHAK NO.25</t>
  </si>
  <si>
    <t>Chak 25</t>
  </si>
  <si>
    <t>GPS khajji wala chak 25</t>
  </si>
  <si>
    <t>Khajji Wala</t>
  </si>
  <si>
    <t>GGPS SHADIWAL ICHERKEY</t>
  </si>
  <si>
    <t>mohallah chorrkay shadiwal</t>
  </si>
  <si>
    <t>Kashifa Naz</t>
  </si>
  <si>
    <t>GGES SEHJRA</t>
  </si>
  <si>
    <t>GGPS GAGIAN</t>
  </si>
  <si>
    <t>Gagian</t>
  </si>
  <si>
    <t>GGps Gagian</t>
  </si>
  <si>
    <t>3099</t>
  </si>
  <si>
    <t>49909</t>
  </si>
  <si>
    <t>48963</t>
  </si>
  <si>
    <t>54844</t>
  </si>
  <si>
    <t>17708</t>
  </si>
  <si>
    <t>GGPS SIALAN WALA</t>
  </si>
  <si>
    <t>sialanwala</t>
  </si>
  <si>
    <t>sialanwala near thatta sardar shah, jhang</t>
  </si>
  <si>
    <t>pabberwala</t>
  </si>
  <si>
    <t>Shaheen Zahra</t>
  </si>
  <si>
    <t>18532</t>
  </si>
  <si>
    <t>38323</t>
  </si>
  <si>
    <t>GMPS SANWARY</t>
  </si>
  <si>
    <t>govt model sanwary</t>
  </si>
  <si>
    <t>Sanwary</t>
  </si>
  <si>
    <t>zubaida yasmeen</t>
  </si>
  <si>
    <t>18534</t>
  </si>
  <si>
    <t>GMPS FAROOQ ABAD</t>
  </si>
  <si>
    <t>Lal Bhatti</t>
  </si>
  <si>
    <t>basti cheema wali moza Lal Bhatti post office Qaimpur</t>
  </si>
  <si>
    <t>Basti Cheema Wali</t>
  </si>
  <si>
    <t>Rukhsana Tabassum</t>
  </si>
  <si>
    <t>GGES NIKKA DOULTANA</t>
  </si>
  <si>
    <t>nika doltana</t>
  </si>
  <si>
    <t>gges nika doltana</t>
  </si>
  <si>
    <t>satyana</t>
  </si>
  <si>
    <t>NAYYER FIRDOUS</t>
  </si>
  <si>
    <t>GES MEER MUHAMMAD</t>
  </si>
  <si>
    <t>Mir Muhammad muhammadooeosoj</t>
  </si>
  <si>
    <t>Kot Ch. Hakim Ali</t>
  </si>
  <si>
    <t>GGHS BASTI BOHRAN</t>
  </si>
  <si>
    <t>chak no.23 khairpur tamewali</t>
  </si>
  <si>
    <t>Chak No23 Khairpur Tamewali</t>
  </si>
  <si>
    <t>Khairpur City</t>
  </si>
  <si>
    <t>Tahira Irshad Qazi</t>
  </si>
  <si>
    <t>38212</t>
  </si>
  <si>
    <t>GHS AMEER PUR SADAT</t>
  </si>
  <si>
    <t>Near GGHS Ameer Pur Sadat</t>
  </si>
  <si>
    <t>18545</t>
  </si>
  <si>
    <t>GPS DUR PUR</t>
  </si>
  <si>
    <t>babani</t>
  </si>
  <si>
    <t>Basti durpur tehsil khairpur tamewali district bahawalpur</t>
  </si>
  <si>
    <t>Basti durpur</t>
  </si>
  <si>
    <t>behli</t>
  </si>
  <si>
    <t>GHS KOTLA QAIM KHAN</t>
  </si>
  <si>
    <t>ghs kotla qaim khan</t>
  </si>
  <si>
    <t>Mohammad Shahid Nawaz</t>
  </si>
  <si>
    <t>22107</t>
  </si>
  <si>
    <t>GHS KARIAN WALA</t>
  </si>
  <si>
    <t>vpo karianwala, gujrat</t>
  </si>
  <si>
    <t>24459</t>
  </si>
  <si>
    <t>16160</t>
  </si>
  <si>
    <t>GGHS CHAK 250 RB BARDAKEY</t>
  </si>
  <si>
    <t>250rb</t>
  </si>
  <si>
    <t>chak no 250 rb bardekay</t>
  </si>
  <si>
    <t>bardekay</t>
  </si>
  <si>
    <t>dehnga wala</t>
  </si>
  <si>
    <t>Talia Beenish</t>
  </si>
  <si>
    <t>filer plant</t>
  </si>
  <si>
    <t>18553</t>
  </si>
  <si>
    <t>GGPS GULPUR ICHRANI</t>
  </si>
  <si>
    <t>18554</t>
  </si>
  <si>
    <t>29355</t>
  </si>
  <si>
    <t>GGPS PAKKA QILA KOT KASUR</t>
  </si>
  <si>
    <t>pakka qilla. bakar Mandi kasur</t>
  </si>
  <si>
    <t>Pacca Qila</t>
  </si>
  <si>
    <t>Tehmina Nasir</t>
  </si>
  <si>
    <t>38097</t>
  </si>
  <si>
    <t>GPS SANAT ULLAH</t>
  </si>
  <si>
    <t>Sanat Ullah</t>
  </si>
  <si>
    <t>villege cheena muza sanat ullah tehsil khairpur tamewali disrict bahawalpur</t>
  </si>
  <si>
    <t>Cheena Basti</t>
  </si>
  <si>
    <t>29203</t>
  </si>
  <si>
    <t>GPS BASTI JAMAL DIN P/O ORARA KASUR</t>
  </si>
  <si>
    <t>basti jmal din p/o orara</t>
  </si>
  <si>
    <t>sardar muhammad naveed dogar</t>
  </si>
  <si>
    <t>17668</t>
  </si>
  <si>
    <t>17291</t>
  </si>
  <si>
    <t>GES KOT AHMAD YAR</t>
  </si>
  <si>
    <t>Hissam</t>
  </si>
  <si>
    <t>nawan thatta mandi shah jewna jhang</t>
  </si>
  <si>
    <t>Amjad Zulfiqar</t>
  </si>
  <si>
    <t>24991</t>
  </si>
  <si>
    <t>29296</t>
  </si>
  <si>
    <t>GPS KHAI HITHAR</t>
  </si>
  <si>
    <t>Khai Hithar</t>
  </si>
  <si>
    <t>khai hithar</t>
  </si>
  <si>
    <t>Maqsood Ahmed Tahir</t>
  </si>
  <si>
    <t>27904</t>
  </si>
  <si>
    <t>24995</t>
  </si>
  <si>
    <t>54914</t>
  </si>
  <si>
    <t>GPS CHANGWARIAN</t>
  </si>
  <si>
    <t>Barhina</t>
  </si>
  <si>
    <t>Village barhina p of gulhera gali</t>
  </si>
  <si>
    <t>Changwarian</t>
  </si>
  <si>
    <t>24483</t>
  </si>
  <si>
    <t>GGPS DHEER</t>
  </si>
  <si>
    <t>dheer</t>
  </si>
  <si>
    <t>Dheer</t>
  </si>
  <si>
    <t>21165</t>
  </si>
  <si>
    <t>GGPS FAROOQ ABAD</t>
  </si>
  <si>
    <t>daya chokha gharbi</t>
  </si>
  <si>
    <t>chah ahmad wala maoza daya chokha gharbi</t>
  </si>
  <si>
    <t>chah ahmad wala</t>
  </si>
  <si>
    <t>dogar clasrah</t>
  </si>
  <si>
    <t>iqsa bi bi</t>
  </si>
  <si>
    <t>19296</t>
  </si>
  <si>
    <t>GGPS JIA PUR</t>
  </si>
  <si>
    <t>Jaipur</t>
  </si>
  <si>
    <t>Vill JaiPur PO Mararian Teh Kharian Distt Gujrat</t>
  </si>
  <si>
    <t>shumaila Asghar</t>
  </si>
  <si>
    <t>9011</t>
  </si>
  <si>
    <t>29517</t>
  </si>
  <si>
    <t>GGCMS CHAK BEDI</t>
  </si>
  <si>
    <t>Chakbedi</t>
  </si>
  <si>
    <t>Chak bedi</t>
  </si>
  <si>
    <t>46596</t>
  </si>
  <si>
    <t>GGES GOLAY WALI</t>
  </si>
  <si>
    <t>Golaywali</t>
  </si>
  <si>
    <t>Golaywali, tehsil quaudabad, district khushab</t>
  </si>
  <si>
    <t>Salma Ameer</t>
  </si>
  <si>
    <t>GES CHAK NO. 9</t>
  </si>
  <si>
    <t>Chak No 9</t>
  </si>
  <si>
    <t>chak no 9  , Goze Baksh Pura</t>
  </si>
  <si>
    <t>45436</t>
  </si>
  <si>
    <t>25012</t>
  </si>
  <si>
    <t>GMPS CHADIALA KHURD</t>
  </si>
  <si>
    <t>TATLY AALI 2 - FEMALE</t>
  </si>
  <si>
    <t>Tatlay Ali</t>
  </si>
  <si>
    <t>chadiala khurd</t>
  </si>
  <si>
    <t>Chadiala Khurd</t>
  </si>
  <si>
    <t>Abida    Shaheen</t>
  </si>
  <si>
    <t>8222</t>
  </si>
  <si>
    <t>21432</t>
  </si>
  <si>
    <t>GPS KOT MOTA SINGH</t>
  </si>
  <si>
    <t>kot mota singh p/o khudian khas tehsil &amp; District kasur</t>
  </si>
  <si>
    <t>GMPS CHAK NO. 88/A QADEEM</t>
  </si>
  <si>
    <t>Chak 88/A Q</t>
  </si>
  <si>
    <t>GPS CHAK 88/A Q</t>
  </si>
  <si>
    <t>Razia perveen</t>
  </si>
  <si>
    <t>33730</t>
  </si>
  <si>
    <t>GPS MC MEHMOOD ABAD COLONY</t>
  </si>
  <si>
    <t>Durana Nigana</t>
  </si>
  <si>
    <t>near daraj chowk Tariq Abad Multan</t>
  </si>
  <si>
    <t>New Tariqabad</t>
  </si>
  <si>
    <t>Basir Ali Khan</t>
  </si>
  <si>
    <t>28576</t>
  </si>
  <si>
    <t>GPS DERA ARAIYAN</t>
  </si>
  <si>
    <t>Dera Arian</t>
  </si>
  <si>
    <t>dera arian</t>
  </si>
  <si>
    <t>Saida Sharif</t>
  </si>
  <si>
    <t>35548</t>
  </si>
  <si>
    <t>GHS MAILSI</t>
  </si>
  <si>
    <t>govt. high school Hari pura mailsi</t>
  </si>
  <si>
    <t>27 East</t>
  </si>
  <si>
    <t>53094</t>
  </si>
  <si>
    <t>GHS CHAK NO. 36/2-L</t>
  </si>
  <si>
    <t>36/2L</t>
  </si>
  <si>
    <t>chak no. 36/2L, Okara</t>
  </si>
  <si>
    <t>Alu Mahar 30/4L</t>
  </si>
  <si>
    <t>Fareed Ul Hassan</t>
  </si>
  <si>
    <t>25033</t>
  </si>
  <si>
    <t>GES BACHIAN WALI</t>
  </si>
  <si>
    <t>BACHIANWALI</t>
  </si>
  <si>
    <t>basti bachianwali mouza bachianwali tehsil mimchinabad bahawalnagat</t>
  </si>
  <si>
    <t>Muhammad Sajid Mehmood</t>
  </si>
  <si>
    <t>26265</t>
  </si>
  <si>
    <t>28385</t>
  </si>
  <si>
    <t>GGPS BASTI PIRHAYAN PO KOT SULTAN LAYYAH</t>
  </si>
  <si>
    <t>jaisal</t>
  </si>
  <si>
    <t>tiba mailwana , jaisal thal jandi P/O kot sultan</t>
  </si>
  <si>
    <t>tiba mailwana</t>
  </si>
  <si>
    <t>kot sultan</t>
  </si>
  <si>
    <t>Salma  Bibi</t>
  </si>
  <si>
    <t>4809</t>
  </si>
  <si>
    <t>Nawan Arain</t>
  </si>
  <si>
    <t>basti mohammad yar khan</t>
  </si>
  <si>
    <t>Basti Mohammad Yar Khan</t>
  </si>
  <si>
    <t>Salma Kaneez</t>
  </si>
  <si>
    <t>GPS MONA SYEDAN</t>
  </si>
  <si>
    <t>Mona Syedan</t>
  </si>
  <si>
    <t>GPS Mona Syedan</t>
  </si>
  <si>
    <t>Iffat Naheed</t>
  </si>
  <si>
    <t>GPS BILAL WALA</t>
  </si>
  <si>
    <t>moza Muhammad pur post office wasandy wali basti baloch wala</t>
  </si>
  <si>
    <t>Hassan Pur Trund</t>
  </si>
  <si>
    <t>Muhammad Saifullah Tahir</t>
  </si>
  <si>
    <t>26027</t>
  </si>
  <si>
    <t>47624</t>
  </si>
  <si>
    <t>GMPS DHOK HAJI ATTAR KHAN</t>
  </si>
  <si>
    <t>village and p/o dhok haji attar</t>
  </si>
  <si>
    <t>Dhok Haji Attar</t>
  </si>
  <si>
    <t>Aqsa Iqbal</t>
  </si>
  <si>
    <t>24266</t>
  </si>
  <si>
    <t>GPS JARWAL</t>
  </si>
  <si>
    <t>Jarwal</t>
  </si>
  <si>
    <t>Village Jarwal P/O Charwa Thesil Pasrur District Sialkot</t>
  </si>
  <si>
    <t>Inam ullah</t>
  </si>
  <si>
    <t>47762</t>
  </si>
  <si>
    <t>GGHS PHATHI JOYIAN WALI</t>
  </si>
  <si>
    <t>Nasseer wala</t>
  </si>
  <si>
    <t>GGHS PHATHI JOYIAN</t>
  </si>
  <si>
    <t>phathi joyian</t>
  </si>
  <si>
    <t>Safia Parveen malik</t>
  </si>
  <si>
    <t>20830</t>
  </si>
  <si>
    <t>GGPS KALY WALA</t>
  </si>
  <si>
    <t>Chah kalay wala mouza kharal Azeem P.O.Box kot sultan Teh&amp; Disst. Layyah</t>
  </si>
  <si>
    <t>Chah kalay wala</t>
  </si>
  <si>
    <t>Kot sultan</t>
  </si>
  <si>
    <t>Samina Iqbal</t>
  </si>
  <si>
    <t>20972</t>
  </si>
  <si>
    <t>43342</t>
  </si>
  <si>
    <t>25064</t>
  </si>
  <si>
    <t>GGES 68/10-R, KHANEWAL</t>
  </si>
  <si>
    <t>68/10R</t>
  </si>
  <si>
    <t>chak no.68/10 R khanewal p.o box 70/10R khanewal</t>
  </si>
  <si>
    <t>Syeda Sehar Fatima</t>
  </si>
  <si>
    <t>7159</t>
  </si>
  <si>
    <t>34408</t>
  </si>
  <si>
    <t>GGPS BASTI RAHEEM BUX</t>
  </si>
  <si>
    <t>Chudhary</t>
  </si>
  <si>
    <t>basti hafiz nazar muhmmad lqp</t>
  </si>
  <si>
    <t>Hafiz Nazar</t>
  </si>
  <si>
    <t>Muhmmad Daha</t>
  </si>
  <si>
    <t>asma bibi</t>
  </si>
  <si>
    <t>32405</t>
  </si>
  <si>
    <t>24636</t>
  </si>
  <si>
    <t>29585</t>
  </si>
  <si>
    <t>GGPS MUMBEY KEY</t>
  </si>
  <si>
    <t>Mumbey Key</t>
  </si>
  <si>
    <t>Mumbey key</t>
  </si>
  <si>
    <t>Shakeela  Basharat</t>
  </si>
  <si>
    <t>GGPS DERA TAJ MUHAMMAD</t>
  </si>
  <si>
    <t>Sewaram</t>
  </si>
  <si>
    <t>GGPS Dera Taj Muhammad</t>
  </si>
  <si>
    <t>Sari Khoh</t>
  </si>
  <si>
    <t>Gahna Lard</t>
  </si>
  <si>
    <t>Farkhunda Yasmeen</t>
  </si>
  <si>
    <t>18143</t>
  </si>
  <si>
    <t>24639</t>
  </si>
  <si>
    <t>GPS PATTAL KOT ADU</t>
  </si>
  <si>
    <t>PATTL SHARQI</t>
  </si>
  <si>
    <t>basti pattal kotadu</t>
  </si>
  <si>
    <t>Basti pattal</t>
  </si>
  <si>
    <t>pattl kot adu</t>
  </si>
  <si>
    <t>Aitzaz Safdar</t>
  </si>
  <si>
    <t>40247</t>
  </si>
  <si>
    <t>38873</t>
  </si>
  <si>
    <t>24641</t>
  </si>
  <si>
    <t>47243</t>
  </si>
  <si>
    <t>GPS NO. 2 DAUD KHEL</t>
  </si>
  <si>
    <t>Daud Khel City</t>
  </si>
  <si>
    <t>Moh.sallar Daud khel city</t>
  </si>
  <si>
    <t>MC Daud Khel City</t>
  </si>
  <si>
    <t>Liaquat Ali Khan</t>
  </si>
  <si>
    <t>24644</t>
  </si>
  <si>
    <t>basti ali wala</t>
  </si>
  <si>
    <t>GPS BORING AMAN ULLAH</t>
  </si>
  <si>
    <t>Nalka Chadhrran wala P/O Dhingana Tehsil Mankera District Bhakkar</t>
  </si>
  <si>
    <t>Chadhrran Wala</t>
  </si>
  <si>
    <t>Luqman Ali</t>
  </si>
  <si>
    <t>GPS HERDO RATTA</t>
  </si>
  <si>
    <t>GPS Herdoratta</t>
  </si>
  <si>
    <t>9627</t>
  </si>
  <si>
    <t>15471</t>
  </si>
  <si>
    <t>23655</t>
  </si>
  <si>
    <t>47988</t>
  </si>
  <si>
    <t>GGPS MEHRAM KHELAN WALA</t>
  </si>
  <si>
    <t>melay wali (kacha gujrat)</t>
  </si>
  <si>
    <t>govt.girls primary school mehram khelan wala tehsil piplan district mianwali</t>
  </si>
  <si>
    <t>mehram khelan wala (melay wali)</t>
  </si>
  <si>
    <t>kacha gujrat</t>
  </si>
  <si>
    <t>Farzana Naz Kousar</t>
  </si>
  <si>
    <t>24654</t>
  </si>
  <si>
    <t>35597</t>
  </si>
  <si>
    <t>GGES SHATAB GARAH</t>
  </si>
  <si>
    <t>Shatab Garhshatab Gh</t>
  </si>
  <si>
    <t>GGES shatab garh</t>
  </si>
  <si>
    <t>Khadija Raees</t>
  </si>
  <si>
    <t>46203</t>
  </si>
  <si>
    <t>GPS AMIR WALA BILAND</t>
  </si>
  <si>
    <t>GPS Ameer Wala Biland  Dera Sham e Khail Biland Tehsil Noor Pur Thal District Khushab</t>
  </si>
  <si>
    <t>Sham e Khail</t>
  </si>
  <si>
    <t>10555</t>
  </si>
  <si>
    <t>51379</t>
  </si>
  <si>
    <t>GPS NEHLA ABAD P/O DHUPAI</t>
  </si>
  <si>
    <t>WARIS SHAH - MALE</t>
  </si>
  <si>
    <t>Nehla Abad</t>
  </si>
  <si>
    <t>chak nehla abad po dhappi pakpattan</t>
  </si>
  <si>
    <t>Dhappi</t>
  </si>
  <si>
    <t>3453</t>
  </si>
  <si>
    <t>20315</t>
  </si>
  <si>
    <t>GGPS SHAM LAT VINOKA</t>
  </si>
  <si>
    <t>shamlat vinoka</t>
  </si>
  <si>
    <t>Naila bukhari</t>
  </si>
  <si>
    <t>24664</t>
  </si>
  <si>
    <t>GPS BASTI JATTO</t>
  </si>
  <si>
    <t>Bait Wasawa Khanwala</t>
  </si>
  <si>
    <t>bait Wasawa Khanwala  P/O kot sultan tehsil &amp; distt. layyah.</t>
  </si>
  <si>
    <t>Moza Khan wala</t>
  </si>
  <si>
    <t>GGPS CHAK NO.5/P-I</t>
  </si>
  <si>
    <t>Chak 5p One</t>
  </si>
  <si>
    <t>5p one daira chaudhary imtiaz sahi tehsil khanpur</t>
  </si>
  <si>
    <t>5p One</t>
  </si>
  <si>
    <t>Yasmeen Bashir</t>
  </si>
  <si>
    <t>24073</t>
  </si>
  <si>
    <t>GES SORANGIAN</t>
  </si>
  <si>
    <t>Sorangian</t>
  </si>
  <si>
    <t>village and post office sorangian Teh Pasrur district sialkot</t>
  </si>
  <si>
    <t>Adam K Nagra</t>
  </si>
  <si>
    <t>Shaukat Ali Bajwa</t>
  </si>
  <si>
    <t>24667</t>
  </si>
  <si>
    <t>21926</t>
  </si>
  <si>
    <t>GMPS KARYAL BAGHAN WALA</t>
  </si>
  <si>
    <t>KARYAL - FEMALE</t>
  </si>
  <si>
    <t>Karyal Beganwala</t>
  </si>
  <si>
    <t>Karyal Baganwala</t>
  </si>
  <si>
    <t>Karyal Bahanwala</t>
  </si>
  <si>
    <t>Karyal Kalan</t>
  </si>
  <si>
    <t>34288</t>
  </si>
  <si>
    <t>GES MULTANI WALA P/O BUDHLA SANT</t>
  </si>
  <si>
    <t>Multani Wala</t>
  </si>
  <si>
    <t>Mouza Multani Wala Multan</t>
  </si>
  <si>
    <t>45346</t>
  </si>
  <si>
    <t>44443</t>
  </si>
  <si>
    <t>36590</t>
  </si>
  <si>
    <t>46594</t>
  </si>
  <si>
    <t>GGHS CHAK NO 36 DB</t>
  </si>
  <si>
    <t>Chak no 36 db quaidabad</t>
  </si>
  <si>
    <t>Chak No 36 Db</t>
  </si>
  <si>
    <t>farah batool</t>
  </si>
  <si>
    <t>53208</t>
  </si>
  <si>
    <t>37995</t>
  </si>
  <si>
    <t>GHS FAZIL WALA</t>
  </si>
  <si>
    <t>fazil wala</t>
  </si>
  <si>
    <t>basti dhana mouza fazil wala tehsil and district lodhran</t>
  </si>
  <si>
    <t>kundi</t>
  </si>
  <si>
    <t>45862</t>
  </si>
  <si>
    <t>GES CHAK NO. 40 MB</t>
  </si>
  <si>
    <t>Chak  40 MB</t>
  </si>
  <si>
    <t>Chak No 40 MB tehsil &amp; district khushab</t>
  </si>
  <si>
    <t>Chak No 40 MB</t>
  </si>
  <si>
    <t>50 MB</t>
  </si>
  <si>
    <t>30003</t>
  </si>
  <si>
    <t>GPS BAGHIAR MAR</t>
  </si>
  <si>
    <t>Baghyar Mar</t>
  </si>
  <si>
    <t>baghyar Mar Kot Radha Kishen</t>
  </si>
  <si>
    <t>Zafer Key</t>
  </si>
  <si>
    <t>32831</t>
  </si>
  <si>
    <t>GPS KOT DIAL DAS</t>
  </si>
  <si>
    <t>NANKANA CITY 2-MALE</t>
  </si>
  <si>
    <t>Kot Dial Das</t>
  </si>
  <si>
    <t>village kot dial das</t>
  </si>
  <si>
    <t>Kot Hussain Khan</t>
  </si>
  <si>
    <t>19287</t>
  </si>
  <si>
    <t>GGPS SHEIKHAN WALA</t>
  </si>
  <si>
    <t>MOCHH NO.1-FEMALE</t>
  </si>
  <si>
    <t>Tarikhel Kccha</t>
  </si>
  <si>
    <t>govt  girls p/s sheikhanwala p/o nouranga teh&amp;dist Mianwali</t>
  </si>
  <si>
    <t>Sheikhanwala</t>
  </si>
  <si>
    <t>Qureishian</t>
  </si>
  <si>
    <t>23282</t>
  </si>
  <si>
    <t>GPS CHOHA SHARIF</t>
  </si>
  <si>
    <t>Choha Sharif</t>
  </si>
  <si>
    <t>vpo  choha  sharif tehsil  quaidabad  district  khushab</t>
  </si>
  <si>
    <t>Choha  Sharif</t>
  </si>
  <si>
    <t>Malik Shehzad Ahmed</t>
  </si>
  <si>
    <t>19295</t>
  </si>
  <si>
    <t>39255</t>
  </si>
  <si>
    <t>GGHS TOOT</t>
  </si>
  <si>
    <t>toot</t>
  </si>
  <si>
    <t>v.p.o toot tehsil gheb district attock</t>
  </si>
  <si>
    <t>maira shareef</t>
  </si>
  <si>
    <t>REHANA NASEEM</t>
  </si>
  <si>
    <t>GPS CHAK NO. 422 TDA</t>
  </si>
  <si>
    <t>Merhan</t>
  </si>
  <si>
    <t>GPS 422 TDA Tehsil Disst layyah</t>
  </si>
  <si>
    <t>Gps 422tda</t>
  </si>
  <si>
    <t>19297</t>
  </si>
  <si>
    <t>GES MOADIB SHEIKH ABDUL SATTAR</t>
  </si>
  <si>
    <t>sheilh abdul sattar</t>
  </si>
  <si>
    <t>basti sheikh abdul sattar mouza sheikh abdul sattar</t>
  </si>
  <si>
    <t>sheikh abdul sattar</t>
  </si>
  <si>
    <t>gharhi ikhtiar khan</t>
  </si>
  <si>
    <t>muhammad ahmad ismail</t>
  </si>
  <si>
    <t>19299</t>
  </si>
  <si>
    <t>GGES 14/8-R GUL ABAD, KACH KHUH</t>
  </si>
  <si>
    <t>14/8r Gulabad</t>
  </si>
  <si>
    <t>14/8.r gulabad</t>
  </si>
  <si>
    <t>45700</t>
  </si>
  <si>
    <t>GGPS CHAK RAJADA</t>
  </si>
  <si>
    <t>Rajada</t>
  </si>
  <si>
    <t>G G P S Chak rajada .Teh.nowshera virkan .Distt.Gujranwala</t>
  </si>
  <si>
    <t>Chak Rajada</t>
  </si>
  <si>
    <t>Chak Chaudhry</t>
  </si>
  <si>
    <t>Rahila Beghum</t>
  </si>
  <si>
    <t>19301</t>
  </si>
  <si>
    <t>GES CHAK NO 71 ML</t>
  </si>
  <si>
    <t>CHAK NO.67/ML - MALE</t>
  </si>
  <si>
    <t>Chak No 73ml</t>
  </si>
  <si>
    <t>Chak No.71/ml p/o 71/ml Tehsil Mankera Distt Bhakkar</t>
  </si>
  <si>
    <t>Chak No 71ml</t>
  </si>
  <si>
    <t>Muhammad Mazhar Iqbal</t>
  </si>
  <si>
    <t>31846</t>
  </si>
  <si>
    <t>GPS TUNG</t>
  </si>
  <si>
    <t>Tung</t>
  </si>
  <si>
    <t>Tung P/O Muridke Tehsil Muridke Dist Sheikhupura</t>
  </si>
  <si>
    <t>Maey</t>
  </si>
  <si>
    <t>26008</t>
  </si>
  <si>
    <t>24072</t>
  </si>
  <si>
    <t>22243</t>
  </si>
  <si>
    <t>GGHS MODEL SHADIWAL</t>
  </si>
  <si>
    <t>mehmoodkay shadiwal tens/dist gujrat</t>
  </si>
  <si>
    <t>Mehmoodkay Shadiwal</t>
  </si>
  <si>
    <t>27262</t>
  </si>
  <si>
    <t>GGES PINDI BHATTIAN</t>
  </si>
  <si>
    <t>main bazar pindi bhatian</t>
  </si>
  <si>
    <t>gges pindi bhattisn</t>
  </si>
  <si>
    <t>Misbah Asghar</t>
  </si>
  <si>
    <t>19309</t>
  </si>
  <si>
    <t>GGPS BHEEM GARH</t>
  </si>
  <si>
    <t>basti bheem garh. mozah adan wah.</t>
  </si>
  <si>
    <t>Bheem Garh</t>
  </si>
  <si>
    <t>Shabaz Pura</t>
  </si>
  <si>
    <t>Saba Ali</t>
  </si>
  <si>
    <t>GGPS JODHI SULTAN</t>
  </si>
  <si>
    <t>Kanwewala</t>
  </si>
  <si>
    <t>jodhi sultan  tehsile lalian district chiniot</t>
  </si>
  <si>
    <t>Jodhi Sultan</t>
  </si>
  <si>
    <t>19313</t>
  </si>
  <si>
    <t>51668</t>
  </si>
  <si>
    <t>GGPS SINGH PURA</t>
  </si>
  <si>
    <t>singh pura</t>
  </si>
  <si>
    <t>chak singh pura</t>
  </si>
  <si>
    <t>pacca sidhar</t>
  </si>
  <si>
    <t>19317</t>
  </si>
  <si>
    <t>27771</t>
  </si>
  <si>
    <t>GGPS FAZAL ABAD</t>
  </si>
  <si>
    <t>Street qamar Khan mohallah fazal abad malikwal</t>
  </si>
  <si>
    <t>Memoona Safdar</t>
  </si>
  <si>
    <t>54686</t>
  </si>
  <si>
    <t>GPS CHAK NO. 424-B TDA</t>
  </si>
  <si>
    <t>Sarishta Thal Sarishta Than Jandi</t>
  </si>
  <si>
    <t>Chak no 424B/TDA Layyah</t>
  </si>
  <si>
    <t>Chak No 424B/TDA</t>
  </si>
  <si>
    <t>Chak No 164/TDA</t>
  </si>
  <si>
    <t>Hafiz Syed Abbas Raza Shah</t>
  </si>
  <si>
    <t>36408</t>
  </si>
  <si>
    <t>19322</t>
  </si>
  <si>
    <t>42703</t>
  </si>
  <si>
    <t>GPS CHAH GOLA FAQIR</t>
  </si>
  <si>
    <t>Basti daha kotla gamoon</t>
  </si>
  <si>
    <t>19323</t>
  </si>
  <si>
    <t>30029</t>
  </si>
  <si>
    <t>GPS DHALAN KALAN</t>
  </si>
  <si>
    <t>Dhala Kalan</t>
  </si>
  <si>
    <t>village dhala kalan</t>
  </si>
  <si>
    <t>Cheena Ottar</t>
  </si>
  <si>
    <t>Farooq Azam Shahzad</t>
  </si>
  <si>
    <t>19326</t>
  </si>
  <si>
    <t>39311</t>
  </si>
  <si>
    <t>GPS DHOK SAR NO.1</t>
  </si>
  <si>
    <t>KHARPA - MALE</t>
  </si>
  <si>
    <t>dk Sar no 1 kharpa</t>
  </si>
  <si>
    <t>Samina Khatoon</t>
  </si>
  <si>
    <t>19335</t>
  </si>
  <si>
    <t>45757</t>
  </si>
  <si>
    <t>GPS RANGPUR KADHI</t>
  </si>
  <si>
    <t>Rang Pur Kadhi</t>
  </si>
  <si>
    <t>P.O Girote moza Rang pur kadhi Distt. Khushab</t>
  </si>
  <si>
    <t>GGHS KAKRALI</t>
  </si>
  <si>
    <t>village &amp;p/o kakrali</t>
  </si>
  <si>
    <t>54184</t>
  </si>
  <si>
    <t>GPS CHAK NO. 9 MB</t>
  </si>
  <si>
    <t>Village 9 MB Tehsil Qaidabad.distt.KHUSHAB.</t>
  </si>
  <si>
    <t>Chak 9 MB</t>
  </si>
  <si>
    <t>32832</t>
  </si>
  <si>
    <t>GPS KOT BOOTA SINGH</t>
  </si>
  <si>
    <t>Govt Primary School Kot Boota Singh</t>
  </si>
  <si>
    <t>GPS DAOKE MURIDKE</t>
  </si>
  <si>
    <t>Daoke</t>
  </si>
  <si>
    <t>moazam colony new daoke Muridke</t>
  </si>
  <si>
    <t>Ikram Ullah Chuadary</t>
  </si>
  <si>
    <t>47413</t>
  </si>
  <si>
    <t>GGPS MAROOS</t>
  </si>
  <si>
    <t>Chak Marris</t>
  </si>
  <si>
    <t>village chak marres</t>
  </si>
  <si>
    <t>Moroos</t>
  </si>
  <si>
    <t>M Pur Shumali</t>
  </si>
  <si>
    <t>Nahid  Blouch</t>
  </si>
  <si>
    <t>GHS ISLAMIA BADDO MALHI</t>
  </si>
  <si>
    <t>Govt. Islamia High School College Road Baddomalhi</t>
  </si>
  <si>
    <t>MUTEE UR REHMAN KHAN</t>
  </si>
  <si>
    <t>45152</t>
  </si>
  <si>
    <t>30090</t>
  </si>
  <si>
    <t>GGPS HAVELI KAMLAY KHAN</t>
  </si>
  <si>
    <t>Rosa</t>
  </si>
  <si>
    <t>ggps havily kamly khan</t>
  </si>
  <si>
    <t>Havaily Kamly Khan</t>
  </si>
  <si>
    <t>Ram Thamn</t>
  </si>
  <si>
    <t>sehrish amin khan</t>
  </si>
  <si>
    <t>24005</t>
  </si>
  <si>
    <t>45820</t>
  </si>
  <si>
    <t>GPS DERA BAKHWAL KATHA SAGHRAL</t>
  </si>
  <si>
    <t>Dera Bakhwal</t>
  </si>
  <si>
    <t>GPS dera bakhwal p.o katha saghral</t>
  </si>
  <si>
    <t>53066</t>
  </si>
  <si>
    <t>GHS 24 GD OKARA</t>
  </si>
  <si>
    <t>24gd</t>
  </si>
  <si>
    <t>chak # 24/gd P/O 24/GD TEHSIL &amp; DIST OKARA</t>
  </si>
  <si>
    <t>54900</t>
  </si>
  <si>
    <t>GPS KHOKHRAN WALA</t>
  </si>
  <si>
    <t>Khokhran Wala</t>
  </si>
  <si>
    <t>Moza khokhran wala tehsile lalian district chiniot</t>
  </si>
  <si>
    <t>Khokharanwala</t>
  </si>
  <si>
    <t>Feroz Khan</t>
  </si>
  <si>
    <t>31476</t>
  </si>
  <si>
    <t>39259</t>
  </si>
  <si>
    <t>GGHS DHOK LAHAM</t>
  </si>
  <si>
    <t>VPO Dhoke Laham</t>
  </si>
  <si>
    <t>29943</t>
  </si>
  <si>
    <t>GHS JAJJA KALAN</t>
  </si>
  <si>
    <t>jajja kalan</t>
  </si>
  <si>
    <t>Govt.High School Jajja Kalan Teh.Pattoki Distt.Kasur</t>
  </si>
  <si>
    <t>Jajja Kalan</t>
  </si>
  <si>
    <t>ahmad nadeem</t>
  </si>
  <si>
    <t>26561</t>
  </si>
  <si>
    <t>GGES CHAK NO 153 TDA</t>
  </si>
  <si>
    <t>chak no 153 tda</t>
  </si>
  <si>
    <t>153tda</t>
  </si>
  <si>
    <t>28311</t>
  </si>
  <si>
    <t>GPS BAHO</t>
  </si>
  <si>
    <t>Bahoo</t>
  </si>
  <si>
    <t>village Bahoo, P.O Agroya,Tehsil Phlia, Dist.M.B.Din</t>
  </si>
  <si>
    <t>353925</t>
  </si>
  <si>
    <t>10441</t>
  </si>
  <si>
    <t>46487</t>
  </si>
  <si>
    <t>19383</t>
  </si>
  <si>
    <t>29238</t>
  </si>
  <si>
    <t>GPS WARA MUGHLAN RAWAL JHANGAR</t>
  </si>
  <si>
    <t>Wara Mughlan</t>
  </si>
  <si>
    <t>wara mughlan  Distt kasur</t>
  </si>
  <si>
    <t>Wara Muglan</t>
  </si>
  <si>
    <t>Sadar Ud Din Javid</t>
  </si>
  <si>
    <t>19386</t>
  </si>
  <si>
    <t>Basti Jam Doda Dudi Muza Khalti P/O Rukan Pur Tehsil &amp; Distt. Rahim Yar Khan</t>
  </si>
  <si>
    <t>Jam Doda Dudi</t>
  </si>
  <si>
    <t>Thul Khair Muhammad Muhammad</t>
  </si>
  <si>
    <t>29403</t>
  </si>
  <si>
    <t>19656</t>
  </si>
  <si>
    <t>GES WASAN PURA, BHAMMAN JHUGIAN</t>
  </si>
  <si>
    <t>Jodha</t>
  </si>
  <si>
    <t>Bahamma juggian</t>
  </si>
  <si>
    <t>Bahamma Juggian</t>
  </si>
  <si>
    <t>Bhamman</t>
  </si>
  <si>
    <t>Muhammad Aslsm</t>
  </si>
  <si>
    <t>GHS KAMRIAL</t>
  </si>
  <si>
    <t>Village and Post Office Kamrial Teh Pindigheb Attock</t>
  </si>
  <si>
    <t>Syed Imran Hussain  Shah</t>
  </si>
  <si>
    <t>19397</t>
  </si>
  <si>
    <t>23301</t>
  </si>
  <si>
    <t>GGPS TOPA ADAM</t>
  </si>
  <si>
    <t>Topa Adam</t>
  </si>
  <si>
    <t>village Topa Adam Post office Seekeryali Teh Kharian District Gujrat</t>
  </si>
  <si>
    <t>Seekeryali</t>
  </si>
  <si>
    <t>Miss Saeeda Khanum</t>
  </si>
  <si>
    <t>36920</t>
  </si>
  <si>
    <t>GPS REHMANPUR MURIDKE</t>
  </si>
  <si>
    <t>rehmanpura muridke</t>
  </si>
  <si>
    <t>Muridke 3</t>
  </si>
  <si>
    <t>19161</t>
  </si>
  <si>
    <t>GGPS KOT NIZAM</t>
  </si>
  <si>
    <t>Kot Nizam</t>
  </si>
  <si>
    <t>Village Kot Nizam Teh Pindi Bhattian</t>
  </si>
  <si>
    <t>Najma Akram</t>
  </si>
  <si>
    <t>19163</t>
  </si>
  <si>
    <t>29967</t>
  </si>
  <si>
    <t>GHS PEMAR OTTAR</t>
  </si>
  <si>
    <t>pemar ottar</t>
  </si>
  <si>
    <t>govt high school pemar ottar kot radha kishan kasur</t>
  </si>
  <si>
    <t>Zubair ahmad Headmaster</t>
  </si>
  <si>
    <t>GPS MANIK WALI</t>
  </si>
  <si>
    <t>Jaind Wali</t>
  </si>
  <si>
    <t>besti manikwali mouza jaind wali</t>
  </si>
  <si>
    <t>Sardar Gerh</t>
  </si>
  <si>
    <t>Zamir Ahmad</t>
  </si>
  <si>
    <t>48038</t>
  </si>
  <si>
    <t>19167</t>
  </si>
  <si>
    <t>GPS CHABBAR</t>
  </si>
  <si>
    <t>Maqsood Ahmad Zafar</t>
  </si>
  <si>
    <t>31349</t>
  </si>
  <si>
    <t>19171</t>
  </si>
  <si>
    <t>21934</t>
  </si>
  <si>
    <t>GGES DHALLA SHARIF</t>
  </si>
  <si>
    <t>Dhalla Sharif</t>
  </si>
  <si>
    <t>Dhalla Sharif post office Lala pur</t>
  </si>
  <si>
    <t>Chak Choudary</t>
  </si>
  <si>
    <t>Nazma Sharif</t>
  </si>
  <si>
    <t>GGHSS CHAK NO. 170 JB</t>
  </si>
  <si>
    <t>Govt. Girls Higher Secondary School 170jb Jhang.</t>
  </si>
  <si>
    <t>Chak No 170</t>
  </si>
  <si>
    <t>Garwah169</t>
  </si>
  <si>
    <t>Miss Sofia iftikhar</t>
  </si>
  <si>
    <t>12261</t>
  </si>
  <si>
    <t>GPS KEWAL WALA</t>
  </si>
  <si>
    <t>Tibbi Nezam</t>
  </si>
  <si>
    <t>Basti shabbir abad tibbi nezam kot Addu M.garh</t>
  </si>
  <si>
    <t>Asmat Saeed</t>
  </si>
  <si>
    <t>GPS DAKHIAN</t>
  </si>
  <si>
    <t>Dakhian</t>
  </si>
  <si>
    <t>village dakhian po Karore teh kotli sattian dis Rawalpindi</t>
  </si>
  <si>
    <t>Abdul Ghais Abbasi</t>
  </si>
  <si>
    <t>47555</t>
  </si>
  <si>
    <t>GGPS DERA ABDUL KAREEM KHAN WALA</t>
  </si>
  <si>
    <t>Ameer wala</t>
  </si>
  <si>
    <t>p/o rustam wala mochh district mianwali</t>
  </si>
  <si>
    <t>Rustam Wala</t>
  </si>
  <si>
    <t>19182</t>
  </si>
  <si>
    <t>34337</t>
  </si>
  <si>
    <t>GPS TAHIR PUR MULTAN MOZA TAHIR PUR MULTAN</t>
  </si>
  <si>
    <t>Tahir  Pur</t>
  </si>
  <si>
    <t>g ps  tahir pur moza  tahir pur multan</t>
  </si>
  <si>
    <t>Punj  Koha</t>
  </si>
  <si>
    <t>GPS JHANGER SHAH BEHLOL</t>
  </si>
  <si>
    <t>Jhanger shah behlol</t>
  </si>
  <si>
    <t>changranwala</t>
  </si>
  <si>
    <t>Jhanger shahbehlol</t>
  </si>
  <si>
    <t>bahiwal</t>
  </si>
  <si>
    <t>Muhammad Aamir Iqbal</t>
  </si>
  <si>
    <t>19185</t>
  </si>
  <si>
    <t>37288</t>
  </si>
  <si>
    <t>GPS  MODEL 8-B/8-R, KACHA KHUH</t>
  </si>
  <si>
    <t>8b/8r</t>
  </si>
  <si>
    <t>chak 8b/8r</t>
  </si>
  <si>
    <t>14/8r Gul Abad</t>
  </si>
  <si>
    <t>10238</t>
  </si>
  <si>
    <t>24594</t>
  </si>
  <si>
    <t>GGPS SABAZ PIR</t>
  </si>
  <si>
    <t>Sabaz Peer</t>
  </si>
  <si>
    <t>sabaz peer p.o chobara tehsil pasror district sialkot</t>
  </si>
  <si>
    <t>53755</t>
  </si>
  <si>
    <t>47385</t>
  </si>
  <si>
    <t>35743</t>
  </si>
  <si>
    <t>GPS CHAK NO.176/WB</t>
  </si>
  <si>
    <t>Chak No 176/wb</t>
  </si>
  <si>
    <t>Chalk No 176/wb Tehsil  Mailsi  District Vehari</t>
  </si>
  <si>
    <t>Shatabgarh</t>
  </si>
  <si>
    <t>19195</t>
  </si>
  <si>
    <t>30279</t>
  </si>
  <si>
    <t>GPS GHOWINDI</t>
  </si>
  <si>
    <t>Ghowindi Power</t>
  </si>
  <si>
    <t>village ghowindi border</t>
  </si>
  <si>
    <t>Ghowindi</t>
  </si>
  <si>
    <t>53247</t>
  </si>
  <si>
    <t>GPS SHALOLIAN WALA</t>
  </si>
  <si>
    <t>Dera Hakim khan Shaloli  mitha tiwana</t>
  </si>
  <si>
    <t>Punja</t>
  </si>
  <si>
    <t>19212</t>
  </si>
  <si>
    <t>GHS CHAK NO 353 GB</t>
  </si>
  <si>
    <t>Chak No. 353 GB</t>
  </si>
  <si>
    <t>MUHAMMAD FIAZ AKHTER</t>
  </si>
  <si>
    <t>GPS SHAHZAD TOWN</t>
  </si>
  <si>
    <t>Kot Yaqoob</t>
  </si>
  <si>
    <t>shahzad town Muridke</t>
  </si>
  <si>
    <t>Shahzad Town</t>
  </si>
  <si>
    <t>Shazia Kausar</t>
  </si>
  <si>
    <t>27427</t>
  </si>
  <si>
    <t>GGPS MEER MUKHTAR</t>
  </si>
  <si>
    <t>Meer Mukhtar</t>
  </si>
  <si>
    <t>ggps meer Mukhtar</t>
  </si>
  <si>
    <t>Khuty Shah</t>
  </si>
  <si>
    <t>10752</t>
  </si>
  <si>
    <t>38371</t>
  </si>
  <si>
    <t>GGPS MOUZA SARAI NO. 1</t>
  </si>
  <si>
    <t>Ismail pur</t>
  </si>
  <si>
    <t>basti Sray no1</t>
  </si>
  <si>
    <t>Basti Sray</t>
  </si>
  <si>
    <t>Kahror pacca</t>
  </si>
  <si>
    <t>Naheed Tabssum</t>
  </si>
  <si>
    <t>19224</t>
  </si>
  <si>
    <t>41267</t>
  </si>
  <si>
    <t>GHS MANGA</t>
  </si>
  <si>
    <t>Ghs manga murree</t>
  </si>
  <si>
    <t>37710</t>
  </si>
  <si>
    <t>27929</t>
  </si>
  <si>
    <t>GGHS CHAK NO. 2 JANUBI</t>
  </si>
  <si>
    <t>2 Chak Janubi</t>
  </si>
  <si>
    <t>gghs chak no.2 janubi m.b.din</t>
  </si>
  <si>
    <t>GGPS ANDROON QILA</t>
  </si>
  <si>
    <t>MANKERA - FEMALE</t>
  </si>
  <si>
    <t>mankera</t>
  </si>
  <si>
    <t>GGPS androon qila</t>
  </si>
  <si>
    <t>Zaitoon Akhtar</t>
  </si>
  <si>
    <t>29987</t>
  </si>
  <si>
    <t>GGES CHEENA ARLA</t>
  </si>
  <si>
    <t>cheena arla</t>
  </si>
  <si>
    <t>Asma Gulnaz</t>
  </si>
  <si>
    <t>36239</t>
  </si>
  <si>
    <t>33165</t>
  </si>
  <si>
    <t>GPS PURANI ABADI NANKANA</t>
  </si>
  <si>
    <t>Purani abadi nankana sahib</t>
  </si>
  <si>
    <t>GHS CHAMB KULYAR</t>
  </si>
  <si>
    <t>Chumb Kulyar</t>
  </si>
  <si>
    <t>Chumb Kulyar T/D Lodhran</t>
  </si>
  <si>
    <t>muhammad naeem qaisar</t>
  </si>
  <si>
    <t>13098</t>
  </si>
  <si>
    <t>22471</t>
  </si>
  <si>
    <t>GMPS RASIDA</t>
  </si>
  <si>
    <t>Raseeda</t>
  </si>
  <si>
    <t>Govt model primary school raseeda p.o.jalal pur jattan district Gujrat</t>
  </si>
  <si>
    <t>Saman Habib</t>
  </si>
  <si>
    <t>11592</t>
  </si>
  <si>
    <t>GPS BASTI KHANDOYA</t>
  </si>
  <si>
    <t>basti khandoya maoza khokhar p/of Mahmoodkot teh.kot adu</t>
  </si>
  <si>
    <t>basti khandoya</t>
  </si>
  <si>
    <t>allurid</t>
  </si>
  <si>
    <t>37589</t>
  </si>
  <si>
    <t>37469</t>
  </si>
  <si>
    <t>27589</t>
  </si>
  <si>
    <t>19243</t>
  </si>
  <si>
    <t>GHS SURBA</t>
  </si>
  <si>
    <t>ARYARI</t>
  </si>
  <si>
    <t>V PO SURBA KOTLISATTIAN RAWALPINDI</t>
  </si>
  <si>
    <t>SURBA</t>
  </si>
  <si>
    <t>ZULFIQAR AHMED</t>
  </si>
  <si>
    <t>GES BHINDER KALAN</t>
  </si>
  <si>
    <t>Bhinder Kalan</t>
  </si>
  <si>
    <t>Bhinder Kalan P/O Helan Teh: Phalia Dist: M.B.Din</t>
  </si>
  <si>
    <t>Atiq-Ur-Rehman</t>
  </si>
  <si>
    <t>46254</t>
  </si>
  <si>
    <t>GPS CHAK NO. 50/DB</t>
  </si>
  <si>
    <t>RANG PUR BAGHOOR (MALE)</t>
  </si>
  <si>
    <t>Chak no 50DB</t>
  </si>
  <si>
    <t>chak no 50DB Tehsil Noor Pur Thal District Khushab</t>
  </si>
  <si>
    <t>Rangpur Baghoor</t>
  </si>
  <si>
    <t>47559</t>
  </si>
  <si>
    <t>GGPS HINDAL WALA</t>
  </si>
  <si>
    <t>Hindal Wala</t>
  </si>
  <si>
    <t>ggps hindal wala moza hindal wala po mochh teh distt mianwali</t>
  </si>
  <si>
    <t>20382</t>
  </si>
  <si>
    <t>GES THATHA GHULAM</t>
  </si>
  <si>
    <t>Thatha Ghulam</t>
  </si>
  <si>
    <t>Rhatha ghulam thesil lalian district chiniot</t>
  </si>
  <si>
    <t>Mubashar Tanverer</t>
  </si>
  <si>
    <t>46551</t>
  </si>
  <si>
    <t>GGPS NO. 2 QUAIDABAD</t>
  </si>
  <si>
    <t>g block quaidabad</t>
  </si>
  <si>
    <t>McQuaidabad</t>
  </si>
  <si>
    <t>Javahar Khatoon</t>
  </si>
  <si>
    <t>19266</t>
  </si>
  <si>
    <t>GMPS GOLA</t>
  </si>
  <si>
    <t>gola Barhad kotli sattian</t>
  </si>
  <si>
    <t>Gola</t>
  </si>
  <si>
    <t>Mc Kotli Sattian</t>
  </si>
  <si>
    <t>Moniba Naveed</t>
  </si>
  <si>
    <t>GHS BUBAK MARALI</t>
  </si>
  <si>
    <t>village Bubak Marali, Tehsil &amp; District Narowal</t>
  </si>
  <si>
    <t>muhammad ameen sindhu</t>
  </si>
  <si>
    <t>31539</t>
  </si>
  <si>
    <t>GES CHAK 49</t>
  </si>
  <si>
    <t>chak 49 najar</t>
  </si>
  <si>
    <t>Chak 49 Najar mdk</t>
  </si>
  <si>
    <t>Chak 49 Najar</t>
  </si>
  <si>
    <t>dharoor muslim</t>
  </si>
  <si>
    <t>muhammad meqdaam an war</t>
  </si>
  <si>
    <t>GPS IQBAL SAJID WALA</t>
  </si>
  <si>
    <t>Borani wala Moza Makhan Bela P/O Rohillanwali Tehsil &amp; District Muzaffargarh</t>
  </si>
  <si>
    <t>Borani Wala</t>
  </si>
  <si>
    <t>Rohillanwali</t>
  </si>
  <si>
    <t>Faiz Bakhsh Shamsi</t>
  </si>
  <si>
    <t>23008</t>
  </si>
  <si>
    <t>GPS MALKA</t>
  </si>
  <si>
    <t>vpo malka tehsil kharian dist. gujrat</t>
  </si>
  <si>
    <t>Mubashar Hussain</t>
  </si>
  <si>
    <t>19277</t>
  </si>
  <si>
    <t>GPS BASTI EID GAH</t>
  </si>
  <si>
    <t>basti eid gah</t>
  </si>
  <si>
    <t>Baroon Khudian</t>
  </si>
  <si>
    <t>GPS CHAK 126 NP</t>
  </si>
  <si>
    <t>Chak 126/np</t>
  </si>
  <si>
    <t>chak 126/np uc talbani tehsil liaquatpur</t>
  </si>
  <si>
    <t>27363</t>
  </si>
  <si>
    <t>GGPS NAWAB PURA</t>
  </si>
  <si>
    <t>Nawab Pura , Pindi Bhattian</t>
  </si>
  <si>
    <t>TMC Pindi Bhattian</t>
  </si>
  <si>
    <t>Samaira Zulfiqar Ali</t>
  </si>
  <si>
    <t>19402</t>
  </si>
  <si>
    <t>30145</t>
  </si>
  <si>
    <t>GHS TARIQ LAHORE CANTT</t>
  </si>
  <si>
    <t>karachi mohalla near old officer colony saddar lahore cantt</t>
  </si>
  <si>
    <t>Contomentbord</t>
  </si>
  <si>
    <t>Aftab Zain-ur-Rehman</t>
  </si>
  <si>
    <t>19403</t>
  </si>
  <si>
    <t>Doulat pura chak#573 GB tehsil and district nankana sahib</t>
  </si>
  <si>
    <t>Safdar Ali Nafees</t>
  </si>
  <si>
    <t>19405</t>
  </si>
  <si>
    <t>GGPS 62/10-R</t>
  </si>
  <si>
    <t>62/10r</t>
  </si>
  <si>
    <t>chak no 62/10.r</t>
  </si>
  <si>
    <t>58/10r</t>
  </si>
  <si>
    <t>MUNAZA HAFEEZ</t>
  </si>
  <si>
    <t>32205</t>
  </si>
  <si>
    <t>GGPS BASTI BEHBAL KHAN</t>
  </si>
  <si>
    <t>Kholy Maleky</t>
  </si>
  <si>
    <t>Ggps Basti behbal khan</t>
  </si>
  <si>
    <t>Kholy Maleky Taroo</t>
  </si>
  <si>
    <t>Kumhari Wala</t>
  </si>
  <si>
    <t>Saima Sultan</t>
  </si>
  <si>
    <t>GGPS JAMMO WALA</t>
  </si>
  <si>
    <t>Faridaa bad</t>
  </si>
  <si>
    <t>basti khair muhammad wali kahror pakka</t>
  </si>
  <si>
    <t>chaah khair muhammad walaa</t>
  </si>
  <si>
    <t>Faridaa baad</t>
  </si>
  <si>
    <t>39299</t>
  </si>
  <si>
    <t>vpo naka kalan Teh. Pindi gheb Distt. Attock</t>
  </si>
  <si>
    <t>Naka kalan</t>
  </si>
  <si>
    <t>32683</t>
  </si>
  <si>
    <t>47106</t>
  </si>
  <si>
    <t>GGES RUSTAM WALA</t>
  </si>
  <si>
    <t>Rustamwala</t>
  </si>
  <si>
    <t>GGES Rustamwala Mochh Distt Mianwali</t>
  </si>
  <si>
    <t>Arbia Yasmeen</t>
  </si>
  <si>
    <t>12114</t>
  </si>
  <si>
    <t>basti JADAY WALA mouza panwar shumali</t>
  </si>
  <si>
    <t>JADAY Wala</t>
  </si>
  <si>
    <t>GPS DARBAR SHARIF WARCHHA</t>
  </si>
  <si>
    <t>GPS darbar sharif warchha tehsiel quaid abad</t>
  </si>
  <si>
    <t>stah ky nalky sy</t>
  </si>
  <si>
    <t>45329</t>
  </si>
  <si>
    <t>GPS CHAK NO.92/WB</t>
  </si>
  <si>
    <t>92wb</t>
  </si>
  <si>
    <t>92/Wb</t>
  </si>
  <si>
    <t>92/W B</t>
  </si>
  <si>
    <t>Zaheerabad Shaeed</t>
  </si>
  <si>
    <t>19429</t>
  </si>
  <si>
    <t>40448</t>
  </si>
  <si>
    <t>GGMPS DHOK SUNDRAN</t>
  </si>
  <si>
    <t>Dhok Sundran</t>
  </si>
  <si>
    <t>dhoksundran p/o.kot umer teh pind dadan khan distt.jhelum</t>
  </si>
  <si>
    <t>Daulatpur</t>
  </si>
  <si>
    <t>rubab fatima</t>
  </si>
  <si>
    <t>8545</t>
  </si>
  <si>
    <t>20374</t>
  </si>
  <si>
    <t>GPS NAWAN KALOKA</t>
  </si>
  <si>
    <t>Kaloka</t>
  </si>
  <si>
    <t>Government Primary School NAWAN Kaloka, Tehsil Lalian District Chiniot</t>
  </si>
  <si>
    <t>M Nadeem</t>
  </si>
  <si>
    <t>GMPS CHISHTI CHARAGH</t>
  </si>
  <si>
    <t>chak 33 p</t>
  </si>
  <si>
    <t>GMPS CHAK 33 P DERA SHAH ABBAS CHISHTI CHARAGH</t>
  </si>
  <si>
    <t>GGPS BAWRAY DHAK</t>
  </si>
  <si>
    <t>Bawray Dhak</t>
  </si>
  <si>
    <t>bawray dhak</t>
  </si>
  <si>
    <t>Chail Kalan</t>
  </si>
  <si>
    <t>Aiza Kanwal</t>
  </si>
  <si>
    <t>GGPS RASHID KOT</t>
  </si>
  <si>
    <t>Lalu Kakla</t>
  </si>
  <si>
    <t>ggps rasheed kot minchin abad</t>
  </si>
  <si>
    <t>Rasheed Kot</t>
  </si>
  <si>
    <t>19434</t>
  </si>
  <si>
    <t>GPS POTHA PARYAN</t>
  </si>
  <si>
    <t>p&amp;o darnoian tehsil kotli station district rawalpindi</t>
  </si>
  <si>
    <t>durnyan</t>
  </si>
  <si>
    <t>TMC kotli sattian</t>
  </si>
  <si>
    <t>borring</t>
  </si>
  <si>
    <t>39436</t>
  </si>
  <si>
    <t>42266</t>
  </si>
  <si>
    <t>40213</t>
  </si>
  <si>
    <t>GPS FARDOS COLONY MURIDKE</t>
  </si>
  <si>
    <t>Timber Market Muridke</t>
  </si>
  <si>
    <t>timber market.g.t road muridke</t>
  </si>
  <si>
    <t>sumaira</t>
  </si>
  <si>
    <t>30489</t>
  </si>
  <si>
    <t>RINDAN-FEMALE</t>
  </si>
  <si>
    <t>14045</t>
  </si>
  <si>
    <t>GPS NEW KOTLA NASEER</t>
  </si>
  <si>
    <t>gps new kotla naseer</t>
  </si>
  <si>
    <t>Abdul Bari</t>
  </si>
  <si>
    <t>Parveen Bibi</t>
  </si>
  <si>
    <t>49087</t>
  </si>
  <si>
    <t>27612</t>
  </si>
  <si>
    <t>GGPS DERA JAAT (NAROWAL)</t>
  </si>
  <si>
    <t>Naseeba Wala</t>
  </si>
  <si>
    <t>GGPS dera jaat narowal</t>
  </si>
  <si>
    <t>Naseeba wala</t>
  </si>
  <si>
    <t>Chak bhatti</t>
  </si>
  <si>
    <t>Rida Fatima</t>
  </si>
  <si>
    <t>19442</t>
  </si>
  <si>
    <t>GPS DERA MAGHRAN</t>
  </si>
  <si>
    <t>Madharay</t>
  </si>
  <si>
    <t>GPS Dera Maghran VILL.Madharay  P.O Dhaul Teh.Phalia M.B.DIN.</t>
  </si>
  <si>
    <t>Dera Maghran</t>
  </si>
  <si>
    <t>Dhaul</t>
  </si>
  <si>
    <t>GPS 93/M</t>
  </si>
  <si>
    <t>93m</t>
  </si>
  <si>
    <t>mouza bhuteji 93m</t>
  </si>
  <si>
    <t>19445</t>
  </si>
  <si>
    <t>37171</t>
  </si>
  <si>
    <t>GPS CHAH SHER SINGH WALA, KHANEWAL</t>
  </si>
  <si>
    <t>Sher Singh Wala</t>
  </si>
  <si>
    <t>19446</t>
  </si>
  <si>
    <t>GPS WAYRAR SIPRA</t>
  </si>
  <si>
    <t>Wairar Sipra</t>
  </si>
  <si>
    <t>basti wairar sipra,mouza wairar sipra, tehsil kot addu'disstrict muzaffargarh</t>
  </si>
  <si>
    <t>38324</t>
  </si>
  <si>
    <t>GGPS MUNDO WALA</t>
  </si>
  <si>
    <t>basti ameer pur</t>
  </si>
  <si>
    <t>19457</t>
  </si>
  <si>
    <t>21831</t>
  </si>
  <si>
    <t>GPS QILA CHANDA SINGH</t>
  </si>
  <si>
    <t>Qila Chanda Singh</t>
  </si>
  <si>
    <t>qila chanda singh</t>
  </si>
  <si>
    <t>basti haji pur union council thatha quraishi muzaffar garh</t>
  </si>
  <si>
    <t>Thatha Quraishi</t>
  </si>
  <si>
    <t>Tehmina Andleeb</t>
  </si>
  <si>
    <t>47388</t>
  </si>
  <si>
    <t>GGPS GHARAT WALA</t>
  </si>
  <si>
    <t>ggps gharat wala</t>
  </si>
  <si>
    <t>Gharat Wala</t>
  </si>
  <si>
    <t>Yarukhel Pka</t>
  </si>
  <si>
    <t>25378</t>
  </si>
  <si>
    <t>40451</t>
  </si>
  <si>
    <t>GGPS PINDI BIKH</t>
  </si>
  <si>
    <t>Pindi Bhikh</t>
  </si>
  <si>
    <t>pindi Bhikh</t>
  </si>
  <si>
    <t>Kalsoom Najmi</t>
  </si>
  <si>
    <t>51725</t>
  </si>
  <si>
    <t>GPS ZAFAR KOT P/O BUNGA HAYAT</t>
  </si>
  <si>
    <t>Zafar Kot</t>
  </si>
  <si>
    <t>ada passco Zafar Kot pakpattan</t>
  </si>
  <si>
    <t>Ada Passco</t>
  </si>
  <si>
    <t>30020</t>
  </si>
  <si>
    <t>GPS SHAH INAYAT</t>
  </si>
  <si>
    <t>shah inayat  p/o ratti pindi kot radha kishen</t>
  </si>
  <si>
    <t>Hallar Key Peymar</t>
  </si>
  <si>
    <t>M Hanif Tahir</t>
  </si>
  <si>
    <t>19468</t>
  </si>
  <si>
    <t>28319</t>
  </si>
  <si>
    <t>GPS MADHRAY</t>
  </si>
  <si>
    <t>v&amp;p.o Madhray Tehsil Phalia</t>
  </si>
  <si>
    <t>Ahmad Sher</t>
  </si>
  <si>
    <t>35609</t>
  </si>
  <si>
    <t>GPS KOT KORAAEE</t>
  </si>
  <si>
    <t>Kot Korai</t>
  </si>
  <si>
    <t>Post office 122/WB.Moza kot korai. Tehsil Mailsi, District Vehari.</t>
  </si>
  <si>
    <t>88/ WB</t>
  </si>
  <si>
    <t>Muhammad Nauman Nazar</t>
  </si>
  <si>
    <t>GES CHAK NO. 38 DB</t>
  </si>
  <si>
    <t>38db</t>
  </si>
  <si>
    <t>chak No 38db</t>
  </si>
  <si>
    <t>Chak# 38db</t>
  </si>
  <si>
    <t>Hafiz Mahboob Ahamed</t>
  </si>
  <si>
    <t>14202</t>
  </si>
  <si>
    <t>GMPS MANZOOR JAMRA</t>
  </si>
  <si>
    <t>Post office Aqilpur baste manzoor jamfa</t>
  </si>
  <si>
    <t>Sehrish Mustafa</t>
  </si>
  <si>
    <t>19483</t>
  </si>
  <si>
    <t>22056</t>
  </si>
  <si>
    <t>GPS  BATHAN WALA</t>
  </si>
  <si>
    <t>Bathan Wala</t>
  </si>
  <si>
    <t>GPS Bathan Wala P/O Garmula Virkan tehsil Nowshera Virkan Distt Gujranwala</t>
  </si>
  <si>
    <t>Garmula Virkan</t>
  </si>
  <si>
    <t>Rana Shahid</t>
  </si>
  <si>
    <t>31947</t>
  </si>
  <si>
    <t>31501</t>
  </si>
  <si>
    <t>Dakhain</t>
  </si>
  <si>
    <t>vill mohra malal  p.o. karore tehsil kotli sattian dist rawalpindi</t>
  </si>
  <si>
    <t>Mohra Malal</t>
  </si>
  <si>
    <t>Nafeesa Saleem</t>
  </si>
  <si>
    <t>GGPS CHAK NO. 91/M</t>
  </si>
  <si>
    <t>Chanmb Kulyar</t>
  </si>
  <si>
    <t>91m lodhran</t>
  </si>
  <si>
    <t>91m</t>
  </si>
  <si>
    <t>Hameeda Akhtar</t>
  </si>
  <si>
    <t>47443</t>
  </si>
  <si>
    <t>29823</t>
  </si>
  <si>
    <t>GGPS 4 MB</t>
  </si>
  <si>
    <t>shadia</t>
  </si>
  <si>
    <t>ggps 4mb shadia</t>
  </si>
  <si>
    <t>chak 4mb</t>
  </si>
  <si>
    <t>wan bhachran</t>
  </si>
  <si>
    <t>Balqees nasir</t>
  </si>
  <si>
    <t>19492</t>
  </si>
  <si>
    <t>GMES CHAK NO.49/A</t>
  </si>
  <si>
    <t>46/A - FEMALE</t>
  </si>
  <si>
    <t>chak 49/A</t>
  </si>
  <si>
    <t>GGMES CHAK 49/A</t>
  </si>
  <si>
    <t>49/A</t>
  </si>
  <si>
    <t>muqaddas safdar</t>
  </si>
  <si>
    <t>54305</t>
  </si>
  <si>
    <t>GPS MATTEY HATTI</t>
  </si>
  <si>
    <t>Mattay Hatti</t>
  </si>
  <si>
    <t>mattay hatti adaa band bosan multan</t>
  </si>
  <si>
    <t>Mattay Hati</t>
  </si>
  <si>
    <t>19498</t>
  </si>
  <si>
    <t>31749</t>
  </si>
  <si>
    <t>GGPS PURANAY DAUKE</t>
  </si>
  <si>
    <t>Dauke MDK</t>
  </si>
  <si>
    <t>GGPS/Purana Dauke</t>
  </si>
  <si>
    <t>Purana Dauke</t>
  </si>
  <si>
    <t>Dauke</t>
  </si>
  <si>
    <t>GPS THATHI GHANJERA</t>
  </si>
  <si>
    <t>KHUSHAB (SADAR) (MALE)</t>
  </si>
  <si>
    <t>thathi ghanjera khushab</t>
  </si>
  <si>
    <t>Hassan Pur</t>
  </si>
  <si>
    <t>Wajiha Rubab</t>
  </si>
  <si>
    <t>10541</t>
  </si>
  <si>
    <t>19502</t>
  </si>
  <si>
    <t>GPS HUSSEKI</t>
  </si>
  <si>
    <t>Husseke</t>
  </si>
  <si>
    <t>Husseke Awal tehsil pindi bhattian district hafizabad</t>
  </si>
  <si>
    <t>Muhammad Taqi</t>
  </si>
  <si>
    <t>45143</t>
  </si>
  <si>
    <t>GES KULLIAN WALA</t>
  </si>
  <si>
    <t>kalluan wala mouza dhingana Teh, Mankera District Bhakkar</t>
  </si>
  <si>
    <t>Kalluan wala</t>
  </si>
  <si>
    <t>9228</t>
  </si>
  <si>
    <t>GGCMES 171/10-R KHANEWAL</t>
  </si>
  <si>
    <t>Mehrshah</t>
  </si>
  <si>
    <t>gcmms.171/10 R</t>
  </si>
  <si>
    <t>171/10R</t>
  </si>
  <si>
    <t>166/10R</t>
  </si>
  <si>
    <t>Riffat Sattar</t>
  </si>
  <si>
    <t>19507</t>
  </si>
  <si>
    <t>28307</t>
  </si>
  <si>
    <t>GPS COLLEGE MOHALLA,PHALIA</t>
  </si>
  <si>
    <t>College Mohalla</t>
  </si>
  <si>
    <t>college Mohalla phalia</t>
  </si>
  <si>
    <t>Municipal Comety</t>
  </si>
  <si>
    <t>19508</t>
  </si>
  <si>
    <t>27823</t>
  </si>
  <si>
    <t>GMPS KOTERA</t>
  </si>
  <si>
    <t>Kotehra</t>
  </si>
  <si>
    <t>Govt Model Primary School Kotehra</t>
  </si>
  <si>
    <t>Tanzila  Shamim</t>
  </si>
  <si>
    <t>19509</t>
  </si>
  <si>
    <t>47911</t>
  </si>
  <si>
    <t>DOABA -FEMALE</t>
  </si>
  <si>
    <t>Dyraa aaheeran wala</t>
  </si>
  <si>
    <t>Aaheeran Wala</t>
  </si>
  <si>
    <t>nosheen nawaz</t>
  </si>
  <si>
    <t>37783</t>
  </si>
  <si>
    <t>19513</t>
  </si>
  <si>
    <t>GHS MATTA</t>
  </si>
  <si>
    <t>p/o and village Matta Tehsil KRK District kasur</t>
  </si>
  <si>
    <t>UC MATTA</t>
  </si>
  <si>
    <t>46477</t>
  </si>
  <si>
    <t>GPS MEHBOOB NAGAR</t>
  </si>
  <si>
    <t>Dera chanawala tehsil Quaidabad District Khushab</t>
  </si>
  <si>
    <t>Dera Chanawala</t>
  </si>
  <si>
    <t>Naseem Muhammad</t>
  </si>
  <si>
    <t>GPS KHICHIAN</t>
  </si>
  <si>
    <t>chini khichi</t>
  </si>
  <si>
    <t>khichian chenab nagar teh. Lalian</t>
  </si>
  <si>
    <t>MC Chenab Nagar</t>
  </si>
  <si>
    <t>Falak Sher Shakir</t>
  </si>
  <si>
    <t>44296</t>
  </si>
  <si>
    <t>Amina Sharif</t>
  </si>
  <si>
    <t>25235</t>
  </si>
  <si>
    <t>19053</t>
  </si>
  <si>
    <t>GPS CHOORI WALA</t>
  </si>
  <si>
    <t>Choori Wala</t>
  </si>
  <si>
    <t>choori wala</t>
  </si>
  <si>
    <t>Muhammad Munwar Hussain</t>
  </si>
  <si>
    <t>37977</t>
  </si>
  <si>
    <t>GPS NO.3 LODHRAN</t>
  </si>
  <si>
    <t>Lodhran City</t>
  </si>
  <si>
    <t>near gghs Lodhran</t>
  </si>
  <si>
    <t>Ward12/3</t>
  </si>
  <si>
    <t>Muncipal Commetty</t>
  </si>
  <si>
    <t>GPS MURAD WAH PO KOTLA PATHAN</t>
  </si>
  <si>
    <t>gps murad wah basti peer bahar shah</t>
  </si>
  <si>
    <t>Basti Peerbahar Shah</t>
  </si>
  <si>
    <t>GIKhan</t>
  </si>
  <si>
    <t>19059</t>
  </si>
  <si>
    <t>GHS NATHAY WALA MOUZA DHAKNA GHARO</t>
  </si>
  <si>
    <t>DAKHNA GHAROO</t>
  </si>
  <si>
    <t>GOVT. HIGH SCHOOL NATHAY WALA KAHROR PACCA</t>
  </si>
  <si>
    <t>HAFEEZ UR REHMAN</t>
  </si>
  <si>
    <t>47281</t>
  </si>
  <si>
    <t>GPS SULTAN WALA WEST</t>
  </si>
  <si>
    <t>Sultan wala Gharbi</t>
  </si>
  <si>
    <t>P/O Mochh</t>
  </si>
  <si>
    <t>49906</t>
  </si>
  <si>
    <t>19067</t>
  </si>
  <si>
    <t>29995</t>
  </si>
  <si>
    <t>GPS CHEENA ARLA</t>
  </si>
  <si>
    <t>chhina Arla</t>
  </si>
  <si>
    <t>chhina arla tehsil kot radha kishen distt. kasur</t>
  </si>
  <si>
    <t>chhina arla</t>
  </si>
  <si>
    <t>Muhammad Naveed Asim</t>
  </si>
  <si>
    <t>31599</t>
  </si>
  <si>
    <t>GPS CANAL PARK MURIDKE</t>
  </si>
  <si>
    <t>st no 7 canal park Muridke</t>
  </si>
  <si>
    <t>Urban Canal Park</t>
  </si>
  <si>
    <t>Zahid Murad</t>
  </si>
  <si>
    <t>19072</t>
  </si>
  <si>
    <t>GES CHAK NO. 124 NP</t>
  </si>
  <si>
    <t>Chak 124 NP</t>
  </si>
  <si>
    <t>Chak 124 NP PO FEROZA</t>
  </si>
  <si>
    <t>Chak 124 NP LQP</t>
  </si>
  <si>
    <t>Zulfqar Abbasi</t>
  </si>
  <si>
    <t>25989</t>
  </si>
  <si>
    <t>GGHS JASSAR</t>
  </si>
  <si>
    <t>Rukhsana Ijaz</t>
  </si>
  <si>
    <t>42218</t>
  </si>
  <si>
    <t>GPS SILA SEYYDAN</t>
  </si>
  <si>
    <t>Village Silla Syedan district Rawalpindi uc karore</t>
  </si>
  <si>
    <t>Silla Syedan</t>
  </si>
  <si>
    <t>Syed Ghulam Hussain Shah</t>
  </si>
  <si>
    <t>29183</t>
  </si>
  <si>
    <t>GPS BHALA</t>
  </si>
  <si>
    <t>Bhala</t>
  </si>
  <si>
    <t>village bhala post office kasur</t>
  </si>
  <si>
    <t>19081</t>
  </si>
  <si>
    <t>GPS CHANNAN</t>
  </si>
  <si>
    <t>VPO CHANNAN TEH KHARIAN DISTT</t>
  </si>
  <si>
    <t>WAQAS AHMED</t>
  </si>
  <si>
    <t>53748</t>
  </si>
  <si>
    <t>30282</t>
  </si>
  <si>
    <t>24274</t>
  </si>
  <si>
    <t>GPS DEVSANI</t>
  </si>
  <si>
    <t>village devsani Lahore cantt</t>
  </si>
  <si>
    <t>Naseer Ahmad Sindhu</t>
  </si>
  <si>
    <t>19083</t>
  </si>
  <si>
    <t>47901</t>
  </si>
  <si>
    <t>GGPS RAKH NASEER WALA</t>
  </si>
  <si>
    <t>Rakh naseer Wala</t>
  </si>
  <si>
    <t>ggps rakh naseer wala</t>
  </si>
  <si>
    <t>Rakh Naseer Wala</t>
  </si>
  <si>
    <t>13901</t>
  </si>
  <si>
    <t>GPS CHAK 109/NP JAMAL ABAD</t>
  </si>
  <si>
    <t>chak 109/NP jamal Abad khan  pur</t>
  </si>
  <si>
    <t>Jamal Abad</t>
  </si>
  <si>
    <t>26372</t>
  </si>
  <si>
    <t>26535</t>
  </si>
  <si>
    <t>GGES CHAK NO.419/TDA</t>
  </si>
  <si>
    <t>chak  #419/tda Dhori Adah</t>
  </si>
  <si>
    <t>Chak#419/tda Dhori  Adah</t>
  </si>
  <si>
    <t>Gola  Adah</t>
  </si>
  <si>
    <t>Sajida  Afzal</t>
  </si>
  <si>
    <t>25395</t>
  </si>
  <si>
    <t>47563</t>
  </si>
  <si>
    <t>GGPS KHAN MOHAMMAD WALA</t>
  </si>
  <si>
    <t>Post office khan Muhammad wala tehsil and district mianwali</t>
  </si>
  <si>
    <t>Sammia Nawaz</t>
  </si>
  <si>
    <t>30934</t>
  </si>
  <si>
    <t>19092</t>
  </si>
  <si>
    <t>37393</t>
  </si>
  <si>
    <t>GGCMS 7/9-R</t>
  </si>
  <si>
    <t>7/9R</t>
  </si>
  <si>
    <t>7/9R kacha khuh khanewak</t>
  </si>
  <si>
    <t>Rahman Ghar</t>
  </si>
  <si>
    <t>19093</t>
  </si>
  <si>
    <t>GPS KUNDMAHAAR PO FATEH PUR</t>
  </si>
  <si>
    <t>Kund Mahar</t>
  </si>
  <si>
    <t>GPS kund Mahar</t>
  </si>
  <si>
    <t>KUND MAHAR</t>
  </si>
  <si>
    <t>28268</t>
  </si>
  <si>
    <t>19095</t>
  </si>
  <si>
    <t>22501</t>
  </si>
  <si>
    <t>GMPS KOT NIKKA</t>
  </si>
  <si>
    <t>Kot Nikka</t>
  </si>
  <si>
    <t>kot nikka</t>
  </si>
  <si>
    <t>Chak Sadha</t>
  </si>
  <si>
    <t>19096</t>
  </si>
  <si>
    <t>46197</t>
  </si>
  <si>
    <t>GPS DERA HAMID WALA</t>
  </si>
  <si>
    <t>Borana Wala</t>
  </si>
  <si>
    <t>dera hamid wala borana wala tehsil noor pur thal khushab</t>
  </si>
  <si>
    <t>19099</t>
  </si>
  <si>
    <t>GMPS ZAFAR NAGAR</t>
  </si>
  <si>
    <t>Korina Shumali</t>
  </si>
  <si>
    <t>Zafar Nagar</t>
  </si>
  <si>
    <t>ZAFAR Nagar</t>
  </si>
  <si>
    <t>Sheikh chohar</t>
  </si>
  <si>
    <t>Sobhey Wala</t>
  </si>
  <si>
    <t>Moza sobhey wala tehsil minchin abad</t>
  </si>
  <si>
    <t>Sobhey wala</t>
  </si>
  <si>
    <t>Griya abad</t>
  </si>
  <si>
    <t>GPS DERA CHAHIL</t>
  </si>
  <si>
    <t>Dera Chahal</t>
  </si>
  <si>
    <t>Village Dera Chahal Bedian Road Lahore</t>
  </si>
  <si>
    <t>Lidhre</t>
  </si>
  <si>
    <t>GPS SAT SIRA (MUMTAZ ABAD)</t>
  </si>
  <si>
    <t>Sohawa Bulani</t>
  </si>
  <si>
    <t>Mumtazabad Sugar Mills road Sohawa Bulani</t>
  </si>
  <si>
    <t>19108</t>
  </si>
  <si>
    <t>22651</t>
  </si>
  <si>
    <t>GGPS SAMAN PINDI</t>
  </si>
  <si>
    <t>Saman Pindi</t>
  </si>
  <si>
    <t>saman pindi</t>
  </si>
  <si>
    <t>Attiqa Ishaq</t>
  </si>
  <si>
    <t>water containers</t>
  </si>
  <si>
    <t>47612</t>
  </si>
  <si>
    <t>GGPS SHEIKH WALI</t>
  </si>
  <si>
    <t>Shiekhwali</t>
  </si>
  <si>
    <t>Govt girls primary school shiekhwali</t>
  </si>
  <si>
    <t>Tahira Shahin</t>
  </si>
  <si>
    <t>25564</t>
  </si>
  <si>
    <t>19110</t>
  </si>
  <si>
    <t>29985</t>
  </si>
  <si>
    <t>GGES MUD KAY DHARIWAL</t>
  </si>
  <si>
    <t>Mudkay</t>
  </si>
  <si>
    <t>Mudkay Dhariwal Kot Radha Kishen</t>
  </si>
  <si>
    <t>Mudkay Dhariwal</t>
  </si>
  <si>
    <t>Rifat Muneer</t>
  </si>
  <si>
    <t>19119</t>
  </si>
  <si>
    <t>27404</t>
  </si>
  <si>
    <t>GGPS BHARAK PUR</t>
  </si>
  <si>
    <t>Bharakpur</t>
  </si>
  <si>
    <t>GGPS Bharakpur</t>
  </si>
  <si>
    <t>Bharak-pur</t>
  </si>
  <si>
    <t>Wijwan</t>
  </si>
  <si>
    <t>Afshan Javed</t>
  </si>
  <si>
    <t>23002</t>
  </si>
  <si>
    <t>GPS KOTLI BAJAR</t>
  </si>
  <si>
    <t>Kotli Bajjar</t>
  </si>
  <si>
    <t>Kotli Bajjar. Teh KHARIAN district GUJRAT</t>
  </si>
  <si>
    <t>Sajida Praveen</t>
  </si>
  <si>
    <t>4842</t>
  </si>
  <si>
    <t>GPS NO. 2 MURIDKE</t>
  </si>
  <si>
    <t>Qaddafi Park</t>
  </si>
  <si>
    <t>mohallah qad fi park</t>
  </si>
  <si>
    <t>Qazaf Park Muridke</t>
  </si>
  <si>
    <t>Qazafi Park</t>
  </si>
  <si>
    <t>Afzaal Ahmed Rehaan</t>
  </si>
  <si>
    <t>24119</t>
  </si>
  <si>
    <t>25948</t>
  </si>
  <si>
    <t>GGHS CHAJANA</t>
  </si>
  <si>
    <t>chajjana</t>
  </si>
  <si>
    <t>g.g.h.s chajjana</t>
  </si>
  <si>
    <t>22839</t>
  </si>
  <si>
    <t>GPS CHACHIAN (TANDA)</t>
  </si>
  <si>
    <t>chachian tehsil and district gujrat</t>
  </si>
  <si>
    <t>Damthal</t>
  </si>
  <si>
    <t>Hamid Nasir</t>
  </si>
  <si>
    <t>53348</t>
  </si>
  <si>
    <t>19131</t>
  </si>
  <si>
    <t>Wandar Gharbi</t>
  </si>
  <si>
    <t>basti hussain shah  tehseel kot addu district muzaffar garh</t>
  </si>
  <si>
    <t>Basti Hussain Shah</t>
  </si>
  <si>
    <t>javaid ul hassan</t>
  </si>
  <si>
    <t>19133</t>
  </si>
  <si>
    <t>30456</t>
  </si>
  <si>
    <t>GPS MOTHA SINGH WALA</t>
  </si>
  <si>
    <t>Mota Sing Wala</t>
  </si>
  <si>
    <t>Mota Sing Bedian road lahore</t>
  </si>
  <si>
    <t>Mota Sing Wals</t>
  </si>
  <si>
    <t>Lidderrh</t>
  </si>
  <si>
    <t>Muhammad Sajjad Arshad</t>
  </si>
  <si>
    <t>19135</t>
  </si>
  <si>
    <t>GGES CHAK NO. 8/P</t>
  </si>
  <si>
    <t>chak 8p</t>
  </si>
  <si>
    <t>Chak 8p</t>
  </si>
  <si>
    <t>Bhata Shaikhan</t>
  </si>
  <si>
    <t>Zubaida Khatoon</t>
  </si>
  <si>
    <t>19136</t>
  </si>
  <si>
    <t>GGHS 563/GB</t>
  </si>
  <si>
    <t>Pump Niazi</t>
  </si>
  <si>
    <t>GGHS563GB PUMP NIAZI JRW,FSD</t>
  </si>
  <si>
    <t>Chak No 563GB Pump Niazi</t>
  </si>
  <si>
    <t>Chak No 562GB</t>
  </si>
  <si>
    <t>naila niazi</t>
  </si>
  <si>
    <t>25778</t>
  </si>
  <si>
    <t>51396</t>
  </si>
  <si>
    <t>GPS 13 KB</t>
  </si>
  <si>
    <t>13 KB</t>
  </si>
  <si>
    <t>chak 13 KB Pakpattan</t>
  </si>
  <si>
    <t>13/KB</t>
  </si>
  <si>
    <t>45021</t>
  </si>
  <si>
    <t>35979</t>
  </si>
  <si>
    <t>GPS 183 WB P.O 187 WB</t>
  </si>
  <si>
    <t>chack no 183 post office tibba sultan pur</t>
  </si>
  <si>
    <t>195/WB</t>
  </si>
  <si>
    <t>Muhammad Sarwar Qureshi</t>
  </si>
  <si>
    <t>53283</t>
  </si>
  <si>
    <t>GPS CHAK 49/2L</t>
  </si>
  <si>
    <t>49/2l</t>
  </si>
  <si>
    <t>chak no. 49/2l</t>
  </si>
  <si>
    <t>Chak No 31/2l</t>
  </si>
  <si>
    <t>11335</t>
  </si>
  <si>
    <t>GGPS CHAK NO 160 A TDA PO JAMAN SHAH</t>
  </si>
  <si>
    <t>chak 160a</t>
  </si>
  <si>
    <t>Basti M Haji</t>
  </si>
  <si>
    <t>Serishta Thal</t>
  </si>
  <si>
    <t>46475</t>
  </si>
  <si>
    <t>GPS MAHORIAN WALA</t>
  </si>
  <si>
    <t>Anb Shareef</t>
  </si>
  <si>
    <t>mahorianwala tehseel Qaidabad abad dist khushab</t>
  </si>
  <si>
    <t>Mahorianwala</t>
  </si>
  <si>
    <t>Muhammad AQIL Sheikh</t>
  </si>
  <si>
    <t>28074</t>
  </si>
  <si>
    <t>38194</t>
  </si>
  <si>
    <t>34663</t>
  </si>
  <si>
    <t>11066</t>
  </si>
  <si>
    <t>GES CHAK NO. 427-A/TDA</t>
  </si>
  <si>
    <t>Chak no.427a layyah</t>
  </si>
  <si>
    <t>427a</t>
  </si>
  <si>
    <t>Jam Muhammad akram</t>
  </si>
  <si>
    <t>GPS THATTA RAIKA</t>
  </si>
  <si>
    <t>Thatha Raika</t>
  </si>
  <si>
    <t>GPS thatha raika</t>
  </si>
  <si>
    <t>Thatta Khero Matmal</t>
  </si>
  <si>
    <t>53987</t>
  </si>
  <si>
    <t>GGPS MODEL ALAH PUR SAIDAN</t>
  </si>
  <si>
    <t>Ala Pur Sydan</t>
  </si>
  <si>
    <t>GPS ala pur sydan</t>
  </si>
  <si>
    <t>Ladake</t>
  </si>
  <si>
    <t>Ferhat</t>
  </si>
  <si>
    <t>46502</t>
  </si>
  <si>
    <t>GPS CHAK NO. 27 MB</t>
  </si>
  <si>
    <t>22 mb</t>
  </si>
  <si>
    <t>chak no 27 mb</t>
  </si>
  <si>
    <t>27mb</t>
  </si>
  <si>
    <t>Mohammed Rashad Mahmood</t>
  </si>
  <si>
    <t>38205</t>
  </si>
  <si>
    <t>19769</t>
  </si>
  <si>
    <t>GPS BUPRAN</t>
  </si>
  <si>
    <t>TAWANRI</t>
  </si>
  <si>
    <t>BASTI BUPRAN Muza TanwariP/O ALLAH SBAD TEH LIAQUAT PUR DISTT RAHIM YAR KHAN</t>
  </si>
  <si>
    <t>BUPRAN</t>
  </si>
  <si>
    <t>Khawaja Naeem Abbas</t>
  </si>
  <si>
    <t>33757</t>
  </si>
  <si>
    <t>GGPS KHAWAJA COLONY</t>
  </si>
  <si>
    <t>Khawja Colony</t>
  </si>
  <si>
    <t>Govt.Girls Primary School Khawja Colony Railway Road Near Chok Shaheedan</t>
  </si>
  <si>
    <t>Kanwal Rehman</t>
  </si>
  <si>
    <t>20217</t>
  </si>
  <si>
    <t>GES MAL SIPRA</t>
  </si>
  <si>
    <t>Mal Sipra</t>
  </si>
  <si>
    <t>Moza Mal Sipra P/O Lalian Tehsil Lalian District Chiniot</t>
  </si>
  <si>
    <t>Hest Khewa</t>
  </si>
  <si>
    <t>Arsh Saleem</t>
  </si>
  <si>
    <t>32717</t>
  </si>
  <si>
    <t>GGES KOT AGHA SAKHAWAT</t>
  </si>
  <si>
    <t>Chk Haiderbd</t>
  </si>
  <si>
    <t>ggesko agha sakhwat</t>
  </si>
  <si>
    <t>Chk Haiderabad</t>
  </si>
  <si>
    <t>Chk Hiderabad</t>
  </si>
  <si>
    <t>MUNZA BATOOL</t>
  </si>
  <si>
    <t>GES LALA AMIR SINGH</t>
  </si>
  <si>
    <t>Main Chock Lala Amar Singh</t>
  </si>
  <si>
    <t>37491</t>
  </si>
  <si>
    <t>19777</t>
  </si>
  <si>
    <t>31328</t>
  </si>
  <si>
    <t>GGES CDG JUNIOR MODEL PEOPLES PARK</t>
  </si>
  <si>
    <t>cdgl girls middle school peoples park uslampura lahire.</t>
  </si>
  <si>
    <t>19778</t>
  </si>
  <si>
    <t>27646</t>
  </si>
  <si>
    <t>GES CHAK NO. 50</t>
  </si>
  <si>
    <t>Chak 50</t>
  </si>
  <si>
    <t>chak 50 tehsil malakwal distt m b din</t>
  </si>
  <si>
    <t>50 Chak</t>
  </si>
  <si>
    <t>Muhammad Zulfqar</t>
  </si>
  <si>
    <t>23041</t>
  </si>
  <si>
    <t>19779</t>
  </si>
  <si>
    <t>29173</t>
  </si>
  <si>
    <t>GPS HAVELI PHARIAN WALI KRK ROAD</t>
  </si>
  <si>
    <t>KASUR SADAR - MALE</t>
  </si>
  <si>
    <t>Pharian Wali</t>
  </si>
  <si>
    <t>pharian wali krk road</t>
  </si>
  <si>
    <t>Faheem Akbar</t>
  </si>
  <si>
    <t>filter.plant hand pump water.pump</t>
  </si>
  <si>
    <t>27906</t>
  </si>
  <si>
    <t>GES CHAK NO. 38 WEST</t>
  </si>
  <si>
    <t>Chak 38 west M.B.Din</t>
  </si>
  <si>
    <t>Chak 38 West</t>
  </si>
  <si>
    <t>16434</t>
  </si>
  <si>
    <t>45652</t>
  </si>
  <si>
    <t>GPS GUFTAR ABAD</t>
  </si>
  <si>
    <t>Daira Din Panah Mustakil</t>
  </si>
  <si>
    <t>BASTI SAMNDRI DAIRA DIN PANAH</t>
  </si>
  <si>
    <t>Basti Samandri</t>
  </si>
  <si>
    <t>MC DAIRA DIN PANAH</t>
  </si>
  <si>
    <t>GES WANDALA NASIR KHAN</t>
  </si>
  <si>
    <t>WANDALA NASIR</t>
  </si>
  <si>
    <t>Wandala Nasir</t>
  </si>
  <si>
    <t>Bhianwala Kalan</t>
  </si>
  <si>
    <t>M.JAMIL SHAHID</t>
  </si>
  <si>
    <t>19794</t>
  </si>
  <si>
    <t>35783</t>
  </si>
  <si>
    <t>GPS CHAK NO.82/WB</t>
  </si>
  <si>
    <t>Chak No 82/Wb</t>
  </si>
  <si>
    <t>chak no. 82/wb</t>
  </si>
  <si>
    <t>Chak No 88/Wb</t>
  </si>
  <si>
    <t>19797</t>
  </si>
  <si>
    <t>GES KURPALKA</t>
  </si>
  <si>
    <t>Kuraplka</t>
  </si>
  <si>
    <t>kurpalka khushab</t>
  </si>
  <si>
    <t>Khurram Javed Abbas</t>
  </si>
  <si>
    <t>38114</t>
  </si>
  <si>
    <t>GGPS MUJAHID ABAD RAILWAY STATION</t>
  </si>
  <si>
    <t>Wahi Naich</t>
  </si>
  <si>
    <t>railway station mujahidabad lodhran</t>
  </si>
  <si>
    <t>Mujahidabad</t>
  </si>
  <si>
    <t>Wahi Salamat Roy</t>
  </si>
  <si>
    <t>Syeda Shumaila Saddar</t>
  </si>
  <si>
    <t>19802</t>
  </si>
  <si>
    <t>13046</t>
  </si>
  <si>
    <t>GPS PATTI SIKHANI</t>
  </si>
  <si>
    <t>Patti Sikhni</t>
  </si>
  <si>
    <t>muza Patti sikhani u/c shireef chajra t/d m.garh</t>
  </si>
  <si>
    <t>Patti Sikhani</t>
  </si>
  <si>
    <t>Sharref Chajra</t>
  </si>
  <si>
    <t>Muhammad Tahir Aslam</t>
  </si>
  <si>
    <t>47123</t>
  </si>
  <si>
    <t>GPS MC CENTRAL JAIL</t>
  </si>
  <si>
    <t>M. C.P/S Central jail colony mianwali</t>
  </si>
  <si>
    <t>Shaheen Iqbal Khan</t>
  </si>
  <si>
    <t>42216</t>
  </si>
  <si>
    <t>GPS SIMLI</t>
  </si>
  <si>
    <t>simli post office krore</t>
  </si>
  <si>
    <t>Afshan Parvez</t>
  </si>
  <si>
    <t>34422</t>
  </si>
  <si>
    <t>19815</t>
  </si>
  <si>
    <t>27949</t>
  </si>
  <si>
    <t>GES CHAK SHER MUHAMMAD</t>
  </si>
  <si>
    <t>Chak Sher Mohammad Mohammad</t>
  </si>
  <si>
    <t>chak Sher mohammad</t>
  </si>
  <si>
    <t>Chak Sher Mohammad</t>
  </si>
  <si>
    <t>mohammad ashraf warraich</t>
  </si>
  <si>
    <t>GPS PINDI LALA</t>
  </si>
  <si>
    <t>gps pindi lala</t>
  </si>
  <si>
    <t>19818</t>
  </si>
  <si>
    <t>54180</t>
  </si>
  <si>
    <t>GPS MOHALLA KALERA BAMBOOL</t>
  </si>
  <si>
    <t>Bambool</t>
  </si>
  <si>
    <t>Mohalla Kalera Bambool</t>
  </si>
  <si>
    <t>Jamali Blochan</t>
  </si>
  <si>
    <t>MUHAMMAD FEROZ</t>
  </si>
  <si>
    <t>33610</t>
  </si>
  <si>
    <t>19823</t>
  </si>
  <si>
    <t>GPS 183 WB</t>
  </si>
  <si>
    <t>183 Wb</t>
  </si>
  <si>
    <t>chak n0 183 wb tehsil mailsi distr vehari</t>
  </si>
  <si>
    <t>195 Wb</t>
  </si>
  <si>
    <t>Rasheed Subhani</t>
  </si>
  <si>
    <t>GPS CHAK NO. 63/NP</t>
  </si>
  <si>
    <t>Chak 63/ Np</t>
  </si>
  <si>
    <t>Chak 63 np UC Sardargarh dist. Rahim yar khan</t>
  </si>
  <si>
    <t>Chak 63/np</t>
  </si>
  <si>
    <t>Sardargarh</t>
  </si>
  <si>
    <t>Irfan Ahmad</t>
  </si>
  <si>
    <t>25443</t>
  </si>
  <si>
    <t>22149</t>
  </si>
  <si>
    <t>GGHS CHAK KAMALA</t>
  </si>
  <si>
    <t>gghs chak kamala gujrat</t>
  </si>
  <si>
    <t>27816</t>
  </si>
  <si>
    <t>GGES CHAK RAIB</t>
  </si>
  <si>
    <t>chak Raib</t>
  </si>
  <si>
    <t>31648</t>
  </si>
  <si>
    <t>GPS RAJPURA</t>
  </si>
  <si>
    <t>rajpura teh muridke</t>
  </si>
  <si>
    <t>Muhhamad Afzal</t>
  </si>
  <si>
    <t>GGES 67/10-R, KHANEWAL</t>
  </si>
  <si>
    <t>67/10R</t>
  </si>
  <si>
    <t>67/10R P/O 70/10R</t>
  </si>
  <si>
    <t>37203</t>
  </si>
  <si>
    <t>19838</t>
  </si>
  <si>
    <t>47121</t>
  </si>
  <si>
    <t>GPS MC GALI BANK</t>
  </si>
  <si>
    <t>Yaro Khel</t>
  </si>
  <si>
    <t>bank street Mwi</t>
  </si>
  <si>
    <t>MC Mwi</t>
  </si>
  <si>
    <t>44130</t>
  </si>
  <si>
    <t>GGPS SINDH GABOOL</t>
  </si>
  <si>
    <t>SINDH GABOOL</t>
  </si>
  <si>
    <t>SHIKARPUR</t>
  </si>
  <si>
    <t>SHAZIA ASGHAR</t>
  </si>
  <si>
    <t>14319</t>
  </si>
  <si>
    <t>GPS KOLI WALA</t>
  </si>
  <si>
    <t>KOLI WALA</t>
  </si>
  <si>
    <t>village Koli wala Teh. Pindi Bhattian Distt. Hafiz Abad</t>
  </si>
  <si>
    <t>6709</t>
  </si>
  <si>
    <t>26642</t>
  </si>
  <si>
    <t>GPS BASTI SINJRANI</t>
  </si>
  <si>
    <t>Mouza Kharl Azeem Nashaib</t>
  </si>
  <si>
    <t>mouza Kharl azeem nashaib</t>
  </si>
  <si>
    <t>Mouza Kharl Azeem Sanjrani</t>
  </si>
  <si>
    <t>Kot Sultan Rural 7</t>
  </si>
  <si>
    <t>38117</t>
  </si>
  <si>
    <t>GGPS BHAKHOO WALA STATION MUJAHID ABAD</t>
  </si>
  <si>
    <t>basti bhakhoo wala station mujahid abad</t>
  </si>
  <si>
    <t>Bhakhoo Wala</t>
  </si>
  <si>
    <t>Wahi Salamat Ray</t>
  </si>
  <si>
    <t>GPS CHACHKE GILL</t>
  </si>
  <si>
    <t>Chachkey Gill p/o More Khunda tehsil and district Nankana sahib</t>
  </si>
  <si>
    <t>Chachkey Gill</t>
  </si>
  <si>
    <t>Syed Sajid Munir Shah</t>
  </si>
  <si>
    <t>19855</t>
  </si>
  <si>
    <t>36030</t>
  </si>
  <si>
    <t>GPS CHAK NO. 176/WB BASHIR ABAD</t>
  </si>
  <si>
    <t>GPS 176wb Bashir Abad p/o 88wb mailsi vehari</t>
  </si>
  <si>
    <t>shoukat ali</t>
  </si>
  <si>
    <t>18874</t>
  </si>
  <si>
    <t>25835</t>
  </si>
  <si>
    <t>GGPS DHING</t>
  </si>
  <si>
    <t>Dhing</t>
  </si>
  <si>
    <t>Farkhanda Yasmeen</t>
  </si>
  <si>
    <t>GGES CDG JUNIOR MODEL SANT NAGAR</t>
  </si>
  <si>
    <t>CDG Girls Middle School Lahore.</t>
  </si>
  <si>
    <t>Ghazala Naseem</t>
  </si>
  <si>
    <t>7132</t>
  </si>
  <si>
    <t>19862</t>
  </si>
  <si>
    <t>GPS CHUHAY WALI KALAN</t>
  </si>
  <si>
    <t>Chuhay Wali Kalan</t>
  </si>
  <si>
    <t>Chuhay wali kalan</t>
  </si>
  <si>
    <t>Bhian Wala Kalan</t>
  </si>
  <si>
    <t>Mohammad Tahir</t>
  </si>
  <si>
    <t>29299</t>
  </si>
  <si>
    <t>GPS KHANGRAN WALA</t>
  </si>
  <si>
    <t>Khingran Wala</t>
  </si>
  <si>
    <t>village khingran wala</t>
  </si>
  <si>
    <t>Baroon Khudian Khas</t>
  </si>
  <si>
    <t>Muhammad Faisal Raza</t>
  </si>
  <si>
    <t>GGPS LANDI KHEL</t>
  </si>
  <si>
    <t>G.G.P/S landi khel</t>
  </si>
  <si>
    <t>Landi Khel</t>
  </si>
  <si>
    <t>Najma Bibi</t>
  </si>
  <si>
    <t>28327</t>
  </si>
  <si>
    <t>GPS PINDI MUGHO</t>
  </si>
  <si>
    <t>Pindi Mugho</t>
  </si>
  <si>
    <t>dakhana pindi mugho</t>
  </si>
  <si>
    <t>Danish Haroon</t>
  </si>
  <si>
    <t>44944</t>
  </si>
  <si>
    <t>19636</t>
  </si>
  <si>
    <t>47116</t>
  </si>
  <si>
    <t>GPS MC GAU SHALA</t>
  </si>
  <si>
    <t>watta Khel</t>
  </si>
  <si>
    <t>Mohallah Gaushala, Mianwali City.</t>
  </si>
  <si>
    <t>Muhammad Fasih ullah Shah</t>
  </si>
  <si>
    <t>33910</t>
  </si>
  <si>
    <t>GPS RATU ANA</t>
  </si>
  <si>
    <t>Rattu Ana</t>
  </si>
  <si>
    <t>GPS Rattu Ana Tehsile Nankana Sahib</t>
  </si>
  <si>
    <t>Muhammed Saleem</t>
  </si>
  <si>
    <t>GGPS DHORI WALA</t>
  </si>
  <si>
    <t>Wahi salamt Raye</t>
  </si>
  <si>
    <t>basti miani moza wahi salamt raye</t>
  </si>
  <si>
    <t>Sardar shah Wala</t>
  </si>
  <si>
    <t>Imtiaz Bibi</t>
  </si>
  <si>
    <t>29975</t>
  </si>
  <si>
    <t>19646</t>
  </si>
  <si>
    <t>GPS BASTI MALANA</t>
  </si>
  <si>
    <t>Dhago</t>
  </si>
  <si>
    <t>GPS Basti malana Basti Manzoor shah near kot mithan road saleem waqas burkas p/o kotla naseer T/D rajanpur</t>
  </si>
  <si>
    <t>BASTI MANZOR SHAH</t>
  </si>
  <si>
    <t>31696</t>
  </si>
  <si>
    <t>GPS CHAK TALIAN</t>
  </si>
  <si>
    <t>Chak Tailian</t>
  </si>
  <si>
    <t>chak tailian</t>
  </si>
  <si>
    <t>M Mubashar Shahi</t>
  </si>
  <si>
    <t>10222</t>
  </si>
  <si>
    <t>19653</t>
  </si>
  <si>
    <t>GGES HAIBAT WALA</t>
  </si>
  <si>
    <t>Kharal Azim</t>
  </si>
  <si>
    <t>ada kharal azim p/o Kot sultan</t>
  </si>
  <si>
    <t>Kokab Farzana</t>
  </si>
  <si>
    <t>19665</t>
  </si>
  <si>
    <t>GPS MUDHAN WALA</t>
  </si>
  <si>
    <t>Mudhanwala Khushab</t>
  </si>
  <si>
    <t>Farida Sultana</t>
  </si>
  <si>
    <t>19669</t>
  </si>
  <si>
    <t>GGES SARAI DHING</t>
  </si>
  <si>
    <t>Saray Dhing</t>
  </si>
  <si>
    <t>Goverment Girls elementry school saray dhing</t>
  </si>
  <si>
    <t>Inayat Bibi</t>
  </si>
  <si>
    <t>19670</t>
  </si>
  <si>
    <t>47481</t>
  </si>
  <si>
    <t>GGPS ABBA KHEL</t>
  </si>
  <si>
    <t>Village Abba Khel</t>
  </si>
  <si>
    <t>Lubna Begum</t>
  </si>
  <si>
    <t>19672</t>
  </si>
  <si>
    <t>38177</t>
  </si>
  <si>
    <t>GGPS CHOWK FAROOQ AZAM</t>
  </si>
  <si>
    <t>chowk farooq e Azam sherpur</t>
  </si>
  <si>
    <t>Chowk Farooq E Azam</t>
  </si>
  <si>
    <t>35761</t>
  </si>
  <si>
    <t>GPS 108 WB</t>
  </si>
  <si>
    <t>108/WB</t>
  </si>
  <si>
    <t>Chak No108/WB</t>
  </si>
  <si>
    <t>Zaheera Abad Shaheed</t>
  </si>
  <si>
    <t>19683</t>
  </si>
  <si>
    <t>29958</t>
  </si>
  <si>
    <t>GHS RATTI PINDI</t>
  </si>
  <si>
    <t>Rash Shah Anyat</t>
  </si>
  <si>
    <t>ghsrattipindi</t>
  </si>
  <si>
    <t>Ratti Pindi</t>
  </si>
  <si>
    <t>Halarka</t>
  </si>
  <si>
    <t>MUHAMMAD INAM ULLAH</t>
  </si>
  <si>
    <t>19685</t>
  </si>
  <si>
    <t>33139</t>
  </si>
  <si>
    <t>GPS JAMIA ASHRAFIA GHOUSIA COLONY</t>
  </si>
  <si>
    <t>Nankana City</t>
  </si>
  <si>
    <t>ghousia colony nankanan sahib</t>
  </si>
  <si>
    <t>City 2 NNS</t>
  </si>
  <si>
    <t>GES CHUSOO</t>
  </si>
  <si>
    <t>Chussu</t>
  </si>
  <si>
    <t>chussu</t>
  </si>
  <si>
    <t>asad Zeeshan</t>
  </si>
  <si>
    <t>46278</t>
  </si>
  <si>
    <t>GPS ANWALIAN WALA</t>
  </si>
  <si>
    <t>Dara Anwalian Wala</t>
  </si>
  <si>
    <t>Jamali</t>
  </si>
  <si>
    <t>41309</t>
  </si>
  <si>
    <t>GES LOWER TOPA</t>
  </si>
  <si>
    <t>Lower Topa</t>
  </si>
  <si>
    <t>Ayaz Qureshi</t>
  </si>
  <si>
    <t>45157</t>
  </si>
  <si>
    <t>45031</t>
  </si>
  <si>
    <t>27286</t>
  </si>
  <si>
    <t>GPS BAHU MAAN</t>
  </si>
  <si>
    <t>GOV'T PRIMARY SCHOOL BAHUMAN.Tehsil Pindi Bhattian,Hafizabad</t>
  </si>
  <si>
    <t>42166</t>
  </si>
  <si>
    <t>GES OJANA</t>
  </si>
  <si>
    <t>Mallot Sattian Ojana</t>
  </si>
  <si>
    <t>government boys elementary school ojana mallot sattian tehsil kotli sattian Rawalpindi</t>
  </si>
  <si>
    <t>Ojana</t>
  </si>
  <si>
    <t>Syed Abdul Wadood Shah</t>
  </si>
  <si>
    <t>natural hill springs</t>
  </si>
  <si>
    <t>20212</t>
  </si>
  <si>
    <t>53174</t>
  </si>
  <si>
    <t>GPS CHAK 25/GD</t>
  </si>
  <si>
    <t>25/ GD</t>
  </si>
  <si>
    <t>Chak No 25/ GD Okara</t>
  </si>
  <si>
    <t>Chak No 25/ GD Chak No 25/ GD</t>
  </si>
  <si>
    <t>18 GD</t>
  </si>
  <si>
    <t>11591</t>
  </si>
  <si>
    <t>GPS DIBI SHAH</t>
  </si>
  <si>
    <t>mouza dibbi shah UC Dibbi shah 16 tehsil kot adu</t>
  </si>
  <si>
    <t>Muhammad Mubashir</t>
  </si>
  <si>
    <t>49267</t>
  </si>
  <si>
    <t>31639</t>
  </si>
  <si>
    <t>GPS JEWAN GORAYA NO. 3</t>
  </si>
  <si>
    <t>Jewan Goraya Old</t>
  </si>
  <si>
    <t>jewan Goraya old no 3</t>
  </si>
  <si>
    <t>Jewan Goraya No3</t>
  </si>
  <si>
    <t>35782</t>
  </si>
  <si>
    <t>GPS CHAK NO.90/WB</t>
  </si>
  <si>
    <t>90 Wb</t>
  </si>
  <si>
    <t>chak no 90wb</t>
  </si>
  <si>
    <t>Chak No 90 Wb</t>
  </si>
  <si>
    <t>Chak No 88 Wb</t>
  </si>
  <si>
    <t>M Nadeem Kausar</t>
  </si>
  <si>
    <t>19715</t>
  </si>
  <si>
    <t>47115</t>
  </si>
  <si>
    <t>GPS MC MOHALLAH MIANA</t>
  </si>
  <si>
    <t>mohallah miana mianwali</t>
  </si>
  <si>
    <t>Mohallah Miana</t>
  </si>
  <si>
    <t>MCMwi</t>
  </si>
  <si>
    <t>19717</t>
  </si>
  <si>
    <t>GGPS SINGLA</t>
  </si>
  <si>
    <t>Singla</t>
  </si>
  <si>
    <t>po Sarsal village Singla Tehsil Kharian District Gujrat</t>
  </si>
  <si>
    <t>Chiryawala</t>
  </si>
  <si>
    <t>Kishwar Aziz</t>
  </si>
  <si>
    <t>14361</t>
  </si>
  <si>
    <t>38261</t>
  </si>
  <si>
    <t>G ZABS PS CHOKRRA (PEER BULLAH)</t>
  </si>
  <si>
    <t>Peer Bullah</t>
  </si>
  <si>
    <t>peer Bullah Tehsil Phalia District M.B.Din</t>
  </si>
  <si>
    <t>Lala Pindi</t>
  </si>
  <si>
    <t>Qamar Abbas Javed</t>
  </si>
  <si>
    <t>19719</t>
  </si>
  <si>
    <t>GGPS MAHAR ABDUL HAQ WALA</t>
  </si>
  <si>
    <t>GGPs Mahar abdulhaq wala Markaz lohanch nashaib layyah</t>
  </si>
  <si>
    <t>Murky Wala</t>
  </si>
  <si>
    <t>Fariha mushtaq</t>
  </si>
  <si>
    <t>19722</t>
  </si>
  <si>
    <t>22459</t>
  </si>
  <si>
    <t>GGPS CHANGAN WALI ARIAN</t>
  </si>
  <si>
    <t>Changanwali Arain</t>
  </si>
  <si>
    <t>village Changanwali Araian p.o jlalpur jattan teh&amp;dist  Gujrat</t>
  </si>
  <si>
    <t>Changanwali Araian</t>
  </si>
  <si>
    <t>Saira Siddique</t>
  </si>
  <si>
    <t>filterplant supply</t>
  </si>
  <si>
    <t>37158</t>
  </si>
  <si>
    <t>36821</t>
  </si>
  <si>
    <t>51945</t>
  </si>
  <si>
    <t>32408</t>
  </si>
  <si>
    <t>GPS BASTI CHACHRAN</t>
  </si>
  <si>
    <t>Wah Faqeran</t>
  </si>
  <si>
    <t>114p</t>
  </si>
  <si>
    <t>Muzaffar Ahmed Shahzad</t>
  </si>
  <si>
    <t>GPS KOT RAI AMEER ALI</t>
  </si>
  <si>
    <t>Kot Rai Ameer Ali</t>
  </si>
  <si>
    <t>Govt primary school, kot rai ameer ali Nankana sahib</t>
  </si>
  <si>
    <t>Muhammad Ashraf Zia Butt</t>
  </si>
  <si>
    <t>GPS PARANEKE</t>
  </si>
  <si>
    <t>Paranike</t>
  </si>
  <si>
    <t>GPS Paranike</t>
  </si>
  <si>
    <t>19730</t>
  </si>
  <si>
    <t>GES WARCHHA CITY</t>
  </si>
  <si>
    <t>p/o warchha teh. qaidabad distt. khushab</t>
  </si>
  <si>
    <t>12492</t>
  </si>
  <si>
    <t>30331</t>
  </si>
  <si>
    <t>GMPS KATTOWAL</t>
  </si>
  <si>
    <t>C. NO.II MALIKWAL - FEMALE</t>
  </si>
  <si>
    <t>Kattowal</t>
  </si>
  <si>
    <t>Village kattowal teh malakwal district Mahdi bhauddin</t>
  </si>
  <si>
    <t>Haria</t>
  </si>
  <si>
    <t>GGES KHARA</t>
  </si>
  <si>
    <t>village khara tehsil noshra virkan</t>
  </si>
  <si>
    <t>Amna Sadaf</t>
  </si>
  <si>
    <t>31662</t>
  </si>
  <si>
    <t>GPS NANGLE KHURD</t>
  </si>
  <si>
    <t>Nangal Khurd</t>
  </si>
  <si>
    <t>Village Nangal Khurd post office Nangal Bucher Tehsil Muridke District Sheikhupura</t>
  </si>
  <si>
    <t>Ishtiaq Ali</t>
  </si>
  <si>
    <t>47460</t>
  </si>
  <si>
    <t>GGPS DALILI WALA</t>
  </si>
  <si>
    <t>ggps Dalili Wala1 p/omusa khel district /tehsil mianwali</t>
  </si>
  <si>
    <t>Gullani Khel</t>
  </si>
  <si>
    <t>Ameela Sana</t>
  </si>
  <si>
    <t>29236</t>
  </si>
  <si>
    <t>GPS KALIAN</t>
  </si>
  <si>
    <t>Kalian</t>
  </si>
  <si>
    <t>Govt primary school kalian kasur</t>
  </si>
  <si>
    <t>Sirhali Kalan</t>
  </si>
  <si>
    <t>Sajid Rehman</t>
  </si>
  <si>
    <t>22689</t>
  </si>
  <si>
    <t>GMPS LAMBRA</t>
  </si>
  <si>
    <t>Lambra</t>
  </si>
  <si>
    <t>vill Lambra P.O BHOTA</t>
  </si>
  <si>
    <t>Dolat Nagar</t>
  </si>
  <si>
    <t>Sobia Yousaf</t>
  </si>
  <si>
    <t>31509</t>
  </si>
  <si>
    <t>37597</t>
  </si>
  <si>
    <t>GGPS 126-4/15-L CHUBARA WALI, MIAN CHANNU</t>
  </si>
  <si>
    <t>Chak No126/15-l#4</t>
  </si>
  <si>
    <t>Chak No 126/15-l no 4 Teh Mian Channu Dist Khanewal</t>
  </si>
  <si>
    <t>Chak No 126/15-l#4</t>
  </si>
  <si>
    <t>Chak No 126/15-l#2</t>
  </si>
  <si>
    <t>23178</t>
  </si>
  <si>
    <t>19875</t>
  </si>
  <si>
    <t>GPS CHAK NO 44 MB</t>
  </si>
  <si>
    <t>44 Mb</t>
  </si>
  <si>
    <t>chak no 44 mb</t>
  </si>
  <si>
    <t>Chak No 44 Mb</t>
  </si>
  <si>
    <t>Muhammad Aqeel</t>
  </si>
  <si>
    <t>19877</t>
  </si>
  <si>
    <t>20153</t>
  </si>
  <si>
    <t>GES TAHROO</t>
  </si>
  <si>
    <t>Tahroo</t>
  </si>
  <si>
    <t>Tahroo Tehsil Lalian District Chiniot</t>
  </si>
  <si>
    <t>Umer Draz</t>
  </si>
  <si>
    <t>35977</t>
  </si>
  <si>
    <t>moza chak mughal p/o dokota</t>
  </si>
  <si>
    <t>GMPS AQIL PUR</t>
  </si>
  <si>
    <t>Shikar Pur</t>
  </si>
  <si>
    <t>post office aqil pur</t>
  </si>
  <si>
    <t>Farzana Akhter</t>
  </si>
  <si>
    <t>19886</t>
  </si>
  <si>
    <t>31621</t>
  </si>
  <si>
    <t>GPS CHAK 32</t>
  </si>
  <si>
    <t>Chak 32</t>
  </si>
  <si>
    <t>chak 32 muridkey tahsil muridke</t>
  </si>
  <si>
    <t>Check 32</t>
  </si>
  <si>
    <t>Bhinawala Kalan</t>
  </si>
  <si>
    <t>Babar Karamat Shaheen</t>
  </si>
  <si>
    <t>19887</t>
  </si>
  <si>
    <t>GES GHARIB WAL</t>
  </si>
  <si>
    <t>gharibwal</t>
  </si>
  <si>
    <t>shaukat mahmood</t>
  </si>
  <si>
    <t>40550</t>
  </si>
  <si>
    <t>GGES HYDER NAGER</t>
  </si>
  <si>
    <t>Choudhry</t>
  </si>
  <si>
    <t>gges basti hyder nagar</t>
  </si>
  <si>
    <t>Hyder Nagar</t>
  </si>
  <si>
    <t>M Daha</t>
  </si>
  <si>
    <t>17747</t>
  </si>
  <si>
    <t>23307</t>
  </si>
  <si>
    <t>GGES SHERGARH</t>
  </si>
  <si>
    <t>village shergarh p/o ghakra kalan teh kharian distt gujrat</t>
  </si>
  <si>
    <t>Tipyala</t>
  </si>
  <si>
    <t>Saira Bashir</t>
  </si>
  <si>
    <t>40758</t>
  </si>
  <si>
    <t>19894</t>
  </si>
  <si>
    <t>GGPS DIN PUR COLONY</t>
  </si>
  <si>
    <t>GGps Deen pur colony khanpur</t>
  </si>
  <si>
    <t>Madeeha Shabir</t>
  </si>
  <si>
    <t>43450</t>
  </si>
  <si>
    <t>47488</t>
  </si>
  <si>
    <t>GGPS SALOTRIAN WALA</t>
  </si>
  <si>
    <t>GGPS salotrian wala</t>
  </si>
  <si>
    <t>25641</t>
  </si>
  <si>
    <t>30664</t>
  </si>
  <si>
    <t>28386</t>
  </si>
  <si>
    <t>GPS KOT MULTANIAN WALA</t>
  </si>
  <si>
    <t>village kot Multanianwala, P.O. Helan, Teh. Phalia,Distribution. M.B.Din.</t>
  </si>
  <si>
    <t>Kot Multanianwala</t>
  </si>
  <si>
    <t>37642</t>
  </si>
  <si>
    <t>GGPS TUBEWELL FARHAT ULLAH, TULAMBA</t>
  </si>
  <si>
    <t>Kot BARKAT ALI</t>
  </si>
  <si>
    <t>G.G.P.S Tubewell Farhatullah dhak khana khas jarahi, Mian Channu, District Khanewal</t>
  </si>
  <si>
    <t>Farhatullah</t>
  </si>
  <si>
    <t>Rottla</t>
  </si>
  <si>
    <t>AQSA YASEEN</t>
  </si>
  <si>
    <t>9029</t>
  </si>
  <si>
    <t>19831</t>
  </si>
  <si>
    <t>47868</t>
  </si>
  <si>
    <t>GPS KUNDIAN STATION MAIN BAZAR</t>
  </si>
  <si>
    <t>kundian Pakka</t>
  </si>
  <si>
    <t>Main Bazar Kundian , Tehsil Piplan , District Mianwali</t>
  </si>
  <si>
    <t>kundian</t>
  </si>
  <si>
    <t>MC kundian</t>
  </si>
  <si>
    <t>ATTA ULLAH SHAH</t>
  </si>
  <si>
    <t>20492</t>
  </si>
  <si>
    <t>30087</t>
  </si>
  <si>
    <t>GGPS HAVELI BALAQA SINGH</t>
  </si>
  <si>
    <t>Bhamba Kalan</t>
  </si>
  <si>
    <t>Haveli Malkan vali Near dera Ch.khushi ex Nazim Bhamba</t>
  </si>
  <si>
    <t>Haveli Malkan Wali</t>
  </si>
  <si>
    <t>Naheed Hassan</t>
  </si>
  <si>
    <t>GPS KATHIAN WALA</t>
  </si>
  <si>
    <t>Kathianwala</t>
  </si>
  <si>
    <t>gps kathian wala</t>
  </si>
  <si>
    <t>Kathian Wala</t>
  </si>
  <si>
    <t>Qila Star Shah</t>
  </si>
  <si>
    <t>MUhammad Waris</t>
  </si>
  <si>
    <t>GGES CDG JUNIOR MODEL MOCHI GATE</t>
  </si>
  <si>
    <t>CDG GIRLS MIDDLE SCHOOL MOCHI GATE LAHORE</t>
  </si>
  <si>
    <t>Arifa Malik</t>
  </si>
  <si>
    <t>54898</t>
  </si>
  <si>
    <t>GPS PILOWAL SIDDIQA</t>
  </si>
  <si>
    <t>Pillowal Siddiqa</t>
  </si>
  <si>
    <t>pillowal siddiqa Dist Choniot</t>
  </si>
  <si>
    <t>Kawain Wala</t>
  </si>
  <si>
    <t>MUHAMMAD SHER</t>
  </si>
  <si>
    <t>19923</t>
  </si>
  <si>
    <t>35781</t>
  </si>
  <si>
    <t>GES CHAK NO.84/WB</t>
  </si>
  <si>
    <t>84/wb</t>
  </si>
  <si>
    <t>SADIQ ALI</t>
  </si>
  <si>
    <t>46206</t>
  </si>
  <si>
    <t>GPS DERA ALLAH DAD BALOOCH</t>
  </si>
  <si>
    <t>Dera Allah Dad Baloch Noor Pur Thal, District Khushab</t>
  </si>
  <si>
    <t>NoorPur</t>
  </si>
  <si>
    <t>Muhammad Waqas Sajid</t>
  </si>
  <si>
    <t>GPS MOADIB HANIF ABAD</t>
  </si>
  <si>
    <t>Mud ilyas</t>
  </si>
  <si>
    <t>Hanifabad</t>
  </si>
  <si>
    <t>GPS FATOI MAHARAN</t>
  </si>
  <si>
    <t>Fatoi Maharan</t>
  </si>
  <si>
    <t>GPS Fatoi maharan p.o mandi sadiq gunj tehsil Minchanabad Disst. Bahawalnagar</t>
  </si>
  <si>
    <t>Muhammad Ramzan Hussain</t>
  </si>
  <si>
    <t>14178</t>
  </si>
  <si>
    <t>GGPS BASTI ASHRAF PUNJABI</t>
  </si>
  <si>
    <t>rakhdaima daak khana noor pur machi wala tahseel o zila rajan pur</t>
  </si>
  <si>
    <t>Rakh Daima Gharbi</t>
  </si>
  <si>
    <t>Shakeela Zia</t>
  </si>
  <si>
    <t>42258</t>
  </si>
  <si>
    <t>GGPS KORINA KALAN</t>
  </si>
  <si>
    <t>vill korina kalan po&amp;teh kotli sattian</t>
  </si>
  <si>
    <t>Fozia Khatoon</t>
  </si>
  <si>
    <t>water puply</t>
  </si>
  <si>
    <t>30774</t>
  </si>
  <si>
    <t>GPS MC MOHALLAH YATEEM KHANA</t>
  </si>
  <si>
    <t>Mohallah Yateem khana Mianwali</t>
  </si>
  <si>
    <t>Mohallah Yateem Khana</t>
  </si>
  <si>
    <t>Zia Ullah Khan</t>
  </si>
  <si>
    <t>12482</t>
  </si>
  <si>
    <t>GPS WALIA PALIA</t>
  </si>
  <si>
    <t>Basti Walia palia moza qalandar wala P/O Basira tehsil &amp; Dist. Muzaffargarh</t>
  </si>
  <si>
    <t>Walia Palia</t>
  </si>
  <si>
    <t>GPS QILA MIAN SING</t>
  </si>
  <si>
    <t>Qila mian Singh post office Mandi faiz abad tehsil and district nankana sahib</t>
  </si>
  <si>
    <t>Imran Younis</t>
  </si>
  <si>
    <t>38285</t>
  </si>
  <si>
    <t>GPS NARAIN WALA</t>
  </si>
  <si>
    <t>Wahi Nuo</t>
  </si>
  <si>
    <t>Narain Wala moza wahi nuo Tehsil Kahror Pakka Disrict Lodharan</t>
  </si>
  <si>
    <t>Wahid Bakhsh Asif</t>
  </si>
  <si>
    <t>54857</t>
  </si>
  <si>
    <t>GGPS LOWER TOPA</t>
  </si>
  <si>
    <t>Bergrain</t>
  </si>
  <si>
    <t>village Kaseri post office sehr bagla Tehsil Murree</t>
  </si>
  <si>
    <t>Kaseri</t>
  </si>
  <si>
    <t>GPS DERA LALOO WARCHA</t>
  </si>
  <si>
    <t>G P/s Dera Laloo Warcha</t>
  </si>
  <si>
    <t>Muhammad Wazir Khan</t>
  </si>
  <si>
    <t>28308</t>
  </si>
  <si>
    <t>GES MAKAN</t>
  </si>
  <si>
    <t>Makin</t>
  </si>
  <si>
    <t>vpo maken</t>
  </si>
  <si>
    <t>Pindi Lalaa</t>
  </si>
  <si>
    <t>19385</t>
  </si>
  <si>
    <t>19940</t>
  </si>
  <si>
    <t>33848</t>
  </si>
  <si>
    <t>GMPS THATHI LAL</t>
  </si>
  <si>
    <t>thathi lal</t>
  </si>
  <si>
    <t>thathi lal shah</t>
  </si>
  <si>
    <t>thathi laal</t>
  </si>
  <si>
    <t>19942</t>
  </si>
  <si>
    <t>GMPS SHEIKHA UMAD NAU</t>
  </si>
  <si>
    <t>sheikha umad nau</t>
  </si>
  <si>
    <t>Sheikha Umad Nau</t>
  </si>
  <si>
    <t>Hussain Khan Wala Hussain Khan Wala</t>
  </si>
  <si>
    <t>Sumera Shoukat</t>
  </si>
  <si>
    <t>Dibbi Sha</t>
  </si>
  <si>
    <t>basti lohach mouza dibbi shah teh. kot addu dist. muzaffargarh</t>
  </si>
  <si>
    <t>Basti Lohach</t>
  </si>
  <si>
    <t>GES QILA SATAR SHAH</t>
  </si>
  <si>
    <t>Qila star shah</t>
  </si>
  <si>
    <t>Muhammad naseer</t>
  </si>
  <si>
    <t>19952</t>
  </si>
  <si>
    <t>GPS KHARAL WALA</t>
  </si>
  <si>
    <t>Kharal Wala</t>
  </si>
  <si>
    <t>Bhobhra</t>
  </si>
  <si>
    <t>41459</t>
  </si>
  <si>
    <t>GGPS DACCA</t>
  </si>
  <si>
    <t>Tehsil Murree District Rawalpindi,Village DACCA, PO Alyot</t>
  </si>
  <si>
    <t>DACCA</t>
  </si>
  <si>
    <t>Salma Tahir</t>
  </si>
  <si>
    <t>water pipe line 2</t>
  </si>
  <si>
    <t>19961</t>
  </si>
  <si>
    <t>37308</t>
  </si>
  <si>
    <t>GGPS 15/8-R TANKI WALA, P/O 7/9-R HANOMAN GHAR, KACHA KHUH</t>
  </si>
  <si>
    <t>15/8rtw</t>
  </si>
  <si>
    <t>15/8r tw</t>
  </si>
  <si>
    <t>14/8r</t>
  </si>
  <si>
    <t>47499</t>
  </si>
  <si>
    <t>GGPS PORAN WALA</t>
  </si>
  <si>
    <t>wanda ghorina vala</t>
  </si>
  <si>
    <t>Wanda Ghorina Vala</t>
  </si>
  <si>
    <t>46436</t>
  </si>
  <si>
    <t>GPS DERA ATTA RASOOL</t>
  </si>
  <si>
    <t>GGPS MULTANI WALA KEHROR PACCA</t>
  </si>
  <si>
    <t>Ke9hror Pacca</t>
  </si>
  <si>
    <t>basti Multani wala kahror pacca</t>
  </si>
  <si>
    <t>Basti Multani Wala</t>
  </si>
  <si>
    <t>Nudrat Malik</t>
  </si>
  <si>
    <t>46392</t>
  </si>
  <si>
    <t>GHS BILAND</t>
  </si>
  <si>
    <t>vpo biland tehsil noorpur thal district khushab</t>
  </si>
  <si>
    <t>35652</t>
  </si>
  <si>
    <t>GPS CHAK 120 WB</t>
  </si>
  <si>
    <t>chak no 120/wb</t>
  </si>
  <si>
    <t>45841</t>
  </si>
  <si>
    <t>GPS KADHAR</t>
  </si>
  <si>
    <t>kadhar p/o pail tehsil &amp; district khushab</t>
  </si>
  <si>
    <t>Muhammad Farooq Afzal</t>
  </si>
  <si>
    <t>39219</t>
  </si>
  <si>
    <t>19975</t>
  </si>
  <si>
    <t>GGPS CHAK NO. 54/M</t>
  </si>
  <si>
    <t>54m</t>
  </si>
  <si>
    <t>Tehmina Fatima</t>
  </si>
  <si>
    <t>GGPS UPPER MASOOT</t>
  </si>
  <si>
    <t>Uper Masoot</t>
  </si>
  <si>
    <t>PO BARIAN VILLAGE MASOOT TEH MURREE DIS RWP</t>
  </si>
  <si>
    <t>Masoot</t>
  </si>
  <si>
    <t>fount</t>
  </si>
  <si>
    <t>19979</t>
  </si>
  <si>
    <t>GPS SANDA CHISTANA</t>
  </si>
  <si>
    <t>Sanda Chistana</t>
  </si>
  <si>
    <t>Sanda Chistana Post Office Kasur</t>
  </si>
  <si>
    <t>Sanda Chistna</t>
  </si>
  <si>
    <t>GGps model town B</t>
  </si>
  <si>
    <t>City Kachi Jamal</t>
  </si>
  <si>
    <t>31034</t>
  </si>
  <si>
    <t>5599</t>
  </si>
  <si>
    <t>19984</t>
  </si>
  <si>
    <t>GHS BARANA</t>
  </si>
  <si>
    <t>Barana Tehsil Lalian District Chiniot</t>
  </si>
  <si>
    <t>54210</t>
  </si>
  <si>
    <t>11849</t>
  </si>
  <si>
    <t>22097</t>
  </si>
  <si>
    <t>GHS ISLAMIA NO.1 JALALPUR JATTAN</t>
  </si>
  <si>
    <t>Tanda chowk jpjattan  Gujrat</t>
  </si>
  <si>
    <t>Yaseen Junaid</t>
  </si>
  <si>
    <t>GGPS MOZA BAKHSHU</t>
  </si>
  <si>
    <t>Bakhshu</t>
  </si>
  <si>
    <t>Moza Bakhshu P.O Jaboka Teh &amp; Distt Okara</t>
  </si>
  <si>
    <t>GPS SHATAB GARH</t>
  </si>
  <si>
    <t>Stab Garh</t>
  </si>
  <si>
    <t>Mehta Soja</t>
  </si>
  <si>
    <t>19517</t>
  </si>
  <si>
    <t>GPS BAGHAN WALA</t>
  </si>
  <si>
    <t>BAGHANWALA</t>
  </si>
  <si>
    <t>Village Baghanwala Post Office Guliana Tehsil Kharian District Gujrat</t>
  </si>
  <si>
    <t>Muhammad  Asjad Mahmood</t>
  </si>
  <si>
    <t>45340</t>
  </si>
  <si>
    <t>Imran Saeed</t>
  </si>
  <si>
    <t>4971</t>
  </si>
  <si>
    <t>35760</t>
  </si>
  <si>
    <t>GPS 102 WB</t>
  </si>
  <si>
    <t>ChakNo102wb</t>
  </si>
  <si>
    <t>Chak No 102wb</t>
  </si>
  <si>
    <t>102wb</t>
  </si>
  <si>
    <t>Chak No 88wb</t>
  </si>
  <si>
    <t>Muhammad Rashid Naseem</t>
  </si>
  <si>
    <t>19523</t>
  </si>
  <si>
    <t>41292</t>
  </si>
  <si>
    <t>GES MALOTE DHUNDAN</t>
  </si>
  <si>
    <t>Malote Dhundan</t>
  </si>
  <si>
    <t>v malote dhundan,P O Kashmiri bazar,murree</t>
  </si>
  <si>
    <t>Zaheer Ahmed Abbasi</t>
  </si>
  <si>
    <t>48121</t>
  </si>
  <si>
    <t>19526</t>
  </si>
  <si>
    <t>42190</t>
  </si>
  <si>
    <t>GPS BHIRBHIRIAN</t>
  </si>
  <si>
    <t>village Bhirbhirian Lehtrar kotlisattian</t>
  </si>
  <si>
    <t>Bhirbhirian</t>
  </si>
  <si>
    <t>GGPS KOT SHAHAB-UD-DIN</t>
  </si>
  <si>
    <t>GEHMAL PIR-FEMALE</t>
  </si>
  <si>
    <t>Kotla Muazaz Din</t>
  </si>
  <si>
    <t>basti kot shahab u din post office 94np sahja thesil khanpur district Rahem yar khan</t>
  </si>
  <si>
    <t>Basti Kot Shahab U Din</t>
  </si>
  <si>
    <t>94np</t>
  </si>
  <si>
    <t>Sumaira Latif</t>
  </si>
  <si>
    <t>48251</t>
  </si>
  <si>
    <t>48001</t>
  </si>
  <si>
    <t>11177</t>
  </si>
  <si>
    <t>GGPS CHAK NO. 426-A TDA</t>
  </si>
  <si>
    <t>Chak number 426-A</t>
  </si>
  <si>
    <t>Chak#426-A</t>
  </si>
  <si>
    <t>19535</t>
  </si>
  <si>
    <t>53228</t>
  </si>
  <si>
    <t>GPS 42/4.L</t>
  </si>
  <si>
    <t>Chak No 42/4L</t>
  </si>
  <si>
    <t>Chak no 42/4L OKARA</t>
  </si>
  <si>
    <t>Chak No 40A/4L</t>
  </si>
  <si>
    <t>Saeed Ur Rehman</t>
  </si>
  <si>
    <t>14037</t>
  </si>
  <si>
    <t>GPS RAMZAN ABAD</t>
  </si>
  <si>
    <t>SHEHAR NANDO KHAN</t>
  </si>
  <si>
    <t>SHEHAR NENDO KHAN</t>
  </si>
  <si>
    <t>muhammad ayyub</t>
  </si>
  <si>
    <t>GGPS CHAK NO. 22</t>
  </si>
  <si>
    <t>Chak No 22</t>
  </si>
  <si>
    <t>chak no 22</t>
  </si>
  <si>
    <t>Chak No22</t>
  </si>
  <si>
    <t>Umm E Ruman</t>
  </si>
  <si>
    <t>11937</t>
  </si>
  <si>
    <t>19544</t>
  </si>
  <si>
    <t>GGPS DHADAR</t>
  </si>
  <si>
    <t>Dehdar</t>
  </si>
  <si>
    <t>Dakhana khas loorain , village Dehdar</t>
  </si>
  <si>
    <t>Sadeeda Tu Zahra</t>
  </si>
  <si>
    <t>50065</t>
  </si>
  <si>
    <t>41352</t>
  </si>
  <si>
    <t>GPS KOT LAHAB DAS</t>
  </si>
  <si>
    <t>Kot Lahb Das</t>
  </si>
  <si>
    <t>village kot lahb das nankana sahib</t>
  </si>
  <si>
    <t>Ahsan Raza</t>
  </si>
  <si>
    <t>6452</t>
  </si>
  <si>
    <t>19547</t>
  </si>
  <si>
    <t>54813</t>
  </si>
  <si>
    <t>GES LOLAY BASTI</t>
  </si>
  <si>
    <t>lolay</t>
  </si>
  <si>
    <t>lolay Basti</t>
  </si>
  <si>
    <t>19549</t>
  </si>
  <si>
    <t>GGPS THEKRIAN MONIAN</t>
  </si>
  <si>
    <t>bagrianwala</t>
  </si>
  <si>
    <t>Tayyaba Farooqi</t>
  </si>
  <si>
    <t>19551</t>
  </si>
  <si>
    <t>41424</t>
  </si>
  <si>
    <t>GGPS LOWER PAGHWARI</t>
  </si>
  <si>
    <t>lower Phagwari</t>
  </si>
  <si>
    <t>VPO Phagwari Teh Murree Distt Rawalpindi</t>
  </si>
  <si>
    <t>Madiha Abbasi</t>
  </si>
  <si>
    <t>25263</t>
  </si>
  <si>
    <t>19552</t>
  </si>
  <si>
    <t>GGPS BASTI CHAINA MOZO WAHI CHANI KHAN</t>
  </si>
  <si>
    <t>Wahi Chani Khan</t>
  </si>
  <si>
    <t>p/s Basti Chaina  Moza wahi chani Khan</t>
  </si>
  <si>
    <t>Basti Chaina</t>
  </si>
  <si>
    <t>Shair Poor</t>
  </si>
  <si>
    <t>45724</t>
  </si>
  <si>
    <t>GPS MC NO. 3 KHUSHAB MOHALLAH HAKIMAN WALA</t>
  </si>
  <si>
    <t>Mohallah Hakimanwala Khushab</t>
  </si>
  <si>
    <t>MC Khushab</t>
  </si>
  <si>
    <t>MUHAMMAD MAQBOOL</t>
  </si>
  <si>
    <t>11549</t>
  </si>
  <si>
    <t>19558</t>
  </si>
  <si>
    <t>21813</t>
  </si>
  <si>
    <t>GGES CHADIALA KALAN</t>
  </si>
  <si>
    <t>Chadiala Kalan</t>
  </si>
  <si>
    <t>chadiala kalan</t>
  </si>
  <si>
    <t>Chiwnwali</t>
  </si>
  <si>
    <t>37537</t>
  </si>
  <si>
    <t>GPS KHAN BELA</t>
  </si>
  <si>
    <t>jhanday wali</t>
  </si>
  <si>
    <t>Rasheed Hussain</t>
  </si>
  <si>
    <t>25439</t>
  </si>
  <si>
    <t>12109</t>
  </si>
  <si>
    <t>GPS FATEH MUHAMMAD WALA</t>
  </si>
  <si>
    <t>Basti Gaman Mullan mouza Dibbi shah, tehsil kot adu, M. Gsrh</t>
  </si>
  <si>
    <t>Gaman Mulla</t>
  </si>
  <si>
    <t>GES MUFT PURA</t>
  </si>
  <si>
    <t>Amer Sidhu</t>
  </si>
  <si>
    <t>government elementary school mutt Pura chungi amer sidhu Lahore cantt</t>
  </si>
  <si>
    <t>Chungi Amer Sidhu</t>
  </si>
  <si>
    <t>Cantolment Board</t>
  </si>
  <si>
    <t>Saeed Azeem Pasha</t>
  </si>
  <si>
    <t>19564</t>
  </si>
  <si>
    <t>GPS MAST PUR</t>
  </si>
  <si>
    <t>village Mastpur po malany the pasrur dist sialkot</t>
  </si>
  <si>
    <t>40634</t>
  </si>
  <si>
    <t>Basti Malik Pur</t>
  </si>
  <si>
    <t>SOHAIL ANJUM</t>
  </si>
  <si>
    <t>GGCMES CHAK NO.55</t>
  </si>
  <si>
    <t>p/o Kot radha kishan chak 55 district kasur</t>
  </si>
  <si>
    <t>Shameem mushtaq</t>
  </si>
  <si>
    <t>19569</t>
  </si>
  <si>
    <t>47118</t>
  </si>
  <si>
    <t>GPS MC WANDHI WALI MOHAMMAD KHAN</t>
  </si>
  <si>
    <t>wandhi wali muhammad mianwali</t>
  </si>
  <si>
    <t>Mc Mwi</t>
  </si>
  <si>
    <t>31650</t>
  </si>
  <si>
    <t>GPS BURJ</t>
  </si>
  <si>
    <t>Narang Sharqi</t>
  </si>
  <si>
    <t>village Burj post office narang mandi</t>
  </si>
  <si>
    <t>Village Burj</t>
  </si>
  <si>
    <t>Mehtasooja</t>
  </si>
  <si>
    <t>Muhammad Naseeb</t>
  </si>
  <si>
    <t>GPS CHAK NO. 123 TDA</t>
  </si>
  <si>
    <t>Chak No 123/TDA</t>
  </si>
  <si>
    <t>Chak No. 123/TDA Near Layyah Karor road LAYYAH</t>
  </si>
  <si>
    <t>Chak No 123/TTDA</t>
  </si>
  <si>
    <t>19578</t>
  </si>
  <si>
    <t>GPS ALLAH JAWAYA WALA</t>
  </si>
  <si>
    <t>Gps Allaha jowaya Markaz NOOR PUR THAL  (east )</t>
  </si>
  <si>
    <t>Zia ullah</t>
  </si>
  <si>
    <t>GMPS BODHRAN WALA</t>
  </si>
  <si>
    <t>Bodhran Wala</t>
  </si>
  <si>
    <t>bodhran wala</t>
  </si>
  <si>
    <t>GPS BHASEEN CHAK NO 47</t>
  </si>
  <si>
    <t>Bhaseen Ck 47</t>
  </si>
  <si>
    <t>Bhaseen ck 47 tehsil pattoki dist kasur</t>
  </si>
  <si>
    <t>Padhana Ck 45</t>
  </si>
  <si>
    <t>42313</t>
  </si>
  <si>
    <t>GPS KOTHIAN</t>
  </si>
  <si>
    <t>kothian</t>
  </si>
  <si>
    <t>kothian kotli sattian</t>
  </si>
  <si>
    <t>malot  sattian</t>
  </si>
  <si>
    <t>Muhammad fayyaz</t>
  </si>
  <si>
    <t>GGPS TAJANA MANDAL</t>
  </si>
  <si>
    <t>tajana mandal</t>
  </si>
  <si>
    <t>ggpstajana mandal mandi sadiq gunj</t>
  </si>
  <si>
    <t>bholywala</t>
  </si>
  <si>
    <t>Samia Ashraf</t>
  </si>
  <si>
    <t>GPS TIBBI BAHADUR PO FAIZABAD NANKANA</t>
  </si>
  <si>
    <t>Tibbi Bahadar</t>
  </si>
  <si>
    <t>Village Tibbi Bahadar P /O Mandi Faizabad Tehsil and District nankana sahib</t>
  </si>
  <si>
    <t>19592</t>
  </si>
  <si>
    <t>GGPS MIAN KOT</t>
  </si>
  <si>
    <t>GGPSMian kot khalel wala near noori lal pump</t>
  </si>
  <si>
    <t>Khalel Wala</t>
  </si>
  <si>
    <t>Yasmeen Hmeed</t>
  </si>
  <si>
    <t>19593</t>
  </si>
  <si>
    <t>53508</t>
  </si>
  <si>
    <t>GGPS JABOKA NO.1</t>
  </si>
  <si>
    <t>jaboka</t>
  </si>
  <si>
    <t>46091</t>
  </si>
  <si>
    <t>7145</t>
  </si>
  <si>
    <t>46357</t>
  </si>
  <si>
    <t>GGPS KHAI KALAN</t>
  </si>
  <si>
    <t>Khai Kalan</t>
  </si>
  <si>
    <t>khai kalan</t>
  </si>
  <si>
    <t>35976</t>
  </si>
  <si>
    <t>GPS Bhula</t>
  </si>
  <si>
    <t>Bhula</t>
  </si>
  <si>
    <t>village bhula po box udhowali</t>
  </si>
  <si>
    <t>Amir Arshad</t>
  </si>
  <si>
    <t>19606</t>
  </si>
  <si>
    <t>GPS MANZOOR MAHNI</t>
  </si>
  <si>
    <t>Mahni</t>
  </si>
  <si>
    <t>p/o mitro  mouza mahni teh.Mailsi Distt.Vehari</t>
  </si>
  <si>
    <t>195/wb</t>
  </si>
  <si>
    <t>Mohammad Siddique</t>
  </si>
  <si>
    <t>43177</t>
  </si>
  <si>
    <t>30898</t>
  </si>
  <si>
    <t>19609</t>
  </si>
  <si>
    <t>Basti Panwar</t>
  </si>
  <si>
    <t>Dhegan</t>
  </si>
  <si>
    <t>46032</t>
  </si>
  <si>
    <t>27763</t>
  </si>
  <si>
    <t>GMPS CHAK NO. 23</t>
  </si>
  <si>
    <t>Chak No 23</t>
  </si>
  <si>
    <t>government model primary school chak no 23</t>
  </si>
  <si>
    <t>Saba Aslam</t>
  </si>
  <si>
    <t>19615</t>
  </si>
  <si>
    <t>12489</t>
  </si>
  <si>
    <t>GPS AYOUB ARAIN</t>
  </si>
  <si>
    <t>ahmad dewala</t>
  </si>
  <si>
    <t>GPS Ayoub arain basti dewalen p/o bassira</t>
  </si>
  <si>
    <t>alidaha</t>
  </si>
  <si>
    <t>19616</t>
  </si>
  <si>
    <t>GGHS SHAMIM LALA MUSA</t>
  </si>
  <si>
    <t>Railway Road no.1 , Near Abdullah Hospital Lalamusa</t>
  </si>
  <si>
    <t>Karim Pura</t>
  </si>
  <si>
    <t>SALMA RABBANI</t>
  </si>
  <si>
    <t>govt.water - pump water</t>
  </si>
  <si>
    <t>19618</t>
  </si>
  <si>
    <t>39305</t>
  </si>
  <si>
    <t>GES HIJRI</t>
  </si>
  <si>
    <t>Hijri</t>
  </si>
  <si>
    <t>Village Hijri post office Malhowali Tehsil Pindigheb District Attock</t>
  </si>
  <si>
    <t>Mohammad Kazim</t>
  </si>
  <si>
    <t>31139</t>
  </si>
  <si>
    <t>GGPS HASHMI TAXALI GATE</t>
  </si>
  <si>
    <t>GGPS Hashmi texali gate lahore</t>
  </si>
  <si>
    <t>Bhatti Gate</t>
  </si>
  <si>
    <t>Zakia Saeed</t>
  </si>
  <si>
    <t>13671</t>
  </si>
  <si>
    <t>19625</t>
  </si>
  <si>
    <t>GES CHAK NO. 149/A</t>
  </si>
  <si>
    <t>Chak no149/A</t>
  </si>
  <si>
    <t>Chak no.149/A</t>
  </si>
  <si>
    <t>Chak No 149/A</t>
  </si>
  <si>
    <t>Chak No 42/A</t>
  </si>
  <si>
    <t>19626</t>
  </si>
  <si>
    <t>27252</t>
  </si>
  <si>
    <t>GGHS JALAL PUR BHATTIAN</t>
  </si>
  <si>
    <t>Govt.Girls High School, Jalalpur Bhattian</t>
  </si>
  <si>
    <t>26760</t>
  </si>
  <si>
    <t>19633</t>
  </si>
  <si>
    <t>29264</t>
  </si>
  <si>
    <t>GPS BAGGAY</t>
  </si>
  <si>
    <t>village baggay P/O hussain khan wala tehsil and district kasur</t>
  </si>
  <si>
    <t>Hussain Khan Wala Hithar</t>
  </si>
  <si>
    <t>46186</t>
  </si>
  <si>
    <t>GPS SAEED WALA</t>
  </si>
  <si>
    <t>Jharkil</t>
  </si>
  <si>
    <t>dera saeedwala</t>
  </si>
  <si>
    <t>GPS MC SUFI PURA MBDIN</t>
  </si>
  <si>
    <t>Mandi Bahauddin</t>
  </si>
  <si>
    <t>faisal colony, Mandi Bahauddin</t>
  </si>
  <si>
    <t>Saed Akbar</t>
  </si>
  <si>
    <t>20232</t>
  </si>
  <si>
    <t>47636</t>
  </si>
  <si>
    <t>GGPS MERA AJRI</t>
  </si>
  <si>
    <t>Dhiba Karsial</t>
  </si>
  <si>
    <t>mehra ajri post office dhibba karsial teh distt mianwali</t>
  </si>
  <si>
    <t>Mehra Ajri</t>
  </si>
  <si>
    <t>45356</t>
  </si>
  <si>
    <t>GPS DERA JAM WALA</t>
  </si>
  <si>
    <t>Dera Jam wala Tehsil Mankera district Bhakkar</t>
  </si>
  <si>
    <t>Dera Jam wala</t>
  </si>
  <si>
    <t>46754</t>
  </si>
  <si>
    <t>20237</t>
  </si>
  <si>
    <t>27367</t>
  </si>
  <si>
    <t>GGPS CHOHDO KHUDA YAR</t>
  </si>
  <si>
    <t>CHOHDO KHUDA YAR</t>
  </si>
  <si>
    <t>CHOHDO KHUDA t</t>
  </si>
  <si>
    <t>Saima Kiran</t>
  </si>
  <si>
    <t>5549</t>
  </si>
  <si>
    <t>42311</t>
  </si>
  <si>
    <t>46188</t>
  </si>
  <si>
    <t>GPS DR. ABDULLAH SHAH WALA</t>
  </si>
  <si>
    <t>RAHDARI (MALE)</t>
  </si>
  <si>
    <t>Shahwala</t>
  </si>
  <si>
    <t>shahwala janubi tehsil noorpur thal khushab</t>
  </si>
  <si>
    <t>Shakeel Ur Rehman</t>
  </si>
  <si>
    <t>27884</t>
  </si>
  <si>
    <t>46453</t>
  </si>
  <si>
    <t>GPS DERA SHER MUHAMMAD WALA</t>
  </si>
  <si>
    <t>Uttra South teh_quaid District KHUSHAB</t>
  </si>
  <si>
    <t>Uttra Janoobi</t>
  </si>
  <si>
    <t>GPS KOT NADHAN</t>
  </si>
  <si>
    <t>Kot Nadhan</t>
  </si>
  <si>
    <t>P.O. Nokhar, village kot Nadhan</t>
  </si>
  <si>
    <t>Shahid Nisar</t>
  </si>
  <si>
    <t>31585</t>
  </si>
  <si>
    <t>GPS RAKH PURAB</t>
  </si>
  <si>
    <t>Rakh Purab</t>
  </si>
  <si>
    <t>village rakh purab Tehsil muridke</t>
  </si>
  <si>
    <t>Bhian wala</t>
  </si>
  <si>
    <t>20248</t>
  </si>
  <si>
    <t>Panah Kharal garbi</t>
  </si>
  <si>
    <t>chah mehry wala mouza panah kharal garbi p / o peer jaggi, layyah</t>
  </si>
  <si>
    <t>Chah mehry wala</t>
  </si>
  <si>
    <t>172 / TDA</t>
  </si>
  <si>
    <t>Maher Ahmad Bukhsh</t>
  </si>
  <si>
    <t>20249</t>
  </si>
  <si>
    <t>GGPS MIRAN MAQBOOL SHAH</t>
  </si>
  <si>
    <t>GGPS MIRAN MAQBOOL SHAH NEAR DRBAR ROAD</t>
  </si>
  <si>
    <t>Miran Sakhi</t>
  </si>
  <si>
    <t>Rimsha Zartab</t>
  </si>
  <si>
    <t>50924</t>
  </si>
  <si>
    <t>42159</t>
  </si>
  <si>
    <t>GES BEHL CHAKKA</t>
  </si>
  <si>
    <t>Bhangal</t>
  </si>
  <si>
    <t>. P. O  lehtrar Behl chakka kotlisattian</t>
  </si>
  <si>
    <t>Behl chakka</t>
  </si>
  <si>
    <t>motor pipe</t>
  </si>
  <si>
    <t>GGPS DHOK DULLEY KHEL NO.2 CHAKRALA MIANWALI</t>
  </si>
  <si>
    <t>Dhabba</t>
  </si>
  <si>
    <t>p/o dulley Khel 2</t>
  </si>
  <si>
    <t>Dulley Khel</t>
  </si>
  <si>
    <t>20258</t>
  </si>
  <si>
    <t>27781</t>
  </si>
  <si>
    <t>GGES GOHAR SHARIF</t>
  </si>
  <si>
    <t>govt girls elementry school gohar</t>
  </si>
  <si>
    <t>Gohar Sharif</t>
  </si>
  <si>
    <t>Aabida Nasreen</t>
  </si>
  <si>
    <t>20259</t>
  </si>
  <si>
    <t>29244</t>
  </si>
  <si>
    <t>GPS LONGO KI</t>
  </si>
  <si>
    <t>Longoki</t>
  </si>
  <si>
    <t>longoki</t>
  </si>
  <si>
    <t>Rosa Bhail</t>
  </si>
  <si>
    <t>M. Akbar</t>
  </si>
  <si>
    <t>GPS FATEH WALA</t>
  </si>
  <si>
    <t>Cha Fateh Wala, Moza Dogar Kalasra P/O Sanawan</t>
  </si>
  <si>
    <t>Chah Fateh Wala</t>
  </si>
  <si>
    <t>Muhammad Zia ur rehman</t>
  </si>
  <si>
    <t>GPS BHAN CHOONI</t>
  </si>
  <si>
    <t>Gulyakh</t>
  </si>
  <si>
    <t>gulyakh</t>
  </si>
  <si>
    <t>24674</t>
  </si>
  <si>
    <t>GGHS AYESHA PASRUR</t>
  </si>
  <si>
    <t>Mohallah Taj pura Pasrur</t>
  </si>
  <si>
    <t>Mohallah</t>
  </si>
  <si>
    <t>City No.2</t>
  </si>
  <si>
    <t>Kulsoom Bano</t>
  </si>
  <si>
    <t>37691</t>
  </si>
  <si>
    <t>22224</t>
  </si>
  <si>
    <t>GGHS AWAN SHARIF</t>
  </si>
  <si>
    <t>awan sharif</t>
  </si>
  <si>
    <t>SHAZIA MUNIR</t>
  </si>
  <si>
    <t>20269</t>
  </si>
  <si>
    <t>46255</t>
  </si>
  <si>
    <t>GPS DERA ALLAH DITTA WINNI</t>
  </si>
  <si>
    <t>Mahmood  Shaheed</t>
  </si>
  <si>
    <t>Dera Allah Ditta Winni mehmood Shaheed noor Pur thal</t>
  </si>
  <si>
    <t>Mehmood Shaheed</t>
  </si>
  <si>
    <t>GPS BONGA JEVAN</t>
  </si>
  <si>
    <t>Bonga Jeven</t>
  </si>
  <si>
    <t>moza boonga jeven p/o hasil sarho tehsil minchin abad</t>
  </si>
  <si>
    <t>Nadia Ismail</t>
  </si>
  <si>
    <t>20273</t>
  </si>
  <si>
    <t>GPS KOTLI WAHLLAH</t>
  </si>
  <si>
    <t>Kotly Wahla</t>
  </si>
  <si>
    <t>kotly wahla</t>
  </si>
  <si>
    <t>Metha Suja</t>
  </si>
  <si>
    <t>Ansar Naveed</t>
  </si>
  <si>
    <t>20275</t>
  </si>
  <si>
    <t>39435</t>
  </si>
  <si>
    <t>GPS DHOK SAR</t>
  </si>
  <si>
    <t>Dhok Sar</t>
  </si>
  <si>
    <t>post office Dhok Laham village Dhok Sar</t>
  </si>
  <si>
    <t>Syed Jalil Abbas Jalal Akbar</t>
  </si>
  <si>
    <t>20277</t>
  </si>
  <si>
    <t>46461</t>
  </si>
  <si>
    <t>GPS GOLAY WALI</t>
  </si>
  <si>
    <t>p/s Golaywali</t>
  </si>
  <si>
    <t>10738</t>
  </si>
  <si>
    <t>GPS MC NO.4 BASTI SHEIKH JALLO</t>
  </si>
  <si>
    <t>Basti Sheikh Jallo layyah</t>
  </si>
  <si>
    <t>Basti Sheikh Jallo</t>
  </si>
  <si>
    <t>23543</t>
  </si>
  <si>
    <t>33890</t>
  </si>
  <si>
    <t>GGMMS MOHALLAH RAJAPUR NEAR KHANEWAL ROAD</t>
  </si>
  <si>
    <t>Jahangirabad</t>
  </si>
  <si>
    <t>GGMMS MOHALLAH RAJA PUR NEAR KHANEWALROAD MULTAN</t>
  </si>
  <si>
    <t>GES GOPYRAW NO 42</t>
  </si>
  <si>
    <t>Gopay Ra Chak 42</t>
  </si>
  <si>
    <t>Gopay Ra Chak 42, Tehsil Pattoki, District Kasur.</t>
  </si>
  <si>
    <t>GGPS KHAN GOLA FAQIR</t>
  </si>
  <si>
    <t>basti jamlani</t>
  </si>
  <si>
    <t>Shehr Nindo Khan</t>
  </si>
  <si>
    <t>47633</t>
  </si>
  <si>
    <t>GGCMS CHAGDA CHAKRALA MIANWALI</t>
  </si>
  <si>
    <t>village chagdah</t>
  </si>
  <si>
    <t>Chagdah</t>
  </si>
  <si>
    <t>Uc Namal</t>
  </si>
  <si>
    <t>Iram Nisa</t>
  </si>
  <si>
    <t>23507</t>
  </si>
  <si>
    <t>GPS BHANDGRAN</t>
  </si>
  <si>
    <t>BhandGran</t>
  </si>
  <si>
    <t>VPO Bhand Gran Teh kharian Distt Gujrat</t>
  </si>
  <si>
    <t>Nasreen  Kousar</t>
  </si>
  <si>
    <t>10314</t>
  </si>
  <si>
    <t>38821</t>
  </si>
  <si>
    <t>20289</t>
  </si>
  <si>
    <t>GGPS AHIRAN WALA</t>
  </si>
  <si>
    <t>CHAK NO.1-4/DB-FEMALE</t>
  </si>
  <si>
    <t>Dera Ahiranwala p o chak no 4db teh piplan distt  Manwali</t>
  </si>
  <si>
    <t>Ahiranwala Wala</t>
  </si>
  <si>
    <t>4DB</t>
  </si>
  <si>
    <t>24138</t>
  </si>
  <si>
    <t>20292</t>
  </si>
  <si>
    <t>GPS QILA DEWAN SINGH</t>
  </si>
  <si>
    <t>qila dewan singh</t>
  </si>
  <si>
    <t>Muhammad Shabbir Nasir</t>
  </si>
  <si>
    <t>27734</t>
  </si>
  <si>
    <t>27561</t>
  </si>
  <si>
    <t>GGPS BASTI AMANAT ALI NO 2</t>
  </si>
  <si>
    <t>Bakh Lar</t>
  </si>
  <si>
    <t>GGPS Basti Amanat Ali 2 moza bakh lar</t>
  </si>
  <si>
    <t>Basti Amanat Ali 2</t>
  </si>
  <si>
    <t>Kothla Pathan</t>
  </si>
  <si>
    <t>Shazia Ghani</t>
  </si>
  <si>
    <t>20298</t>
  </si>
  <si>
    <t>GPS CHAKKI LARRI</t>
  </si>
  <si>
    <t>Chakki larri</t>
  </si>
  <si>
    <t>Village Chakki larri u/c Chakki Tehsil Pindi Gheb District Attock</t>
  </si>
  <si>
    <t>Suryia Yasmeen</t>
  </si>
  <si>
    <t>GHS ANGOORI</t>
  </si>
  <si>
    <t>po angoori murree</t>
  </si>
  <si>
    <t>angoori</t>
  </si>
  <si>
    <t>37416</t>
  </si>
  <si>
    <t>20305</t>
  </si>
  <si>
    <t>46398</t>
  </si>
  <si>
    <t>GHS NOORPUR THAL</t>
  </si>
  <si>
    <t>Govt.High School Noorpur thal</t>
  </si>
  <si>
    <t>Mc Noorpur Thal</t>
  </si>
  <si>
    <t>Sultan Sikandar</t>
  </si>
  <si>
    <t>GPS HAVELI KARIM DAD</t>
  </si>
  <si>
    <t>Thatha Kareem Dad</t>
  </si>
  <si>
    <t>village kareem dad</t>
  </si>
  <si>
    <t>Haweli Kareem Dad</t>
  </si>
  <si>
    <t>20311</t>
  </si>
  <si>
    <t>20235</t>
  </si>
  <si>
    <t>GHS CHANGRAN WALA</t>
  </si>
  <si>
    <t>CHANGRANWALA</t>
  </si>
  <si>
    <t>VILLAGE CHANGRANWALA POST OFFICE LANGER MAKHDOOM TEHSIL LALIAN DISTRICT CHINIOT</t>
  </si>
  <si>
    <t>20313</t>
  </si>
  <si>
    <t>GGPS DHOK BONARA</t>
  </si>
  <si>
    <t>Dhibba Kersial</t>
  </si>
  <si>
    <t>Dhok banera tehsil district mianwali</t>
  </si>
  <si>
    <t>Dhok Banera</t>
  </si>
  <si>
    <t>36097</t>
  </si>
  <si>
    <t>20318</t>
  </si>
  <si>
    <t>GGPS KHOJA</t>
  </si>
  <si>
    <t>khoja teh kharian district Gujrat</t>
  </si>
  <si>
    <t>Tapiala</t>
  </si>
  <si>
    <t>35913</t>
  </si>
  <si>
    <t>20319</t>
  </si>
  <si>
    <t>GPS DHLIAN WALA</t>
  </si>
  <si>
    <t>dhillianwala mitha tiwana tehsil and distric khushab</t>
  </si>
  <si>
    <t>Dhillianwala</t>
  </si>
  <si>
    <t>20323</t>
  </si>
  <si>
    <t>GES DHUDI THAL</t>
  </si>
  <si>
    <t>Dhudhi thal</t>
  </si>
  <si>
    <t>village and post office dhudhi thal tehsil Pind Dadan khan district jhelum</t>
  </si>
  <si>
    <t>Muhammad Usman Faheem Baig</t>
  </si>
  <si>
    <t>42243</t>
  </si>
  <si>
    <t>GGPS LESS KOTLI</t>
  </si>
  <si>
    <t>Korina Kallan</t>
  </si>
  <si>
    <t>dhok less Kotli vill korina kallan teh kotli sattian</t>
  </si>
  <si>
    <t>Subhana Noureen</t>
  </si>
  <si>
    <t>28555</t>
  </si>
  <si>
    <t>GPS THAKAR MIANA</t>
  </si>
  <si>
    <t>Thakkar Miana</t>
  </si>
  <si>
    <t>Thakkar miana po bherowal</t>
  </si>
  <si>
    <t>Usman Munawar</t>
  </si>
  <si>
    <t>25982</t>
  </si>
  <si>
    <t>GGHS GHULAM FATIMA NAROWAL</t>
  </si>
  <si>
    <t>narowal</t>
  </si>
  <si>
    <t>RAHILA ARSHAD</t>
  </si>
  <si>
    <t>GPS KALAR WALI</t>
  </si>
  <si>
    <t>Mian Wali Qurashian</t>
  </si>
  <si>
    <t>p/o sardar garh muza kalar wali</t>
  </si>
  <si>
    <t>Kalar Wali</t>
  </si>
  <si>
    <t>20333</t>
  </si>
  <si>
    <t>GGPS WAPDA COLONY</t>
  </si>
  <si>
    <t>ggps wapda colony khan pur</t>
  </si>
  <si>
    <t>Saleha Bashir</t>
  </si>
  <si>
    <t>34731</t>
  </si>
  <si>
    <t>GPS KHIZAN PUR MULTAN</t>
  </si>
  <si>
    <t>Khizan Pur</t>
  </si>
  <si>
    <t>Moza khizan pur Multan</t>
  </si>
  <si>
    <t>Any at Pur Mahota</t>
  </si>
  <si>
    <t>Sajid muneer</t>
  </si>
  <si>
    <t>20337</t>
  </si>
  <si>
    <t>Ameer Kalasra  Gharbi</t>
  </si>
  <si>
    <t>dad wala</t>
  </si>
  <si>
    <t>Dad Wala</t>
  </si>
  <si>
    <t>Mazahir Iqbal</t>
  </si>
  <si>
    <t>29836</t>
  </si>
  <si>
    <t>GGPS MALLAN WALA CHAK NO. 34</t>
  </si>
  <si>
    <t>Mallanwala Chak 34</t>
  </si>
  <si>
    <t>mallanwala chak 34</t>
  </si>
  <si>
    <t>Mallanwala</t>
  </si>
  <si>
    <t>Kubra Ibrahim</t>
  </si>
  <si>
    <t>32222</t>
  </si>
  <si>
    <t>14211</t>
  </si>
  <si>
    <t>GGPS BAGHOON WALA</t>
  </si>
  <si>
    <t>Baghoon wala</t>
  </si>
  <si>
    <t>Baghoon Wala</t>
  </si>
  <si>
    <t>Noor Pur Machi wala</t>
  </si>
  <si>
    <t>Shabana Irshad</t>
  </si>
  <si>
    <t>22867</t>
  </si>
  <si>
    <t>6177</t>
  </si>
  <si>
    <t>GGPS CHAK JASSOKEY KALASON</t>
  </si>
  <si>
    <t>MAROOLA SHARIF-FEMALE</t>
  </si>
  <si>
    <t>Jessokey Kalason</t>
  </si>
  <si>
    <t>moza Jessokey Kalason p.o jaboka okara okara</t>
  </si>
  <si>
    <t>Mangun</t>
  </si>
  <si>
    <t>Ismat Saddique</t>
  </si>
  <si>
    <t>45328</t>
  </si>
  <si>
    <t>GPS DERA MOHABBAT WALA</t>
  </si>
  <si>
    <t>Rakh H Abad</t>
  </si>
  <si>
    <t>Chak No 1 Rakh Haider Abad Thall Distt Bhakkar</t>
  </si>
  <si>
    <t>Dera Mohabat Wala</t>
  </si>
  <si>
    <t>Syed Musarat Abbas Shaheen</t>
  </si>
  <si>
    <t>20112</t>
  </si>
  <si>
    <t>27335</t>
  </si>
  <si>
    <t>GPS BEMIANWALA</t>
  </si>
  <si>
    <t>Bemianwala</t>
  </si>
  <si>
    <t>Bemianwala po jallalpur bhattian teh Pindi Bhattian District Hafizabad</t>
  </si>
  <si>
    <t>Mattekey</t>
  </si>
  <si>
    <t>25389</t>
  </si>
  <si>
    <t>54295</t>
  </si>
  <si>
    <t>GPS WARI CHARAGH KHAIL</t>
  </si>
  <si>
    <t>Rangpur baghoor</t>
  </si>
  <si>
    <t>vpo rangpur baghoor  tehsil Noorpur THAL district khushab</t>
  </si>
  <si>
    <t>uc rangpur baghoor</t>
  </si>
  <si>
    <t>Faizan Faisal</t>
  </si>
  <si>
    <t>46469</t>
  </si>
  <si>
    <t>GPS KHALIL KHAIL</t>
  </si>
  <si>
    <t>vpo golewali</t>
  </si>
  <si>
    <t>Madad Khan</t>
  </si>
  <si>
    <t>14516</t>
  </si>
  <si>
    <t>45099</t>
  </si>
  <si>
    <t>GGPSTariq Abad MBDin</t>
  </si>
  <si>
    <t>Basti Pir Gillamni</t>
  </si>
  <si>
    <t>MBDin</t>
  </si>
  <si>
    <t>Asia Gillani</t>
  </si>
  <si>
    <t>52026</t>
  </si>
  <si>
    <t>16663</t>
  </si>
  <si>
    <t>20122</t>
  </si>
  <si>
    <t>27657</t>
  </si>
  <si>
    <t>gges.pokhas khai</t>
  </si>
  <si>
    <t>Maryam asif</t>
  </si>
  <si>
    <t>20123</t>
  </si>
  <si>
    <t>45860</t>
  </si>
  <si>
    <t>GPS CHAK NO. 42 MB</t>
  </si>
  <si>
    <t>CHAK NO 42 MB</t>
  </si>
  <si>
    <t>Chak No. 42 MB tehsil&amp;district khushab</t>
  </si>
  <si>
    <t>Chak No 42MB</t>
  </si>
  <si>
    <t>46889</t>
  </si>
  <si>
    <t>GPS MC NO.3 NEAR RAILWAY STATION</t>
  </si>
  <si>
    <t>Layyah city</t>
  </si>
  <si>
    <t>Railway station Road Tehsil &amp; District Layyah</t>
  </si>
  <si>
    <t>Jahan Shah</t>
  </si>
  <si>
    <t>33381</t>
  </si>
  <si>
    <t>54360</t>
  </si>
  <si>
    <t>GGES BEHRAM KA HIHER</t>
  </si>
  <si>
    <t>behramka hittar</t>
  </si>
  <si>
    <t>Behramka Hittar</t>
  </si>
  <si>
    <t>Rizwana Saeed</t>
  </si>
  <si>
    <t>32040</t>
  </si>
  <si>
    <t>29729</t>
  </si>
  <si>
    <t>GPS CHAH JHORU TEH. PATTOKI</t>
  </si>
  <si>
    <t>Chah Jhoru</t>
  </si>
  <si>
    <t>chah jhoru,pattoki</t>
  </si>
  <si>
    <t>Awan Chak 39</t>
  </si>
  <si>
    <t>21396</t>
  </si>
  <si>
    <t>GPS JAMAL PUR ARAINA</t>
  </si>
  <si>
    <t>Jamal Pur Araian</t>
  </si>
  <si>
    <t>Jahangir Ali</t>
  </si>
  <si>
    <t>23252</t>
  </si>
  <si>
    <t>47501</t>
  </si>
  <si>
    <t>Village Ghuranian Wala P/O Musa Khel</t>
  </si>
  <si>
    <t>Ghurania Wala</t>
  </si>
  <si>
    <t>Humara Kazmi</t>
  </si>
  <si>
    <t>31553</t>
  </si>
  <si>
    <t>GGPS JHAMTAN WALA</t>
  </si>
  <si>
    <t>Kinyalanwala</t>
  </si>
  <si>
    <t>Shehnaz Mehreen</t>
  </si>
  <si>
    <t>GGPS ADA NOOR PUR NEHR</t>
  </si>
  <si>
    <t>KELOO KALAN - FEMALE</t>
  </si>
  <si>
    <t>Adda noor pur nehar</t>
  </si>
  <si>
    <t>26432</t>
  </si>
  <si>
    <t>GMPS WAHI CHANI KHAN</t>
  </si>
  <si>
    <t>basti hafÄ±z wala moza wahi ali arain</t>
  </si>
  <si>
    <t>Shair Pur</t>
  </si>
  <si>
    <t>GGPS BASTI HAJI BAKHO KHAN</t>
  </si>
  <si>
    <t>Haji Bakho Khan</t>
  </si>
  <si>
    <t>haji bakhoo khan tehsil  khan pur district  Rahim  yar  khan</t>
  </si>
  <si>
    <t>Shazia  Irshad</t>
  </si>
  <si>
    <t>31626</t>
  </si>
  <si>
    <t>GPS BHAINA WALA KHURD</t>
  </si>
  <si>
    <t>Bhianwala</t>
  </si>
  <si>
    <t>Bhian wala khurd</t>
  </si>
  <si>
    <t>41135</t>
  </si>
  <si>
    <t>GMPS OURA TAPPA</t>
  </si>
  <si>
    <t>Oura Tappa</t>
  </si>
  <si>
    <t>dist RWP teh Murree p/o Jhika Gali village oura tappa</t>
  </si>
  <si>
    <t>Samina Masood</t>
  </si>
  <si>
    <t>5572</t>
  </si>
  <si>
    <t>19720</t>
  </si>
  <si>
    <t>20154</t>
  </si>
  <si>
    <t>GGPS BASTI CHATHAY KHAN</t>
  </si>
  <si>
    <t>Wahid Baksh Sail</t>
  </si>
  <si>
    <t>basti chathay khan moza wahid baksh sail</t>
  </si>
  <si>
    <t>Basti Chathay Khan</t>
  </si>
  <si>
    <t>Samia Khanam</t>
  </si>
  <si>
    <t>11733</t>
  </si>
  <si>
    <t>GPS CHAK NO.576 TDA</t>
  </si>
  <si>
    <t>Chack No 576/TDA</t>
  </si>
  <si>
    <t>Tehil kot adu.district.muzaffer garh</t>
  </si>
  <si>
    <t>576/TDA</t>
  </si>
  <si>
    <t>31289</t>
  </si>
  <si>
    <t>20162</t>
  </si>
  <si>
    <t>GPS CHAK VIRKAN</t>
  </si>
  <si>
    <t>Chak Virkan</t>
  </si>
  <si>
    <t>chak virkan tehsil nowshera virkan</t>
  </si>
  <si>
    <t>39232</t>
  </si>
  <si>
    <t>GHS AHMEDAL</t>
  </si>
  <si>
    <t>GBHS AHMEDAL</t>
  </si>
  <si>
    <t>47100</t>
  </si>
  <si>
    <t>GGPS MAHMOOD NAGAR</t>
  </si>
  <si>
    <t>Wahid Buksh Sial</t>
  </si>
  <si>
    <t>Bastil Hussain Khan</t>
  </si>
  <si>
    <t>Basti Husain Khan</t>
  </si>
  <si>
    <t>Muhamad Daha</t>
  </si>
  <si>
    <t>Tahira Naz</t>
  </si>
  <si>
    <t>47490</t>
  </si>
  <si>
    <t>GMPS HAYAT WALA</t>
  </si>
  <si>
    <t>P/O Hayat Wala</t>
  </si>
  <si>
    <t>GES 116/15-L, MIAN CHANNU</t>
  </si>
  <si>
    <t>Chak no 116/15L</t>
  </si>
  <si>
    <t>Chak no 110/15L</t>
  </si>
  <si>
    <t>CH ISHTIAQ AHMAD</t>
  </si>
  <si>
    <t>GGPS KURSHEED ABAD</t>
  </si>
  <si>
    <t>GGPS khursheed abad markz neel garh tehsil khan pur</t>
  </si>
  <si>
    <t>Khursheed Abad</t>
  </si>
  <si>
    <t>Misbah Nawaz</t>
  </si>
  <si>
    <t>13104</t>
  </si>
  <si>
    <t>6021</t>
  </si>
  <si>
    <t>GES ABU DAHBI COLONY NO. 2</t>
  </si>
  <si>
    <t>Chak No 83/p</t>
  </si>
  <si>
    <t>Abu dhabi colony no.2 p.o. pull sunny ryk</t>
  </si>
  <si>
    <t>Abu-Dhabi Colony No2</t>
  </si>
  <si>
    <t>Chack 84/p</t>
  </si>
  <si>
    <t>20183</t>
  </si>
  <si>
    <t>p/o golaywali tehsil quaidabad district khushab</t>
  </si>
  <si>
    <t>20187</t>
  </si>
  <si>
    <t>31831</t>
  </si>
  <si>
    <t>GPS DERA CHANGRAN (KOT NIZAM DIN)</t>
  </si>
  <si>
    <t>Dera Changran</t>
  </si>
  <si>
    <t>dera changran</t>
  </si>
  <si>
    <t>Bhaag</t>
  </si>
  <si>
    <t>basti qasim Khan jiskani p/o murghai tehsil &amp; district Rajanpur</t>
  </si>
  <si>
    <t>Darkhan wala</t>
  </si>
  <si>
    <t>Dhinghen</t>
  </si>
  <si>
    <t>GGES MIRZA PUR</t>
  </si>
  <si>
    <t>Govt girls elementary school mirza pur</t>
  </si>
  <si>
    <t>Dharyala Jalip</t>
  </si>
  <si>
    <t>23266</t>
  </si>
  <si>
    <t>GGPS HASSAN PURA NO. 2</t>
  </si>
  <si>
    <t>Hassan Pura</t>
  </si>
  <si>
    <t>g g p s Hassan Pura</t>
  </si>
  <si>
    <t>Mc Pindi Bhattian</t>
  </si>
  <si>
    <t>Sidra Hameed</t>
  </si>
  <si>
    <t>20194</t>
  </si>
  <si>
    <t>22289</t>
  </si>
  <si>
    <t>GPS BEOWALI</t>
  </si>
  <si>
    <t>vill beowali p/o same  tehsil &amp; district gujrat</t>
  </si>
  <si>
    <t>Imran Ullah</t>
  </si>
  <si>
    <t>49981</t>
  </si>
  <si>
    <t>20198</t>
  </si>
  <si>
    <t>GGPS NARNAT</t>
  </si>
  <si>
    <t>village narnat po mallot sattian distt rwp</t>
  </si>
  <si>
    <t>Narnat</t>
  </si>
  <si>
    <t>Sofia Nisar</t>
  </si>
  <si>
    <t>39290</t>
  </si>
  <si>
    <t>GPS DHOK DHAIR</t>
  </si>
  <si>
    <t>nilhad</t>
  </si>
  <si>
    <t>dk dhair</t>
  </si>
  <si>
    <t>malhowali</t>
  </si>
  <si>
    <t>GPS BHANI AWAN</t>
  </si>
  <si>
    <t>Amrooka</t>
  </si>
  <si>
    <t>basti bhani awan minchanabad</t>
  </si>
  <si>
    <t>Bhani Awan</t>
  </si>
  <si>
    <t>Sajid Akhtar</t>
  </si>
  <si>
    <t>GGPS DHOK TAJEY KHEL</t>
  </si>
  <si>
    <t>Dhibba Karsial</t>
  </si>
  <si>
    <t>Village and post office dhibba karsial tehsil and district mianwali</t>
  </si>
  <si>
    <t>Tajy Khel</t>
  </si>
  <si>
    <t>Zubaida Bibi</t>
  </si>
  <si>
    <t>46450</t>
  </si>
  <si>
    <t>GPS DARBAR SHARIF CHOHA</t>
  </si>
  <si>
    <t>V.P.O Choha, Tehsil: Qaidabad, District: Khushab</t>
  </si>
  <si>
    <t>Chashma Water Supply</t>
  </si>
  <si>
    <t>20216</t>
  </si>
  <si>
    <t>42822</t>
  </si>
  <si>
    <t>GMPS RAJANPUR NO. 5</t>
  </si>
  <si>
    <t>RAJAN Pur</t>
  </si>
  <si>
    <t>dara machi wala rajanpur</t>
  </si>
  <si>
    <t>Municipal Comitte</t>
  </si>
  <si>
    <t>Chack No 554/TDA</t>
  </si>
  <si>
    <t>chak no 554/TDA the kot adu</t>
  </si>
  <si>
    <t>Chak No 554 TDA</t>
  </si>
  <si>
    <t>Mir Pur Bhagal</t>
  </si>
  <si>
    <t>Shukat Ali</t>
  </si>
  <si>
    <t>20221</t>
  </si>
  <si>
    <t>23095</t>
  </si>
  <si>
    <t>GPS SAMRALA</t>
  </si>
  <si>
    <t>DINGA III - MALE</t>
  </si>
  <si>
    <t>Samrala</t>
  </si>
  <si>
    <t>Village Samrala P/O Theekrian Monian Tehsil Kharian District Gujrat</t>
  </si>
  <si>
    <t>Chakori Bhelowal</t>
  </si>
  <si>
    <t>Saiqa Aslam</t>
  </si>
  <si>
    <t>GHS LANGER MAKHDOOM</t>
  </si>
  <si>
    <t>ABDUL NASIR</t>
  </si>
  <si>
    <t>20228</t>
  </si>
  <si>
    <t>39433</t>
  </si>
  <si>
    <t>GGPS SHAIKH ABDUL SATTAR</t>
  </si>
  <si>
    <t>basti sheikh abdul sattar kotla pathan</t>
  </si>
  <si>
    <t>Gari  Ikhtiyar  Khan</t>
  </si>
  <si>
    <t>Iqra Muneer</t>
  </si>
  <si>
    <t>45872</t>
  </si>
  <si>
    <t>GES NO. 2 HADALI</t>
  </si>
  <si>
    <t>muhalla virkhanwala hadali</t>
  </si>
  <si>
    <t>Saad Sidique</t>
  </si>
  <si>
    <t>39342</t>
  </si>
  <si>
    <t>GMPS DHOK GUJJAR (KAMRIAL)</t>
  </si>
  <si>
    <t>Dk Gujjar</t>
  </si>
  <si>
    <t>12416</t>
  </si>
  <si>
    <t>GES GIRWAN WALA</t>
  </si>
  <si>
    <t>Rukan wali</t>
  </si>
  <si>
    <t>Rukan wali, moza girwan waLa, tehsil jatoi, dist. Muzaffar garh</t>
  </si>
  <si>
    <t>Girwan wala</t>
  </si>
  <si>
    <t>20359</t>
  </si>
  <si>
    <t>46593</t>
  </si>
  <si>
    <t>GGHS BANDIAL</t>
  </si>
  <si>
    <t>Bandial tehsil quaidabad district khushab</t>
  </si>
  <si>
    <t>21779</t>
  </si>
  <si>
    <t>GES THERI GILLAN</t>
  </si>
  <si>
    <t>THERRI GILLAN</t>
  </si>
  <si>
    <t>Therri Gillan p/o Buttala Jhandha Singh,Nowshera Virkan.Gujranwala</t>
  </si>
  <si>
    <t>Therri Gillan</t>
  </si>
  <si>
    <t>babar zaman</t>
  </si>
  <si>
    <t>44956</t>
  </si>
  <si>
    <t>45317</t>
  </si>
  <si>
    <t>GGPS BASHRAT WALA</t>
  </si>
  <si>
    <t>Patti Balanda</t>
  </si>
  <si>
    <t>patti balanda mankera</t>
  </si>
  <si>
    <t>Bisharat Wala</t>
  </si>
  <si>
    <t>Mankera</t>
  </si>
  <si>
    <t>RUKHSANA PERVEEN</t>
  </si>
  <si>
    <t>20372</t>
  </si>
  <si>
    <t>20378</t>
  </si>
  <si>
    <t>GPS CHANNI QURESHIAN</t>
  </si>
  <si>
    <t>Channi Khichi</t>
  </si>
  <si>
    <t>channi qureshian chenab nagar</t>
  </si>
  <si>
    <t>Channi Qureshian</t>
  </si>
  <si>
    <t>Mc Chenab Nagar</t>
  </si>
  <si>
    <t>GGPS BASTI MACHIAN 97/NP</t>
  </si>
  <si>
    <t>Chak 97/NP</t>
  </si>
  <si>
    <t>Basti machian chak 97/NP</t>
  </si>
  <si>
    <t>Chak 94/NP</t>
  </si>
  <si>
    <t>Nagina Ramzan</t>
  </si>
  <si>
    <t>31720</t>
  </si>
  <si>
    <t>23379</t>
  </si>
  <si>
    <t>GPS SAMRALA ARAIN</t>
  </si>
  <si>
    <t>Samrala Arain</t>
  </si>
  <si>
    <t>village samrala arain p/o goteriala tehsil kharian district Gujarat</t>
  </si>
  <si>
    <t>Thutha rai bahadur</t>
  </si>
  <si>
    <t>M Arslan Sarwar</t>
  </si>
  <si>
    <t>24122</t>
  </si>
  <si>
    <t>31543</t>
  </si>
  <si>
    <t>29543</t>
  </si>
  <si>
    <t>14076</t>
  </si>
  <si>
    <t>GGPS KARIM BUX SAHOO</t>
  </si>
  <si>
    <t>SHIKAR PUR - FEMALE</t>
  </si>
  <si>
    <t>Kotla khan Muhammad</t>
  </si>
  <si>
    <t>Karim Bux</t>
  </si>
  <si>
    <t>Sharmeen Zahra</t>
  </si>
  <si>
    <t>GPS BAGHTEERA NANKANA SAHIB</t>
  </si>
  <si>
    <t>BAGHTERA</t>
  </si>
  <si>
    <t>BEGHTERA</t>
  </si>
  <si>
    <t>WARBURTON Gaon</t>
  </si>
  <si>
    <t>26511</t>
  </si>
  <si>
    <t>47627</t>
  </si>
  <si>
    <t>GGES DHIBBA KARSIAL CHAKRALA MIANWALI</t>
  </si>
  <si>
    <t>VPO Dhibba Karsial Tehsil &amp; District Mianwali</t>
  </si>
  <si>
    <t>Tania Kanwal</t>
  </si>
  <si>
    <t>49190</t>
  </si>
  <si>
    <t>25988</t>
  </si>
  <si>
    <t>GGMES RAYYA GORAYA</t>
  </si>
  <si>
    <t>Rayya Goraya</t>
  </si>
  <si>
    <t>Rayya Goraya p/o kotli M siddiqe</t>
  </si>
  <si>
    <t>Bobak Marali</t>
  </si>
  <si>
    <t>TANZILA HAIDER</t>
  </si>
  <si>
    <t>20387</t>
  </si>
  <si>
    <t>31691</t>
  </si>
  <si>
    <t>GPS KOTLI KHAIR DIN</t>
  </si>
  <si>
    <t>Kotli Khair Din</t>
  </si>
  <si>
    <t>kotli khair din narang mandi muridke sheikhupura</t>
  </si>
  <si>
    <t>Ladhke</t>
  </si>
  <si>
    <t>Bashir Muhammad</t>
  </si>
  <si>
    <t>3364</t>
  </si>
  <si>
    <t>30453</t>
  </si>
  <si>
    <t>28583</t>
  </si>
  <si>
    <t>GPS DEVI GARH</t>
  </si>
  <si>
    <t>RERRKA - MALE</t>
  </si>
  <si>
    <t>Devi Garh</t>
  </si>
  <si>
    <t>GPS Devi Garh P/O Saddique abad Teh Phalia Dist M B Din</t>
  </si>
  <si>
    <t>Bhoa Hasan</t>
  </si>
  <si>
    <t>GPS PEERHA MARKHAL</t>
  </si>
  <si>
    <t>GPS PEERHA MARKHAL Teh&amp;Distt Khushab</t>
  </si>
  <si>
    <t>Peerha Markhal</t>
  </si>
  <si>
    <t>Hakeem Hafiz Abdul Rehman</t>
  </si>
  <si>
    <t>27268</t>
  </si>
  <si>
    <t>GGHS GHABRIKKA</t>
  </si>
  <si>
    <t>Ghubrika</t>
  </si>
  <si>
    <t>pindi bhatyian village ghubrika</t>
  </si>
  <si>
    <t>GGES CHAK NO.426-B/TDA</t>
  </si>
  <si>
    <t>chack no 426b/tda</t>
  </si>
  <si>
    <t>Chack No 426b/tda</t>
  </si>
  <si>
    <t>Rehana Safdar</t>
  </si>
  <si>
    <t>42156</t>
  </si>
  <si>
    <t>GGHS KOTLI SATTIAN</t>
  </si>
  <si>
    <t>govt girls high school kotli sattian district rwp</t>
  </si>
  <si>
    <t>41261</t>
  </si>
  <si>
    <t>GHS MURREE</t>
  </si>
  <si>
    <t>murree city</t>
  </si>
  <si>
    <t>Muhammad Humayun</t>
  </si>
  <si>
    <t>GPS KHARKIN</t>
  </si>
  <si>
    <t>Chak no 510/TDA</t>
  </si>
  <si>
    <t>Chak No 510/TDA</t>
  </si>
  <si>
    <t>6921</t>
  </si>
  <si>
    <t>20401</t>
  </si>
  <si>
    <t>GPS BASTI RAHIM-UD-DIN</t>
  </si>
  <si>
    <t>sad park basti ghose sabri khudian khas</t>
  </si>
  <si>
    <t>Mc Khudian</t>
  </si>
  <si>
    <t>Hafiz Tariq Ali</t>
  </si>
  <si>
    <t>10356</t>
  </si>
  <si>
    <t>51672</t>
  </si>
  <si>
    <t>GGPS ARIF ABAD</t>
  </si>
  <si>
    <t>Saba Iqbal</t>
  </si>
  <si>
    <t>36662</t>
  </si>
  <si>
    <t>GPS KALOWAL</t>
  </si>
  <si>
    <t>village and post office kolowal</t>
  </si>
  <si>
    <t>15715</t>
  </si>
  <si>
    <t>26469</t>
  </si>
  <si>
    <t>20408</t>
  </si>
  <si>
    <t>GES BADRI NARIEN PUR</t>
  </si>
  <si>
    <t>Badri Narien Pur</t>
  </si>
  <si>
    <t>Badri Narien pur</t>
  </si>
  <si>
    <t>syed abdulhafeez</t>
  </si>
  <si>
    <t>53373</t>
  </si>
  <si>
    <t>GMPS 13 GD</t>
  </si>
  <si>
    <t>chak no.13/GD</t>
  </si>
  <si>
    <t>13/GD</t>
  </si>
  <si>
    <t>34743</t>
  </si>
  <si>
    <t>GPS DOGAR WALI</t>
  </si>
  <si>
    <t>Chaddhar</t>
  </si>
  <si>
    <t>Govt Primary School Dogar wali P/O 59221 Chaddhar Multan Saddar</t>
  </si>
  <si>
    <t>Adha Pavi</t>
  </si>
  <si>
    <t>30058</t>
  </si>
  <si>
    <t>GGCMS RAWAL JHANGAR</t>
  </si>
  <si>
    <t>20415</t>
  </si>
  <si>
    <t>GPS DURHATTA</t>
  </si>
  <si>
    <t>Durhatta</t>
  </si>
  <si>
    <t>basti durhatta mouza durhatta tehsil lodhran</t>
  </si>
  <si>
    <t>20245</t>
  </si>
  <si>
    <t>GMPS PUNJAY WALA</t>
  </si>
  <si>
    <t>punjay wala tensile lalian district chiniot</t>
  </si>
  <si>
    <t>Farrukh Sultana</t>
  </si>
  <si>
    <t>GPS DERA ASHRAF PUR</t>
  </si>
  <si>
    <t>Dera Ashraf</t>
  </si>
  <si>
    <t>dera ashraf narang</t>
  </si>
  <si>
    <t>Rata Gjran</t>
  </si>
  <si>
    <t>Atta Muhammad Malik</t>
  </si>
  <si>
    <t>GHS MOHRA SYEDAN</t>
  </si>
  <si>
    <t>Charehan</t>
  </si>
  <si>
    <t>vpo mohra syeda.murree</t>
  </si>
  <si>
    <t>Mohra Syedan</t>
  </si>
  <si>
    <t>Chrehan</t>
  </si>
  <si>
    <t>MUHAMMAD MUZAMMIL MUNIR</t>
  </si>
  <si>
    <t>GES KOTLI SYEDAN</t>
  </si>
  <si>
    <t>kotli syedan pasrur sialkot</t>
  </si>
  <si>
    <t>Nabeel Ahmed</t>
  </si>
  <si>
    <t>20434</t>
  </si>
  <si>
    <t>GPS MUSLIM WALA</t>
  </si>
  <si>
    <t>gps muslim wala p/o haider abad tehsil mankera district bhakkar</t>
  </si>
  <si>
    <t>Muslim Wals</t>
  </si>
  <si>
    <t>Mohammad Shahbaz</t>
  </si>
  <si>
    <t>29909</t>
  </si>
  <si>
    <t>GGPS KOT JAN MUHAMMAD</t>
  </si>
  <si>
    <t>kot jan muhammad</t>
  </si>
  <si>
    <t>Kot Akbarabad</t>
  </si>
  <si>
    <t>Majida Hussain</t>
  </si>
  <si>
    <t>47425</t>
  </si>
  <si>
    <t>GGPS DERA AZMAT</t>
  </si>
  <si>
    <t>Muzafar Pur</t>
  </si>
  <si>
    <t>Muzafar pur shumali</t>
  </si>
  <si>
    <t>Muzafar Pur Shumali</t>
  </si>
  <si>
    <t>GPS CHAK 101/P</t>
  </si>
  <si>
    <t>Kot Qandhara Singh</t>
  </si>
  <si>
    <t>chak 101p</t>
  </si>
  <si>
    <t>101p</t>
  </si>
  <si>
    <t>GES MC NO.1 BUMBAY BAZAR</t>
  </si>
  <si>
    <t>BUMBAY BAZAR</t>
  </si>
  <si>
    <t>GES MC NO.1 BUMBAY BAZAR LAYYAH</t>
  </si>
  <si>
    <t>Muhammad Abu Bakar Zia</t>
  </si>
  <si>
    <t>34466</t>
  </si>
  <si>
    <t>GPS KOT QASIM P/O SHER SHAH MULTAN</t>
  </si>
  <si>
    <t>GPS Kot Qasim P/O Sher Shah Multan</t>
  </si>
  <si>
    <t>Basti Kot Qasim</t>
  </si>
  <si>
    <t>27855</t>
  </si>
  <si>
    <t>GPS HERBUNS PURA</t>
  </si>
  <si>
    <t>Haweli Sodian</t>
  </si>
  <si>
    <t>haweli sodian</t>
  </si>
  <si>
    <t>Wazir Ali</t>
  </si>
  <si>
    <t>37578</t>
  </si>
  <si>
    <t>54759</t>
  </si>
  <si>
    <t>GPS DHARINGAR</t>
  </si>
  <si>
    <t>DHRANGER</t>
  </si>
  <si>
    <t>tahli Wala moza DHRANGER</t>
  </si>
  <si>
    <t>GMPS UMAR WAL</t>
  </si>
  <si>
    <t>UMER WAL</t>
  </si>
  <si>
    <t>gmps umarwal</t>
  </si>
  <si>
    <t>Umerwal</t>
  </si>
  <si>
    <t>moza Rasool pur P.O. box McLeod gunj</t>
  </si>
  <si>
    <t>Rehmat Ullah</t>
  </si>
  <si>
    <t>29457</t>
  </si>
  <si>
    <t>GMPS GOHAR HITHAR</t>
  </si>
  <si>
    <t>Gohar hithar p/o Mauza tahsil &amp;district kasur</t>
  </si>
  <si>
    <t>Sadaf Nawaz</t>
  </si>
  <si>
    <t>41284</t>
  </si>
  <si>
    <t>51659</t>
  </si>
  <si>
    <t>GGPS CHAK AZMAT</t>
  </si>
  <si>
    <t>Chak Azmat</t>
  </si>
  <si>
    <t>Samina Arshad</t>
  </si>
  <si>
    <t>45365</t>
  </si>
  <si>
    <t>GGPS ASAD ABAD MANKERA</t>
  </si>
  <si>
    <t>Galkala</t>
  </si>
  <si>
    <t>Ggps asadabad, galkala,mankera</t>
  </si>
  <si>
    <t>Asadabad</t>
  </si>
  <si>
    <t>GPS CHAK 65 MB</t>
  </si>
  <si>
    <t>chalk 65MB</t>
  </si>
  <si>
    <t>Chak 65MB Tehsil &amp; District Khushab</t>
  </si>
  <si>
    <t>Chak 65MB</t>
  </si>
  <si>
    <t>Muhammad tayyab</t>
  </si>
  <si>
    <t>8161</t>
  </si>
  <si>
    <t>22963</t>
  </si>
  <si>
    <t>GGHS BHOURCHH</t>
  </si>
  <si>
    <t>bhurcch</t>
  </si>
  <si>
    <t>govt. girls high school bhurchh</t>
  </si>
  <si>
    <t>bhurchh</t>
  </si>
  <si>
    <t>43962</t>
  </si>
  <si>
    <t>31736</t>
  </si>
  <si>
    <t>GGPS SENSRA</t>
  </si>
  <si>
    <t>sensra</t>
  </si>
  <si>
    <t>Sensra</t>
  </si>
  <si>
    <t>GPS PARHANA LOK</t>
  </si>
  <si>
    <t>Parhana Loke</t>
  </si>
  <si>
    <t>Village Parhana Loke PO Rerka  Bala</t>
  </si>
  <si>
    <t>Hardo Rerka</t>
  </si>
  <si>
    <t>41663</t>
  </si>
  <si>
    <t>39308</t>
  </si>
  <si>
    <t>GPS KANAT</t>
  </si>
  <si>
    <t>Kanat</t>
  </si>
  <si>
    <t>vill Kanat po dk dera Teh Pindi gheb Attock</t>
  </si>
  <si>
    <t>GMPS SAMANDI WALA</t>
  </si>
  <si>
    <t>samandi wala po box hayat wala mianwali</t>
  </si>
  <si>
    <t>Samandi Wala</t>
  </si>
  <si>
    <t>Zaitoon Bibi</t>
  </si>
  <si>
    <t>coolar</t>
  </si>
  <si>
    <t>19997</t>
  </si>
  <si>
    <t>GGPS BASTI SHAMRANI</t>
  </si>
  <si>
    <t>TALBANI-FEMALE</t>
  </si>
  <si>
    <t>Paccalaran</t>
  </si>
  <si>
    <t>basti shamrani</t>
  </si>
  <si>
    <t>Shamrani</t>
  </si>
  <si>
    <t>Asfa Bashir</t>
  </si>
  <si>
    <t>BAHOWAL</t>
  </si>
  <si>
    <t>28335</t>
  </si>
  <si>
    <t>7121</t>
  </si>
  <si>
    <t>GGPS KARLO WALA</t>
  </si>
  <si>
    <t>KARLOO WALA-FEMALE</t>
  </si>
  <si>
    <t>Karloowala</t>
  </si>
  <si>
    <t>KARLOOWALA</t>
  </si>
  <si>
    <t>Shehla Aman</t>
  </si>
  <si>
    <t>28536</t>
  </si>
  <si>
    <t>GGPS KOT PINDI WALA</t>
  </si>
  <si>
    <t>Kot Pindi Wala</t>
  </si>
  <si>
    <t>GGPS kot pindi wala teh.phalia district m.b.din</t>
  </si>
  <si>
    <t>Fozia Kokab</t>
  </si>
  <si>
    <t>20004</t>
  </si>
  <si>
    <t>29980</t>
  </si>
  <si>
    <t>GGES KOT RADA KISHAN NO. 3</t>
  </si>
  <si>
    <t>KOT  RADHA Kishen KISHEN</t>
  </si>
  <si>
    <t>GGES NO. 3 KOT RADHA KISHEN  MANSINGH RD</t>
  </si>
  <si>
    <t>krk</t>
  </si>
  <si>
    <t>NASIM NAZ D/O MUHAMMAD HAYAT</t>
  </si>
  <si>
    <t>20007</t>
  </si>
  <si>
    <t>25826</t>
  </si>
  <si>
    <t>GGHS DONGIAN</t>
  </si>
  <si>
    <t>Village Dongian Narowal</t>
  </si>
  <si>
    <t>Farah Adeeba</t>
  </si>
  <si>
    <t>8773</t>
  </si>
  <si>
    <t>7464</t>
  </si>
  <si>
    <t>20009</t>
  </si>
  <si>
    <t>GPS OKKIAN WALA</t>
  </si>
  <si>
    <t>Okainwala</t>
  </si>
  <si>
    <t>okainwala teh.pindi bhattian disst.hafizabadgps</t>
  </si>
  <si>
    <t>Kassesy</t>
  </si>
  <si>
    <t>TOQEER ABBAS</t>
  </si>
  <si>
    <t>32787</t>
  </si>
  <si>
    <t>GPS THATHA KARAM DIN</t>
  </si>
  <si>
    <t>Thatha Karam din</t>
  </si>
  <si>
    <t>thatha karam din</t>
  </si>
  <si>
    <t>chachkey gill</t>
  </si>
  <si>
    <t>Abdul Uzair</t>
  </si>
  <si>
    <t>44134</t>
  </si>
  <si>
    <t>46249</t>
  </si>
  <si>
    <t>GPS CHAK NO. 45/DB</t>
  </si>
  <si>
    <t>45 DB</t>
  </si>
  <si>
    <t>Chak no 45 db</t>
  </si>
  <si>
    <t>muhammad khan</t>
  </si>
  <si>
    <t>23966</t>
  </si>
  <si>
    <t>20016</t>
  </si>
  <si>
    <t>28084</t>
  </si>
  <si>
    <t>GMPS NEW SHAHEEDAN WALI</t>
  </si>
  <si>
    <t>DHOKE KASIB -I-FEMALE</t>
  </si>
  <si>
    <t>New Shaheedanwali</t>
  </si>
  <si>
    <t>new Shaheedanwali M B Din</t>
  </si>
  <si>
    <t>42275</t>
  </si>
  <si>
    <t>GPS MC EID GAH YARU KHEL</t>
  </si>
  <si>
    <t>mohallah eid ghah yaru khel mianwali</t>
  </si>
  <si>
    <t>Eid Ghah Yaru Khel</t>
  </si>
  <si>
    <t>Mwi-4</t>
  </si>
  <si>
    <t>Alla Ud Din</t>
  </si>
  <si>
    <t>GGPS CHAK NO.12/A</t>
  </si>
  <si>
    <t>12/A</t>
  </si>
  <si>
    <t>ggps chak 12/A</t>
  </si>
  <si>
    <t>12 chak</t>
  </si>
  <si>
    <t>10 chak/A</t>
  </si>
  <si>
    <t>Asifa Hanif</t>
  </si>
  <si>
    <t>31584</t>
  </si>
  <si>
    <t>GPS ALI PUR TIBBA</t>
  </si>
  <si>
    <t>ali pur tibba</t>
  </si>
  <si>
    <t>Ali Pur Tibba</t>
  </si>
  <si>
    <t>bhianwala kalan</t>
  </si>
  <si>
    <t>Muhammed Waqas Ahmed</t>
  </si>
  <si>
    <t>42319</t>
  </si>
  <si>
    <t>GGHS WAGHAL</t>
  </si>
  <si>
    <t>village &amp; p.o waghal teh kotli sattian dist rawalpindi</t>
  </si>
  <si>
    <t>Chajana Waghal</t>
  </si>
  <si>
    <t>Nuzhat Imran</t>
  </si>
  <si>
    <t>GPS CHAK DALA</t>
  </si>
  <si>
    <t>Chak dala</t>
  </si>
  <si>
    <t>village chak dala post office mano chak tehsil phalia district Mandi bahauddin</t>
  </si>
  <si>
    <t>31921</t>
  </si>
  <si>
    <t>20219</t>
  </si>
  <si>
    <t>GPS NO 2 CHAK BAHADUR</t>
  </si>
  <si>
    <t>Chak Bahadar</t>
  </si>
  <si>
    <t>chak bahadar</t>
  </si>
  <si>
    <t>Kanway Wala</t>
  </si>
  <si>
    <t>GGHS MUNASI</t>
  </si>
  <si>
    <t>govt girls high school munasi phagwari tehsil murree district rawalpind</t>
  </si>
  <si>
    <t>Munasi</t>
  </si>
  <si>
    <t>Sundas Naseer</t>
  </si>
  <si>
    <t>nearby stream</t>
  </si>
  <si>
    <t>47503</t>
  </si>
  <si>
    <t>GGPS GHURANIAN WALA</t>
  </si>
  <si>
    <t>Ghuranian Wala</t>
  </si>
  <si>
    <t>wandha Ghuranian wala</t>
  </si>
  <si>
    <t>34573</t>
  </si>
  <si>
    <t>20043</t>
  </si>
  <si>
    <t>GGPS JAHANGIR ABAD MULTAN</t>
  </si>
  <si>
    <t>Jahangrabad</t>
  </si>
  <si>
    <t>Jahangrabad 5 marla sceem multan</t>
  </si>
  <si>
    <t>20049</t>
  </si>
  <si>
    <t>GPS QADOOS ABAD</t>
  </si>
  <si>
    <t>Thada Thaheem</t>
  </si>
  <si>
    <t>basti topan wala qadosabad lodhran</t>
  </si>
  <si>
    <t>Topan Wala</t>
  </si>
  <si>
    <t>kanwar abdul naseer</t>
  </si>
  <si>
    <t>GGCMES BHAGOWAL</t>
  </si>
  <si>
    <t>bhagowal.p.o haria tehsil malakwal.distt.m.b.din</t>
  </si>
  <si>
    <t>51835</t>
  </si>
  <si>
    <t>54679</t>
  </si>
  <si>
    <t>GPS CHAK NO 12/68 (W)</t>
  </si>
  <si>
    <t>Chak No 12/68 West</t>
  </si>
  <si>
    <t>Chak No. 12/68 west, tehsil and district nankana sahib</t>
  </si>
  <si>
    <t>20059</t>
  </si>
  <si>
    <t>basti tahli wala p/o basira teh &amp; disst muzaffargarh</t>
  </si>
  <si>
    <t>Safdar Hussain Khan</t>
  </si>
  <si>
    <t>GPS PASSIAN WALA</t>
  </si>
  <si>
    <t>Passianwala</t>
  </si>
  <si>
    <t>35420450 gps passian wala markaz narang mandi</t>
  </si>
  <si>
    <t>Passian wala</t>
  </si>
  <si>
    <t>Rattan Gujran</t>
  </si>
  <si>
    <t>Faryad Hussain</t>
  </si>
  <si>
    <t>GMPS DHOOP SARI</t>
  </si>
  <si>
    <t>dhoopsarri</t>
  </si>
  <si>
    <t>Chkori Bhelowal</t>
  </si>
  <si>
    <t>Haroona Bibi</t>
  </si>
  <si>
    <t>43575</t>
  </si>
  <si>
    <t>20068</t>
  </si>
  <si>
    <t>38211</t>
  </si>
  <si>
    <t>GHS ISLAMIA PUBLIC KEHROR PACCA</t>
  </si>
  <si>
    <t>mohallah maroof shah kehror pacca</t>
  </si>
  <si>
    <t>Muhammad afzal mudassir</t>
  </si>
  <si>
    <t>30083</t>
  </si>
  <si>
    <t>GGCMS RAKH SHAH INAYAT</t>
  </si>
  <si>
    <t>Ratti pindi</t>
  </si>
  <si>
    <t>Haler Key Peemar</t>
  </si>
  <si>
    <t>Asma Jamil</t>
  </si>
  <si>
    <t>GES BHAN BARRAY KHAIL</t>
  </si>
  <si>
    <t>GES BARRAY KHAIL</t>
  </si>
  <si>
    <t>Barray Khail</t>
  </si>
  <si>
    <t>20072</t>
  </si>
  <si>
    <t>28558</t>
  </si>
  <si>
    <t>GPS SARLA</t>
  </si>
  <si>
    <t>Sarlay</t>
  </si>
  <si>
    <t>Sarlay  khurd tehsil phalia District m.b.din</t>
  </si>
  <si>
    <t>22140</t>
  </si>
  <si>
    <t>GHS MAKIANA</t>
  </si>
  <si>
    <t>makiana gujrat</t>
  </si>
  <si>
    <t>Muhammad Aqeel Yousaf</t>
  </si>
  <si>
    <t>GMPS QILA DESA SINGH</t>
  </si>
  <si>
    <t>Qila DesU Sing</t>
  </si>
  <si>
    <t>p/o dhariwal qilaDesu sing</t>
  </si>
  <si>
    <t>Qila Desu Sing</t>
  </si>
  <si>
    <t>Maraliwala</t>
  </si>
  <si>
    <t>Fazeelat Noreen</t>
  </si>
  <si>
    <t>47496</t>
  </si>
  <si>
    <t>GGPS MADI KHEL NO. 2</t>
  </si>
  <si>
    <t>GGPS MADI KHEL NO.2</t>
  </si>
  <si>
    <t>Rami Khel</t>
  </si>
  <si>
    <t>Zehra Bi Bi</t>
  </si>
  <si>
    <t>20078</t>
  </si>
  <si>
    <t>GPS KOT CHATTAR SINGH</t>
  </si>
  <si>
    <t>Kot Chattar Singh</t>
  </si>
  <si>
    <t>Gps Kot Chatter singh</t>
  </si>
  <si>
    <t>Kot  Chattar Singh</t>
  </si>
  <si>
    <t>Hanjarai Khurd</t>
  </si>
  <si>
    <t>GPS DERA TOPIAN</t>
  </si>
  <si>
    <t>Chailianwala</t>
  </si>
  <si>
    <t>Dera Topian, Chailianwala</t>
  </si>
  <si>
    <t>MUHAMMAD AMIR SHOAIB</t>
  </si>
  <si>
    <t>GPS CHANNI KHIZAR</t>
  </si>
  <si>
    <t>channi khizar</t>
  </si>
  <si>
    <t>P/O Bakhash wala, Village Channi Khizar, Lalian, Chiniot</t>
  </si>
  <si>
    <t>40310</t>
  </si>
  <si>
    <t>GES AHMED ABAD</t>
  </si>
  <si>
    <t>village post office ahmadabad tehsil pind dadan Khan distric jhelum</t>
  </si>
  <si>
    <t>muhammad ramzan</t>
  </si>
  <si>
    <t>20087</t>
  </si>
  <si>
    <t>32784</t>
  </si>
  <si>
    <t>GPS CHAK NO. 2 UCC</t>
  </si>
  <si>
    <t>Chak no 2 Ucc</t>
  </si>
  <si>
    <t>chak no 2 ucc . PO. Mandi Faizabad. NNS</t>
  </si>
  <si>
    <t>GPS THATHA NANJKA</t>
  </si>
  <si>
    <t>Thatha Nanjka</t>
  </si>
  <si>
    <t>Akram Ullah</t>
  </si>
  <si>
    <t>20089</t>
  </si>
  <si>
    <t>15369</t>
  </si>
  <si>
    <t>GHS CHAK NO. 55/RB</t>
  </si>
  <si>
    <t>chak no.55 RB BURJ</t>
  </si>
  <si>
    <t>CHAK NO. 55 RB FSD</t>
  </si>
  <si>
    <t>54 SAR HALI</t>
  </si>
  <si>
    <t>Muhammad Arif Vaince</t>
  </si>
  <si>
    <t>45863</t>
  </si>
  <si>
    <t>GPS CHAK NO. 41 MB</t>
  </si>
  <si>
    <t>41 MB</t>
  </si>
  <si>
    <t>chak No.41M.B</t>
  </si>
  <si>
    <t>Chak No 41MB</t>
  </si>
  <si>
    <t>24990</t>
  </si>
  <si>
    <t>39439</t>
  </si>
  <si>
    <t>GPS DHOK DERA</t>
  </si>
  <si>
    <t>Dk dera</t>
  </si>
  <si>
    <t>dhoke dera</t>
  </si>
  <si>
    <t>Dhoke dera</t>
  </si>
  <si>
    <t>38135</t>
  </si>
  <si>
    <t>GMPS THDDA THAHEEM BASTI JAT WALA</t>
  </si>
  <si>
    <t>Thadda Thaheem</t>
  </si>
  <si>
    <t>ggps thadda thaheem basti jat wala lodhran.</t>
  </si>
  <si>
    <t>Basti Jat Wala</t>
  </si>
  <si>
    <t>Ifat Naz</t>
  </si>
  <si>
    <t>14207</t>
  </si>
  <si>
    <t>GMPS FARID ABAD</t>
  </si>
  <si>
    <t>gopang wala</t>
  </si>
  <si>
    <t>govt model primary school fareedabad nzad kotlaessan</t>
  </si>
  <si>
    <t>kotla Essan</t>
  </si>
  <si>
    <t>mehreenfatima</t>
  </si>
  <si>
    <t>31624</t>
  </si>
  <si>
    <t>GPS DHAKUM PURA</t>
  </si>
  <si>
    <t>Dhakam Pura</t>
  </si>
  <si>
    <t>dhakam pura</t>
  </si>
  <si>
    <t>GES MC ZADEY KHEL</t>
  </si>
  <si>
    <t>Mohallah Zaday khel Balloo khel Road Mianwali</t>
  </si>
  <si>
    <t>Muhammad Javed Iqbal Khan</t>
  </si>
  <si>
    <t>GPS QILA JAY SINGH</t>
  </si>
  <si>
    <t>Qila Jay Singh</t>
  </si>
  <si>
    <t>Qila Jay Singh p/o Chaba Sindhuwan Teh.Noshehra Virkan Distt Gujranwala</t>
  </si>
  <si>
    <t>20106</t>
  </si>
  <si>
    <t>GCMS 100/15-L SABQA, MIAN CHANNU</t>
  </si>
  <si>
    <t>105/15-L - FEMALE</t>
  </si>
  <si>
    <t>100/15-L</t>
  </si>
  <si>
    <t>chack no100/15-L</t>
  </si>
  <si>
    <t>Nasira Sarwar</t>
  </si>
  <si>
    <t>GGPS KALU SAHI KALAN</t>
  </si>
  <si>
    <t>Kalu Sahi</t>
  </si>
  <si>
    <t>ggps kalu sahi kalan</t>
  </si>
  <si>
    <t>Kalu Sahi Kalan</t>
  </si>
  <si>
    <t>Abeer Akhtar</t>
  </si>
  <si>
    <t>50030</t>
  </si>
  <si>
    <t>24442</t>
  </si>
  <si>
    <t>Baqapur</t>
  </si>
  <si>
    <t>govt model primary school baqa pur</t>
  </si>
  <si>
    <t>Samreen  Asghar</t>
  </si>
  <si>
    <t>27255</t>
  </si>
  <si>
    <t>GPS CHAK NO.645/TDA</t>
  </si>
  <si>
    <t>chak no 645 tda</t>
  </si>
  <si>
    <t>gps chak no 645 tda</t>
  </si>
  <si>
    <t>iram shehzadi</t>
  </si>
  <si>
    <t>GPS KHAPPER KEY</t>
  </si>
  <si>
    <t>KHAPPER KAY</t>
  </si>
  <si>
    <t>VILL KHAPPER KAY P O MORE KHUNDA TEH DISTT NANKANA SAHIB</t>
  </si>
  <si>
    <t>NARGIS KIRAN</t>
  </si>
  <si>
    <t>12467</t>
  </si>
  <si>
    <t>54284</t>
  </si>
  <si>
    <t>GPS DERA DHONAN WALA</t>
  </si>
  <si>
    <t>GPS Dera Dhonan Wala Noorpur Thal Distt. Khushab</t>
  </si>
  <si>
    <t>Dera Dhonan wala</t>
  </si>
  <si>
    <t>Noorpur Rural</t>
  </si>
  <si>
    <t>33123</t>
  </si>
  <si>
    <t>32268</t>
  </si>
  <si>
    <t>GPS NO. 2 AHMEDAL</t>
  </si>
  <si>
    <t>Village Ahmedal Tehsil Quaidabad District Khushab</t>
  </si>
  <si>
    <t>Gunjial Shimali</t>
  </si>
  <si>
    <t>by filling water cooler</t>
  </si>
  <si>
    <t>GPS DANOI</t>
  </si>
  <si>
    <t>Danoi</t>
  </si>
  <si>
    <t>village danoi post office lehtrar Bala tehsil Kotli sattian</t>
  </si>
  <si>
    <t>Bahattian</t>
  </si>
  <si>
    <t>GGPS CHAK 44/A JADEED</t>
  </si>
  <si>
    <t>44/A Jadeed</t>
  </si>
  <si>
    <t>Chak 44/a Jadeed, Tehsil Liaquat Pur</t>
  </si>
  <si>
    <t>Maryam Saleem</t>
  </si>
  <si>
    <t>GGPS BHARAJ</t>
  </si>
  <si>
    <t>GGPS Bhraj</t>
  </si>
  <si>
    <t>GPS LARKAHAN SINGH</t>
  </si>
  <si>
    <t>Lord Kahan Singh</t>
  </si>
  <si>
    <t>Lord Kahan Singh, teh. Minchinabad, distt. Bahawalnagar</t>
  </si>
  <si>
    <t>Qaim Pur Jhangi</t>
  </si>
  <si>
    <t>Muhammad Haroon</t>
  </si>
  <si>
    <t>20732</t>
  </si>
  <si>
    <t>45938</t>
  </si>
  <si>
    <t>GMPS KATHWAI</t>
  </si>
  <si>
    <t>Jorabad North</t>
  </si>
  <si>
    <t>vpo her do sodhi</t>
  </si>
  <si>
    <t>Kathwai</t>
  </si>
  <si>
    <t>Khund</t>
  </si>
  <si>
    <t>54826</t>
  </si>
  <si>
    <t>21023</t>
  </si>
  <si>
    <t>48826</t>
  </si>
  <si>
    <t>35546</t>
  </si>
  <si>
    <t>GHS CHAK NO.151 WB</t>
  </si>
  <si>
    <t>151 WB</t>
  </si>
  <si>
    <t>chak No 151 W.B Mailsi</t>
  </si>
  <si>
    <t>47635</t>
  </si>
  <si>
    <t>GGPS DHOK NAIKEY KHEL CHAKRALA</t>
  </si>
  <si>
    <t>Dhibba krsial</t>
  </si>
  <si>
    <t>dhok neky khyl , dhok Ali khan , namal ,mianwali .</t>
  </si>
  <si>
    <t>Naiky Khel</t>
  </si>
  <si>
    <t>GPS BASTI BAGHBAN PURA</t>
  </si>
  <si>
    <t>GPS Basti Baghban Pura Khudian Khas</t>
  </si>
  <si>
    <t>Basti Baghban Pura</t>
  </si>
  <si>
    <t>Rehmat  Ali</t>
  </si>
  <si>
    <t>32967</t>
  </si>
  <si>
    <t>GGPS TOWRI QASIM P/O MANDI FAIZ ABAD</t>
  </si>
  <si>
    <t>MANDI FAIZABAD- FEMALE</t>
  </si>
  <si>
    <t>Tori Qasim</t>
  </si>
  <si>
    <t>tori qasim</t>
  </si>
  <si>
    <t>sughra fatima</t>
  </si>
  <si>
    <t>20748</t>
  </si>
  <si>
    <t>31844</t>
  </si>
  <si>
    <t>GES MUSLIM PARK</t>
  </si>
  <si>
    <t>Moh Muslim Park Narang mandi</t>
  </si>
  <si>
    <t>Hafiz Waqar</t>
  </si>
  <si>
    <t>53971</t>
  </si>
  <si>
    <t>GES PUNJ GRAIN</t>
  </si>
  <si>
    <t>punj Grain tehsil nowshera virkan district Gujranwala</t>
  </si>
  <si>
    <t>Muhahhad Naeem Ayub</t>
  </si>
  <si>
    <t>20761</t>
  </si>
  <si>
    <t>46579</t>
  </si>
  <si>
    <t>GES AMB SHARIF</t>
  </si>
  <si>
    <t>AMB SHAREEF</t>
  </si>
  <si>
    <t>Government E/S Amb Shareef</t>
  </si>
  <si>
    <t>Amb Shareef</t>
  </si>
  <si>
    <t>Goley Wali</t>
  </si>
  <si>
    <t>Local Water Supply</t>
  </si>
  <si>
    <t>GPS SOHAY WALA</t>
  </si>
  <si>
    <t>Haider abad Thall</t>
  </si>
  <si>
    <t>sohay wala Haider abad thall tehsil mankera dist.bhakkar</t>
  </si>
  <si>
    <t>Sohay wala</t>
  </si>
  <si>
    <t>27415</t>
  </si>
  <si>
    <t>GMPS GARHI GONDAL</t>
  </si>
  <si>
    <t>Garhi  Gondal</t>
  </si>
  <si>
    <t>Garhi  Gondal tehsil Pindi bhattian district hafizabsd</t>
  </si>
  <si>
    <t>Garhi Gondal</t>
  </si>
  <si>
    <t>Khuram  Chorera</t>
  </si>
  <si>
    <t>Nazia Irshad</t>
  </si>
  <si>
    <t>GPS BASTI BUKHI</t>
  </si>
  <si>
    <t>basti Bukhi  , moza Patti Ghulam Ali gharbi</t>
  </si>
  <si>
    <t>Basti Bukhi</t>
  </si>
  <si>
    <t>Patti Ghulam ali Gharbi</t>
  </si>
  <si>
    <t>Qazi Neaiz Ahmad</t>
  </si>
  <si>
    <t>25499</t>
  </si>
  <si>
    <t>34939</t>
  </si>
  <si>
    <t>29643</t>
  </si>
  <si>
    <t>GES SARAI CHEENBA</t>
  </si>
  <si>
    <t>Sarai Cheemba</t>
  </si>
  <si>
    <t>GES SARAI CHEEMBA MARKAZ PHOOL NAGER pattoki kasur</t>
  </si>
  <si>
    <t>Gaga Sarai</t>
  </si>
  <si>
    <t>Hafiz Muhmmad Usman</t>
  </si>
  <si>
    <t>43820</t>
  </si>
  <si>
    <t>20769</t>
  </si>
  <si>
    <t>25964</t>
  </si>
  <si>
    <t>GPS SADRANA</t>
  </si>
  <si>
    <t>Sundrana</t>
  </si>
  <si>
    <t>sundrana tehsil distt narowal</t>
  </si>
  <si>
    <t>6472</t>
  </si>
  <si>
    <t>24912</t>
  </si>
  <si>
    <t>28211</t>
  </si>
  <si>
    <t>GGHS KOT SHER MUHAMMAD</t>
  </si>
  <si>
    <t>Kot Sher Muhammad Muhammad</t>
  </si>
  <si>
    <t>V/PO Kot Sher Muhammad Teh Phalia M.B.Din</t>
  </si>
  <si>
    <t>Kosar Naeem</t>
  </si>
  <si>
    <t>GGES NAMAL CHAKRALA MIANWALI</t>
  </si>
  <si>
    <t>village and p/o namal</t>
  </si>
  <si>
    <t>REHMAT BiBi</t>
  </si>
  <si>
    <t>46315</t>
  </si>
  <si>
    <t>GGHS MOHALLAH HUSSAIN ABAD</t>
  </si>
  <si>
    <t>Noorpur thal</t>
  </si>
  <si>
    <t>Mohallah hussain Abad noorpur thal</t>
  </si>
  <si>
    <t>MC Noorpur</t>
  </si>
  <si>
    <t>38916</t>
  </si>
  <si>
    <t>12979</t>
  </si>
  <si>
    <t>GPS BAKHTIARAY WALA</t>
  </si>
  <si>
    <t>Darain</t>
  </si>
  <si>
    <t>basti bukhtiaray wala</t>
  </si>
  <si>
    <t>Bukhtiaray Wala</t>
  </si>
  <si>
    <t>GGPS 123/7-ER BASTI DALOWAN, TULAMBA</t>
  </si>
  <si>
    <t>Koat Sikander</t>
  </si>
  <si>
    <t>123/7ER,P.O Box 124/7ER</t>
  </si>
  <si>
    <t>Basti Dulowan</t>
  </si>
  <si>
    <t>Zillay Rubab Sajid</t>
  </si>
  <si>
    <t>32827</t>
  </si>
  <si>
    <t>32822</t>
  </si>
  <si>
    <t>20782</t>
  </si>
  <si>
    <t>GGES BASTI FAROOQ ABAD</t>
  </si>
  <si>
    <t>Rakhshah Anayat</t>
  </si>
  <si>
    <t>GGES basti farooq abad</t>
  </si>
  <si>
    <t>Basti Farooq Abad</t>
  </si>
  <si>
    <t>Hallar Key</t>
  </si>
  <si>
    <t>Naima Saeed</t>
  </si>
  <si>
    <t>GGPS HAKRA</t>
  </si>
  <si>
    <t>g g p s hakra</t>
  </si>
  <si>
    <t>Basti Hakra</t>
  </si>
  <si>
    <t>Asia Begum</t>
  </si>
  <si>
    <t>47717</t>
  </si>
  <si>
    <t>GHS ALLUWALI</t>
  </si>
  <si>
    <t>ALLUWALI</t>
  </si>
  <si>
    <t>POST OFFICE ALLUWALI</t>
  </si>
  <si>
    <t>MUHAMMAD IHSAN UL HAQ</t>
  </si>
  <si>
    <t>sultanAbad</t>
  </si>
  <si>
    <t>p/o sardargarh Tehsil district RahimYar Khan</t>
  </si>
  <si>
    <t>Main wali quershan</t>
  </si>
  <si>
    <t>Shoukat Ullah</t>
  </si>
  <si>
    <t>GPS CHAK 88/A JADEED</t>
  </si>
  <si>
    <t>Chak 88A</t>
  </si>
  <si>
    <t>Chak no 88/A Jadeed</t>
  </si>
  <si>
    <t>Chak # 88/A</t>
  </si>
  <si>
    <t>42 A</t>
  </si>
  <si>
    <t>37989</t>
  </si>
  <si>
    <t>GPS JHOKE WALA</t>
  </si>
  <si>
    <t>basti jhoke Wala moza sumra</t>
  </si>
  <si>
    <t>25803</t>
  </si>
  <si>
    <t>GGPS JOWINDA PANWAN</t>
  </si>
  <si>
    <t>Jowinda Pannu</t>
  </si>
  <si>
    <t>jowinda pannu</t>
  </si>
  <si>
    <t>Sumera Tabbsum</t>
  </si>
  <si>
    <t>GPS ISMAEEL PUR RATTIKA</t>
  </si>
  <si>
    <t>Ismaeel pur Ratteka</t>
  </si>
  <si>
    <t>Ismaeel pur Ratteka Tehsile Minchinabad District Bahawal Nagar</t>
  </si>
  <si>
    <t>Pir Ghar</t>
  </si>
  <si>
    <t>45357</t>
  </si>
  <si>
    <t>GPS DERA NAZIR ABAD</t>
  </si>
  <si>
    <t>Govt Primary School Dera Nazir Abad Chak no 2 RH Tehsil Mankera District Bhakkar</t>
  </si>
  <si>
    <t>Chak No 2RH</t>
  </si>
  <si>
    <t>Mahboob Ali</t>
  </si>
  <si>
    <t>28146</t>
  </si>
  <si>
    <t>GGPS MC INAYAT MOHALLAH MBDIN</t>
  </si>
  <si>
    <t>Anayat Mohallah</t>
  </si>
  <si>
    <t>No 2</t>
  </si>
  <si>
    <t>Waso</t>
  </si>
  <si>
    <t>Shaista Iram</t>
  </si>
  <si>
    <t>35688</t>
  </si>
  <si>
    <t>GPS CHATT WAHIN</t>
  </si>
  <si>
    <t>Chatt Wahin</t>
  </si>
  <si>
    <t>Mauza chatt wahin</t>
  </si>
  <si>
    <t>FARRUKH JAMAL</t>
  </si>
  <si>
    <t>20811</t>
  </si>
  <si>
    <t>29814</t>
  </si>
  <si>
    <t>GPS KOT KARIM BUKHSH P/O PADHANA CHAK 45</t>
  </si>
  <si>
    <t>Kot Karim Bakhash</t>
  </si>
  <si>
    <t>kot Karim Bakhash</t>
  </si>
  <si>
    <t>20804</t>
  </si>
  <si>
    <t>33752</t>
  </si>
  <si>
    <t>GGPS FAKHIR-ABAD MULTAN</t>
  </si>
  <si>
    <t>Kirlian Wala</t>
  </si>
  <si>
    <t>G. Girls primary school fakhrabad, basti tariqabad, near faiz town, multan</t>
  </si>
  <si>
    <t>Tarf Mubarak Doim</t>
  </si>
  <si>
    <t>46474</t>
  </si>
  <si>
    <t>GPS LABOUR COLONY</t>
  </si>
  <si>
    <t>MC Quaidabad</t>
  </si>
  <si>
    <t>GPS Labour colony Quaidabad Tehsil Quaidabad Distt.Khushab.</t>
  </si>
  <si>
    <t>20807</t>
  </si>
  <si>
    <t>GPS MUD SAIDU KHAN</t>
  </si>
  <si>
    <t>MUD SAIDU KHAN MOZA FATEH PUR</t>
  </si>
  <si>
    <t>Habib ur Rehman Ather</t>
  </si>
  <si>
    <t>31001</t>
  </si>
  <si>
    <t>32850</t>
  </si>
  <si>
    <t>GPS KOTLI LAL</t>
  </si>
  <si>
    <t>Kotli Lal</t>
  </si>
  <si>
    <t>kotli lal Teh &amp; Disst Nankana Sahib</t>
  </si>
  <si>
    <t>Nibi Pur Perain</t>
  </si>
  <si>
    <t>Muhammad Hassan Farooq</t>
  </si>
  <si>
    <t>53854</t>
  </si>
  <si>
    <t>GPS CHAK NO. 34 MB</t>
  </si>
  <si>
    <t>Chak No 34 Mb</t>
  </si>
  <si>
    <t>chak no 34 mb tehsil noor pur</t>
  </si>
  <si>
    <t>GGPS CHANGRIAN</t>
  </si>
  <si>
    <t>Changrian</t>
  </si>
  <si>
    <t>village changrian post office chawinda Tehsil Pasrur District Sialkot</t>
  </si>
  <si>
    <t>GGPS BASTI BAARI 4/A</t>
  </si>
  <si>
    <t>BASTI BARI CHAK 4/A LIAQUATPUR</t>
  </si>
  <si>
    <t>BASTI BARI</t>
  </si>
  <si>
    <t>Farrukh Perveen</t>
  </si>
  <si>
    <t>31597</t>
  </si>
  <si>
    <t>GPS NO. 3 MURIDKE</t>
  </si>
  <si>
    <t>town muridke</t>
  </si>
  <si>
    <t>Town Muridke</t>
  </si>
  <si>
    <t>Muridke 1</t>
  </si>
  <si>
    <t>48043</t>
  </si>
  <si>
    <t>Basira Muzaffar Garh</t>
  </si>
  <si>
    <t>47463</t>
  </si>
  <si>
    <t>GGPS PAINDA KHAN WALA</t>
  </si>
  <si>
    <t>ggps painda khan wala wandha jhange khelan wala mianwali</t>
  </si>
  <si>
    <t>45514</t>
  </si>
  <si>
    <t>20822</t>
  </si>
  <si>
    <t>GPS KOT PINDI WALA</t>
  </si>
  <si>
    <t>V&amp;P.O kot Pindi Wala Teh.Phalia District M.B.Din.</t>
  </si>
  <si>
    <t>27568</t>
  </si>
  <si>
    <t>17448</t>
  </si>
  <si>
    <t>Janglay</t>
  </si>
  <si>
    <t>GPS  Jangla</t>
  </si>
  <si>
    <t>Kassisay</t>
  </si>
  <si>
    <t>GMPS CHAK 44/P</t>
  </si>
  <si>
    <t>Chak # 44 p</t>
  </si>
  <si>
    <t>GMPS 44p Tehsil Khan pur</t>
  </si>
  <si>
    <t>Chak # 44p</t>
  </si>
  <si>
    <t>Chak # 45p</t>
  </si>
  <si>
    <t>20588</t>
  </si>
  <si>
    <t>30089</t>
  </si>
  <si>
    <t>GGPS DHALLA KALAN</t>
  </si>
  <si>
    <t>Kot Radha Kishion</t>
  </si>
  <si>
    <t>dhala kalaan Po khudia khas tehsil krk</t>
  </si>
  <si>
    <t>21897</t>
  </si>
  <si>
    <t>GPS BADOKE SEIKHWAN</t>
  </si>
  <si>
    <t>Baddoki saikhuwan</t>
  </si>
  <si>
    <t>Village Baddoki saikhuwan</t>
  </si>
  <si>
    <t>40457</t>
  </si>
  <si>
    <t>20593</t>
  </si>
  <si>
    <t>GPS DHAKKAR</t>
  </si>
  <si>
    <t>DINGA I - MALE</t>
  </si>
  <si>
    <t>Dhakkar</t>
  </si>
  <si>
    <t>village and p.o. dhakkar</t>
  </si>
  <si>
    <t>Kolian Shah Hussain</t>
  </si>
  <si>
    <t>53796</t>
  </si>
  <si>
    <t>GGPS MC MUNSHI MOHALLAH MBDIN</t>
  </si>
  <si>
    <t>munshi mohallah</t>
  </si>
  <si>
    <t>Munshi Mohalah</t>
  </si>
  <si>
    <t>20595</t>
  </si>
  <si>
    <t>54397</t>
  </si>
  <si>
    <t>GPS MOUZA KOTO WALA SHER MUHAMMAD</t>
  </si>
  <si>
    <t>Koto Wala</t>
  </si>
  <si>
    <t>koto wala sher muhammad post office more khonda nankana sahib</t>
  </si>
  <si>
    <t>Haffet Madder</t>
  </si>
  <si>
    <t>Imranbabar</t>
  </si>
  <si>
    <t>GPS CHAK 63/A</t>
  </si>
  <si>
    <t>chak 63/A</t>
  </si>
  <si>
    <t>chak 63/A liaquat pur</t>
  </si>
  <si>
    <t>chak 42/A</t>
  </si>
  <si>
    <t>31550</t>
  </si>
  <si>
    <t>GES MIROWAL</t>
  </si>
  <si>
    <t>Mirowal</t>
  </si>
  <si>
    <t>GES Mirowal tehsil muridke district sheikhupura</t>
  </si>
  <si>
    <t>Mahta Suja</t>
  </si>
  <si>
    <t>Abdul Munaf</t>
  </si>
  <si>
    <t>23697</t>
  </si>
  <si>
    <t>GPS CHAH KILLIAN WALA</t>
  </si>
  <si>
    <t>NOOR PUR SADAR  (MALE)</t>
  </si>
  <si>
    <t>gps chah killianwala teh noorpur thal dist khushab</t>
  </si>
  <si>
    <t>Chah Killianwala</t>
  </si>
  <si>
    <t>Shahr Nindo Khan</t>
  </si>
  <si>
    <t>Basti Nazar Muhammad shahr Nindo Khan Tehsil and District Rajan Pur</t>
  </si>
  <si>
    <t>Basti Nazar Muhammad  Muhammad</t>
  </si>
  <si>
    <t>Bangla Dehigan</t>
  </si>
  <si>
    <t>20605</t>
  </si>
  <si>
    <t>GPS QASIM UL ALOOM WARD NO. 5  EID GAAH</t>
  </si>
  <si>
    <t>Eid Gaah</t>
  </si>
  <si>
    <t>Mohallah Eid Gaah Layyah</t>
  </si>
  <si>
    <t>Eid Gaah Layyah</t>
  </si>
  <si>
    <t>GPS CHANNI GEHNA</t>
  </si>
  <si>
    <t>Channi Gahn</t>
  </si>
  <si>
    <t>gps  channi gehna p.o.same teh.phalia distt.m.b.din</t>
  </si>
  <si>
    <t>Channi Gahna</t>
  </si>
  <si>
    <t>Chak Shahbaz</t>
  </si>
  <si>
    <t>40510</t>
  </si>
  <si>
    <t>GGPS SHEIKHALI</t>
  </si>
  <si>
    <t>sheikhali</t>
  </si>
  <si>
    <t>g g p/so sheikhali</t>
  </si>
  <si>
    <t>wanbchran</t>
  </si>
  <si>
    <t>muzafrpur north</t>
  </si>
  <si>
    <t>GGPS MAL SIPRA</t>
  </si>
  <si>
    <t>Moza Mal sipra Tehsil Lalian Distt Chiniot</t>
  </si>
  <si>
    <t>GGPS NO. 1 PINDI BHATTIAN</t>
  </si>
  <si>
    <t>ggpsno1 pindi phattion</t>
  </si>
  <si>
    <t>Kishawer Sultana</t>
  </si>
  <si>
    <t>GPS MUHIB PUR GHARBI</t>
  </si>
  <si>
    <t>village Mohib Pur teh &amp; distt: Khushab</t>
  </si>
  <si>
    <t>29276</t>
  </si>
  <si>
    <t>GPS HIMMAT PURA</t>
  </si>
  <si>
    <t>Mohallah Himmat pura khudian khas tehsil kasur</t>
  </si>
  <si>
    <t>Munciple Committee Khudian</t>
  </si>
  <si>
    <t>GMPS BHAKHRAN WALI</t>
  </si>
  <si>
    <t>Bhakranwali</t>
  </si>
  <si>
    <t>bhakhran wali p.o ghumman wala tehsile nowshera virkan district gujranwala</t>
  </si>
  <si>
    <t>Bhakhranwali</t>
  </si>
  <si>
    <t>Ghumman Wala</t>
  </si>
  <si>
    <t>Anjam Hanif</t>
  </si>
  <si>
    <t>20625</t>
  </si>
  <si>
    <t>46428</t>
  </si>
  <si>
    <t>GPS MUHAMMAD KHAILAN WALA BANDIAL</t>
  </si>
  <si>
    <t>bandial</t>
  </si>
  <si>
    <t>16009</t>
  </si>
  <si>
    <t>GGPS HANIF KHELAN WALA</t>
  </si>
  <si>
    <t>Wan Bahchran</t>
  </si>
  <si>
    <t>nari miana post office wan bahchran</t>
  </si>
  <si>
    <t>Nari Miana</t>
  </si>
  <si>
    <t>Muzafar Pur North</t>
  </si>
  <si>
    <t>29994</t>
  </si>
  <si>
    <t>GPS MAAN SINGH WALA</t>
  </si>
  <si>
    <t>Bhagail Singh</t>
  </si>
  <si>
    <t>Gps maan sing wala no 5krk</t>
  </si>
  <si>
    <t>Kot radha kishen</t>
  </si>
  <si>
    <t>Mc krk</t>
  </si>
  <si>
    <t>Muhammad Ishaq Nasir</t>
  </si>
  <si>
    <t>23099</t>
  </si>
  <si>
    <t>GPS JAMIA ISLAMIA DINGA</t>
  </si>
  <si>
    <t>Dinga</t>
  </si>
  <si>
    <t>moh, paswala dinga teh kharian gujrat</t>
  </si>
  <si>
    <t>Mc Dinga</t>
  </si>
  <si>
    <t>Nasir Bashir</t>
  </si>
  <si>
    <t>GPS FARAKHPUR NAU</t>
  </si>
  <si>
    <t>Farkh Pur Nau</t>
  </si>
  <si>
    <t>GPS.Farkh Pur Nau. P/O. Qadir abad.Teh. Phalia, Distt. M.B.Din.</t>
  </si>
  <si>
    <t>GGES CHAK NO. 278-A/TDA</t>
  </si>
  <si>
    <t>CHAK NO 278A/TDA</t>
  </si>
  <si>
    <t>ADDA KOT MURAD CHAK NO 278A/TDA</t>
  </si>
  <si>
    <t>Asma Tanveer</t>
  </si>
  <si>
    <t>45688</t>
  </si>
  <si>
    <t>GPS RAMZAN COLONY JOUHARABAD</t>
  </si>
  <si>
    <t>ramzan colony jbd</t>
  </si>
  <si>
    <t>Ramzan Colony</t>
  </si>
  <si>
    <t>Joharabad</t>
  </si>
  <si>
    <t>khan muhammad</t>
  </si>
  <si>
    <t>5553</t>
  </si>
  <si>
    <t>GGPS HAKIM ABAD</t>
  </si>
  <si>
    <t>hakim abad</t>
  </si>
  <si>
    <t>hakim abad liaquat pur</t>
  </si>
  <si>
    <t>m.c. liaquat pur</t>
  </si>
  <si>
    <t>Tahira Kousar</t>
  </si>
  <si>
    <t>GMPS BASTI KHAWAJA</t>
  </si>
  <si>
    <t>Basti Khawaja</t>
  </si>
  <si>
    <t>government girls model primary School basti khawaja</t>
  </si>
  <si>
    <t>Noorpur Machiwala</t>
  </si>
  <si>
    <t>Shazia Hakeem</t>
  </si>
  <si>
    <t>45130</t>
  </si>
  <si>
    <t>GHSS HAIDER ABAD</t>
  </si>
  <si>
    <t>P/O HAIDERABAD THAL</t>
  </si>
  <si>
    <t>HAIDERABAD THAL</t>
  </si>
  <si>
    <t>Muhammad Yousef</t>
  </si>
  <si>
    <t>GPS RAKH MAHMOOD SHAHEED</t>
  </si>
  <si>
    <t>Rakh Mahmood Shaheed</t>
  </si>
  <si>
    <t>Mehmood Shaheed, Noor purthal district khushab.</t>
  </si>
  <si>
    <t>Mahmood Shaheed</t>
  </si>
  <si>
    <t>GGPS MUHAMMAD KHELAN WALA</t>
  </si>
  <si>
    <t>mehra Muhammad khelan wala,chak meras,muzafar pur shumali</t>
  </si>
  <si>
    <t>Muhammad Khelan Wala</t>
  </si>
  <si>
    <t>Jug Subhai</t>
  </si>
  <si>
    <t>37296</t>
  </si>
  <si>
    <t>12689</t>
  </si>
  <si>
    <t>33658</t>
  </si>
  <si>
    <t>GGPS GULL WALA</t>
  </si>
  <si>
    <t>Gull Wala,Basira, Muzaffargarh</t>
  </si>
  <si>
    <t>hira mujeeb</t>
  </si>
  <si>
    <t>22141</t>
  </si>
  <si>
    <t>GHS MALHU KHOKHAR</t>
  </si>
  <si>
    <t>Malhu Khokhar</t>
  </si>
  <si>
    <t>Village Malhu Khokhar Bimbher Road Gujrat</t>
  </si>
  <si>
    <t>Juara Jalalpur</t>
  </si>
  <si>
    <t>DR.SAIFULLAH</t>
  </si>
  <si>
    <t>20655</t>
  </si>
  <si>
    <t>GGPS KOT FAZAL SHAH</t>
  </si>
  <si>
    <t>ggp/s kot fazal shah phool nahar</t>
  </si>
  <si>
    <t>Kot Fazal Shah Phool Nagar</t>
  </si>
  <si>
    <t>Noreen Madussar</t>
  </si>
  <si>
    <t>8771</t>
  </si>
  <si>
    <t>20657</t>
  </si>
  <si>
    <t>GGES 7/8-R, TULAMBA</t>
  </si>
  <si>
    <t>7/8R</t>
  </si>
  <si>
    <t>7/8.R talumba</t>
  </si>
  <si>
    <t>7/8 R</t>
  </si>
  <si>
    <t>Iftikhar Bibi</t>
  </si>
  <si>
    <t>GPS AMIN KOT</t>
  </si>
  <si>
    <t>Qaimpur jhangi</t>
  </si>
  <si>
    <t>Basti amin kot moza qaimpur jhangi</t>
  </si>
  <si>
    <t>Basti Amin kot</t>
  </si>
  <si>
    <t>32804</t>
  </si>
  <si>
    <t>GPS ADDA MANGTAN WALA</t>
  </si>
  <si>
    <t>Adda Mangtanwala Mangtanwala</t>
  </si>
  <si>
    <t>GPS ADDA MANGTANWALA post office more khunda tehsil and district nankana sahib</t>
  </si>
  <si>
    <t>Adda Mangtanwala</t>
  </si>
  <si>
    <t>Mangtanwala</t>
  </si>
  <si>
    <t>Amina Liaqat</t>
  </si>
  <si>
    <t>54831</t>
  </si>
  <si>
    <t>GPS ISLAM PURA KUSHAB</t>
  </si>
  <si>
    <t>muhallah islam pura khushab</t>
  </si>
  <si>
    <t>11652</t>
  </si>
  <si>
    <t>GPS BARYAR ABAD</t>
  </si>
  <si>
    <t>GPS Baryar Abad chah sair wala mouza choudhary kot adu</t>
  </si>
  <si>
    <t>Chah Sair Wala</t>
  </si>
  <si>
    <t>47746</t>
  </si>
  <si>
    <t>GES KUNDIAN CITY</t>
  </si>
  <si>
    <t>khalid mehmood khan</t>
  </si>
  <si>
    <t>GMPS CHAK NO. 33</t>
  </si>
  <si>
    <t>33chak</t>
  </si>
  <si>
    <t>chak no 33 khasa</t>
  </si>
  <si>
    <t>Shagufta Yousaf</t>
  </si>
  <si>
    <t>47445</t>
  </si>
  <si>
    <t>GMPS KHALIQ ABAD</t>
  </si>
  <si>
    <t>Wanbachran</t>
  </si>
  <si>
    <t>gmps khaliq abad po wanbachran</t>
  </si>
  <si>
    <t>Muzaffar Pur North</t>
  </si>
  <si>
    <t>GPS RATTA KHAL</t>
  </si>
  <si>
    <t>Durnyion</t>
  </si>
  <si>
    <t>g b p s ratta khal durnyion kotli sattian</t>
  </si>
  <si>
    <t>Mahnaz Begum</t>
  </si>
  <si>
    <t>GHS BAHADUR NAGAR FARM</t>
  </si>
  <si>
    <t>BAHADUR NAGAR FARM</t>
  </si>
  <si>
    <t>GHS BAHADUR NAGAR FARM OKARA</t>
  </si>
  <si>
    <t>41356</t>
  </si>
  <si>
    <t>GGPS MAHMOOD ABAD</t>
  </si>
  <si>
    <t>ggps mehmoodabad</t>
  </si>
  <si>
    <t>Mahmood Abad</t>
  </si>
  <si>
    <t>Muhammad Daha</t>
  </si>
  <si>
    <t>30182</t>
  </si>
  <si>
    <t>36142</t>
  </si>
  <si>
    <t>24264</t>
  </si>
  <si>
    <t>GPS DEWOAL</t>
  </si>
  <si>
    <t>Dewoal</t>
  </si>
  <si>
    <t>Post Office Bajra ghari Tehsil Pasrur district Sialkot</t>
  </si>
  <si>
    <t>chahar Bajwa</t>
  </si>
  <si>
    <t>Tahir Akbar</t>
  </si>
  <si>
    <t>25529</t>
  </si>
  <si>
    <t>33457</t>
  </si>
  <si>
    <t>GGPS SYED</t>
  </si>
  <si>
    <t>village syed tehsil phalia district M.B din</t>
  </si>
  <si>
    <t>Kot Hast Khan</t>
  </si>
  <si>
    <t>31044</t>
  </si>
  <si>
    <t>20688</t>
  </si>
  <si>
    <t>GGPS KALI BAIR</t>
  </si>
  <si>
    <t>Kali Bair</t>
  </si>
  <si>
    <t>GGPS kali bair</t>
  </si>
  <si>
    <t>GGPS SOHAIL SINGH</t>
  </si>
  <si>
    <t>MCD 14-FEMALE</t>
  </si>
  <si>
    <t>Sohil Singh</t>
  </si>
  <si>
    <t>ggps sohil singh</t>
  </si>
  <si>
    <t>Baste Padam Pura</t>
  </si>
  <si>
    <t>Kabootre</t>
  </si>
  <si>
    <t>Uzma Shafique</t>
  </si>
  <si>
    <t>22035</t>
  </si>
  <si>
    <t>GMPS KOT JEEWA</t>
  </si>
  <si>
    <t>Kot Jeewa</t>
  </si>
  <si>
    <t>dakhana botala jhanda sing kot jeewa</t>
  </si>
  <si>
    <t>Madiha Liaqat</t>
  </si>
  <si>
    <t>37292</t>
  </si>
  <si>
    <t>GGPS 37/10-R, KACHA KHUH</t>
  </si>
  <si>
    <t>37/10-R</t>
  </si>
  <si>
    <t>ggps 37/10-R</t>
  </si>
  <si>
    <t>sana Rao</t>
  </si>
  <si>
    <t>GPS BURAHANA</t>
  </si>
  <si>
    <t>Burhana</t>
  </si>
  <si>
    <t>burhana</t>
  </si>
  <si>
    <t>Bann</t>
  </si>
  <si>
    <t>Asia Bi Bi</t>
  </si>
  <si>
    <t>17965</t>
  </si>
  <si>
    <t>20699</t>
  </si>
  <si>
    <t>GES THATHA JAHID AMIR WALA</t>
  </si>
  <si>
    <t>Thats Jahid</t>
  </si>
  <si>
    <t>GES Thatha Jahid Amir Wala</t>
  </si>
  <si>
    <t>Thatha Jahid Amir Wala</t>
  </si>
  <si>
    <t>51414</t>
  </si>
  <si>
    <t>20701</t>
  </si>
  <si>
    <t>GGPS TOWNG</t>
  </si>
  <si>
    <t>Towng</t>
  </si>
  <si>
    <t>muza Towng</t>
  </si>
  <si>
    <t>Bait Sounta</t>
  </si>
  <si>
    <t>31660</t>
  </si>
  <si>
    <t>GPS BOOL CHAK</t>
  </si>
  <si>
    <t>Bool Chak</t>
  </si>
  <si>
    <t>bool chak p/o khas tehsil mureedky district sheikhupura</t>
  </si>
  <si>
    <t>Tuqeer Ahmad Naaz</t>
  </si>
  <si>
    <t>GPS CHAK RAIB</t>
  </si>
  <si>
    <t>Chak raib</t>
  </si>
  <si>
    <t>Saleem Iftikhar Salik</t>
  </si>
  <si>
    <t>GGPS NARI MIANA</t>
  </si>
  <si>
    <t>Wan bhachran</t>
  </si>
  <si>
    <t>village nari miana p/o wan bhachran teh &amp; disst mianwali</t>
  </si>
  <si>
    <t>Nari miana</t>
  </si>
  <si>
    <t>Muzafarpur north</t>
  </si>
  <si>
    <t>summeya iqbal</t>
  </si>
  <si>
    <t>12464</t>
  </si>
  <si>
    <t>GPS JADA CHANDIA</t>
  </si>
  <si>
    <t>jada Chandia</t>
  </si>
  <si>
    <t>Basti Jada Chandai Mouza Jada Chandia P.O Basira Tehsil &amp; District Muzaffargarh</t>
  </si>
  <si>
    <t>20376</t>
  </si>
  <si>
    <t>18330</t>
  </si>
  <si>
    <t>45134</t>
  </si>
  <si>
    <t>GHS KAPAHI</t>
  </si>
  <si>
    <t>kapahi</t>
  </si>
  <si>
    <t>Govt. High School Kapahi Tehsil mankera district bhakkar</t>
  </si>
  <si>
    <t>gohar wala</t>
  </si>
  <si>
    <t>Abul Hassan Khan</t>
  </si>
  <si>
    <t>42178</t>
  </si>
  <si>
    <t>GPS BHATTIAN</t>
  </si>
  <si>
    <t>Village Bhattian P\o kahuti Bazar</t>
  </si>
  <si>
    <t>47466</t>
  </si>
  <si>
    <t>GGPS SULTAN WALA SHARQI</t>
  </si>
  <si>
    <t>GGPS sultanwalasharqi</t>
  </si>
  <si>
    <t>23643</t>
  </si>
  <si>
    <t>23639</t>
  </si>
  <si>
    <t>GPS LATIF MODEL FARM</t>
  </si>
  <si>
    <t>chak No. 149-B</t>
  </si>
  <si>
    <t>Chak No. 149-B tehsil &amp; District Layyah</t>
  </si>
  <si>
    <t>Chak No. 149-B</t>
  </si>
  <si>
    <t>Jarri Haider Rizvi</t>
  </si>
  <si>
    <t>54183</t>
  </si>
  <si>
    <t>GPS SHIWALA</t>
  </si>
  <si>
    <t>JAUHARABAD EAST (MALE)</t>
  </si>
  <si>
    <t>Shiwala</t>
  </si>
  <si>
    <t>Inam Aziz Akbar</t>
  </si>
  <si>
    <t>GGPS PAJOKI</t>
  </si>
  <si>
    <t>Pajoki</t>
  </si>
  <si>
    <t>village pajoki po lakhanwal teh n dist gujrat</t>
  </si>
  <si>
    <t>Pajoki Kalan</t>
  </si>
  <si>
    <t>46342</t>
  </si>
  <si>
    <t>32008</t>
  </si>
  <si>
    <t>20838</t>
  </si>
  <si>
    <t>46470</t>
  </si>
  <si>
    <t>GPS KHANALAN WALA</t>
  </si>
  <si>
    <t>Dera Khanalan Wala warcha</t>
  </si>
  <si>
    <t>Khanalan Wala</t>
  </si>
  <si>
    <t>30046</t>
  </si>
  <si>
    <t>47899</t>
  </si>
  <si>
    <t>GGPS ALU WALI SHARQI</t>
  </si>
  <si>
    <t>Alluwali tehsil piplan district mianwali</t>
  </si>
  <si>
    <t>Shabana kausar</t>
  </si>
  <si>
    <t>18779</t>
  </si>
  <si>
    <t>GPS SHAMAS WALA</t>
  </si>
  <si>
    <t>GPS Shamas Wala,P/O Mandisadiqganj,Tehsil Minchinabad,District Bahawalnagar</t>
  </si>
  <si>
    <t>27667</t>
  </si>
  <si>
    <t>GPS GOHAR</t>
  </si>
  <si>
    <t>Gohar tehsil malakwal District mandi bahauddin</t>
  </si>
  <si>
    <t>Muhammad Adnan Iqbal</t>
  </si>
  <si>
    <t>28086</t>
  </si>
  <si>
    <t>41260</t>
  </si>
  <si>
    <t>GHSS AUSIA</t>
  </si>
  <si>
    <t>ausia</t>
  </si>
  <si>
    <t>VPO AUSIA TEHSIL MURREE DISTRICT RAWALPINDI</t>
  </si>
  <si>
    <t>AUSIA</t>
  </si>
  <si>
    <t>MUHAMMAD KHURSHID QURESHI</t>
  </si>
  <si>
    <t>31587</t>
  </si>
  <si>
    <t>GPS CHAK 47</t>
  </si>
  <si>
    <t>Chak 47</t>
  </si>
  <si>
    <t>village Chak 47</t>
  </si>
  <si>
    <t>Dhror Muslim</t>
  </si>
  <si>
    <t>29159</t>
  </si>
  <si>
    <t>GPS JAMAIT PURA KASUR</t>
  </si>
  <si>
    <t>jamaat pura kasur</t>
  </si>
  <si>
    <t>Jamaat Pura</t>
  </si>
  <si>
    <t>City  Kasur</t>
  </si>
  <si>
    <t>GGES SHER PUR</t>
  </si>
  <si>
    <t>Dinanath</t>
  </si>
  <si>
    <t>Ume Salma</t>
  </si>
  <si>
    <t>54417</t>
  </si>
  <si>
    <t>GPS BASTI GHARIB ABAD GOGRAN</t>
  </si>
  <si>
    <t>gharibabad colony gogran</t>
  </si>
  <si>
    <t>Gharibabad</t>
  </si>
  <si>
    <t>45835</t>
  </si>
  <si>
    <t>GPS DHOK PIRHAL</t>
  </si>
  <si>
    <t>DHOK PIRHAL DAIWAL DISTRICT AND TEHSIL KHUSHAB</t>
  </si>
  <si>
    <t>Dhok Pirhal</t>
  </si>
  <si>
    <t>GPS MC HALQA NO 1</t>
  </si>
  <si>
    <t>PS block no 1 bago bahaar Road khanpur</t>
  </si>
  <si>
    <t>Tahir Mahmoud Dahir</t>
  </si>
  <si>
    <t>33449</t>
  </si>
  <si>
    <t>37717</t>
  </si>
  <si>
    <t>GGCMES 20/8-BR TULAMBA</t>
  </si>
  <si>
    <t>chak no 20/8br</t>
  </si>
  <si>
    <t>Saleema Noureen</t>
  </si>
  <si>
    <t>GPS LIAQAT ABAD</t>
  </si>
  <si>
    <t>piplan paka</t>
  </si>
  <si>
    <t>f2 officer colony liaqatabad piplan</t>
  </si>
  <si>
    <t>liaqatabad</t>
  </si>
  <si>
    <t>mc piplan</t>
  </si>
  <si>
    <t>Samee Ullah</t>
  </si>
  <si>
    <t>38972</t>
  </si>
  <si>
    <t>28104</t>
  </si>
  <si>
    <t>GGHS BBS SOHAWA BOLANI</t>
  </si>
  <si>
    <t>Sohawa bolani</t>
  </si>
  <si>
    <t>sargodha road</t>
  </si>
  <si>
    <t>Najma  Noreen</t>
  </si>
  <si>
    <t>42146</t>
  </si>
  <si>
    <t>GHS BIAGA</t>
  </si>
  <si>
    <t>biaga kotli sattian rwp</t>
  </si>
  <si>
    <t>40322</t>
  </si>
  <si>
    <t>32801</t>
  </si>
  <si>
    <t>GPS HARAYA MORE KHUNDA</t>
  </si>
  <si>
    <t>Haraya</t>
  </si>
  <si>
    <t>Village Haraya p/o More Khunda Th &amp; Distt Nankana Sahib</t>
  </si>
  <si>
    <t>Jallal New</t>
  </si>
  <si>
    <t>Arshid  Mehmood</t>
  </si>
  <si>
    <t>20876</t>
  </si>
  <si>
    <t>GPS SAIDABAD DAKHLI SHAH WALA JANUBI</t>
  </si>
  <si>
    <t>Shahwala Janobi</t>
  </si>
  <si>
    <t>Dera Saidabad dakhli shahwala janobi tehsil noorpur district khushab</t>
  </si>
  <si>
    <t>Saidabad</t>
  </si>
  <si>
    <t>GGPS KALU KHARA</t>
  </si>
  <si>
    <t>Kalu Khara</t>
  </si>
  <si>
    <t>kalokhara p/o ram thaman</t>
  </si>
  <si>
    <t>Kalokhara</t>
  </si>
  <si>
    <t>GPS CHAK NO 48 MURIDKE</t>
  </si>
  <si>
    <t>Chak 48</t>
  </si>
  <si>
    <t>chak no.48</t>
  </si>
  <si>
    <t>Chak No 48</t>
  </si>
  <si>
    <t>Muhammad Ejaz Ahmad</t>
  </si>
  <si>
    <t>39246</t>
  </si>
  <si>
    <t>GES KHOUR CITY</t>
  </si>
  <si>
    <t>Khaur City</t>
  </si>
  <si>
    <t>Goverment Elementry School khaur city</t>
  </si>
  <si>
    <t>26667</t>
  </si>
  <si>
    <t>GPS DHENGHAN WALI</t>
  </si>
  <si>
    <t>dhengawali</t>
  </si>
  <si>
    <t>mozo dhengawali</t>
  </si>
  <si>
    <t>Dhengawali</t>
  </si>
  <si>
    <t>Maria Sarfraz</t>
  </si>
  <si>
    <t>30172</t>
  </si>
  <si>
    <t>28556</t>
  </si>
  <si>
    <t>GPS CHAK SAIDA</t>
  </si>
  <si>
    <t>Chak Saida p.o charanwala teh phalia M. B. Din</t>
  </si>
  <si>
    <t>GPS CHAK NO.563 TDA</t>
  </si>
  <si>
    <t>Chak 563 Tda</t>
  </si>
  <si>
    <t>Chak 563 tda chok serwer shaheed</t>
  </si>
  <si>
    <t>Mir Pur Bgal</t>
  </si>
  <si>
    <t>47702</t>
  </si>
  <si>
    <t>GGPS DERA ISMAIL WALA</t>
  </si>
  <si>
    <t>Ggps dera Ismail Wala p/o sher Wala thsil dist mianwali</t>
  </si>
  <si>
    <t>Badri Khelan Wala</t>
  </si>
  <si>
    <t>48041</t>
  </si>
  <si>
    <t>GPS DERA FATEH KHANWALA</t>
  </si>
  <si>
    <t>sultany wala</t>
  </si>
  <si>
    <t>Sultany Wala</t>
  </si>
  <si>
    <t>Sami Ullah  Khan</t>
  </si>
  <si>
    <t>46239</t>
  </si>
  <si>
    <t>GPS SIDDIQUE WALA</t>
  </si>
  <si>
    <t>v.p.o biland Gps Dara Siddique wala biland tehsil noorpur district khushab</t>
  </si>
  <si>
    <t>Muti  Ur Rahman</t>
  </si>
  <si>
    <t>50818</t>
  </si>
  <si>
    <t>Chak sadiqabad, fatehpur, Rajanpur</t>
  </si>
  <si>
    <t>47156</t>
  </si>
  <si>
    <t>VLLAGE AHMED ABAD</t>
  </si>
  <si>
    <t>MUHAMMAD AMJAD MALIK</t>
  </si>
  <si>
    <t>29629</t>
  </si>
  <si>
    <t>GES AWAN CHAK 39</t>
  </si>
  <si>
    <t>Awan Ch 39</t>
  </si>
  <si>
    <t>awan ch 39</t>
  </si>
  <si>
    <t>Muhammad Sohail Akbar</t>
  </si>
  <si>
    <t>42280</t>
  </si>
  <si>
    <t>GGPS BAMLERHI</t>
  </si>
  <si>
    <t>Ggps Bamlerhi</t>
  </si>
  <si>
    <t>Bamlerhi</t>
  </si>
  <si>
    <t>Mobina Abbasi</t>
  </si>
  <si>
    <t>37997</t>
  </si>
  <si>
    <t>GPS BAHADUR TAHAHEEM</t>
  </si>
  <si>
    <t>Laly Wala</t>
  </si>
  <si>
    <t>Basti Bahadur Thaheem  moza Laly wala Lodhran</t>
  </si>
  <si>
    <t>Bahadur Thaheem</t>
  </si>
  <si>
    <t>GPS KOT NAZIR AHMAD</t>
  </si>
  <si>
    <t>Kot Nazir Ahmed</t>
  </si>
  <si>
    <t>village kot nazir Ahmed tehsil Muridke</t>
  </si>
  <si>
    <t>Kot Nazir</t>
  </si>
  <si>
    <t>Lambarry</t>
  </si>
  <si>
    <t>32861</t>
  </si>
  <si>
    <t>GGPS THATHA NEHAL</t>
  </si>
  <si>
    <t>Thatha Nehal</t>
  </si>
  <si>
    <t>Thatha nehal post Office Syed wala</t>
  </si>
  <si>
    <t>Chak 12/68</t>
  </si>
  <si>
    <t>8256</t>
  </si>
  <si>
    <t>GGPS CHAK NO. 114 NP</t>
  </si>
  <si>
    <t>chak 114 np</t>
  </si>
  <si>
    <t>114np</t>
  </si>
  <si>
    <t>GHS CHAKKI</t>
  </si>
  <si>
    <t>VPO CHAKKI, TEHSIL PINDI GHEB</t>
  </si>
  <si>
    <t>22221</t>
  </si>
  <si>
    <t>GGHS BEHAL PUR</t>
  </si>
  <si>
    <t>Behlpur</t>
  </si>
  <si>
    <t>Village and P.O behlpur Teh and disctt. Gujrat</t>
  </si>
  <si>
    <t>Salma Latif</t>
  </si>
  <si>
    <t>44141</t>
  </si>
  <si>
    <t>29072</t>
  </si>
  <si>
    <t>Gps shaheen Abad jamali</t>
  </si>
  <si>
    <t>Aziz Ur Rahmn</t>
  </si>
  <si>
    <t>GES CHAK NO. 555-TDA</t>
  </si>
  <si>
    <t>Chak No 555/TDA</t>
  </si>
  <si>
    <t>chak no 555/tDA</t>
  </si>
  <si>
    <t>Chak no 555/TDA</t>
  </si>
  <si>
    <t>42125</t>
  </si>
  <si>
    <t>47508</t>
  </si>
  <si>
    <t>GMPS DEWAN KHELAN WALA</t>
  </si>
  <si>
    <t>chidru</t>
  </si>
  <si>
    <t>govt girls P/S dewan khelan wala chidru</t>
  </si>
  <si>
    <t>dewan khelan wala</t>
  </si>
  <si>
    <t>17728</t>
  </si>
  <si>
    <t>47774</t>
  </si>
  <si>
    <t>GGHS SAEED ABAD</t>
  </si>
  <si>
    <t>Near Saifun Pul</t>
  </si>
  <si>
    <t>Zubaida Malik</t>
  </si>
  <si>
    <t>46484</t>
  </si>
  <si>
    <t>GPS SHAH NAWAZ KHAIL</t>
  </si>
  <si>
    <t>Dera shahnawaz khel golewali</t>
  </si>
  <si>
    <t>Muhammad Qayyum khan</t>
  </si>
  <si>
    <t>20163</t>
  </si>
  <si>
    <t>29835</t>
  </si>
  <si>
    <t>GGPS KOT SHAFI</t>
  </si>
  <si>
    <t>Kotshafi</t>
  </si>
  <si>
    <t>kotshafi</t>
  </si>
  <si>
    <t>Bhai Kot Chak 3</t>
  </si>
  <si>
    <t>34162</t>
  </si>
  <si>
    <t>20476</t>
  </si>
  <si>
    <t>46584</t>
  </si>
  <si>
    <t>GES DHOKARI</t>
  </si>
  <si>
    <t>Dhokri Tehsil Quaidabad Distt Khushab</t>
  </si>
  <si>
    <t>Choa</t>
  </si>
  <si>
    <t>Muhammad Imran Farooqui</t>
  </si>
  <si>
    <t>48903</t>
  </si>
  <si>
    <t>20483</t>
  </si>
  <si>
    <t>GPS DHARI WALA</t>
  </si>
  <si>
    <t>Dhari Wala</t>
  </si>
  <si>
    <t>Dhari wala</t>
  </si>
  <si>
    <t>GPS MOTTA WALA</t>
  </si>
  <si>
    <t>MARI  ALLAH  BACHAYA</t>
  </si>
  <si>
    <t>BASTI MOTTON WALA  UC  MARI ALLAH BACHAYA TEHSIL KPR, DISTRICT  RYK.</t>
  </si>
  <si>
    <t>MOTTAN WALA</t>
  </si>
  <si>
    <t>45319</t>
  </si>
  <si>
    <t>20485</t>
  </si>
  <si>
    <t>GPS BABAYI KALAN</t>
  </si>
  <si>
    <t>Babia kalan</t>
  </si>
  <si>
    <t>village Babia kalan, Tehsil Minchinabad ,district Bahawalnagar .</t>
  </si>
  <si>
    <t>37683</t>
  </si>
  <si>
    <t>GMPS BOOPRI AYA KHERA, TULAMBA</t>
  </si>
  <si>
    <t>Boopri</t>
  </si>
  <si>
    <t>dakkhana khas 2/8r mirza pur boopri aya khera</t>
  </si>
  <si>
    <t>Boopri Aya Khera</t>
  </si>
  <si>
    <t>123/7er Dullawan</t>
  </si>
  <si>
    <t>Amna Shaista</t>
  </si>
  <si>
    <t>40028</t>
  </si>
  <si>
    <t>20487</t>
  </si>
  <si>
    <t>GES CHAK NO 261 WB</t>
  </si>
  <si>
    <t>Chak No 261/wb</t>
  </si>
  <si>
    <t>chak no 261/wb</t>
  </si>
  <si>
    <t>Chak No 261/b</t>
  </si>
  <si>
    <t>51335</t>
  </si>
  <si>
    <t>25608</t>
  </si>
  <si>
    <t>GHS AURANG ABAD</t>
  </si>
  <si>
    <t>aurangabad</t>
  </si>
  <si>
    <t>Ghs Aurangabad</t>
  </si>
  <si>
    <t>KHALID MEHMOOD KAHLON</t>
  </si>
  <si>
    <t>18750</t>
  </si>
  <si>
    <t>179685</t>
  </si>
  <si>
    <t>GES THABAL DHOOCH</t>
  </si>
  <si>
    <t>thabal p/o chaba sindhwan noshra virkan Gujranwala</t>
  </si>
  <si>
    <t>thabal</t>
  </si>
  <si>
    <t>Saeed Ahmed Sharif</t>
  </si>
  <si>
    <t>GPS DHERA P/O MANDI FAIZABAD</t>
  </si>
  <si>
    <t>Qila Korka</t>
  </si>
  <si>
    <t>GPS Dhera Markaz Mangtanwala Distt&amp;Teh Nankana sahib</t>
  </si>
  <si>
    <t>Haft madar</t>
  </si>
  <si>
    <t>11955</t>
  </si>
  <si>
    <t>30105</t>
  </si>
  <si>
    <t>GGCMS BHAMBHA KALAN</t>
  </si>
  <si>
    <t>Bhamba kalan</t>
  </si>
  <si>
    <t>39226</t>
  </si>
  <si>
    <t>GHS GANDA KASS</t>
  </si>
  <si>
    <t>Vpo. ganda kass</t>
  </si>
  <si>
    <t>ASMAT IQBAL</t>
  </si>
  <si>
    <t>54171</t>
  </si>
  <si>
    <t>GGPS NEW CENTRAL JAIL MULTAN</t>
  </si>
  <si>
    <t>ravi</t>
  </si>
  <si>
    <t>Govt Girls primary school New Central jail multan</t>
  </si>
  <si>
    <t>Ghousa abad</t>
  </si>
  <si>
    <t>GES LUDHAR</t>
  </si>
  <si>
    <t>BARYAR Kohna</t>
  </si>
  <si>
    <t>village Baryar  kohna Markaz   Mdk. 3  Distt Skp</t>
  </si>
  <si>
    <t>20841</t>
  </si>
  <si>
    <t>GGPS BAIT SOUNTRA</t>
  </si>
  <si>
    <t>Bait Sontra</t>
  </si>
  <si>
    <t>bait sontra rajan Pur</t>
  </si>
  <si>
    <t>Razia Mukhtiar</t>
  </si>
  <si>
    <t>28408</t>
  </si>
  <si>
    <t>GPS THATHA KHAN MUHAMMAD</t>
  </si>
  <si>
    <t>Thatha Khan muhammad</t>
  </si>
  <si>
    <t>GPS thatha khan Muhammad p/o Saida Sharif the. phalia dist. m.b.din</t>
  </si>
  <si>
    <t>Thatha Khan Muhammad</t>
  </si>
  <si>
    <t>Kala Shadyan</t>
  </si>
  <si>
    <t>Khalid Mehmood Nasir</t>
  </si>
  <si>
    <t>45207</t>
  </si>
  <si>
    <t>GPS KACHI GURMANI</t>
  </si>
  <si>
    <t>Katchi Gurmani</t>
  </si>
  <si>
    <t>P/o qasba gujrat mouza katchi gurmani</t>
  </si>
  <si>
    <t>Katchi Kutra Gurmani</t>
  </si>
  <si>
    <t>Munawar Abbas</t>
  </si>
  <si>
    <t>GPS JHANWALA</t>
  </si>
  <si>
    <t>Harrnoli</t>
  </si>
  <si>
    <t>village jahan wala post office Harrnoli Tehsil piplan distric mianwali</t>
  </si>
  <si>
    <t>JAHAN wala</t>
  </si>
  <si>
    <t>29289</t>
  </si>
  <si>
    <t>38155</t>
  </si>
  <si>
    <t>GGCMS CHAK NO.100/M</t>
  </si>
  <si>
    <t>Gagan Hatta</t>
  </si>
  <si>
    <t>govt . girls c.m 100/m</t>
  </si>
  <si>
    <t>100/M</t>
  </si>
  <si>
    <t>Sandi Wala</t>
  </si>
  <si>
    <t>Nosheen Asghar</t>
  </si>
  <si>
    <t>19347</t>
  </si>
  <si>
    <t>33434</t>
  </si>
  <si>
    <t>GPS JHOK HUSSAIN KHAN</t>
  </si>
  <si>
    <t>Noory Wala Pacca</t>
  </si>
  <si>
    <t>Moza Noory wala pacca Basti ghudra</t>
  </si>
  <si>
    <t>Basti Ghudra</t>
  </si>
  <si>
    <t>47267</t>
  </si>
  <si>
    <t>29252</t>
  </si>
  <si>
    <t>GPS BAZEED PUR</t>
  </si>
  <si>
    <t>p/o khas bazeed pur t/d kasur</t>
  </si>
  <si>
    <t>40334</t>
  </si>
  <si>
    <t>GGES AHMED ABAD</t>
  </si>
  <si>
    <t>Ahmedabad</t>
  </si>
  <si>
    <t>Tabassam Mirza</t>
  </si>
  <si>
    <t>27387</t>
  </si>
  <si>
    <t>GGES MIRZA BAHKSINKA</t>
  </si>
  <si>
    <t>Mirza Bhangsika</t>
  </si>
  <si>
    <t>Mirza bhangsika pindi bhattian</t>
  </si>
  <si>
    <t>Mirza Bhangsik</t>
  </si>
  <si>
    <t>Amina Siddique</t>
  </si>
  <si>
    <t>49111</t>
  </si>
  <si>
    <t>GPS CHAK NO 49 DB</t>
  </si>
  <si>
    <t>Chak No 49 DB</t>
  </si>
  <si>
    <t>49db</t>
  </si>
  <si>
    <t>Chak No 49 D B</t>
  </si>
  <si>
    <t>GGPS GULSHAN ALTAF IRRIGATION COLONY</t>
  </si>
  <si>
    <t>GGP/S Gulshan Altaf khan pur</t>
  </si>
  <si>
    <t>Canal Calony</t>
  </si>
  <si>
    <t>74E</t>
  </si>
  <si>
    <t>GES CHAK NO. 127/P</t>
  </si>
  <si>
    <t>Tally Wali</t>
  </si>
  <si>
    <t>chak no. 127/P post office 125/P RYK</t>
  </si>
  <si>
    <t>Chak 127/P</t>
  </si>
  <si>
    <t>Irshad AHMAD</t>
  </si>
  <si>
    <t>31699</t>
  </si>
  <si>
    <t>GPS BUTTAH WADH</t>
  </si>
  <si>
    <t>Bhittay Wadh</t>
  </si>
  <si>
    <t>bhittay wadh tehsil muridakt distic skp</t>
  </si>
  <si>
    <t>20533</t>
  </si>
  <si>
    <t>20214</t>
  </si>
  <si>
    <t>GPS NO 1 CHAK BAHADUR</t>
  </si>
  <si>
    <t>30409</t>
  </si>
  <si>
    <t>30351</t>
  </si>
  <si>
    <t>45865</t>
  </si>
  <si>
    <t>GPS DERA BHASEEN</t>
  </si>
  <si>
    <t>Village DeraBhaseen</t>
  </si>
  <si>
    <t>DeraBhaseen</t>
  </si>
  <si>
    <t>Mansoor Nasir</t>
  </si>
  <si>
    <t>GPS SIDDIQIA ANWAR BARO LAYYAH</t>
  </si>
  <si>
    <t>Wagay Wala</t>
  </si>
  <si>
    <t>Mohallah Wagay Wala Tehsil &amp; DIstrict Layyah</t>
  </si>
  <si>
    <t>20544</t>
  </si>
  <si>
    <t>GGES DHAKRAN WALI</t>
  </si>
  <si>
    <t>Dhakranwali</t>
  </si>
  <si>
    <t>Chakori Bhilowal</t>
  </si>
  <si>
    <t>Madiha Saeed</t>
  </si>
  <si>
    <t>GPS BHAID WALA</t>
  </si>
  <si>
    <t>Bhaid Wala</t>
  </si>
  <si>
    <t>bhaid wala</t>
  </si>
  <si>
    <t>Bholey Wala</t>
  </si>
  <si>
    <t>GHS DERNOIAN</t>
  </si>
  <si>
    <t>GBHS Darnoian kotli sattian</t>
  </si>
  <si>
    <t>Anwar Ul-Haq</t>
  </si>
  <si>
    <t>GGPS CHAK 48/M</t>
  </si>
  <si>
    <t>48/m</t>
  </si>
  <si>
    <t>p/o 49m chack 48 govt girls primary school 48m</t>
  </si>
  <si>
    <t>48m</t>
  </si>
  <si>
    <t>49m</t>
  </si>
  <si>
    <t>12158</t>
  </si>
  <si>
    <t>GPS CHAK NO. 605/TDA</t>
  </si>
  <si>
    <t>Wandher</t>
  </si>
  <si>
    <t>chak 605</t>
  </si>
  <si>
    <t>Chak 605</t>
  </si>
  <si>
    <t>Hussain Ahmad</t>
  </si>
  <si>
    <t>31634</t>
  </si>
  <si>
    <t>47803</t>
  </si>
  <si>
    <t>GES MELE WALI KUNDIAN MIANWALI</t>
  </si>
  <si>
    <t>Mely wali</t>
  </si>
  <si>
    <t>mahala mahram khelan Wala mele wale</t>
  </si>
  <si>
    <t>Meley Wali</t>
  </si>
  <si>
    <t>Katcha GUJRAT</t>
  </si>
  <si>
    <t>Muhammad Mahboob</t>
  </si>
  <si>
    <t>GPS 195 WB</t>
  </si>
  <si>
    <t>Chak No 195/wb</t>
  </si>
  <si>
    <t>chak no 195/wb</t>
  </si>
  <si>
    <t>31686</t>
  </si>
  <si>
    <t>GGPS MODEL GORIAN MUGHLAN</t>
  </si>
  <si>
    <t>Gourian Mughlan</t>
  </si>
  <si>
    <t>Kalakhatai</t>
  </si>
  <si>
    <t>Asif Ali Zaheer</t>
  </si>
  <si>
    <t>27312</t>
  </si>
  <si>
    <t>GPS BERAN WALA</t>
  </si>
  <si>
    <t>BERANWALA</t>
  </si>
  <si>
    <t>BERANWALA P/O PINDORIAN TEH. PINDI BHATTIAN DIST.HAFIZABAD</t>
  </si>
  <si>
    <t>BADAR ALI</t>
  </si>
  <si>
    <t>20565</t>
  </si>
  <si>
    <t>27834</t>
  </si>
  <si>
    <t>GGES FAQIRIAN</t>
  </si>
  <si>
    <t>MIANA GONDAL-II- FEMALE</t>
  </si>
  <si>
    <t>Faqirian</t>
  </si>
  <si>
    <t>gown faqirian</t>
  </si>
  <si>
    <t>29656</t>
  </si>
  <si>
    <t>GES JAGGO WALA CHAK NO 40</t>
  </si>
  <si>
    <t>Govt. Elementary School Jagoo Wala Chak 40, tehsil pattoki district kasur,</t>
  </si>
  <si>
    <t>BEHAR WAL KALAN</t>
  </si>
  <si>
    <t>20573</t>
  </si>
  <si>
    <t>GGPS MURAD WAH</t>
  </si>
  <si>
    <t>Muradwah</t>
  </si>
  <si>
    <t>ggps muradwah basti jam klo moza murad wah</t>
  </si>
  <si>
    <t>Basti Jam Kalo</t>
  </si>
  <si>
    <t>Ghrhi Akhtiar Khan</t>
  </si>
  <si>
    <t>Shazia Bukhari</t>
  </si>
  <si>
    <t>GPS DERA ATTA MUHAMMAD KALOO</t>
  </si>
  <si>
    <t>ADHI KOT (MALE)</t>
  </si>
  <si>
    <t>VPO Biland Tehsil Noorpur Thal District Khushab</t>
  </si>
  <si>
    <t>49128</t>
  </si>
  <si>
    <t>GGPS BASTI TANVARI</t>
  </si>
  <si>
    <t>BASTI TANWARI</t>
  </si>
  <si>
    <t>Farzana Zaheer</t>
  </si>
  <si>
    <t>GES SHAH NAWAZ</t>
  </si>
  <si>
    <t>Basti shah Nawaz</t>
  </si>
  <si>
    <t>basti shah nawaz layyah</t>
  </si>
  <si>
    <t>Basti Shah Nawaz</t>
  </si>
  <si>
    <t>20580</t>
  </si>
  <si>
    <t>GGPS KHAN BAIG KHELAN WALA</t>
  </si>
  <si>
    <t>Wan Bachran</t>
  </si>
  <si>
    <t>nari Mohammad khelan wali</t>
  </si>
  <si>
    <t>Muzafarpur Shumali</t>
  </si>
  <si>
    <t>42267</t>
  </si>
  <si>
    <t>GGPS SILLA SYEDAN</t>
  </si>
  <si>
    <t>GGPS SILLA SYEDA</t>
  </si>
  <si>
    <t>Farzeen Kousar</t>
  </si>
  <si>
    <t>GPS CHAK NO. 104/P</t>
  </si>
  <si>
    <t>Pattan Minara</t>
  </si>
  <si>
    <t>Chak no. 104/P, R.Y.K</t>
  </si>
  <si>
    <t>104/P</t>
  </si>
  <si>
    <t>14577</t>
  </si>
  <si>
    <t>20587</t>
  </si>
  <si>
    <t>45741</t>
  </si>
  <si>
    <t>GPS DERA TIRKHANAN WALA</t>
  </si>
  <si>
    <t>53 Mb</t>
  </si>
  <si>
    <t>Dera Tirkhanan wala</t>
  </si>
  <si>
    <t>51 Mb</t>
  </si>
  <si>
    <t>Mumtaz Raja</t>
  </si>
  <si>
    <t>6578</t>
  </si>
  <si>
    <t>GPS JAITO GALA</t>
  </si>
  <si>
    <t>Jaitogala</t>
  </si>
  <si>
    <t>jaitogala</t>
  </si>
  <si>
    <t>Fiaqa Manzoor</t>
  </si>
  <si>
    <t>GPS DING JANOOBI</t>
  </si>
  <si>
    <t>chahmirzaywala</t>
  </si>
  <si>
    <t>Chahmirzaywala</t>
  </si>
  <si>
    <t>46890</t>
  </si>
  <si>
    <t>35981</t>
  </si>
  <si>
    <t>GPS OJLA P.O 187/WB</t>
  </si>
  <si>
    <t>p .o 187 wb</t>
  </si>
  <si>
    <t>21189</t>
  </si>
  <si>
    <t>GPS DULLO ABAD</t>
  </si>
  <si>
    <t>Dullo abad markz haider abad thal</t>
  </si>
  <si>
    <t>Dullo Abad</t>
  </si>
  <si>
    <t>Muhammad Zubair Shah Hashmi</t>
  </si>
  <si>
    <t>29461</t>
  </si>
  <si>
    <t>39393</t>
  </si>
  <si>
    <t>29829</t>
  </si>
  <si>
    <t>GGPS AWAN CHAK NO. 39</t>
  </si>
  <si>
    <t>Awan Chak 39.</t>
  </si>
  <si>
    <t>Rashida Jabeen</t>
  </si>
  <si>
    <t>23745</t>
  </si>
  <si>
    <t>32811</t>
  </si>
  <si>
    <t>GPS KIRCH PUR</t>
  </si>
  <si>
    <t>Kirch Pur</t>
  </si>
  <si>
    <t>kirch pur</t>
  </si>
  <si>
    <t>21195</t>
  </si>
  <si>
    <t>33856</t>
  </si>
  <si>
    <t>GGPS MC LAKKAR MANDI MULTAN</t>
  </si>
  <si>
    <t>Bhata Colony</t>
  </si>
  <si>
    <t>Street no 12 lakkar mandi multan</t>
  </si>
  <si>
    <t>Shershah</t>
  </si>
  <si>
    <t>Walyatabad</t>
  </si>
  <si>
    <t>FAIZA MUNIR</t>
  </si>
  <si>
    <t>28574</t>
  </si>
  <si>
    <t>GPS DERA BEHRAM</t>
  </si>
  <si>
    <t>Dera Behram</t>
  </si>
  <si>
    <t>Dera Behram P#O Mano Chak  Teh .Phalia Distt.M.B Din</t>
  </si>
  <si>
    <t>45995</t>
  </si>
  <si>
    <t>27639</t>
  </si>
  <si>
    <t>GES KHAI</t>
  </si>
  <si>
    <t>KHAI TEHSIL MALAKWAL DISTRICT M.B.DIN</t>
  </si>
  <si>
    <t>Muhammad Khurram Shabbir</t>
  </si>
  <si>
    <t>51689</t>
  </si>
  <si>
    <t>GPS ARAZI AMAR SINGH</t>
  </si>
  <si>
    <t>BUNGA HAYAT - MALE</t>
  </si>
  <si>
    <t>Arazi Amar Singh</t>
  </si>
  <si>
    <t>Arazi Amar singh bunga Hayat pakpattan</t>
  </si>
  <si>
    <t>M Parvaiz</t>
  </si>
  <si>
    <t>36625</t>
  </si>
  <si>
    <t>21211</t>
  </si>
  <si>
    <t>29286</t>
  </si>
  <si>
    <t>GPS JHUGIAN CHOHAR</t>
  </si>
  <si>
    <t>G.P.S.Jhugian Chohar</t>
  </si>
  <si>
    <t>Jhugian Chohar</t>
  </si>
  <si>
    <t>Mirali Hithar</t>
  </si>
  <si>
    <t>MUHAMMAD AMIN ABID</t>
  </si>
  <si>
    <t>GPS KOT QAZI PO KARAM PUR</t>
  </si>
  <si>
    <t>Kot Qazi</t>
  </si>
  <si>
    <t>GPS kot Qazi</t>
  </si>
  <si>
    <t>GGHS KALLEN BASSAND</t>
  </si>
  <si>
    <t>Kallanbassand</t>
  </si>
  <si>
    <t>p.o.box kallan bassand</t>
  </si>
  <si>
    <t>Kallan bassand</t>
  </si>
  <si>
    <t>Asma Humayan</t>
  </si>
  <si>
    <t>53375</t>
  </si>
  <si>
    <t>GGPS DHOOTA</t>
  </si>
  <si>
    <t>Allah Rakhi</t>
  </si>
  <si>
    <t>46293</t>
  </si>
  <si>
    <t>GES NIKROO SHAHEED</t>
  </si>
  <si>
    <t>Nikroo</t>
  </si>
  <si>
    <t>Ges nikroo shaheed</t>
  </si>
  <si>
    <t>Nikroo Shaheed</t>
  </si>
  <si>
    <t>54904</t>
  </si>
  <si>
    <t>GPS PIPAL BHUTTA</t>
  </si>
  <si>
    <t>noor pur pipal bhutta</t>
  </si>
  <si>
    <t>pipal bhutta po kalri teh lalian chiniot</t>
  </si>
  <si>
    <t>pipal bhutta</t>
  </si>
  <si>
    <t>kot ameer</t>
  </si>
  <si>
    <t>Saeed Ahmad Shaheen</t>
  </si>
  <si>
    <t>21841</t>
  </si>
  <si>
    <t>GPS CHAH KOTLI WALA</t>
  </si>
  <si>
    <t>kotli wala</t>
  </si>
  <si>
    <t>Kotli Wala</t>
  </si>
  <si>
    <t>Herdu Ratali</t>
  </si>
  <si>
    <t>Abdul Jabar</t>
  </si>
  <si>
    <t>6103</t>
  </si>
  <si>
    <t>21230</t>
  </si>
  <si>
    <t>GGPS BASTI ABDUL SATTAR (PSSP)</t>
  </si>
  <si>
    <t>BASTI ABDUL SATTAR</t>
  </si>
  <si>
    <t>Saima Sial</t>
  </si>
  <si>
    <t>21231</t>
  </si>
  <si>
    <t>24414</t>
  </si>
  <si>
    <t>GGPS KOTLI RAMDAS</t>
  </si>
  <si>
    <t>Kotli Ramdas</t>
  </si>
  <si>
    <t>p/o kull bajwa kotli Ramdas pasrur District sialkot</t>
  </si>
  <si>
    <t>Kotly Ramdas</t>
  </si>
  <si>
    <t>Zaib-ul-nisa</t>
  </si>
  <si>
    <t>GMPS CHOT KALAN</t>
  </si>
  <si>
    <t>Chot Kalan</t>
  </si>
  <si>
    <t>chot kalan post office bherowal tehsil phalia district m.b.din</t>
  </si>
  <si>
    <t>Khumb Kalan</t>
  </si>
  <si>
    <t>Unbreen Moawrah</t>
  </si>
  <si>
    <t>21233</t>
  </si>
  <si>
    <t>32674</t>
  </si>
  <si>
    <t>GES QILA NOOR PUR</t>
  </si>
  <si>
    <t>Qila Noor Pur</t>
  </si>
  <si>
    <t>Kot Binnidas</t>
  </si>
  <si>
    <t>Ghulam Abbas Qadri</t>
  </si>
  <si>
    <t>5486</t>
  </si>
  <si>
    <t>21234</t>
  </si>
  <si>
    <t>GPS WAROOD GHANDHA SINGH</t>
  </si>
  <si>
    <t>Gandha Singh</t>
  </si>
  <si>
    <t>basti gandha singh tehsil minchinabad</t>
  </si>
  <si>
    <t>21236</t>
  </si>
  <si>
    <t>22856</t>
  </si>
  <si>
    <t>GGHS KOTLA ARAB ALI KHAN</t>
  </si>
  <si>
    <t>Kotla Arab Ali Khan</t>
  </si>
  <si>
    <t>village and post office kotla arab ali khan, tehsil kharian , district gujrat</t>
  </si>
  <si>
    <t>ZAKRA BIBI</t>
  </si>
  <si>
    <t>21239</t>
  </si>
  <si>
    <t>GPS CHANNI REHAN</t>
  </si>
  <si>
    <t>Channi Rehan</t>
  </si>
  <si>
    <t>village channi rehan tehsil pindi bhattian dist hafizabad</t>
  </si>
  <si>
    <t>Wakeel Ahmad</t>
  </si>
  <si>
    <t>29851</t>
  </si>
  <si>
    <t>GGPS CHAH SADDAT CHAKRALA MIANWALI</t>
  </si>
  <si>
    <t>CHAH Sadat, Chakrala, Mianwali</t>
  </si>
  <si>
    <t>Ban Hafiz Jee</t>
  </si>
  <si>
    <t>Kausar Batool Naqvi</t>
  </si>
  <si>
    <t>24896</t>
  </si>
  <si>
    <t>46421</t>
  </si>
  <si>
    <t>GPS DERA LURKA</t>
  </si>
  <si>
    <t>Bandial Shumali</t>
  </si>
  <si>
    <t>bandial shumali dera lurka</t>
  </si>
  <si>
    <t>Dera Lurka</t>
  </si>
  <si>
    <t>Sher Ahmad</t>
  </si>
  <si>
    <t>38020</t>
  </si>
  <si>
    <t>GES BHUTTAJI</t>
  </si>
  <si>
    <t>Bhutaji Teh &amp; Distt Lodhran</t>
  </si>
  <si>
    <t>WASEEM TARIQ</t>
  </si>
  <si>
    <t>GHS NIDDOKE</t>
  </si>
  <si>
    <t>niddoke tehsil and District narowal</t>
  </si>
  <si>
    <t>AAMIR SHAHBAZ JAJJA</t>
  </si>
  <si>
    <t>30065</t>
  </si>
  <si>
    <t>GGPS BHAMBA KHURD</t>
  </si>
  <si>
    <t>Bhamba</t>
  </si>
  <si>
    <t>bhamba khurd</t>
  </si>
  <si>
    <t>Bhamba Khurd</t>
  </si>
  <si>
    <t>22994</t>
  </si>
  <si>
    <t>30306</t>
  </si>
  <si>
    <t>21251</t>
  </si>
  <si>
    <t>GGPS NUMB DARA</t>
  </si>
  <si>
    <t>Numb dara</t>
  </si>
  <si>
    <t>village santh anwali tehsil kotli sattian dist rwp</t>
  </si>
  <si>
    <t>Mallot Satian</t>
  </si>
  <si>
    <t>SOFIA HAMEED</t>
  </si>
  <si>
    <t>21252</t>
  </si>
  <si>
    <t>13007</t>
  </si>
  <si>
    <t>GES BASTI HIRAJ</t>
  </si>
  <si>
    <t>basti haraj district muzaffargarh</t>
  </si>
  <si>
    <t>Basti Haraj</t>
  </si>
  <si>
    <t>Hafiz Muhammad Binyamin</t>
  </si>
  <si>
    <t>44242</t>
  </si>
  <si>
    <t>13997</t>
  </si>
  <si>
    <t>GPS CHAK BABUL</t>
  </si>
  <si>
    <t>Chak Babul</t>
  </si>
  <si>
    <t>chak babul</t>
  </si>
  <si>
    <t>Jhaan Pur</t>
  </si>
  <si>
    <t>40303</t>
  </si>
  <si>
    <t>GGHS KHEWRA</t>
  </si>
  <si>
    <t>govt girls high school khewra</t>
  </si>
  <si>
    <t>haidry chok</t>
  </si>
  <si>
    <t>ghulam razia</t>
  </si>
  <si>
    <t>24437</t>
  </si>
  <si>
    <t>51720</t>
  </si>
  <si>
    <t>GPS CHAK NO.74 D KHARLAN WALA</t>
  </si>
  <si>
    <t>Kharlan Wala</t>
  </si>
  <si>
    <t>chak 74/D po 73/5L pakpattan</t>
  </si>
  <si>
    <t>74/D</t>
  </si>
  <si>
    <t>93/D Noor Pur</t>
  </si>
  <si>
    <t>27614</t>
  </si>
  <si>
    <t>GMPS CHOHDO KHUNIAN</t>
  </si>
  <si>
    <t>Chohdo Khunian</t>
  </si>
  <si>
    <t>chohdokhunian teh pindi bhattian hafizabad</t>
  </si>
  <si>
    <t>Khuram Chorara</t>
  </si>
  <si>
    <t>Faiza Sarwar</t>
  </si>
  <si>
    <t>14296</t>
  </si>
  <si>
    <t>45732</t>
  </si>
  <si>
    <t>GPS CHAK NO 48 MB</t>
  </si>
  <si>
    <t>48 M B</t>
  </si>
  <si>
    <t>Chak No 48 MB</t>
  </si>
  <si>
    <t>48 MB</t>
  </si>
  <si>
    <t>51 M B</t>
  </si>
  <si>
    <t>GES KHUSHAL SINGH</t>
  </si>
  <si>
    <t>KhushhalnsimNgh</t>
  </si>
  <si>
    <t>Mouza khushhal singh</t>
  </si>
  <si>
    <t>Khushhal Singh</t>
  </si>
  <si>
    <t>Muhammad Din</t>
  </si>
  <si>
    <t>46209</t>
  </si>
  <si>
    <t>GPS DERA MUHAMMAD HANIF</t>
  </si>
  <si>
    <t>Gps dera Muhammad  hanif pathana Wala noorpur thal</t>
  </si>
  <si>
    <t>Dera pathana Wala</t>
  </si>
  <si>
    <t>16994</t>
  </si>
  <si>
    <t>52863</t>
  </si>
  <si>
    <t>29094</t>
  </si>
  <si>
    <t>GES BURJ KALAN</t>
  </si>
  <si>
    <t>Burj kalan</t>
  </si>
  <si>
    <t>Village Burj Kalan tehsil and district kasur.</t>
  </si>
  <si>
    <t>Burj Kalan</t>
  </si>
  <si>
    <t>37167</t>
  </si>
  <si>
    <t>51700</t>
  </si>
  <si>
    <t>53361</t>
  </si>
  <si>
    <t>GMPS DHOLI KHICHI</t>
  </si>
  <si>
    <t>Dholi khichi</t>
  </si>
  <si>
    <t>Mauza dholi khichi</t>
  </si>
  <si>
    <t>Farm Bahadur Nagar</t>
  </si>
  <si>
    <t>GES 105/15-L MIAN CHANNU</t>
  </si>
  <si>
    <t>105/15.L</t>
  </si>
  <si>
    <t>chak no 105/15.L Vanjari</t>
  </si>
  <si>
    <t>105/15.L Vanjari</t>
  </si>
  <si>
    <t>Liaqat Munir</t>
  </si>
  <si>
    <t>47103</t>
  </si>
  <si>
    <t>GMPS JALLAY WALA</t>
  </si>
  <si>
    <t>Jallay Wala</t>
  </si>
  <si>
    <t>Jallay Wala Tah.Lalian District Chiniot</t>
  </si>
  <si>
    <t>AMJID ALI</t>
  </si>
  <si>
    <t>GES BALLO KHEL</t>
  </si>
  <si>
    <t>Government Elementary School Ballo khel Mianwali</t>
  </si>
  <si>
    <t>GPS MULLAN WALA JALALABAD</t>
  </si>
  <si>
    <t>Ali Assar</t>
  </si>
  <si>
    <t>addah jalal abad more lodhran</t>
  </si>
  <si>
    <t>Addah Jalal Abad More</t>
  </si>
  <si>
    <t>Water supplier</t>
  </si>
  <si>
    <t>33859</t>
  </si>
  <si>
    <t>GGPS MC DOUBLE PHATAK MULTAN</t>
  </si>
  <si>
    <t>Muslim colony near Shujabad road.</t>
  </si>
  <si>
    <t>23286</t>
  </si>
  <si>
    <t>GMPS MIANKAY MORE</t>
  </si>
  <si>
    <t>Phool nagar</t>
  </si>
  <si>
    <t>muhala mian k more, phool nagar, pattoki, kasur</t>
  </si>
  <si>
    <t>Mian k more</t>
  </si>
  <si>
    <t>Abida zafar</t>
  </si>
  <si>
    <t>32833</t>
  </si>
  <si>
    <t>GHS MACHIWAL</t>
  </si>
  <si>
    <t>ghs machiwal</t>
  </si>
  <si>
    <t>Syed Asad Hussain</t>
  </si>
  <si>
    <t>GGES DOHATA AZMAT</t>
  </si>
  <si>
    <t>Dohatta Azmat</t>
  </si>
  <si>
    <t>dohatta azmat</t>
  </si>
  <si>
    <t>Nauthen</t>
  </si>
  <si>
    <t>Tanzeela Nawaz</t>
  </si>
  <si>
    <t>GMPS 7 MR P/O 7 MR</t>
  </si>
  <si>
    <t>7 MR</t>
  </si>
  <si>
    <t>Chuk 7MR Khanpur Marral</t>
  </si>
  <si>
    <t>Chak 7 MR</t>
  </si>
  <si>
    <t>Khanpur Marral</t>
  </si>
  <si>
    <t>GPS DOGAR WALA</t>
  </si>
  <si>
    <t>Dogar Walla</t>
  </si>
  <si>
    <t>basti dogar Walla moza dogar Walla tehsil Minchin abad district bahawalnagar</t>
  </si>
  <si>
    <t>Matt Walla</t>
  </si>
  <si>
    <t>Muhammad Azam Tariq</t>
  </si>
  <si>
    <t>21073</t>
  </si>
  <si>
    <t>24527</t>
  </si>
  <si>
    <t>GGPS CHAK MATU</t>
  </si>
  <si>
    <t>chak matu</t>
  </si>
  <si>
    <t>Chak Matu , chhichherwali</t>
  </si>
  <si>
    <t>Chak Matu</t>
  </si>
  <si>
    <t>Chhichherwali</t>
  </si>
  <si>
    <t>14882</t>
  </si>
  <si>
    <t>34978</t>
  </si>
  <si>
    <t>GGPS MC KUMHAR MANDI WALAYAT ABAD NO.1 MULTAN</t>
  </si>
  <si>
    <t>Willayat Abad no.1, kumhar Mandi, Multan</t>
  </si>
  <si>
    <t>Javaria Afzal</t>
  </si>
  <si>
    <t>Khan Pur Shumali</t>
  </si>
  <si>
    <t>nabi Pur village</t>
  </si>
  <si>
    <t>Syed Hasnain Raza</t>
  </si>
  <si>
    <t>21081</t>
  </si>
  <si>
    <t>GPS LARANWAN WALA</t>
  </si>
  <si>
    <t>gpslaranwanwala  p/o goharwala tehsil mankera  distic bhakkar</t>
  </si>
  <si>
    <t>Laranwanwala</t>
  </si>
  <si>
    <t>Niaz  Hussain Anjum</t>
  </si>
  <si>
    <t>21083</t>
  </si>
  <si>
    <t>GPS CHAH KHOKHRAN WALA</t>
  </si>
  <si>
    <t>Chah Khokhran Wala</t>
  </si>
  <si>
    <t>Gps chah khokhran wala p/o khudian khas teh &amp; distt kasur</t>
  </si>
  <si>
    <t>Rural Khudian Khas</t>
  </si>
  <si>
    <t>Naseem Akhter Kalsoom</t>
  </si>
  <si>
    <t>11267</t>
  </si>
  <si>
    <t>47650</t>
  </si>
  <si>
    <t>GGPS KUND CHAKRALA MIANWALI</t>
  </si>
  <si>
    <t>KUND chakrala</t>
  </si>
  <si>
    <t>Mureed Fatima</t>
  </si>
  <si>
    <t>40700</t>
  </si>
  <si>
    <t>GPS NANIA</t>
  </si>
  <si>
    <t>Nanyah</t>
  </si>
  <si>
    <t>village Nanyah p o kalnabassand</t>
  </si>
  <si>
    <t>Khalid Razaq</t>
  </si>
  <si>
    <t>28557</t>
  </si>
  <si>
    <t>GPS KOTLI QAZI NAI ABADI</t>
  </si>
  <si>
    <t>Kotli Qazi Nai Abadi</t>
  </si>
  <si>
    <t>kotli Qazi nai Abadi the phalia dist m.b.din</t>
  </si>
  <si>
    <t>Shoaib Bashir</t>
  </si>
  <si>
    <t>4816</t>
  </si>
  <si>
    <t>GGPS JHALLAR ZAILDAR</t>
  </si>
  <si>
    <t>Zaildaran</t>
  </si>
  <si>
    <t>jhallar zaildaran</t>
  </si>
  <si>
    <t>Rukhsana Akhter</t>
  </si>
  <si>
    <t>basti hayat pur tehsil district lodhran</t>
  </si>
  <si>
    <t>Khanwah Ghalwan</t>
  </si>
  <si>
    <t>Muhammad Aslam Badar</t>
  </si>
  <si>
    <t>GPS BEHKAN WALA</t>
  </si>
  <si>
    <t>Behkan wala</t>
  </si>
  <si>
    <t>chak behkan wala tehsil minchin abad district bahawalnagar</t>
  </si>
  <si>
    <t>37706</t>
  </si>
  <si>
    <t>GPS JALAL ABAD, TULAMBA</t>
  </si>
  <si>
    <t>Jalal abad markaz tulamba</t>
  </si>
  <si>
    <t>Noori Suhaag</t>
  </si>
  <si>
    <t>19648</t>
  </si>
  <si>
    <t>19350</t>
  </si>
  <si>
    <t>21109</t>
  </si>
  <si>
    <t>12548</t>
  </si>
  <si>
    <t>GPS KHAN PUR BAGGA SHER</t>
  </si>
  <si>
    <t>Khanpur  baga sher</t>
  </si>
  <si>
    <t>Khanpur  Baga Sher</t>
  </si>
  <si>
    <t>Khanpur  Shumali</t>
  </si>
  <si>
    <t>41796</t>
  </si>
  <si>
    <t>GPS SAGHRALI</t>
  </si>
  <si>
    <t>Sagrali</t>
  </si>
  <si>
    <t>38079</t>
  </si>
  <si>
    <t>21113</t>
  </si>
  <si>
    <t>51368</t>
  </si>
  <si>
    <t>Asadullah Pur post office chak bedi</t>
  </si>
  <si>
    <t>47978</t>
  </si>
  <si>
    <t>GMPS BUDHAY KEHL</t>
  </si>
  <si>
    <t>gmps budhey khel kundian</t>
  </si>
  <si>
    <t>Kausar Mehmood Ul Hassan</t>
  </si>
  <si>
    <t>41422</t>
  </si>
  <si>
    <t>GPS PENCILLIN COLONY</t>
  </si>
  <si>
    <t>Daudkhel Pakka</t>
  </si>
  <si>
    <t>Pencillin Colony Iskandarabad</t>
  </si>
  <si>
    <t>Rural Daudkhel</t>
  </si>
  <si>
    <t>Muhammad Zafar Ullah Khan</t>
  </si>
  <si>
    <t>21117</t>
  </si>
  <si>
    <t>GMPS GHOUSAY WALA</t>
  </si>
  <si>
    <t>Ghousay Wala</t>
  </si>
  <si>
    <t>mouza ghousay wala tehsil lalian district chiniot</t>
  </si>
  <si>
    <t>Fatima Atta</t>
  </si>
  <si>
    <t>GPS SALAMAT PURA CITY KASUR</t>
  </si>
  <si>
    <t>Kot salamat pura Tehsil And district Kasur</t>
  </si>
  <si>
    <t>Govt water and water pump</t>
  </si>
  <si>
    <t>10602</t>
  </si>
  <si>
    <t>21121</t>
  </si>
  <si>
    <t>GPS CHAK NO. 31 MB</t>
  </si>
  <si>
    <t>Chak No 31mb</t>
  </si>
  <si>
    <t>chak No 31mb P/O chak No 26mb Teh. Quaidabad Distt Khushab</t>
  </si>
  <si>
    <t>Chak No 14mb</t>
  </si>
  <si>
    <t>GES JAGEER GABOOL</t>
  </si>
  <si>
    <t>jageer gabol</t>
  </si>
  <si>
    <t>ES jageer gabol rajan pur</t>
  </si>
  <si>
    <t>21123</t>
  </si>
  <si>
    <t>GGPS BASTI ARAIAN</t>
  </si>
  <si>
    <t>RANDHEER</t>
  </si>
  <si>
    <t>Misbah  Yaqoob</t>
  </si>
  <si>
    <t>GES HABIB WALA (CHAK NO. 145/ML)</t>
  </si>
  <si>
    <t>145/ML</t>
  </si>
  <si>
    <t>Ada jahangeer abad, chak No. 145/ML kot addu</t>
  </si>
  <si>
    <t>30063</t>
  </si>
  <si>
    <t>GGPS HAVELI SOHAN SINGH</t>
  </si>
  <si>
    <t>Haveli Sohan Singh</t>
  </si>
  <si>
    <t>haveli sohan singh</t>
  </si>
  <si>
    <t>Musarat Ameen</t>
  </si>
  <si>
    <t>14392</t>
  </si>
  <si>
    <t>21522</t>
  </si>
  <si>
    <t>GPS WALAYAT WALA</t>
  </si>
  <si>
    <t>Walayat Wala</t>
  </si>
  <si>
    <t>walayat Wala p/o dhuni kalan teh phalia dist m.b.din</t>
  </si>
  <si>
    <t>Kham Kalan</t>
  </si>
  <si>
    <t>23075</t>
  </si>
  <si>
    <t>GES SHAH QULLI</t>
  </si>
  <si>
    <t>Shah Qulli</t>
  </si>
  <si>
    <t>Ges Shah Qulli</t>
  </si>
  <si>
    <t>Syed Tanveer Haider</t>
  </si>
  <si>
    <t>21131</t>
  </si>
  <si>
    <t>GES NO. 1 MURIDKE</t>
  </si>
  <si>
    <t>Bazar Masjid Mohajreen, Near Office Market Committee, Muridke</t>
  </si>
  <si>
    <t>MUHAMMAD DILNAWAZ BUTT</t>
  </si>
  <si>
    <t>GGES MOEEN ABAD</t>
  </si>
  <si>
    <t>Nawan arain</t>
  </si>
  <si>
    <t>GGES Moeen Abad  P/O Sugar Mill Jetha Bhutta Khan Pur</t>
  </si>
  <si>
    <t>Moeen Abad</t>
  </si>
  <si>
    <t>Saima perveen</t>
  </si>
  <si>
    <t>53440</t>
  </si>
  <si>
    <t>GGPS CHAK NO. 39/4-L</t>
  </si>
  <si>
    <t>SHAHBORE - FEMALE</t>
  </si>
  <si>
    <t>39/4l</t>
  </si>
  <si>
    <t>37/4l</t>
  </si>
  <si>
    <t>Shaista Shafqat</t>
  </si>
  <si>
    <t>GPS SIKANDER WALA</t>
  </si>
  <si>
    <t>Sikander Wala</t>
  </si>
  <si>
    <t>Basti &amp; Moza sikander Wala lodhran</t>
  </si>
  <si>
    <t>Sikandar</t>
  </si>
  <si>
    <t>GPS  BEER WALA</t>
  </si>
  <si>
    <t>Hardo Ratali</t>
  </si>
  <si>
    <t>Soban Elahi</t>
  </si>
  <si>
    <t>21145</t>
  </si>
  <si>
    <t>GPS CHAK NO 49 MB</t>
  </si>
  <si>
    <t>Chak No 49 MB</t>
  </si>
  <si>
    <t>GPS chak No.49 m b</t>
  </si>
  <si>
    <t>47653</t>
  </si>
  <si>
    <t>GMPS DHOK NOOR SHAH</t>
  </si>
  <si>
    <t>p/o chakrala Dhok Noor Shah</t>
  </si>
  <si>
    <t>Dhok Noor Shah</t>
  </si>
  <si>
    <t>21152</t>
  </si>
  <si>
    <t>GPS CHAK 67/A</t>
  </si>
  <si>
    <t>Chak No 67 /A</t>
  </si>
  <si>
    <t>P/O Feroza chak No 67/ A</t>
  </si>
  <si>
    <t>Chak No 67/ A</t>
  </si>
  <si>
    <t>Chak No 68/ A</t>
  </si>
  <si>
    <t>GPS CHAK NO 432 TDA</t>
  </si>
  <si>
    <t>432tda</t>
  </si>
  <si>
    <t>14426</t>
  </si>
  <si>
    <t>GPS BASTI HAZOOR BUX</t>
  </si>
  <si>
    <t>Rakh Kot Mithan Pakka</t>
  </si>
  <si>
    <t>rakh kot mithan pakka</t>
  </si>
  <si>
    <t>Rakh Kot Mithan</t>
  </si>
  <si>
    <t>53393</t>
  </si>
  <si>
    <t>51542</t>
  </si>
  <si>
    <t>GPS NAQSHA</t>
  </si>
  <si>
    <t>NAQSHA</t>
  </si>
  <si>
    <t>chak NAQSHA</t>
  </si>
  <si>
    <t>M Shehbaz</t>
  </si>
  <si>
    <t>16337</t>
  </si>
  <si>
    <t>12545</t>
  </si>
  <si>
    <t>GPS DOABA</t>
  </si>
  <si>
    <t>Duaba</t>
  </si>
  <si>
    <t>basti duaba</t>
  </si>
  <si>
    <t>Basti Duaba</t>
  </si>
  <si>
    <t>29279</t>
  </si>
  <si>
    <t>GPS NAWAN QILA</t>
  </si>
  <si>
    <t>Nawan qila</t>
  </si>
  <si>
    <t>Olkh Hithar</t>
  </si>
  <si>
    <t>Muhammad Saleem Sajid</t>
  </si>
  <si>
    <t>45183</t>
  </si>
  <si>
    <t>Khan Wala p/O Haider Abad  Tehsil Mankera District Bhakkar</t>
  </si>
  <si>
    <t>Ulfat Hussain</t>
  </si>
  <si>
    <t>41262</t>
  </si>
  <si>
    <t>GHS CHAKKA BEGWAL</t>
  </si>
  <si>
    <t>Village chakka begwal murree</t>
  </si>
  <si>
    <t>M Amjad Abbas</t>
  </si>
  <si>
    <t>Supply line</t>
  </si>
  <si>
    <t>29650</t>
  </si>
  <si>
    <t>30059</t>
  </si>
  <si>
    <t>GGPS HATTRIAN</t>
  </si>
  <si>
    <t>Hattrian</t>
  </si>
  <si>
    <t>hattrian tehsil kot radha kishen distt kasur</t>
  </si>
  <si>
    <t>Zefarkey</t>
  </si>
  <si>
    <t>Musarrat Din</t>
  </si>
  <si>
    <t>GGPS RANGRA</t>
  </si>
  <si>
    <t>Muneeba Afzal</t>
  </si>
  <si>
    <t>24152</t>
  </si>
  <si>
    <t>GPS NAWAN KOT MANDI FAIZ ABAD</t>
  </si>
  <si>
    <t>Rosay</t>
  </si>
  <si>
    <t>Nawankot P/O Bholay shah Teh&amp;Dist Nankana</t>
  </si>
  <si>
    <t>Shahbaz Hussain</t>
  </si>
  <si>
    <t>GHS KHAN PUR SYEDAN</t>
  </si>
  <si>
    <t>Khan Pur Syedan</t>
  </si>
  <si>
    <t>khan pur syedan tehsile pasrur district sialkot</t>
  </si>
  <si>
    <t>Dulam kahlwan</t>
  </si>
  <si>
    <t>47434</t>
  </si>
  <si>
    <t>GGPS 32 DB</t>
  </si>
  <si>
    <t>32db</t>
  </si>
  <si>
    <t>22001</t>
  </si>
  <si>
    <t>GGES BOOPRA KALAN</t>
  </si>
  <si>
    <t>Bupra Kalan</t>
  </si>
  <si>
    <t>Bupra Kalan, bhudda goraya</t>
  </si>
  <si>
    <t>Bupra kalan</t>
  </si>
  <si>
    <t>Zahira Mansha</t>
  </si>
  <si>
    <t>10903</t>
  </si>
  <si>
    <t>GPS ADHAN WAH</t>
  </si>
  <si>
    <t>Adhan Wah</t>
  </si>
  <si>
    <t>saeed pur mouza adhanwah minchinabad</t>
  </si>
  <si>
    <t>Ziaulqasmi</t>
  </si>
  <si>
    <t>21182</t>
  </si>
  <si>
    <t>GMPS RAJANPUR NO. 2</t>
  </si>
  <si>
    <t>NEAR MUNICIPAL COMITTIE</t>
  </si>
  <si>
    <t>Muncipal Comitee</t>
  </si>
  <si>
    <t>Sarwat Niaz</t>
  </si>
  <si>
    <t>41392</t>
  </si>
  <si>
    <t>GPS CHTRA DUNGA</t>
  </si>
  <si>
    <t>Chitra Dunga</t>
  </si>
  <si>
    <t>chitra dunga murree</t>
  </si>
  <si>
    <t>SOBIA SHAFIQ</t>
  </si>
  <si>
    <t>GES DABBAR SHAKAR GUNJ</t>
  </si>
  <si>
    <t>dabbar shakar gunj</t>
  </si>
  <si>
    <t>Chak dabbar shakar gunj</t>
  </si>
  <si>
    <t>Muhamad waseem</t>
  </si>
  <si>
    <t>21312</t>
  </si>
  <si>
    <t>42239</t>
  </si>
  <si>
    <t>GGPS KAMKOT HAIDER</t>
  </si>
  <si>
    <t>Kamkot Haider</t>
  </si>
  <si>
    <t>Village Kamkot haider p/o biaga</t>
  </si>
  <si>
    <t>Lethrar</t>
  </si>
  <si>
    <t>Arba Kanwal Satti</t>
  </si>
  <si>
    <t>21314</t>
  </si>
  <si>
    <t>GPS BASTI LAKHA NEW</t>
  </si>
  <si>
    <t>Chak Lakha</t>
  </si>
  <si>
    <t>Basti lakha, uc jahanpur, teh &amp; dist. Rajanpur</t>
  </si>
  <si>
    <t>Basti Lakha</t>
  </si>
  <si>
    <t>Inamulhaq</t>
  </si>
  <si>
    <t>34713</t>
  </si>
  <si>
    <t>GGPS HAZOORI WALA MULTAN</t>
  </si>
  <si>
    <t>cha Hazoori Wala</t>
  </si>
  <si>
    <t>Hazoori Wala</t>
  </si>
  <si>
    <t>Nishat Parveen</t>
  </si>
  <si>
    <t>GHSS DAUD</t>
  </si>
  <si>
    <t>Daud</t>
  </si>
  <si>
    <t>government Higuer Secondary school Daud, Narowal</t>
  </si>
  <si>
    <t>Abdul Majeed Chatha</t>
  </si>
  <si>
    <t>GGPS MUGHAL ABAD CHAKRALA MIANWALI</t>
  </si>
  <si>
    <t>Chkrala</t>
  </si>
  <si>
    <t>p/of chkrala teh&amp; distt mianwali</t>
  </si>
  <si>
    <t>Rakhshanda Umbreen</t>
  </si>
  <si>
    <t>31664</t>
  </si>
  <si>
    <t>GPS BHAGIAN</t>
  </si>
  <si>
    <t>Bhagian</t>
  </si>
  <si>
    <t>Abdul Qayyom</t>
  </si>
  <si>
    <t>28174</t>
  </si>
  <si>
    <t>GES CHAK NO.46</t>
  </si>
  <si>
    <t>Chak46</t>
  </si>
  <si>
    <t>village:chak46,Tehsil:Malakwal,District:Mandi Bahauddin</t>
  </si>
  <si>
    <t>Barmusa</t>
  </si>
  <si>
    <t>Zahid Hussain Nadeem</t>
  </si>
  <si>
    <t>21329</t>
  </si>
  <si>
    <t>Noorpur Pipal</t>
  </si>
  <si>
    <t>village hajiabad mouza noorpur pipal tehsil lalian district chiniot</t>
  </si>
  <si>
    <t>21331</t>
  </si>
  <si>
    <t>38007</t>
  </si>
  <si>
    <t>GPS ILYAS WALA PO THATHI SAMEEJA</t>
  </si>
  <si>
    <t>Ilyas Wala moza Thathi Sameja</t>
  </si>
  <si>
    <t>Ilyas Wala</t>
  </si>
  <si>
    <t>Riaz Yousaf Sajid</t>
  </si>
  <si>
    <t>41264</t>
  </si>
  <si>
    <t>GHS GHORA GALI</t>
  </si>
  <si>
    <t>ghora gali. tehsil murree dist. rawalpindi</t>
  </si>
  <si>
    <t>21333</t>
  </si>
  <si>
    <t>30081</t>
  </si>
  <si>
    <t>GGPS HALLAR KAY PEMAR</t>
  </si>
  <si>
    <t>Hallar  Key Pemar</t>
  </si>
  <si>
    <t>hallar key pemar</t>
  </si>
  <si>
    <t>Hallar Key Pemar</t>
  </si>
  <si>
    <t>Yasmin Ismail</t>
  </si>
  <si>
    <t>6468</t>
  </si>
  <si>
    <t>12697</t>
  </si>
  <si>
    <t>45354</t>
  </si>
  <si>
    <t>GPS BASTI SHUMALI HAIDAR ABAD</t>
  </si>
  <si>
    <t>haiderabad</t>
  </si>
  <si>
    <t>basti shumali haiderabad</t>
  </si>
  <si>
    <t>GMPS CHAK BARAN PUR</t>
  </si>
  <si>
    <t>Baran pur</t>
  </si>
  <si>
    <t>Baran pur p/o jaboka okara</t>
  </si>
  <si>
    <t>Tariq abad</t>
  </si>
  <si>
    <t>GPS BASTI HUNKANI</t>
  </si>
  <si>
    <t>Basti Hunkani</t>
  </si>
  <si>
    <t>bastia hunkani I kotla Easan rajan pur</t>
  </si>
  <si>
    <t>Kotla Easan</t>
  </si>
  <si>
    <t>46214</t>
  </si>
  <si>
    <t>GPS GAMAY KHAIL BILAND</t>
  </si>
  <si>
    <t>Gps gamay khail biland vpo biland</t>
  </si>
  <si>
    <t>GPS MAJAWRAN</t>
  </si>
  <si>
    <t>Basti Jam Ghulam Muhammad Bali post offic khan Bela Lqp Ryk</t>
  </si>
  <si>
    <t>Basti Jam Ghulam Muhammad Bali</t>
  </si>
  <si>
    <t>KOTLA Doulat</t>
  </si>
  <si>
    <t>9363</t>
  </si>
  <si>
    <t>GPS JALAL PUR</t>
  </si>
  <si>
    <t>MOZA JALAL PUR</t>
  </si>
  <si>
    <t>moza jalal pur besti jalal pur</t>
  </si>
  <si>
    <t>SERDAR GER</t>
  </si>
  <si>
    <t>abdul samad</t>
  </si>
  <si>
    <t>Puggle</t>
  </si>
  <si>
    <t>basti nor pur</t>
  </si>
  <si>
    <t>Nor Pur</t>
  </si>
  <si>
    <t>Shafiq Ahmed</t>
  </si>
  <si>
    <t>40286</t>
  </si>
  <si>
    <t>GHSS LILLA</t>
  </si>
  <si>
    <t>GGPS LADHEKE GHARBI</t>
  </si>
  <si>
    <t>ladhky gharbi</t>
  </si>
  <si>
    <t>Hardoo Ladhky</t>
  </si>
  <si>
    <t>27306</t>
  </si>
  <si>
    <t>GPS GUBHRIKA</t>
  </si>
  <si>
    <t>ghubrika</t>
  </si>
  <si>
    <t>MUHAMMAD ZAFAR  IQBAL</t>
  </si>
  <si>
    <t>47452</t>
  </si>
  <si>
    <t>GGPS CHAK NO. 31 DB</t>
  </si>
  <si>
    <t>31 DB</t>
  </si>
  <si>
    <t>Chak No 31 DB Tehsil &amp; District Mianwali</t>
  </si>
  <si>
    <t>Wanbhachran</t>
  </si>
  <si>
    <t>GGHS KHOJIAN WALI</t>
  </si>
  <si>
    <t>Khojianwali</t>
  </si>
  <si>
    <t>Village &amp; Post Office Khojianwali, Tehsil &amp; District Gujrat</t>
  </si>
  <si>
    <t>Shagufta Malik</t>
  </si>
  <si>
    <t>21367</t>
  </si>
  <si>
    <t>30094</t>
  </si>
  <si>
    <t>GGCMS THEH ROSSA</t>
  </si>
  <si>
    <t>Theh Rosa</t>
  </si>
  <si>
    <t>Govt girl cms theh Rosa</t>
  </si>
  <si>
    <t>Ram Thamman</t>
  </si>
  <si>
    <t>Rukhsana Nahid</t>
  </si>
  <si>
    <t>49250</t>
  </si>
  <si>
    <t>24137</t>
  </si>
  <si>
    <t>GPS BHAGNIAN</t>
  </si>
  <si>
    <t>Bhagnian</t>
  </si>
  <si>
    <t>Bhagnian tehsil Pasrur Dist.Sialkot</t>
  </si>
  <si>
    <t>Jassoran</t>
  </si>
  <si>
    <t>KHALID RASHID</t>
  </si>
  <si>
    <t>GPS MOADIB BASTI SHEIKHAN</t>
  </si>
  <si>
    <t>basti sheikhan mouza noor wah</t>
  </si>
  <si>
    <t>Sheikhan</t>
  </si>
  <si>
    <t>21374</t>
  </si>
  <si>
    <t>35706</t>
  </si>
  <si>
    <t>GPS GHOUS PUR</t>
  </si>
  <si>
    <t>Kund Azeem</t>
  </si>
  <si>
    <t>Mouza kund Azeem</t>
  </si>
  <si>
    <t>MUHAMMAD GHAFFAR</t>
  </si>
  <si>
    <t>10589</t>
  </si>
  <si>
    <t>GGES CHAK NO.357-A/TDA</t>
  </si>
  <si>
    <t>Thal kalan</t>
  </si>
  <si>
    <t>Chak # 357A/TDA</t>
  </si>
  <si>
    <t>Mamoona Rani</t>
  </si>
  <si>
    <t>23506</t>
  </si>
  <si>
    <t>GPS NIZAM ABAD PO KUNDIAN</t>
  </si>
  <si>
    <t>Mohallah Nizamabad kundian</t>
  </si>
  <si>
    <t>GPS KOT MIRAN</t>
  </si>
  <si>
    <t>Kot Meeran</t>
  </si>
  <si>
    <t>Gps kot meeran</t>
  </si>
  <si>
    <t>irshad Ahmad</t>
  </si>
  <si>
    <t>39180</t>
  </si>
  <si>
    <t>21388</t>
  </si>
  <si>
    <t>GPS BHEEM GARH</t>
  </si>
  <si>
    <t>basti bheem garh moza adhan wah</t>
  </si>
  <si>
    <t>21392</t>
  </si>
  <si>
    <t>GMPS CHAK NO. 43</t>
  </si>
  <si>
    <t>vpo mumdana tehsil phalia dist mandi baha ud din</t>
  </si>
  <si>
    <t>Mamdaba</t>
  </si>
  <si>
    <t>35642</t>
  </si>
  <si>
    <t>GPS LAL SAGOO</t>
  </si>
  <si>
    <t>Haveeli lal saggu</t>
  </si>
  <si>
    <t>GHS THEH SHEIKUM</t>
  </si>
  <si>
    <t>theh sheikham kasur</t>
  </si>
  <si>
    <t>khalid Maqsood</t>
  </si>
  <si>
    <t>21398</t>
  </si>
  <si>
    <t>46432</t>
  </si>
  <si>
    <t>GPS SOTIAN WALA</t>
  </si>
  <si>
    <t>Quaid abad</t>
  </si>
  <si>
    <t>dera sotianwala quaidabad</t>
  </si>
  <si>
    <t>31679</t>
  </si>
  <si>
    <t>GPS MEHTA SUJA</t>
  </si>
  <si>
    <t>Mehta Suja P/O Same Teh.Muridke. Distt.Sheikhupura</t>
  </si>
  <si>
    <t>Afraz Arshad Khan</t>
  </si>
  <si>
    <t>21403</t>
  </si>
  <si>
    <t>GGPS WARD NO.1</t>
  </si>
  <si>
    <t>Phol Nagar</t>
  </si>
  <si>
    <t>near leads college Phol nagar</t>
  </si>
  <si>
    <t>Phol Nagar Urban</t>
  </si>
  <si>
    <t>Shafqat Batool</t>
  </si>
  <si>
    <t>GPS 68/A</t>
  </si>
  <si>
    <t>Chak 68/a</t>
  </si>
  <si>
    <t>Hafiz Abid Hussain</t>
  </si>
  <si>
    <t>GPS ABU ZAHBI COLONY NO. 1</t>
  </si>
  <si>
    <t>Chak No 52/p</t>
  </si>
  <si>
    <t>Abu Zahbi Colony No. 1</t>
  </si>
  <si>
    <t>Chak No 51/p</t>
  </si>
  <si>
    <t>21409</t>
  </si>
  <si>
    <t>24146</t>
  </si>
  <si>
    <t>GPS SOHDRAKEY</t>
  </si>
  <si>
    <t>Sohdrakey</t>
  </si>
  <si>
    <t>Sohdrakey  p/o Badiana</t>
  </si>
  <si>
    <t>30223</t>
  </si>
  <si>
    <t>28478</t>
  </si>
  <si>
    <t>21416</t>
  </si>
  <si>
    <t>51529</t>
  </si>
  <si>
    <t>GPS WANDAL SINGH</t>
  </si>
  <si>
    <t>Wandal Singh</t>
  </si>
  <si>
    <t>Wandal Singh post office Malka Hans tehsil and district Pakpattan</t>
  </si>
  <si>
    <t>Muhammad Ayyaz Hussain</t>
  </si>
  <si>
    <t>GGPS TOPA USMAN</t>
  </si>
  <si>
    <t>Topa usman</t>
  </si>
  <si>
    <t>Salihaparveen 25@gmail.com</t>
  </si>
  <si>
    <t>GPS CHAK NO. 54 MB</t>
  </si>
  <si>
    <t>Chak No 54 Mb</t>
  </si>
  <si>
    <t>GPS 54 Mb District and Tehsil Khushab</t>
  </si>
  <si>
    <t>GPS MC ALLAMA IQBAL MODEL</t>
  </si>
  <si>
    <t>lower jhika gali road Murree city</t>
  </si>
  <si>
    <t>Zulfiqar Hussain Shah</t>
  </si>
  <si>
    <t>53004</t>
  </si>
  <si>
    <t>45869</t>
  </si>
  <si>
    <t>GPS CHAK NO. 126/P</t>
  </si>
  <si>
    <t>chak no.126p, post office 125p ryk</t>
  </si>
  <si>
    <t>Chak NO126P</t>
  </si>
  <si>
    <t>Fazal shaheed</t>
  </si>
  <si>
    <t>20951</t>
  </si>
  <si>
    <t>29838</t>
  </si>
  <si>
    <t>GGES TIBI CHAK NO. 20</t>
  </si>
  <si>
    <t>Tibbi ch 20</t>
  </si>
  <si>
    <t>tibbi wan radha ram pattoki</t>
  </si>
  <si>
    <t>Wanradharam</t>
  </si>
  <si>
    <t>RASHDA  RASHID</t>
  </si>
  <si>
    <t>20952</t>
  </si>
  <si>
    <t>27758</t>
  </si>
  <si>
    <t>GMPS GUNIAN</t>
  </si>
  <si>
    <t>Gunian</t>
  </si>
  <si>
    <t>gunian</t>
  </si>
  <si>
    <t>Sameya Sultana</t>
  </si>
  <si>
    <t>51373</t>
  </si>
  <si>
    <t>GPS FAIZ PUR P.O BOYLE GANJ</t>
  </si>
  <si>
    <t>Faiz pur p.o Boyle Gunj teh and distt pakpattan</t>
  </si>
  <si>
    <t>Boyle Gunj</t>
  </si>
  <si>
    <t>3433</t>
  </si>
  <si>
    <t>GPS BASTI RAI KHURD</t>
  </si>
  <si>
    <t>Rai Khurd</t>
  </si>
  <si>
    <t>Jhuggi Rai Khurd P/O Mustafa Abad Tehsil &amp; District Kasur</t>
  </si>
  <si>
    <t>Jhuggi Rai Khurd</t>
  </si>
  <si>
    <t>Ajaz Ahmad Jan</t>
  </si>
  <si>
    <t>46189</t>
  </si>
  <si>
    <t>GPS GHULAM HUSSAIN WALA</t>
  </si>
  <si>
    <t>vpo peelowains Teh.noor pur disst khushab</t>
  </si>
  <si>
    <t>39442</t>
  </si>
  <si>
    <t>GPS BULWAL (POL MIAL)</t>
  </si>
  <si>
    <t>GPS Bullwall POL MIAL</t>
  </si>
  <si>
    <t>POL MIAL</t>
  </si>
  <si>
    <t>GGPS LASHKARI</t>
  </si>
  <si>
    <t>ggps basti lashkari</t>
  </si>
  <si>
    <t>basti lashkari kpr</t>
  </si>
  <si>
    <t>city kpr</t>
  </si>
  <si>
    <t>Yasmin Anwar</t>
  </si>
  <si>
    <t>27870</t>
  </si>
  <si>
    <t>26150</t>
  </si>
  <si>
    <t>GPS ASHIQ ALI SULTAN WARD NO. 9</t>
  </si>
  <si>
    <t>WARD nO -9</t>
  </si>
  <si>
    <t>GPS ASHIQ ALI SULTAN WARD NO 9</t>
  </si>
  <si>
    <t>Mohala Shah Latif</t>
  </si>
  <si>
    <t>Babar Suhail Khan</t>
  </si>
  <si>
    <t>42607</t>
  </si>
  <si>
    <t>GPS BHAND WALI</t>
  </si>
  <si>
    <t>Rehana Bhand wali</t>
  </si>
  <si>
    <t>moza rehana Bhand wali markz5 Minchin abad</t>
  </si>
  <si>
    <t>Bhand wali</t>
  </si>
  <si>
    <t>Mohammad pur sansaran</t>
  </si>
  <si>
    <t>20967</t>
  </si>
  <si>
    <t>42296</t>
  </si>
  <si>
    <t>GGPS DANDA</t>
  </si>
  <si>
    <t>p/po dhanda tahsil Kotli sattian district rawalpindi</t>
  </si>
  <si>
    <t>Waghal Chijana</t>
  </si>
  <si>
    <t>7782</t>
  </si>
  <si>
    <t>46455</t>
  </si>
  <si>
    <t>GPS NO. 2 DHOKRI</t>
  </si>
  <si>
    <t>tehsil quaidabad village dhokri</t>
  </si>
  <si>
    <t>local water commity</t>
  </si>
  <si>
    <t>18101</t>
  </si>
  <si>
    <t>47617</t>
  </si>
  <si>
    <t>GGPS DHOK ZAMAN CHAKRALA</t>
  </si>
  <si>
    <t>post Office dhok zaman</t>
  </si>
  <si>
    <t>Dhok Zaman</t>
  </si>
  <si>
    <t>Bun Hafiz Gee</t>
  </si>
  <si>
    <t>45182</t>
  </si>
  <si>
    <t>GES CHHAMB</t>
  </si>
  <si>
    <t>Chhamb , haiderabad, tehsil mankera, distt. bhakkar</t>
  </si>
  <si>
    <t>CHHAMB</t>
  </si>
  <si>
    <t>28264</t>
  </si>
  <si>
    <t>20978</t>
  </si>
  <si>
    <t>47785</t>
  </si>
  <si>
    <t>VILLAGE &amp; P/O NASEER WALA TEHSIL PIPLAN DISTRICT MIANWALI</t>
  </si>
  <si>
    <t>ALU WALI</t>
  </si>
  <si>
    <t>Muhammad Izhaar Ahmad</t>
  </si>
  <si>
    <t>36183</t>
  </si>
  <si>
    <t>27279</t>
  </si>
  <si>
    <t>GPS CHAK AMEER KHAN</t>
  </si>
  <si>
    <t>Wahal Mochian</t>
  </si>
  <si>
    <t>GGMES RAQBA NABI SHAH</t>
  </si>
  <si>
    <t>Raqba Nabi Shah</t>
  </si>
  <si>
    <t>govt model school raqba nabi shah distt rajan pur</t>
  </si>
  <si>
    <t>Samira Ejaz</t>
  </si>
  <si>
    <t>GPS CHOOR CHAK</t>
  </si>
  <si>
    <t>Choor Chak</t>
  </si>
  <si>
    <t>GPS choor chak</t>
  </si>
  <si>
    <t>Hussnain Ilyas</t>
  </si>
  <si>
    <t>GGPS FAROOQ-E- AZAM CHAKRALA</t>
  </si>
  <si>
    <t>ggps farooq e azam chakrala teh and district mianwali</t>
  </si>
  <si>
    <t>20996</t>
  </si>
  <si>
    <t>GES 19/9-R SHARQI, KACHA KHUH</t>
  </si>
  <si>
    <t>District and Tehsil Khanewal Chak No 19/9-R Sharqi, kacha khuh</t>
  </si>
  <si>
    <t>19/9-R Sharqi</t>
  </si>
  <si>
    <t>Amjad Ameer Khan</t>
  </si>
  <si>
    <t>GPS QILA MUSEETA HADOKAY</t>
  </si>
  <si>
    <t>killa maseeta</t>
  </si>
  <si>
    <t>gps killa maseeta</t>
  </si>
  <si>
    <t>muridke</t>
  </si>
  <si>
    <t>48260</t>
  </si>
  <si>
    <t>29783</t>
  </si>
  <si>
    <t>42175</t>
  </si>
  <si>
    <t>GGHS KUTHIAN</t>
  </si>
  <si>
    <t>Kuthian</t>
  </si>
  <si>
    <t>village Kuthian tehsil &amp; P O  Kotli sattian</t>
  </si>
  <si>
    <t>Hafiza Sumayya Khatoon</t>
  </si>
  <si>
    <t>28383</t>
  </si>
  <si>
    <t>GPS SHEIKH ALI PUR</t>
  </si>
  <si>
    <t>Sheikh Ali Pur</t>
  </si>
  <si>
    <t>GPS sheikh ali pur teh.phalia distt.m.b.din</t>
  </si>
  <si>
    <t>Chak Jano</t>
  </si>
  <si>
    <t>Muhammad Arfan</t>
  </si>
  <si>
    <t>GMPS LANGHA WALA</t>
  </si>
  <si>
    <t>Dera Langah wala moza mahni p/o Haiderabad Tehsil Mankera.</t>
  </si>
  <si>
    <t>Dera Langah wala</t>
  </si>
  <si>
    <t>Rubbina Siddique</t>
  </si>
  <si>
    <t>37231</t>
  </si>
  <si>
    <t>GPS QUDRAT ULLAH</t>
  </si>
  <si>
    <t>Qudratullah</t>
  </si>
  <si>
    <t>Chak Qudratullah Post Office Chak Bedi Tehsil &amp; Distt Pakpattan</t>
  </si>
  <si>
    <t>Hafiz Muhammad Asif Ali</t>
  </si>
  <si>
    <t>21002</t>
  </si>
  <si>
    <t>GPS BASTI MEHRAB</t>
  </si>
  <si>
    <t>Sardar Gharh</t>
  </si>
  <si>
    <t>basti jam mehrab Sardar garh tehsil and district rahim yar khan</t>
  </si>
  <si>
    <t>Basti Mehrab</t>
  </si>
  <si>
    <t>Sardar Ghar</t>
  </si>
  <si>
    <t>sajid hussain</t>
  </si>
  <si>
    <t>GES CHUTALA</t>
  </si>
  <si>
    <t>Basti &amp;moza chutala  postoffic Qureshi wala Teh&amp;Distt.Lodhran</t>
  </si>
  <si>
    <t>Sarfraz Hussain</t>
  </si>
  <si>
    <t>GPS DERA SALEHON MOHAMMAD</t>
  </si>
  <si>
    <t>Dera Salehon Muhammad Chak no 2 Tehsil Pindi Bhattian</t>
  </si>
  <si>
    <t>Dera Salehon Muhammad</t>
  </si>
  <si>
    <t>Chaman Abbas</t>
  </si>
  <si>
    <t>GPS JAMIA MUHAMMADIA WARD NO. 9 CHAK UMAR WALA</t>
  </si>
  <si>
    <t>Cha Umer Wala</t>
  </si>
  <si>
    <t>cha umer wala</t>
  </si>
  <si>
    <t>Umer Wala</t>
  </si>
  <si>
    <t>Muhammad Arshad Iqbal</t>
  </si>
  <si>
    <t>18562</t>
  </si>
  <si>
    <t>GGPS DHOK KARAMULLAH CHAKRALA</t>
  </si>
  <si>
    <t>GGPS DK Karamullah Chakrala</t>
  </si>
  <si>
    <t>21021</t>
  </si>
  <si>
    <t>GPS CHAK NO. 31</t>
  </si>
  <si>
    <t>Chak 31</t>
  </si>
  <si>
    <t>village Chak 31 Tehsil Malakwal District M.B.Din</t>
  </si>
  <si>
    <t>Chak  31</t>
  </si>
  <si>
    <t>Qasim Abbas</t>
  </si>
  <si>
    <t>21022</t>
  </si>
  <si>
    <t>GHS RAJAR</t>
  </si>
  <si>
    <t>Vpo rajar distt khushab</t>
  </si>
  <si>
    <t>Vpo Rajar</t>
  </si>
  <si>
    <t>Muhammad Nasir Rana</t>
  </si>
  <si>
    <t>GGPS DOBLE FAREED</t>
  </si>
  <si>
    <t>mohalla gareebad khanpur</t>
  </si>
  <si>
    <t>71 B</t>
  </si>
  <si>
    <t>Farhat naseer</t>
  </si>
  <si>
    <t>24617</t>
  </si>
  <si>
    <t>GGES DULAM KAHLWAN</t>
  </si>
  <si>
    <t>Duhlam Kahlwan</t>
  </si>
  <si>
    <t>Dulam Kahlwan Post Office Khanpur Syedan Pasrur</t>
  </si>
  <si>
    <t>AQSA FIRDAUS</t>
  </si>
  <si>
    <t>53364</t>
  </si>
  <si>
    <t>21025</t>
  </si>
  <si>
    <t>GPS CHAK NO. 124/P</t>
  </si>
  <si>
    <t>124/p</t>
  </si>
  <si>
    <t>chak number 124p, post office 125p RYK</t>
  </si>
  <si>
    <t>Chak 124p</t>
  </si>
  <si>
    <t>Farasat Riaz</t>
  </si>
  <si>
    <t>41760</t>
  </si>
  <si>
    <t>32803</t>
  </si>
  <si>
    <t>GPS ASIL PAR MORH KHUNDA</t>
  </si>
  <si>
    <t>Asil Par</t>
  </si>
  <si>
    <t>village Asil Par  p/o More khunda Nankana Sahib</t>
  </si>
  <si>
    <t>Gaon Asil Par</t>
  </si>
  <si>
    <t>Kot Bnni Das</t>
  </si>
  <si>
    <t>21032</t>
  </si>
  <si>
    <t>29381</t>
  </si>
  <si>
    <t>GGPS SAEEDA ABAD</t>
  </si>
  <si>
    <t>saeedabad colony</t>
  </si>
  <si>
    <t>Saeedabad Colony</t>
  </si>
  <si>
    <t>Attia Bashir</t>
  </si>
  <si>
    <t>39274</t>
  </si>
  <si>
    <t>60112</t>
  </si>
  <si>
    <t>GPS IKHLAS SHARKI</t>
  </si>
  <si>
    <t>near union council VPO ikhlas</t>
  </si>
  <si>
    <t>41452</t>
  </si>
  <si>
    <t>GGPS ALIOT</t>
  </si>
  <si>
    <t>Potha Sharif</t>
  </si>
  <si>
    <t>Tehsil Murree District Rawalpindi village and p/o Aliot</t>
  </si>
  <si>
    <t>Waheeda BiBi</t>
  </si>
  <si>
    <t>14249</t>
  </si>
  <si>
    <t>21043</t>
  </si>
  <si>
    <t>12218</t>
  </si>
  <si>
    <t>GPS CHAK NO. 515/TDA (NEW)</t>
  </si>
  <si>
    <t>Chak No 515/TDA</t>
  </si>
  <si>
    <t>chak no 515/TDA</t>
  </si>
  <si>
    <t>Chan No 515/TDA</t>
  </si>
  <si>
    <t>Chak No 518/TDA</t>
  </si>
  <si>
    <t>21047</t>
  </si>
  <si>
    <t>27952</t>
  </si>
  <si>
    <t>GPS DHOK SAHARAN</t>
  </si>
  <si>
    <t>Dhok Saharan</t>
  </si>
  <si>
    <t>vpo dhok saharan  tehsil dist m.b.din</t>
  </si>
  <si>
    <t>Nazir Ahmad Sahi</t>
  </si>
  <si>
    <t>21052</t>
  </si>
  <si>
    <t>45310</t>
  </si>
  <si>
    <t>GGPS LARRA</t>
  </si>
  <si>
    <t>p/o karloo  Wala  basti larra tehsil mankera district bhakkar</t>
  </si>
  <si>
    <t>Larra</t>
  </si>
  <si>
    <t>Karloo Wala</t>
  </si>
  <si>
    <t>Haseena Bibi</t>
  </si>
  <si>
    <t>21781</t>
  </si>
  <si>
    <t>GES HAMBOKE</t>
  </si>
  <si>
    <t>Humboke</t>
  </si>
  <si>
    <t>humboke p.o udhuwali teh nowshera virkan distt gujranwala</t>
  </si>
  <si>
    <t>Udhuwali</t>
  </si>
  <si>
    <t>38353</t>
  </si>
  <si>
    <t>31514</t>
  </si>
  <si>
    <t>21055</t>
  </si>
  <si>
    <t>38095</t>
  </si>
  <si>
    <t>GGPS LOONI SHAH NAL</t>
  </si>
  <si>
    <t>Shahnal</t>
  </si>
  <si>
    <t>Govt. Girls Primary School Looni</t>
  </si>
  <si>
    <t>Basti Looni</t>
  </si>
  <si>
    <t>14199</t>
  </si>
  <si>
    <t>GGPS RASOOL PUR DHUNDI</t>
  </si>
  <si>
    <t>RASOOL PUR DHUNDI</t>
  </si>
  <si>
    <t>GGPS RASOOL PUR DHUNDI RAJAN PUR</t>
  </si>
  <si>
    <t>Farhana Yameen</t>
  </si>
  <si>
    <t>GPS KHEOKE</t>
  </si>
  <si>
    <t>Kheokey</t>
  </si>
  <si>
    <t>Kheokey, p/o syedwala tehil &amp; distt. Nankana sahib</t>
  </si>
  <si>
    <t>GES NOOR JAMAL NORTH</t>
  </si>
  <si>
    <t>NOOR JAMAL</t>
  </si>
  <si>
    <t>vpo NOOR JAMAL shumali Gujrat</t>
  </si>
  <si>
    <t>Fattah Bhand</t>
  </si>
  <si>
    <t>MUHAMMAD ILYAS SHAKER</t>
  </si>
  <si>
    <t>10806</t>
  </si>
  <si>
    <t>GGES MATTAKE</t>
  </si>
  <si>
    <t>Mattake</t>
  </si>
  <si>
    <t>Village Mattake, tehsil: pindi bhattian, district: hafizabd</t>
  </si>
  <si>
    <t>Hifsah Mahreen</t>
  </si>
  <si>
    <t>25030</t>
  </si>
  <si>
    <t>GMPS RUKAN ABAD</t>
  </si>
  <si>
    <t>Govt Model primary school Rukan abad</t>
  </si>
  <si>
    <t>21661</t>
  </si>
  <si>
    <t>GGPS CHAK NO.56</t>
  </si>
  <si>
    <t>Chak 56</t>
  </si>
  <si>
    <t>CHAK 56 KRK</t>
  </si>
  <si>
    <t>cHAK 56</t>
  </si>
  <si>
    <t>CHAK 55</t>
  </si>
  <si>
    <t>Noreen Daud</t>
  </si>
  <si>
    <t>20346</t>
  </si>
  <si>
    <t>GGPS PINDI KANDIWAL</t>
  </si>
  <si>
    <t>pindi kandiwal</t>
  </si>
  <si>
    <t>Amna Yasmeen</t>
  </si>
  <si>
    <t>21665</t>
  </si>
  <si>
    <t>41323</t>
  </si>
  <si>
    <t>GPS SAKARI</t>
  </si>
  <si>
    <t>Sakari</t>
  </si>
  <si>
    <t>village charehan p/o gulehra Gali Teh Murree Dist RWP</t>
  </si>
  <si>
    <t>Ibrar Ahmed</t>
  </si>
  <si>
    <t>28382</t>
  </si>
  <si>
    <t>G ZABS PS BASI KALAN</t>
  </si>
  <si>
    <t>Basi Kalan</t>
  </si>
  <si>
    <t>Basi kalan post office chak Jano Teh. phalia Dist. MBDIN</t>
  </si>
  <si>
    <t>9268</t>
  </si>
  <si>
    <t>15550</t>
  </si>
  <si>
    <t>39295</t>
  </si>
  <si>
    <t>GPS CHAWINDA NO.2</t>
  </si>
  <si>
    <t>boarding house chawinda</t>
  </si>
  <si>
    <t>Khizer Hayat</t>
  </si>
  <si>
    <t>27651</t>
  </si>
  <si>
    <t>GGHS HARIA</t>
  </si>
  <si>
    <t>Village Haria Teh.Malakwal disst m.b.din</t>
  </si>
  <si>
    <t>Raqeeb Imtiaz</t>
  </si>
  <si>
    <t>29677</t>
  </si>
  <si>
    <t>GGES SAHARAN KAY</t>
  </si>
  <si>
    <t>Ghuman Kay</t>
  </si>
  <si>
    <t>saharankay Phool nagar</t>
  </si>
  <si>
    <t>Saharankay</t>
  </si>
  <si>
    <t>Maria Kanwal</t>
  </si>
  <si>
    <t>GPS LOHANCH JHANBER</t>
  </si>
  <si>
    <t>Lohanch Jhamber</t>
  </si>
  <si>
    <t>moza lohanch jhamber P/O langar sarai tehsil and District muzaffargarh</t>
  </si>
  <si>
    <t>lohanch jhamber</t>
  </si>
  <si>
    <t>jarh</t>
  </si>
  <si>
    <t>21684</t>
  </si>
  <si>
    <t>46448</t>
  </si>
  <si>
    <t>GES CHAK NO. 5 TDA</t>
  </si>
  <si>
    <t>Chak No 5 TDA</t>
  </si>
  <si>
    <t>GES Chak No. 5TDA</t>
  </si>
  <si>
    <t>Chak No 5TDA</t>
  </si>
  <si>
    <t>Muhammad Zakria Bilal Farooqi</t>
  </si>
  <si>
    <t>32794</t>
  </si>
  <si>
    <t>34245</t>
  </si>
  <si>
    <t>GPS BANGLA MANGTANWALA</t>
  </si>
  <si>
    <t>bangla mangtanwala, p.o morekhunda nankana sahib</t>
  </si>
  <si>
    <t>mangtanwala</t>
  </si>
  <si>
    <t>abdul ghafoor</t>
  </si>
  <si>
    <t>GPS SADWAN</t>
  </si>
  <si>
    <t>Sidhwan</t>
  </si>
  <si>
    <t>sidhwan</t>
  </si>
  <si>
    <t>Ghota Fateh Grah</t>
  </si>
  <si>
    <t>Sarfarz Allah Lok</t>
  </si>
  <si>
    <t>30078</t>
  </si>
  <si>
    <t>GGPS KOT KHUSHHAL SINGH</t>
  </si>
  <si>
    <t>Khushal Sing</t>
  </si>
  <si>
    <t>ggps kot khushal singh</t>
  </si>
  <si>
    <t>21694</t>
  </si>
  <si>
    <t>GPS DERA TARKHANA</t>
  </si>
  <si>
    <t>SAIDA SHARIF - MALE</t>
  </si>
  <si>
    <t>Dera Tarkhana p.o said a Sharif tehsil phalia district mbdin</t>
  </si>
  <si>
    <t>Dera Tarkhana</t>
  </si>
  <si>
    <t>28076</t>
  </si>
  <si>
    <t>GGPS DERA MIAN MUHAMMAD ASLAM MURALA</t>
  </si>
  <si>
    <t>Dera Mian Mohammad Aslam</t>
  </si>
  <si>
    <t>Dera mian Mohammad aslam</t>
  </si>
  <si>
    <t>Maryam Jabeen</t>
  </si>
  <si>
    <t>GPS MOADIB BAIT BHATTU</t>
  </si>
  <si>
    <t>BAIT  BHUTTO</t>
  </si>
  <si>
    <t>Bait Bhutto  P/O  Tranda MUHAMMAD  Panah  Teh : Liaquat Pur  Distt : R.Y.Khan</t>
  </si>
  <si>
    <t>Bait BHUTTO</t>
  </si>
  <si>
    <t>MOHAMMAD KASHIF  MALIK</t>
  </si>
  <si>
    <t>GPS CHAK NO. 129/P</t>
  </si>
  <si>
    <t>Chak 129p</t>
  </si>
  <si>
    <t>chak 129p</t>
  </si>
  <si>
    <t>129p</t>
  </si>
  <si>
    <t>Ali Raza Ashraf</t>
  </si>
  <si>
    <t>45692</t>
  </si>
  <si>
    <t>GPS YARAN FAQIR</t>
  </si>
  <si>
    <t>Gps yaran faqir punja sharif teh &amp; distt khushab</t>
  </si>
  <si>
    <t>Punja Sharif</t>
  </si>
  <si>
    <t>Mitha tiwana Janobi</t>
  </si>
  <si>
    <t>Rakh Sahan Wala</t>
  </si>
  <si>
    <t>gps basti laal khan</t>
  </si>
  <si>
    <t>Basti Laal Khan</t>
  </si>
  <si>
    <t>Noshera Sharqi</t>
  </si>
  <si>
    <t>27469</t>
  </si>
  <si>
    <t>GPS JAPIAN WALA</t>
  </si>
  <si>
    <t>Jappianwala</t>
  </si>
  <si>
    <t>31669</t>
  </si>
  <si>
    <t>GPS CHAK NO. 508 TDA</t>
  </si>
  <si>
    <t>Pattal Mnda</t>
  </si>
  <si>
    <t>chak no 508</t>
  </si>
  <si>
    <t>Chak No 508/tda</t>
  </si>
  <si>
    <t>37322</t>
  </si>
  <si>
    <t>GGPS 19/9-R GHARBI, KACHA KHUH</t>
  </si>
  <si>
    <t>19/9r West Tibaa</t>
  </si>
  <si>
    <t>chak no 19/9r west tiba kachakhoh</t>
  </si>
  <si>
    <t>19/9r West Tiba</t>
  </si>
  <si>
    <t>JAVARIA AMJAD</t>
  </si>
  <si>
    <t>44038</t>
  </si>
  <si>
    <t>47757</t>
  </si>
  <si>
    <t>GGES DOABA</t>
  </si>
  <si>
    <t>govt. girls elementary school doaba</t>
  </si>
  <si>
    <t>Anum Gul</t>
  </si>
  <si>
    <t>45576</t>
  </si>
  <si>
    <t>GPS NO. 1 DHOKRI</t>
  </si>
  <si>
    <t>Dhokri  tehsil  Quaidabad  District  Khushab</t>
  </si>
  <si>
    <t>Choaha</t>
  </si>
  <si>
    <t>natural water</t>
  </si>
  <si>
    <t>9851</t>
  </si>
  <si>
    <t>12045</t>
  </si>
  <si>
    <t>42050</t>
  </si>
  <si>
    <t>24154</t>
  </si>
  <si>
    <t>GPS MADU PUR</t>
  </si>
  <si>
    <t>Maddo Pur</t>
  </si>
  <si>
    <t>Village Maddo Pur, P.O Chawinda, Tehsil Pasrur, District Sialkot</t>
  </si>
  <si>
    <t>41354</t>
  </si>
  <si>
    <t>GPS KHAJUT</t>
  </si>
  <si>
    <t>Khajut</t>
  </si>
  <si>
    <t>village khajut p/o murree,dist rawalpindi</t>
  </si>
  <si>
    <t>Numble</t>
  </si>
  <si>
    <t>21729</t>
  </si>
  <si>
    <t>GGPS CHAK NO. 31/A JADEED</t>
  </si>
  <si>
    <t>Chak 31/A Jadeed</t>
  </si>
  <si>
    <t>chak 31/A JADEED tehsil liaquatpur</t>
  </si>
  <si>
    <t>Chak 31/A JADEED</t>
  </si>
  <si>
    <t>Chak 32/A</t>
  </si>
  <si>
    <t>39493</t>
  </si>
  <si>
    <t>GES TIBBA PIR TANNUN</t>
  </si>
  <si>
    <t>Pir Tannun</t>
  </si>
  <si>
    <t>GES Tibba Pir Tannun multan saddar dist multan</t>
  </si>
  <si>
    <t>Tayyab Muhammad Tahir</t>
  </si>
  <si>
    <t>GGPS MAIKAN</t>
  </si>
  <si>
    <t>Maikan</t>
  </si>
  <si>
    <t>Asia Sajid</t>
  </si>
  <si>
    <t>37946</t>
  </si>
  <si>
    <t>GES KOT PIR SAADAT</t>
  </si>
  <si>
    <t>Kot Peer Saadat</t>
  </si>
  <si>
    <t>Mouza Kot Peer Saadat Tehsil&amp; District Lodhran</t>
  </si>
  <si>
    <t>GPS KOTLI QAZI</t>
  </si>
  <si>
    <t>Kotli Qazi</t>
  </si>
  <si>
    <t>Kotli Qazi P/O Helan Teh. Phalia M.B.Din</t>
  </si>
  <si>
    <t>Hassan Sardar</t>
  </si>
  <si>
    <t>28187</t>
  </si>
  <si>
    <t>GHS ISLAMIA PANDOWAL</t>
  </si>
  <si>
    <t>VPO PANDOWAL BALA TEHSIL AND DISTRICT MANDI BAHA UD DIN</t>
  </si>
  <si>
    <t>ZAHID SARDAR RANJHA</t>
  </si>
  <si>
    <t>GES ISLAMIA ELEMENTARY</t>
  </si>
  <si>
    <t>satellite town ryk</t>
  </si>
  <si>
    <t>Lisan Ali Asim</t>
  </si>
  <si>
    <t>4943</t>
  </si>
  <si>
    <t>GPS DHOK MIR DEH</t>
  </si>
  <si>
    <t>GPS Dhok Mir Deh</t>
  </si>
  <si>
    <t>Dera Mir Deh</t>
  </si>
  <si>
    <t>Muhammad Khalid Mehmood</t>
  </si>
  <si>
    <t>24337</t>
  </si>
  <si>
    <t>GMPS GUNJIAN WALI</t>
  </si>
  <si>
    <t>Gunjianwali</t>
  </si>
  <si>
    <t>village gunjianwali po kotli faqir chand</t>
  </si>
  <si>
    <t>Adamke Nagra</t>
  </si>
  <si>
    <t>23043</t>
  </si>
  <si>
    <t>GPS SAKA</t>
  </si>
  <si>
    <t>Saka</t>
  </si>
  <si>
    <t>village &amp; Post office  saka Teshil kharian District Gujarat.</t>
  </si>
  <si>
    <t>Delawar Pur</t>
  </si>
  <si>
    <t>Muhammad Rizwan Arshad</t>
  </si>
  <si>
    <t>53352</t>
  </si>
  <si>
    <t>GGES 42/G.D</t>
  </si>
  <si>
    <t>42/GD</t>
  </si>
  <si>
    <t>chak 42/GD</t>
  </si>
  <si>
    <t>Burj Jeway Khan</t>
  </si>
  <si>
    <t>41272</t>
  </si>
  <si>
    <t>GHS REWAT</t>
  </si>
  <si>
    <t>Village Rewat PO Kashmiri Bazar Rawalpindi</t>
  </si>
  <si>
    <t>M Ameen</t>
  </si>
  <si>
    <t>14434</t>
  </si>
  <si>
    <t>GGPS KEVARD RUKANI CHAK NO. 99 / N.P</t>
  </si>
  <si>
    <t>99np</t>
  </si>
  <si>
    <t>kawerd rukani chak 99np</t>
  </si>
  <si>
    <t>Kawerd Rukani</t>
  </si>
  <si>
    <t>Rashida Sultana</t>
  </si>
  <si>
    <t>21774</t>
  </si>
  <si>
    <t>47433</t>
  </si>
  <si>
    <t>GGPS 26 DB</t>
  </si>
  <si>
    <t>MUZAFFAR PUR SOUTH  NO.1-FEMALE</t>
  </si>
  <si>
    <t>Muzzaffar Pur South</t>
  </si>
  <si>
    <t>ggps 26db post office 27db</t>
  </si>
  <si>
    <t>26db</t>
  </si>
  <si>
    <t>Wan Bhachran 2</t>
  </si>
  <si>
    <t>Rafia Kausar</t>
  </si>
  <si>
    <t>40665</t>
  </si>
  <si>
    <t>21775</t>
  </si>
  <si>
    <t>GGES 95/15-L, MIAN CHANNU</t>
  </si>
  <si>
    <t>95/15.l mian channu khanewal</t>
  </si>
  <si>
    <t>95/15l</t>
  </si>
  <si>
    <t>Sadia Farooq</t>
  </si>
  <si>
    <t>suply water</t>
  </si>
  <si>
    <t>21777</t>
  </si>
  <si>
    <t>40306</t>
  </si>
  <si>
    <t>GGHS JALAL PUR SHARIF</t>
  </si>
  <si>
    <t>jalal pur Sharif</t>
  </si>
  <si>
    <t>Nabila Asif</t>
  </si>
  <si>
    <t>33712</t>
  </si>
  <si>
    <t>GPS CHAK NO. 121 TDA  SAKHANI WALA</t>
  </si>
  <si>
    <t>WARA GISHKORI</t>
  </si>
  <si>
    <t>GPS 121/TDA SAKHANI WALA</t>
  </si>
  <si>
    <t>SAKHANI WALA</t>
  </si>
  <si>
    <t>21551</t>
  </si>
  <si>
    <t>27674</t>
  </si>
  <si>
    <t>GES SAHIB WAL</t>
  </si>
  <si>
    <t>Sahibwal</t>
  </si>
  <si>
    <t>vpo Sahibwal tehsil malakwal dist M.B.Din</t>
  </si>
  <si>
    <t>Bosal Masoor</t>
  </si>
  <si>
    <t>SAJID MAHMOOD</t>
  </si>
  <si>
    <t>GGPS ZAFAR KAY</t>
  </si>
  <si>
    <t>kot radha kishan</t>
  </si>
  <si>
    <t>47795</t>
  </si>
  <si>
    <t>GPS UMRAY WALI</t>
  </si>
  <si>
    <t>village. Alluwali teh.piplan</t>
  </si>
  <si>
    <t>Muhammed Saeed Shamsi</t>
  </si>
  <si>
    <t>GGPS CHAK FEROOZ</t>
  </si>
  <si>
    <t>Ferooz</t>
  </si>
  <si>
    <t>Moza Feroz PO Jabooka teh dist okara</t>
  </si>
  <si>
    <t>Khawar sultana</t>
  </si>
  <si>
    <t>31628</t>
  </si>
  <si>
    <t>GPS KOT SAYIDAN</t>
  </si>
  <si>
    <t>Village Kot Syedan Teh Muridke Distt Skp</t>
  </si>
  <si>
    <t>Lambray</t>
  </si>
  <si>
    <t>GGPS 17MPR</t>
  </si>
  <si>
    <t>17mpr</t>
  </si>
  <si>
    <t>17@pr teh/dis lodhran</t>
  </si>
  <si>
    <t>Rafia Saddique</t>
  </si>
  <si>
    <t>27308</t>
  </si>
  <si>
    <t>GPS THATTA LADHEY</t>
  </si>
  <si>
    <t>Badr Ali</t>
  </si>
  <si>
    <t>Gps Thatta Ladhey teh pindi bhattian dist hafizabad</t>
  </si>
  <si>
    <t>Thatta Ladhey</t>
  </si>
  <si>
    <t>39394</t>
  </si>
  <si>
    <t>GGHS DHOK DHERA</t>
  </si>
  <si>
    <t>Doke Dera</t>
  </si>
  <si>
    <t>V&amp;P Dk Dera Teh Pindi Gheb District Attock</t>
  </si>
  <si>
    <t>NAYYAR SULTANA</t>
  </si>
  <si>
    <t>GGPS AZAM ABAD</t>
  </si>
  <si>
    <t>Choudry</t>
  </si>
  <si>
    <t>basti rais muhammad bakhsh liaquat pur</t>
  </si>
  <si>
    <t>Basti Rais Muhammad Bakhsh</t>
  </si>
  <si>
    <t>51724</t>
  </si>
  <si>
    <t>GPS RAMPURA</t>
  </si>
  <si>
    <t>RAMPUR, PAKPATTAN</t>
  </si>
  <si>
    <t>Mohsan Hassan</t>
  </si>
  <si>
    <t>22084</t>
  </si>
  <si>
    <t>GHS MUSLIM GUJRAT</t>
  </si>
  <si>
    <t>court road gujrat</t>
  </si>
  <si>
    <t>gujrat city</t>
  </si>
  <si>
    <t>alipura</t>
  </si>
  <si>
    <t>29601</t>
  </si>
  <si>
    <t>12538</t>
  </si>
  <si>
    <t>GPS PANJAY WALA</t>
  </si>
  <si>
    <t>BASTI PUNJAY WALA, MAUZA &amp; UNION COUNCIL BHUTTA PUR, MUZAFFARGARH</t>
  </si>
  <si>
    <t>AURANGZAIB KHAN</t>
  </si>
  <si>
    <t>21578</t>
  </si>
  <si>
    <t>29799</t>
  </si>
  <si>
    <t>GPS KOT HAJI IMAM KHAN</t>
  </si>
  <si>
    <t>Kot Imam Khan</t>
  </si>
  <si>
    <t>kot Haji imam Khan,P. o Hanjray kalan Tehsil Pattoki District kasur</t>
  </si>
  <si>
    <t>Hanjray Kalan</t>
  </si>
  <si>
    <t>Zakir Hussain</t>
  </si>
  <si>
    <t>GPS AZEEM PURA</t>
  </si>
  <si>
    <t>Tariqcoloney minchinabad</t>
  </si>
  <si>
    <t>Amjad Islam</t>
  </si>
  <si>
    <t>41477</t>
  </si>
  <si>
    <t>GGPS HOKRA</t>
  </si>
  <si>
    <t>SEHR BAGLA -FEMALE</t>
  </si>
  <si>
    <t>village hokra post office new murree teh murree dist rwp</t>
  </si>
  <si>
    <t>Seher Bagla</t>
  </si>
  <si>
    <t>Huma Jabeen</t>
  </si>
  <si>
    <t>33797</t>
  </si>
  <si>
    <t>GGPS TOTAL PURA BASTI DAIRA PAK MAI</t>
  </si>
  <si>
    <t>pak mai total pura</t>
  </si>
  <si>
    <t>Total Pura</t>
  </si>
  <si>
    <t>Tmber Market</t>
  </si>
  <si>
    <t>GGPS 18/MPR</t>
  </si>
  <si>
    <t>18mpr</t>
  </si>
  <si>
    <t>chak no 18mpr post of ice 19mpr lodhran</t>
  </si>
  <si>
    <t>Fozia Kiran</t>
  </si>
  <si>
    <t>GGPS MATEEL</t>
  </si>
  <si>
    <t>village mateel po and teh kotli sattian dist rwp</t>
  </si>
  <si>
    <t>Mateel</t>
  </si>
  <si>
    <t>GES SHIKAR PUR</t>
  </si>
  <si>
    <t>SHIKARPUR TEHSIL &amp; DISTRICT RAJANPUR</t>
  </si>
  <si>
    <t>45837</t>
  </si>
  <si>
    <t>GPS DHOK JHAGRA</t>
  </si>
  <si>
    <t>Dhok Jhagra</t>
  </si>
  <si>
    <t>dhok jhagra post office daiwal tehsil and district khushab</t>
  </si>
  <si>
    <t>Muhammad Azad</t>
  </si>
  <si>
    <t>42201</t>
  </si>
  <si>
    <t>GGPS CHAK NO.25/A</t>
  </si>
  <si>
    <t>25/ A</t>
  </si>
  <si>
    <t>chack 25/A liaquatpur</t>
  </si>
  <si>
    <t>25/A</t>
  </si>
  <si>
    <t>21623</t>
  </si>
  <si>
    <t>GPS DUBGOMA</t>
  </si>
  <si>
    <t>Dub Goma</t>
  </si>
  <si>
    <t>village dub goma</t>
  </si>
  <si>
    <t>GPS SUNARAY WALA</t>
  </si>
  <si>
    <t>GPS sunaray wala markaz mehmood kot tehsil kot district muzaffar garh</t>
  </si>
  <si>
    <t>Khagy Wala</t>
  </si>
  <si>
    <t>Moonis Raza</t>
  </si>
  <si>
    <t>45706</t>
  </si>
  <si>
    <t>GPS JAMIA NOOR UL ISLAM</t>
  </si>
  <si>
    <t>mohallah sikanderabad khushab</t>
  </si>
  <si>
    <t>29868</t>
  </si>
  <si>
    <t>GGPS GAGGA SARAI</t>
  </si>
  <si>
    <t>gagga sarai</t>
  </si>
  <si>
    <t>Parveen Nusrat</t>
  </si>
  <si>
    <t>12772</t>
  </si>
  <si>
    <t>GGES NANGAL SAHDAN</t>
  </si>
  <si>
    <t>Govt girls elementary school nangal sahdan</t>
  </si>
  <si>
    <t>Mashtah Nasrullah</t>
  </si>
  <si>
    <t>21622</t>
  </si>
  <si>
    <t>GPS CHAWINDA NO.1</t>
  </si>
  <si>
    <t>pasrur road chawinda</t>
  </si>
  <si>
    <t>53491</t>
  </si>
  <si>
    <t>GGPS KOT DADAN</t>
  </si>
  <si>
    <t>Basti kot Dadan post office wesanday wali dist m.garh</t>
  </si>
  <si>
    <t>53339</t>
  </si>
  <si>
    <t>37326</t>
  </si>
  <si>
    <t>GMPS WAN MEHR SINGH</t>
  </si>
  <si>
    <t>Wan Meher Singh</t>
  </si>
  <si>
    <t>wan mehr singh</t>
  </si>
  <si>
    <t>18807</t>
  </si>
  <si>
    <t>21633</t>
  </si>
  <si>
    <t>GES CHAK NO. 63 D</t>
  </si>
  <si>
    <t>63 D</t>
  </si>
  <si>
    <t>28220</t>
  </si>
  <si>
    <t>GES PIRHAR GHARBI MUSTAQIL</t>
  </si>
  <si>
    <t>basti pirhar near tariq chowk tehsil kot addu</t>
  </si>
  <si>
    <t>basti pirhar</t>
  </si>
  <si>
    <t>pirhar 8</t>
  </si>
  <si>
    <t>Yasir Afzal</t>
  </si>
  <si>
    <t>7295</t>
  </si>
  <si>
    <t>GPS SHAH HABIB CHAK NO.148-C TDA</t>
  </si>
  <si>
    <t>Ward No1 MC Layyah</t>
  </si>
  <si>
    <t>Basti shah habib near kalma chowk layyah</t>
  </si>
  <si>
    <t>Shah habib</t>
  </si>
  <si>
    <t>MC layyah</t>
  </si>
  <si>
    <t>14279</t>
  </si>
  <si>
    <t>Chak Kot Zuberi</t>
  </si>
  <si>
    <t>Chak zuberi near pul uc jahanpur district Rajanpur</t>
  </si>
  <si>
    <t>GPS BANN</t>
  </si>
  <si>
    <t>Pharana/Charhan</t>
  </si>
  <si>
    <t>village Bann PO Bann TEH Murree</t>
  </si>
  <si>
    <t>Abdul Aleem</t>
  </si>
  <si>
    <t>22119</t>
  </si>
  <si>
    <t>GHS MEMORIAL ISL SHAMPUR KHOKHRA</t>
  </si>
  <si>
    <t>Govt. b.a.m. islamia h/s shampur khokhran gujrat</t>
  </si>
  <si>
    <t>Azor Emanuel</t>
  </si>
  <si>
    <t>GES CHAK NO.140-A</t>
  </si>
  <si>
    <t>Chak 140/A</t>
  </si>
  <si>
    <t>chak 140/A</t>
  </si>
  <si>
    <t>muhammad imran liaquat(Ù…Ø­Ù…Ø¯ Ø¹Ù…Ø±Ø§Ù† Ù„ÛŒØ§Ù‚Øª)</t>
  </si>
  <si>
    <t>40488</t>
  </si>
  <si>
    <t>21657</t>
  </si>
  <si>
    <t>GPS WAROOD MIRZEKA</t>
  </si>
  <si>
    <t>City Minchinabad</t>
  </si>
  <si>
    <t>Warood Primary school Merzika (anwarul Islam)</t>
  </si>
  <si>
    <t>Minchanabad</t>
  </si>
  <si>
    <t>MC Minchinabad</t>
  </si>
  <si>
    <t>GES HASSAN</t>
  </si>
  <si>
    <t>Hassan</t>
  </si>
  <si>
    <t>Distt Teh  MBDin  vpo Hassan</t>
  </si>
  <si>
    <t>Chimmon</t>
  </si>
  <si>
    <t>51729</t>
  </si>
  <si>
    <t>GPS JAWAYAKALYA</t>
  </si>
  <si>
    <t>Jawaya Kalya</t>
  </si>
  <si>
    <t>Chak Jawaya Kalya p/o Chak Bedi Pakpattan</t>
  </si>
  <si>
    <t>21783</t>
  </si>
  <si>
    <t>GGPS HAZRAT WALA NO. 2</t>
  </si>
  <si>
    <t>KOTLA ESSAN</t>
  </si>
  <si>
    <t>DERA ROAD NEAR GLOBAL COTTOn FACTORY KOTLA Esan</t>
  </si>
  <si>
    <t>GPS GIRIA ABAD</t>
  </si>
  <si>
    <t>Giria abad tehsil minchanabad distric bahawal nagar</t>
  </si>
  <si>
    <t>32767</t>
  </si>
  <si>
    <t>GPS MALLI WALA</t>
  </si>
  <si>
    <t>REHAN WALA-MALE</t>
  </si>
  <si>
    <t>Malli Wala</t>
  </si>
  <si>
    <t>village malli wala tehsil and disttrict nankana sahib</t>
  </si>
  <si>
    <t>Inam Khaliq</t>
  </si>
  <si>
    <t>42234</t>
  </si>
  <si>
    <t>GGPS JAWA</t>
  </si>
  <si>
    <t>village jawa p/o mallot Sattian tehsil kotli sattian district Rwp</t>
  </si>
  <si>
    <t>44603</t>
  </si>
  <si>
    <t>GPS HUSNAIN ABAD</t>
  </si>
  <si>
    <t>moza bait dewan bakhri ahmad khan kot sultan layyah</t>
  </si>
  <si>
    <t>muhammad sarfaraz ahmad</t>
  </si>
  <si>
    <t>21791</t>
  </si>
  <si>
    <t>GES 99/M</t>
  </si>
  <si>
    <t>Chak#99m</t>
  </si>
  <si>
    <t>chak#99m lodhran</t>
  </si>
  <si>
    <t>Mohammad Afzal Hashmi</t>
  </si>
  <si>
    <t>GPS NAIN WAL JAGIR</t>
  </si>
  <si>
    <t>NAINWAL JAGIR</t>
  </si>
  <si>
    <t>NAINWAL JAGIR P/O DHOLAN HITHAR TEHSIL AND DISTRICT KASUR</t>
  </si>
  <si>
    <t>29404</t>
  </si>
  <si>
    <t>GPS DERA KAMONKEY</t>
  </si>
  <si>
    <t>Dera Kamonkey</t>
  </si>
  <si>
    <t>Dera kamonkey</t>
  </si>
  <si>
    <t>Dera Kamonkay</t>
  </si>
  <si>
    <t>Bushra Ashraf</t>
  </si>
  <si>
    <t>21802</t>
  </si>
  <si>
    <t>GPS CHAK NO 118/P</t>
  </si>
  <si>
    <t>chak#118/p Rahim Yar Khan</t>
  </si>
  <si>
    <t>118/P</t>
  </si>
  <si>
    <t>Muhammad Zohaib Afzal</t>
  </si>
  <si>
    <t>21804</t>
  </si>
  <si>
    <t>46466</t>
  </si>
  <si>
    <t>GPS JHANDAY KHAIL</t>
  </si>
  <si>
    <t>dera jhanday khail Uttra TEHSIL QUAIDABAD district khushab</t>
  </si>
  <si>
    <t>jhanday khail uttra</t>
  </si>
  <si>
    <t>Uttra janubi</t>
  </si>
  <si>
    <t>Hakim Khan</t>
  </si>
  <si>
    <t>7649</t>
  </si>
  <si>
    <t>24354</t>
  </si>
  <si>
    <t>GGES MALLO KI</t>
  </si>
  <si>
    <t>Malluki</t>
  </si>
  <si>
    <t>G G E S Malluki</t>
  </si>
  <si>
    <t>Rama Thaman</t>
  </si>
  <si>
    <t>Fouzia Perveen</t>
  </si>
  <si>
    <t>21806</t>
  </si>
  <si>
    <t>27913</t>
  </si>
  <si>
    <t>GES DERA CHATTHA</t>
  </si>
  <si>
    <t>Dera Chattha</t>
  </si>
  <si>
    <t>Dera chattha teshsil and district  M.B.Din post office jholana</t>
  </si>
  <si>
    <t>ishtiaq ahmad</t>
  </si>
  <si>
    <t>10065</t>
  </si>
  <si>
    <t>46812</t>
  </si>
  <si>
    <t>21994</t>
  </si>
  <si>
    <t>GMPS HARCHOKE</t>
  </si>
  <si>
    <t>Harchokey</t>
  </si>
  <si>
    <t>Harchokey Noshera Virkan Gujranwala</t>
  </si>
  <si>
    <t>Budda Goraya</t>
  </si>
  <si>
    <t>Zikriya Akhter</t>
  </si>
  <si>
    <t>10672</t>
  </si>
  <si>
    <t>GPS CHAK NO 459 TDA</t>
  </si>
  <si>
    <t>chak no 459</t>
  </si>
  <si>
    <t>Chak No 459</t>
  </si>
  <si>
    <t>M Yousaf</t>
  </si>
  <si>
    <t>38498</t>
  </si>
  <si>
    <t>21821</t>
  </si>
  <si>
    <t>GGPS AMRUKA UTHAR</t>
  </si>
  <si>
    <t>Amruka village, Hasil saru, Meclod Gung, MI Chana ad, BWN</t>
  </si>
  <si>
    <t>Amruka Outtar</t>
  </si>
  <si>
    <t>Nasreen Fatima</t>
  </si>
  <si>
    <t>31857</t>
  </si>
  <si>
    <t>GPS GHARYAL KALAN</t>
  </si>
  <si>
    <t>Gharyal Kalan P/O Same</t>
  </si>
  <si>
    <t>hand pump and moter</t>
  </si>
  <si>
    <t>21823</t>
  </si>
  <si>
    <t>25622</t>
  </si>
  <si>
    <t>GGHS KHAIR ULLAH PUR</t>
  </si>
  <si>
    <t>Khairullah Pur</t>
  </si>
  <si>
    <t>GGHS KHAIRULLAH PUR</t>
  </si>
  <si>
    <t>Zartashia Shahnaz</t>
  </si>
  <si>
    <t>20184</t>
  </si>
  <si>
    <t>GES SARU WALA</t>
  </si>
  <si>
    <t>SAROO WALA</t>
  </si>
  <si>
    <t>GPS SAROO WALA</t>
  </si>
  <si>
    <t>PIR PUNJA</t>
  </si>
  <si>
    <t>46215</t>
  </si>
  <si>
    <t>GPS GOHRAY WALA</t>
  </si>
  <si>
    <t>GPS Gohray Wala Peelo Wains NoorPoor Khushab</t>
  </si>
  <si>
    <t>18155</t>
  </si>
  <si>
    <t>46356</t>
  </si>
  <si>
    <t>34682</t>
  </si>
  <si>
    <t>village kalas P/O  Nagrian district gujrat tehsil kharian</t>
  </si>
  <si>
    <t>29315</t>
  </si>
  <si>
    <t>51369</t>
  </si>
  <si>
    <t>GPS KAHAN SINGH P.O BLYLE GANJ</t>
  </si>
  <si>
    <t>Kahan Singh p.o Boyle Gunj</t>
  </si>
  <si>
    <t>Muhammad Hussain Naseem</t>
  </si>
  <si>
    <t>21833</t>
  </si>
  <si>
    <t>12085</t>
  </si>
  <si>
    <t>GGES YOUSUF WALA</t>
  </si>
  <si>
    <t>EHSAN Pur</t>
  </si>
  <si>
    <t>razi wala ehsan pur</t>
  </si>
  <si>
    <t>Razi Wala</t>
  </si>
  <si>
    <t>Muhammad Asif Shehzad</t>
  </si>
  <si>
    <t>GGPS SERI</t>
  </si>
  <si>
    <t>village seri, Gehl, Murree , Rawalpindi</t>
  </si>
  <si>
    <t>41417</t>
  </si>
  <si>
    <t>GGPS CHAK NO.2/A</t>
  </si>
  <si>
    <t>Chak 2A</t>
  </si>
  <si>
    <t>GGPS chak 2A liaqat pur rahim yar khan</t>
  </si>
  <si>
    <t>Chak 10</t>
  </si>
  <si>
    <t>Zohra Bibi</t>
  </si>
  <si>
    <t>39674</t>
  </si>
  <si>
    <t>21842</t>
  </si>
  <si>
    <t>30088</t>
  </si>
  <si>
    <t>GGPS TARA SINGH</t>
  </si>
  <si>
    <t>tara singh</t>
  </si>
  <si>
    <t>tara singh p / o cheena arla kot radha kishan</t>
  </si>
  <si>
    <t>Aisha Kalsoom</t>
  </si>
  <si>
    <t>44754</t>
  </si>
  <si>
    <t>21844</t>
  </si>
  <si>
    <t>37579</t>
  </si>
  <si>
    <t>GGES 62/15-L, P/O 67/15-L VIJIHIAN WALA, MIAN CHANNU</t>
  </si>
  <si>
    <t>62/15-l</t>
  </si>
  <si>
    <t>62/15-l vijhian walap</t>
  </si>
  <si>
    <t>59/15-l</t>
  </si>
  <si>
    <t>Asma Ishaq</t>
  </si>
  <si>
    <t>39258</t>
  </si>
  <si>
    <t>GGHS DATWAL</t>
  </si>
  <si>
    <t>kharpa</t>
  </si>
  <si>
    <t>gghs datwal tehsil pindigheb attock</t>
  </si>
  <si>
    <t>datwal</t>
  </si>
  <si>
    <t>GPS CHANGRAN WALA</t>
  </si>
  <si>
    <t>Changranwala</t>
  </si>
  <si>
    <t>Changranwala, Tehsil Lalian, District Chiniot</t>
  </si>
  <si>
    <t>18742</t>
  </si>
  <si>
    <t>21847</t>
  </si>
  <si>
    <t>GES PUBLIC MODEL AIRPORT ROAD</t>
  </si>
  <si>
    <t>Mohallah islam nagar. Air port road, Rshim yar khan</t>
  </si>
  <si>
    <t>Mehmood Ul Hassan</t>
  </si>
  <si>
    <t>9986</t>
  </si>
  <si>
    <t>34885</t>
  </si>
  <si>
    <t>21849</t>
  </si>
  <si>
    <t>45137</t>
  </si>
  <si>
    <t>GHSS CHAK NO.67/ML</t>
  </si>
  <si>
    <t>CHAK NO.67/ML TEHSIL MANKERA DISTT.BHAKKAR</t>
  </si>
  <si>
    <t>chak no.67/ML</t>
  </si>
  <si>
    <t>CHAK NO.67 ML</t>
  </si>
  <si>
    <t>ZAFAR ULLAH KHAN NIAZI</t>
  </si>
  <si>
    <t>14011</t>
  </si>
  <si>
    <t>GPS JAHAN PUR</t>
  </si>
  <si>
    <t>Chak Jindo Shah</t>
  </si>
  <si>
    <t>Basti Allah Ditta Chairman chak Jindo shah</t>
  </si>
  <si>
    <t>Basti Allah Ditta Chairman</t>
  </si>
  <si>
    <t>Shahnawaz</t>
  </si>
  <si>
    <t>46262</t>
  </si>
  <si>
    <t>GPS DERA SHEIKH GHULAM RASOOL</t>
  </si>
  <si>
    <t>Rang Pur Baghoor</t>
  </si>
  <si>
    <t>Dera Sheikh Ghulam Rasool rang Pur Baghoor</t>
  </si>
  <si>
    <t>GPS CHAK NO. 1 GB MEHMOOD PURA</t>
  </si>
  <si>
    <t>Chak No 1 Mehmood Pura</t>
  </si>
  <si>
    <t>mehmood Pura  chak no. 1. nankana sahib</t>
  </si>
  <si>
    <t>Machralla</t>
  </si>
  <si>
    <t>35766</t>
  </si>
  <si>
    <t>GPS CHAK NO.98/WB</t>
  </si>
  <si>
    <t>Chak No 98-WB</t>
  </si>
  <si>
    <t>chk No 98 p/o MGahra more Tehsil Mailsi Distric Vehari</t>
  </si>
  <si>
    <t>98/WB</t>
  </si>
  <si>
    <t>GES AZMAT ULLAH</t>
  </si>
  <si>
    <t>waghwan</t>
  </si>
  <si>
    <t>moza waghwan khanpur.ryk</t>
  </si>
  <si>
    <t>waghwab</t>
  </si>
  <si>
    <t>34334</t>
  </si>
  <si>
    <t>GGES BASTI JALIL MULTAN P/O BASTI JALIL</t>
  </si>
  <si>
    <t>Basti Jaleel</t>
  </si>
  <si>
    <t>Gges basti jaleel budhla sant multan</t>
  </si>
  <si>
    <t>Budhla Sant</t>
  </si>
  <si>
    <t>Zarina Jabeen</t>
  </si>
  <si>
    <t>GES KAPUR PUR</t>
  </si>
  <si>
    <t>kapoor pur tehsil pasrur, sialkot</t>
  </si>
  <si>
    <t>Syed Zahid Hussain Gilani</t>
  </si>
  <si>
    <t>GPS BHONDI</t>
  </si>
  <si>
    <t>Bhondi</t>
  </si>
  <si>
    <t>Chak Bhondi post office Macleod Gunj Teh Minchan abad Distt Bhawal nagar</t>
  </si>
  <si>
    <t>GPS TIBI KALO WALI</t>
  </si>
  <si>
    <t>Tibbi Kalo Wali</t>
  </si>
  <si>
    <t>tibbi Kalo Wali p/o chak badi tehsil and district PAKPATTAN</t>
  </si>
  <si>
    <t>Hela Wattowan</t>
  </si>
  <si>
    <t>ghulam yasin tahir</t>
  </si>
  <si>
    <t>41497</t>
  </si>
  <si>
    <t>GPS DANNA AWAIN</t>
  </si>
  <si>
    <t>Danna</t>
  </si>
  <si>
    <t>village danna awain p/o murree tehsil murree,dist rawalpindi</t>
  </si>
  <si>
    <t>Danna Awain</t>
  </si>
  <si>
    <t>Anayat Ullah</t>
  </si>
  <si>
    <t>GGPS JUNEY KEY</t>
  </si>
  <si>
    <t>Jonekey</t>
  </si>
  <si>
    <t>jonekey</t>
  </si>
  <si>
    <t>Aqeela Aslam</t>
  </si>
  <si>
    <t>51911</t>
  </si>
  <si>
    <t>29224</t>
  </si>
  <si>
    <t>GPS JEWAN SINGH WALA</t>
  </si>
  <si>
    <t>Amrik Singh Wala</t>
  </si>
  <si>
    <t>Amrik Singh Wala, Kasur</t>
  </si>
  <si>
    <t>Rakib Iqbal</t>
  </si>
  <si>
    <t>GPS BONGA TAJAKA</t>
  </si>
  <si>
    <t>Bonga Tejeka</t>
  </si>
  <si>
    <t>bonga tejeka teh.Minchinabad dist bahawalnagar</t>
  </si>
  <si>
    <t>Waheed Ahmed Wattoo</t>
  </si>
  <si>
    <t>52169</t>
  </si>
  <si>
    <t>21887</t>
  </si>
  <si>
    <t>53057</t>
  </si>
  <si>
    <t>GHS CHAK NO. 44 /GD</t>
  </si>
  <si>
    <t>Chak 44/GD</t>
  </si>
  <si>
    <t>Chak no.44/gd t/d okara</t>
  </si>
  <si>
    <t>44/gd</t>
  </si>
  <si>
    <t>Zakhira gashkori</t>
  </si>
  <si>
    <t>37338</t>
  </si>
  <si>
    <t>21888</t>
  </si>
  <si>
    <t>54445</t>
  </si>
  <si>
    <t>GPS SHAHEEDI KOT</t>
  </si>
  <si>
    <t>Shaheedi kot</t>
  </si>
  <si>
    <t>village shahdikot</t>
  </si>
  <si>
    <t>GHS KARNANA</t>
  </si>
  <si>
    <t>Village and post office khas karnana</t>
  </si>
  <si>
    <t>GPS CHAK NO. 122/P</t>
  </si>
  <si>
    <t>Chak #122p</t>
  </si>
  <si>
    <t>Chak no 122/p post office chak no 118/p tehsil &amp; district Rahim Yar Khan</t>
  </si>
  <si>
    <t>Chak No 122/p</t>
  </si>
  <si>
    <t>Chak # 114</t>
  </si>
  <si>
    <t>53078</t>
  </si>
  <si>
    <t>46486</t>
  </si>
  <si>
    <t>GPS TIKOCH</t>
  </si>
  <si>
    <t>Tikoch</t>
  </si>
  <si>
    <t>Village Tikoch</t>
  </si>
  <si>
    <t>Water Cooler</t>
  </si>
  <si>
    <t>28668</t>
  </si>
  <si>
    <t>47412</t>
  </si>
  <si>
    <t>GGPS JANJOAN WALA</t>
  </si>
  <si>
    <t>Shadia Shumali</t>
  </si>
  <si>
    <t>shadia shumali</t>
  </si>
  <si>
    <t>Umbreen Akhtar</t>
  </si>
  <si>
    <t>33238</t>
  </si>
  <si>
    <t>GPS CHAK NO. 34/P</t>
  </si>
  <si>
    <t>Chak 34/P</t>
  </si>
  <si>
    <t>Govt. p/s chak no.34p p.o bagh o bahar tehsil khan pur district rahim yar khan</t>
  </si>
  <si>
    <t>Chak 34/p</t>
  </si>
  <si>
    <t>GHS FAROOQ SHEIKH COLONY FSD</t>
  </si>
  <si>
    <t>ghs Farooq  sheikh Colony Fsd</t>
  </si>
  <si>
    <t>liaqat Abad</t>
  </si>
  <si>
    <t>33867</t>
  </si>
  <si>
    <t>GGPS MC BASTI JANGLA</t>
  </si>
  <si>
    <t>Bastijangla Multan</t>
  </si>
  <si>
    <t>Gulnar colony Multan</t>
  </si>
  <si>
    <t>Ghazala  Tasnim</t>
  </si>
  <si>
    <t>40810</t>
  </si>
  <si>
    <t>35707</t>
  </si>
  <si>
    <t>GPS KUND AZEEM</t>
  </si>
  <si>
    <t>Ghouspur Sani</t>
  </si>
  <si>
    <t>Mouza Ghouspur Sani Syphon Road Mailsi</t>
  </si>
  <si>
    <t>15791</t>
  </si>
  <si>
    <t>GPS QILA MAJA SINGH</t>
  </si>
  <si>
    <t>Qila Majja Singh</t>
  </si>
  <si>
    <t>Qila majja singh</t>
  </si>
  <si>
    <t>Bhri Kalan</t>
  </si>
  <si>
    <t>GGPS CHAK 63/A</t>
  </si>
  <si>
    <t>Chak 63</t>
  </si>
  <si>
    <t>chak63a</t>
  </si>
  <si>
    <t>Chak 63/a</t>
  </si>
  <si>
    <t>68a</t>
  </si>
  <si>
    <t>amna mushtaq</t>
  </si>
  <si>
    <t>8946</t>
  </si>
  <si>
    <t>GHS RUKHLA MANDI</t>
  </si>
  <si>
    <t>rukhla mandi</t>
  </si>
  <si>
    <t>GHS Rukhla mandi</t>
  </si>
  <si>
    <t>warcha</t>
  </si>
  <si>
    <t>Hafiz Jahan KHAN</t>
  </si>
  <si>
    <t>22178</t>
  </si>
  <si>
    <t>Village and Post Office Machiwal, Tehsil and District Gujrat</t>
  </si>
  <si>
    <t>Firdousi Sharif</t>
  </si>
  <si>
    <t>39941</t>
  </si>
  <si>
    <t>GPS CHAK NO.117 P</t>
  </si>
  <si>
    <t>chak no. 117p, p/o same RYK</t>
  </si>
  <si>
    <t>Chak 117p</t>
  </si>
  <si>
    <t>GPS CHAK NO 16/69</t>
  </si>
  <si>
    <t>Chak 16/69</t>
  </si>
  <si>
    <t>chak no. 16/69 p/o syedwala tehsil and distt nankana sahib</t>
  </si>
  <si>
    <t>Chak No 16/69</t>
  </si>
  <si>
    <t>GPS MALHUWALA</t>
  </si>
  <si>
    <t>Govt.Boys Primary School Malhuwala</t>
  </si>
  <si>
    <t>Malhuwala</t>
  </si>
  <si>
    <t>GPS CHAK NO. 506 TDA</t>
  </si>
  <si>
    <t>Chak no 506 tda post office rung purr tehsil kot adu district m garh</t>
  </si>
  <si>
    <t>Chak No 506tda</t>
  </si>
  <si>
    <t>Aziz Abad 33</t>
  </si>
  <si>
    <t>GES JASSORAN</t>
  </si>
  <si>
    <t>village and post office jassoran tensile pasture dist. sialkot</t>
  </si>
  <si>
    <t>Muhammad Kifaitullah</t>
  </si>
  <si>
    <t>GMPS YAKOO WALA</t>
  </si>
  <si>
    <t>Yakoowala</t>
  </si>
  <si>
    <t>yakoowala Teh:lalian District. Chiniot</t>
  </si>
  <si>
    <t>Kanwein Wala</t>
  </si>
  <si>
    <t>GPS CHAK NO. 94/1-L</t>
  </si>
  <si>
    <t>94/1-l</t>
  </si>
  <si>
    <t>chek 94/1-l</t>
  </si>
  <si>
    <t>Muhammad Babar Malik</t>
  </si>
  <si>
    <t>29312</t>
  </si>
  <si>
    <t>GPS PIAL KALAN NO. 1</t>
  </si>
  <si>
    <t>GPS pial kalan no1</t>
  </si>
  <si>
    <t>Pial Kalam</t>
  </si>
  <si>
    <t>21453</t>
  </si>
  <si>
    <t>27285</t>
  </si>
  <si>
    <t>GES WIJHWAN</t>
  </si>
  <si>
    <t>wijhwan</t>
  </si>
  <si>
    <t>Riaz-ul-hassan</t>
  </si>
  <si>
    <t>43310</t>
  </si>
  <si>
    <t>GGPS BILAWARA</t>
  </si>
  <si>
    <t>balawara kottli sattian</t>
  </si>
  <si>
    <t>Salma Sheraz</t>
  </si>
  <si>
    <t>GPS ELAHI BAKHSH</t>
  </si>
  <si>
    <t>Chak Elahi Bakhsh P/O Chak Bedi T/D Pakpattan</t>
  </si>
  <si>
    <t>GES SARSALA</t>
  </si>
  <si>
    <t>Sarsal</t>
  </si>
  <si>
    <t>vpo sarsal teh. kharian  distt. Gujarat</t>
  </si>
  <si>
    <t>Muhammad Arshad Baig</t>
  </si>
  <si>
    <t>46402</t>
  </si>
  <si>
    <t>GHS RANGPUR BAGHOOR</t>
  </si>
  <si>
    <t>Rangpur Baghoor Tehsil Noorpur Thal District Khushab</t>
  </si>
  <si>
    <t>IMRAN ABBAS</t>
  </si>
  <si>
    <t>34429</t>
  </si>
  <si>
    <t>GES CHADHAR</t>
  </si>
  <si>
    <t>P/o chadhar  Tehsil Multan Saddar District Multan</t>
  </si>
  <si>
    <t>Muhammad Hafiz Ullah</t>
  </si>
  <si>
    <t>GGPS SADOKE</t>
  </si>
  <si>
    <t>Faiza Nawaz</t>
  </si>
  <si>
    <t>10645</t>
  </si>
  <si>
    <t>GPS CHAK NO.428/TDA</t>
  </si>
  <si>
    <t>chak no 428/TDA dhori adda</t>
  </si>
  <si>
    <t>Chak No 428/TDA</t>
  </si>
  <si>
    <t>GPS KHILJI KHALSA</t>
  </si>
  <si>
    <t>Khilji khalsa</t>
  </si>
  <si>
    <t>Khilji khalsa,post office Raja Jung Via Kotli Rai Abu Bakar Teh.&amp; Distt. Kasur</t>
  </si>
  <si>
    <t>MIRZA MUHAMMAD BASHARAT</t>
  </si>
  <si>
    <t>14393</t>
  </si>
  <si>
    <t>GGPS CHAK NO 67/P</t>
  </si>
  <si>
    <t>latki</t>
  </si>
  <si>
    <t>Chak 67P UC Latki</t>
  </si>
  <si>
    <t>67p</t>
  </si>
  <si>
    <t>Musarat Mukhtar</t>
  </si>
  <si>
    <t>29693</t>
  </si>
  <si>
    <t>GGES SHEIKHUM</t>
  </si>
  <si>
    <t>village sheikhum tehsil pattoki district kasur</t>
  </si>
  <si>
    <t>Nadia Ashraf Alvi</t>
  </si>
  <si>
    <t>GPS GHAMANDPUR</t>
  </si>
  <si>
    <t>Chubiana</t>
  </si>
  <si>
    <t>Basti Ghamand Pur. Near Ada Chabiana. Tehsil Minchinabad.</t>
  </si>
  <si>
    <t>Ghamand Pur</t>
  </si>
  <si>
    <t>GPS CHAK NO. 15 GD</t>
  </si>
  <si>
    <t>GPS15/GD</t>
  </si>
  <si>
    <t>Chak15/gd</t>
  </si>
  <si>
    <t>Merak</t>
  </si>
  <si>
    <t>Shafqat Tanveer</t>
  </si>
  <si>
    <t>GGPS KHURSHID ABAD OLD DUNYAPUR ROAD</t>
  </si>
  <si>
    <t>Raam Kali</t>
  </si>
  <si>
    <t>ggps khursheed abad old dunya pur road Multan</t>
  </si>
  <si>
    <t>Chah Masjid Wala</t>
  </si>
  <si>
    <t>Dera Budhu Malik</t>
  </si>
  <si>
    <t>21495</t>
  </si>
  <si>
    <t>47111</t>
  </si>
  <si>
    <t>GGES DHOK ALI KHAN CHAKRALA MIANWALI</t>
  </si>
  <si>
    <t>Village &amp; Post Office Dhok Ali Khan Tehsil &amp; District Mianwali</t>
  </si>
  <si>
    <t>GES DHAN GARAN</t>
  </si>
  <si>
    <t>Dhangran</t>
  </si>
  <si>
    <t>village dhangran u.c dhir kot sattian tensil kotli sattian dist rawalpindi</t>
  </si>
  <si>
    <t>Dhir kot Sattian</t>
  </si>
  <si>
    <t>Shamsul Mehmood</t>
  </si>
  <si>
    <t>44036</t>
  </si>
  <si>
    <t>21499</t>
  </si>
  <si>
    <t>20336</t>
  </si>
  <si>
    <t>GMPS KALOOR</t>
  </si>
  <si>
    <t>kaloor p/o same tehsil lalian distrect chiniot</t>
  </si>
  <si>
    <t>langer makhdoom</t>
  </si>
  <si>
    <t>muhammad mazhar</t>
  </si>
  <si>
    <t>30815</t>
  </si>
  <si>
    <t>34315</t>
  </si>
  <si>
    <t>GGPS MOHALLA KHALIFA</t>
  </si>
  <si>
    <t>FARIDIA - FEMALE</t>
  </si>
  <si>
    <t>rakh kot mithan</t>
  </si>
  <si>
    <t>near by govt girls higher secondry school mithan kot</t>
  </si>
  <si>
    <t>Aisha Rafiq</t>
  </si>
  <si>
    <t>21501</t>
  </si>
  <si>
    <t>GPS KARYAL KALAN NO.2</t>
  </si>
  <si>
    <t>p/o karyal kalan teh nowshera virkan distt Gujranwala</t>
  </si>
  <si>
    <t>Fozia Talib</t>
  </si>
  <si>
    <t>4833</t>
  </si>
  <si>
    <t>GGPS MONI THAL</t>
  </si>
  <si>
    <t>Monithal</t>
  </si>
  <si>
    <t>govt girls primary school monithal khanpur</t>
  </si>
  <si>
    <t>53226</t>
  </si>
  <si>
    <t>GPS 41-A/4.L</t>
  </si>
  <si>
    <t>Chak no 41A/4L okara</t>
  </si>
  <si>
    <t>41A/4L</t>
  </si>
  <si>
    <t>40A4L</t>
  </si>
  <si>
    <t>34382</t>
  </si>
  <si>
    <t>27527</t>
  </si>
  <si>
    <t>GMPS BHOPA LODIKA</t>
  </si>
  <si>
    <t>Bhopalodika</t>
  </si>
  <si>
    <t>bhopalodika teh pindibhattian distt.hafizabad</t>
  </si>
  <si>
    <t>Madhoran Klan</t>
  </si>
  <si>
    <t>Lubna Kauser</t>
  </si>
  <si>
    <t>GPS TIBBI GHALWAN PO QURESHI WALA</t>
  </si>
  <si>
    <t>Tibbi Ghalwan</t>
  </si>
  <si>
    <t>tibbi ghalwan</t>
  </si>
  <si>
    <t>21519</t>
  </si>
  <si>
    <t>37179</t>
  </si>
  <si>
    <t>GPS 75-A/10-R ZAHOOR ABAD, KHANEWAL</t>
  </si>
  <si>
    <t>75A/10R</t>
  </si>
  <si>
    <t>Zahoorabad</t>
  </si>
  <si>
    <t>12871</t>
  </si>
  <si>
    <t>49615</t>
  </si>
  <si>
    <t>GES SIRI RAM PURA</t>
  </si>
  <si>
    <t>Mubarik Pur Kalan</t>
  </si>
  <si>
    <t>Mubarik Pur Kalan Tehsil Muridke District Sheikhupura</t>
  </si>
  <si>
    <t>Seri Ram Purs</t>
  </si>
  <si>
    <t>Amjad Rashid</t>
  </si>
  <si>
    <t>GPS HAYDAR DHUDY</t>
  </si>
  <si>
    <t>Haider Dhudi</t>
  </si>
  <si>
    <t>mouza haider dhudi village haider dhudi</t>
  </si>
  <si>
    <t>Lakela</t>
  </si>
  <si>
    <t>GGPS ASKEER</t>
  </si>
  <si>
    <t>Village.Askeer .P.o Aryari .Teh.Kotli Sattian Distt Rwp</t>
  </si>
  <si>
    <t>34613</t>
  </si>
  <si>
    <t>GGPS BHIR WALA P/O BILLI WALA</t>
  </si>
  <si>
    <t>Kotla Rehm Ali</t>
  </si>
  <si>
    <t>basti Allahabad billiwala</t>
  </si>
  <si>
    <t>Billiwala</t>
  </si>
  <si>
    <t>Sadia Manzoor</t>
  </si>
  <si>
    <t>GGPS HAJI MOHAMMAD NAWAZ KALHORA</t>
  </si>
  <si>
    <t>Wahid Bakhsh Sial</t>
  </si>
  <si>
    <t>ggps M.nawaz kalhora basti kalhora jetha bhutta khanpur</t>
  </si>
  <si>
    <t>Basti Kalhora</t>
  </si>
  <si>
    <t>Sana Fakhar</t>
  </si>
  <si>
    <t>GES NOUL HITHAR</t>
  </si>
  <si>
    <t>Noul Hithar</t>
  </si>
  <si>
    <t>Oalakh Hithar</t>
  </si>
  <si>
    <t>Nazir Ahmad Naji</t>
  </si>
  <si>
    <t>25344</t>
  </si>
  <si>
    <t>44420</t>
  </si>
  <si>
    <t>21977</t>
  </si>
  <si>
    <t>GGPS MAHIA</t>
  </si>
  <si>
    <t>Mahia</t>
  </si>
  <si>
    <t>Village Mahia, post office Budha Goraya</t>
  </si>
  <si>
    <t>53243</t>
  </si>
  <si>
    <t>GPS CHAK 10/GD</t>
  </si>
  <si>
    <t>10 GD</t>
  </si>
  <si>
    <t>Chak No 10GD p/O Kohla Teh &amp; District Okara</t>
  </si>
  <si>
    <t>20102</t>
  </si>
  <si>
    <t>27310</t>
  </si>
  <si>
    <t>GPS CHUKARIAN</t>
  </si>
  <si>
    <t>Chukarian</t>
  </si>
  <si>
    <t>Village Chukarian Tehsil Pindi Bhattian District Hafizabad</t>
  </si>
  <si>
    <t>Rai Zafar Ullah</t>
  </si>
  <si>
    <t>7272</t>
  </si>
  <si>
    <t>GMPS BASTI GHULAM MUHAMMAD</t>
  </si>
  <si>
    <t>Ghot Amin</t>
  </si>
  <si>
    <t>Moza Ghost Amin po Allah Abad</t>
  </si>
  <si>
    <t>Basti Ghulam Muhamad</t>
  </si>
  <si>
    <t>Muhammad daha</t>
  </si>
  <si>
    <t>Rabea Rehman</t>
  </si>
  <si>
    <t>25611</t>
  </si>
  <si>
    <t>GHSS HALLOWAL</t>
  </si>
  <si>
    <t>Hallowal</t>
  </si>
  <si>
    <t>Hallowal Tehsil and District Narowal</t>
  </si>
  <si>
    <t>24116</t>
  </si>
  <si>
    <t>29842</t>
  </si>
  <si>
    <t>GGPS RUKAN PURA CHAK NO. 22</t>
  </si>
  <si>
    <t>22 Chak</t>
  </si>
  <si>
    <t>Chak No.22 Tehsil Pattoki District Kasur</t>
  </si>
  <si>
    <t>Rukanpura Chak No22</t>
  </si>
  <si>
    <t>32904</t>
  </si>
  <si>
    <t>11149</t>
  </si>
  <si>
    <t>GPS NANGI LOUNCH</t>
  </si>
  <si>
    <t>5 Marla scheme Layyah</t>
  </si>
  <si>
    <t>18232</t>
  </si>
  <si>
    <t>30064</t>
  </si>
  <si>
    <t>GGPS KOT AMEER MUHAMMAD</t>
  </si>
  <si>
    <t>Kot Muhammad ameer</t>
  </si>
  <si>
    <t>kot muhammad ameer</t>
  </si>
  <si>
    <t>Pimar Ottar</t>
  </si>
  <si>
    <t>nazia gull</t>
  </si>
  <si>
    <t>39182</t>
  </si>
  <si>
    <t>GPS KOT MUHAMMAD HUSSAIN</t>
  </si>
  <si>
    <t>Harry</t>
  </si>
  <si>
    <t>kot Muhammad Hussain Tahsil&amp;Distt Nankana.</t>
  </si>
  <si>
    <t>Kot Muhammad Hussain</t>
  </si>
  <si>
    <t>GPS THUL GANGA</t>
  </si>
  <si>
    <t>Thull Ganga</t>
  </si>
  <si>
    <t>Mian Wali Qureshan</t>
  </si>
  <si>
    <t>Basti Gulam Nabi</t>
  </si>
  <si>
    <t>41450</t>
  </si>
  <si>
    <t>GGHS RAWAT</t>
  </si>
  <si>
    <t>gghs rawat murree</t>
  </si>
  <si>
    <t>Nuzhat Shabir</t>
  </si>
  <si>
    <t>45681</t>
  </si>
  <si>
    <t>GPS AWANA WALA</t>
  </si>
  <si>
    <t>gps awanwala</t>
  </si>
  <si>
    <t>11782</t>
  </si>
  <si>
    <t>GES ZUBAIR ABAD (CHAK NO. 617/TDA)</t>
  </si>
  <si>
    <t>Chak no 617/tda</t>
  </si>
  <si>
    <t>chak no 617tda p/o riazabad</t>
  </si>
  <si>
    <t>Chak no 617tda</t>
  </si>
  <si>
    <t>Muhammad Masood Raza</t>
  </si>
  <si>
    <t>33301</t>
  </si>
  <si>
    <t>GGPS JAM FAIZ</t>
  </si>
  <si>
    <t>Gotth Hayat</t>
  </si>
  <si>
    <t>Government Girls Primary School Jam Faiz</t>
  </si>
  <si>
    <t>Jam Faiz</t>
  </si>
  <si>
    <t>23338</t>
  </si>
  <si>
    <t>28529</t>
  </si>
  <si>
    <t>GGHS BHEKHO</t>
  </si>
  <si>
    <t>Bhekho</t>
  </si>
  <si>
    <t>p.o.box bheko ,teh. phalia ,dist. mandi baha udin</t>
  </si>
  <si>
    <t>Aisha   Bibi</t>
  </si>
  <si>
    <t>47527</t>
  </si>
  <si>
    <t>GGPS SORA GULAN KHEL</t>
  </si>
  <si>
    <t>village sora post office Iskanderabad</t>
  </si>
  <si>
    <t>Pakisha Mardan</t>
  </si>
  <si>
    <t>33032</t>
  </si>
  <si>
    <t>GES MAHANI WALA MOZA CHATTA</t>
  </si>
  <si>
    <t>Chatha</t>
  </si>
  <si>
    <t>GES Mahni Wala Moza Chatha p/o Makhdoom Rashed Multan</t>
  </si>
  <si>
    <t>Mahani Wala</t>
  </si>
  <si>
    <t>electric cooler donated by staffmembers</t>
  </si>
  <si>
    <t>27826</t>
  </si>
  <si>
    <t>GGPS HARIA STATION</t>
  </si>
  <si>
    <t>Rs Haria</t>
  </si>
  <si>
    <t>GGPS  Rs Haria</t>
  </si>
  <si>
    <t>35731</t>
  </si>
  <si>
    <t>54257</t>
  </si>
  <si>
    <t>GPS MIRHAN BAIROON 425/TDA</t>
  </si>
  <si>
    <t>Merhan Bairoon</t>
  </si>
  <si>
    <t>chak no.425 Merhan bairoon Haider Wala layyah</t>
  </si>
  <si>
    <t>Muhammad Amin Javid</t>
  </si>
  <si>
    <t>25647</t>
  </si>
  <si>
    <t>GGHS CHANDOWAL KALAN</t>
  </si>
  <si>
    <t>village chandowal kalan Tehsil &amp; District Narowal</t>
  </si>
  <si>
    <t>Rashida Tabussam</t>
  </si>
  <si>
    <t>21546</t>
  </si>
  <si>
    <t>21872</t>
  </si>
  <si>
    <t>GPS CHAK CHAUDHARY</t>
  </si>
  <si>
    <t>VPO Chak Chaudhary Tehsil Noshera Virkan District Gujranwala</t>
  </si>
  <si>
    <t>Muhammad Ans Iqbal</t>
  </si>
  <si>
    <t>27054</t>
  </si>
  <si>
    <t>4929</t>
  </si>
  <si>
    <t>GGPS CHAK NO. 70/P</t>
  </si>
  <si>
    <t>GGPS Chak 70/P, Tehsil Khan Pur, District Rahim Yar Khan</t>
  </si>
  <si>
    <t>70p</t>
  </si>
  <si>
    <t>basti hajana mauza kotli khudai teh/distt Rajanpur</t>
  </si>
  <si>
    <t>Sahanwala</t>
  </si>
  <si>
    <t>47582</t>
  </si>
  <si>
    <t>GMPS HAJAMAN WALA ROKHRI</t>
  </si>
  <si>
    <t>ROKHRI-FEMALE</t>
  </si>
  <si>
    <t>Hajamanwala Rokhri</t>
  </si>
  <si>
    <t>Zeb Un Nisa</t>
  </si>
  <si>
    <t>GES RANDHAWA</t>
  </si>
  <si>
    <t>Randhawa</t>
  </si>
  <si>
    <t>V.P.O Randhawa Tehsil Pasrur, District Sialkot</t>
  </si>
  <si>
    <t>Jodhala</t>
  </si>
  <si>
    <t>Muhammad Farrukh Naveed</t>
  </si>
  <si>
    <t>GGPS KOT BABA AJGAR SINGH</t>
  </si>
  <si>
    <t>Kawin Balaqa Sing</t>
  </si>
  <si>
    <t>kot baba ujager singh.</t>
  </si>
  <si>
    <t>Kot Baba Ujager Singh</t>
  </si>
  <si>
    <t>Kanway Malian</t>
  </si>
  <si>
    <t>Saima Hameed</t>
  </si>
  <si>
    <t>GPS CHAK 162/7R</t>
  </si>
  <si>
    <t>162/7R</t>
  </si>
  <si>
    <t>chak 162/7-R tehsil liaquatpur</t>
  </si>
  <si>
    <t>Chak 162/7R</t>
  </si>
  <si>
    <t>Muhammad Ferroz</t>
  </si>
  <si>
    <t>GPS TARA GARH</t>
  </si>
  <si>
    <t>Taragarh</t>
  </si>
  <si>
    <t>taragarh</t>
  </si>
  <si>
    <t>Gorh</t>
  </si>
  <si>
    <t>Shakil Siddique</t>
  </si>
  <si>
    <t>GGPS WARCHHA MINE</t>
  </si>
  <si>
    <t>WARCHA</t>
  </si>
  <si>
    <t>GGPS WARCHA MINE</t>
  </si>
  <si>
    <t>RUKHLA MUNDI</t>
  </si>
  <si>
    <t>Sayada Ghulam Fatima</t>
  </si>
  <si>
    <t>22184</t>
  </si>
  <si>
    <t>GGPS JHUGIAN MAKHAN SINGH</t>
  </si>
  <si>
    <t>Jhugian Makhan Singh</t>
  </si>
  <si>
    <t>Jungian Makhan Singh</t>
  </si>
  <si>
    <t>24952</t>
  </si>
  <si>
    <t>40332</t>
  </si>
  <si>
    <t>GGHS GHARIB WAL</t>
  </si>
  <si>
    <t>VILL &amp; P/O GHARIBWAL PIND DADAN KHAN DISTT JHELUM.</t>
  </si>
  <si>
    <t>SAUWAL</t>
  </si>
  <si>
    <t>pERVEEN AKHTAR</t>
  </si>
  <si>
    <t>22186</t>
  </si>
  <si>
    <t>51633</t>
  </si>
  <si>
    <t>GGPS GHULAM SHAH BOUDLA</t>
  </si>
  <si>
    <t>Ghulam Shah Bodla</t>
  </si>
  <si>
    <t>GGPS Ghulam Shah Bodla</t>
  </si>
  <si>
    <t>15/sp</t>
  </si>
  <si>
    <t>Pakeeza Arooj</t>
  </si>
  <si>
    <t>47065</t>
  </si>
  <si>
    <t>GES PACCA GHANJERA</t>
  </si>
  <si>
    <t>WAN BHACHRAN-MALE</t>
  </si>
  <si>
    <t>mohalla.aalo khel pacca ghanjera</t>
  </si>
  <si>
    <t>Pacca Ghanjera</t>
  </si>
  <si>
    <t>47957</t>
  </si>
  <si>
    <t>22188</t>
  </si>
  <si>
    <t>GPS CHAK JALAL PUR</t>
  </si>
  <si>
    <t>Chack Jalal Pur</t>
  </si>
  <si>
    <t>chak jalal pur basti khorein wali tehsil and district  muzaffargarh</t>
  </si>
  <si>
    <t>Khorein Wali</t>
  </si>
  <si>
    <t>30872</t>
  </si>
  <si>
    <t>27973</t>
  </si>
  <si>
    <t>GPS NO.1 MIANWAL RANJHA</t>
  </si>
  <si>
    <t>V-/Po Mianwal Ranjha teh &amp;distt Mandi Bahuddin</t>
  </si>
  <si>
    <t>Mianwal Ranjha</t>
  </si>
  <si>
    <t>Shahzad ahmad</t>
  </si>
  <si>
    <t>27577</t>
  </si>
  <si>
    <t>GPS QILA PUNJAB SINGH</t>
  </si>
  <si>
    <t>Qila Punjab singh</t>
  </si>
  <si>
    <t>Qila Punjab Singh</t>
  </si>
  <si>
    <t>GPS MUD TAJ MUHAMMAD</t>
  </si>
  <si>
    <t>KOTLA ADROON ANDROON</t>
  </si>
  <si>
    <t>Basti Hafiz Muhammad Shafi mouza kotla androon</t>
  </si>
  <si>
    <t>Basti Hafiz Muhammad Shafi</t>
  </si>
  <si>
    <t>Hussain Bakhsh</t>
  </si>
  <si>
    <t>GPS DERA MOHAMMAD NAWAZ KHAN WALA</t>
  </si>
  <si>
    <t>Pai Khel Pacca</t>
  </si>
  <si>
    <t>Deera Muhammad Nawaz Khan Wala , Pai Khel</t>
  </si>
  <si>
    <t>Muhammad Kamran Khan</t>
  </si>
  <si>
    <t>32821</t>
  </si>
  <si>
    <t>41398</t>
  </si>
  <si>
    <t>GPS DHAKKI</t>
  </si>
  <si>
    <t>vpo angoori dhok dhakki</t>
  </si>
  <si>
    <t>Dhakki</t>
  </si>
  <si>
    <t>javeria abbasi</t>
  </si>
  <si>
    <t>GPS JOGI WALA</t>
  </si>
  <si>
    <t>basti rasheed khan rahim yar khan</t>
  </si>
  <si>
    <t>basti rasheed khan</t>
  </si>
  <si>
    <t>muhammad pur qureshian</t>
  </si>
  <si>
    <t>faisalurrehman</t>
  </si>
  <si>
    <t>37504</t>
  </si>
  <si>
    <t>GGhS 14/8-AR, TULAMBA</t>
  </si>
  <si>
    <t>14/8-AR</t>
  </si>
  <si>
    <t>Chak No.14/8-AR Mian Channu</t>
  </si>
  <si>
    <t>Hunaina Jabeen Akram</t>
  </si>
  <si>
    <t>53355</t>
  </si>
  <si>
    <t>20199</t>
  </si>
  <si>
    <t>GPS SANGRA SADAT</t>
  </si>
  <si>
    <t>sangra Sadat</t>
  </si>
  <si>
    <t>Sangra Sadat</t>
  </si>
  <si>
    <t>Dawer</t>
  </si>
  <si>
    <t>AMJAD Ali</t>
  </si>
  <si>
    <t>12575</t>
  </si>
  <si>
    <t>GPS BAIT MITHAI SHAH</t>
  </si>
  <si>
    <t>Bait Mithai Shah</t>
  </si>
  <si>
    <t>bait mithai shah p/o wisandewali tehsil &amp; district muzaffargarh</t>
  </si>
  <si>
    <t>Umar Pur Januby</t>
  </si>
  <si>
    <t>GGHS PAIL</t>
  </si>
  <si>
    <t>pail</t>
  </si>
  <si>
    <t>vpo pail district khushab</t>
  </si>
  <si>
    <t>shazia munir</t>
  </si>
  <si>
    <t>36820</t>
  </si>
  <si>
    <t>42278</t>
  </si>
  <si>
    <t>GGCMS SANTH ANWALI</t>
  </si>
  <si>
    <t>Santh Sarola</t>
  </si>
  <si>
    <t>Ggcms  santh anwali</t>
  </si>
  <si>
    <t>Zatoon Arif</t>
  </si>
  <si>
    <t>GGPS KOT WASAN SINGH</t>
  </si>
  <si>
    <t>Kot Wassan Singh</t>
  </si>
  <si>
    <t>kot wassan singh</t>
  </si>
  <si>
    <t>Gagga Saraey</t>
  </si>
  <si>
    <t>SafiaBano</t>
  </si>
  <si>
    <t>28239</t>
  </si>
  <si>
    <t>GGES CHAK SAIDA</t>
  </si>
  <si>
    <t>PHARIAN WALI -I- FEMALE</t>
  </si>
  <si>
    <t>chak saida</t>
  </si>
  <si>
    <t>Hans</t>
  </si>
  <si>
    <t>Maoza Hans post office mehmood kot tehsil kot adu district muzaffargarh</t>
  </si>
  <si>
    <t>Basti saiday Wala</t>
  </si>
  <si>
    <t>GGES MC WAHDAT COLONY</t>
  </si>
  <si>
    <t>wahdat colony Multan</t>
  </si>
  <si>
    <t>32894</t>
  </si>
  <si>
    <t>GPS CHAK NO.18/71</t>
  </si>
  <si>
    <t>Chak No 18/71</t>
  </si>
  <si>
    <t>Chak no. 18/71, near Syedwala, Tehsil and Distt. Nankana sahib</t>
  </si>
  <si>
    <t>GPS KOT HABIB SHAH</t>
  </si>
  <si>
    <t>Kot Habib Shah</t>
  </si>
  <si>
    <t>Kot Habib Shah, p/o tajgarh rahim yar khan</t>
  </si>
  <si>
    <t>Ansar Nawaz Bajwa</t>
  </si>
  <si>
    <t>30066</t>
  </si>
  <si>
    <t>GGPS SYEDAAN WALA</t>
  </si>
  <si>
    <t>Sayedan Wala</t>
  </si>
  <si>
    <t>sayedan wala tehsil kot Radha Kishan District kasur</t>
  </si>
  <si>
    <t>Sayka Kanwal</t>
  </si>
  <si>
    <t>GGPS CHAK NO.5/P-II</t>
  </si>
  <si>
    <t>Moza Moni Thal</t>
  </si>
  <si>
    <t>GGPS chak 5/p(two)khan pur</t>
  </si>
  <si>
    <t>chak 5/p</t>
  </si>
  <si>
    <t>1/p</t>
  </si>
  <si>
    <t>Zakria Bibi</t>
  </si>
  <si>
    <t>39230</t>
  </si>
  <si>
    <t>GHS MIAN WALA</t>
  </si>
  <si>
    <t>MIANWALA</t>
  </si>
  <si>
    <t>VILLAGE AND POST OFFICE MIANWALA</t>
  </si>
  <si>
    <t>WAHEED AHMED</t>
  </si>
  <si>
    <t>17367</t>
  </si>
  <si>
    <t>46451</t>
  </si>
  <si>
    <t>GPS DERA ALHAL</t>
  </si>
  <si>
    <t>dera alhal warcha</t>
  </si>
  <si>
    <t>dera alhal warcha quaidabad</t>
  </si>
  <si>
    <t>Muhammad Zohaib Sajjad</t>
  </si>
  <si>
    <t>Ø·Ù„Ø¨Ø§ Ú¯Ú¾Ø± Ø³Û’ Ø¨ÙˆØªÙ„ÙˆÚº Ù…ÛŒÚº Ù¾Ø§Ù†ÛŒ Ø¨Ú¾Ø±Ú©Û’ Ù„Ø§ØªÛ’ ÛÛŒÚº</t>
  </si>
  <si>
    <t>GPS RAILWAY COLONY 2 DINGA</t>
  </si>
  <si>
    <t>Lokri Mukraan</t>
  </si>
  <si>
    <t>Dinga 1</t>
  </si>
  <si>
    <t>GPS LUQMAN ARAIN</t>
  </si>
  <si>
    <t>basti kot aheer maouza bait murad gps luqman araen</t>
  </si>
  <si>
    <t>Basti Kot Aaheer</t>
  </si>
  <si>
    <t>Sajjad hussain</t>
  </si>
  <si>
    <t>13881</t>
  </si>
  <si>
    <t>GGES PATI JUMMA ARAIN</t>
  </si>
  <si>
    <t>kotlalundan</t>
  </si>
  <si>
    <t>Fazilpur road rajanpur</t>
  </si>
  <si>
    <t>31052</t>
  </si>
  <si>
    <t>GES WARIS COLONY LAHORE</t>
  </si>
  <si>
    <t>Waris Colony Wahda Road Lahore</t>
  </si>
  <si>
    <t>Wqris Colony</t>
  </si>
  <si>
    <t>Mustafa Town</t>
  </si>
  <si>
    <t>47722</t>
  </si>
  <si>
    <t>GHS CHAK NO. 1-4/DB P.O. 4/DB</t>
  </si>
  <si>
    <t>CHAK 4DB</t>
  </si>
  <si>
    <t>Govt High School CHAK 1-4DB PO 4DBTehsil  Pipaln  Mianwali</t>
  </si>
  <si>
    <t>CHAK 1-4DB</t>
  </si>
  <si>
    <t>ATTIQ-UR-RAZAQ SHAH</t>
  </si>
  <si>
    <t>GGPS CHAK NO. 618 TDA</t>
  </si>
  <si>
    <t>chak no 618 tda</t>
  </si>
  <si>
    <t>Chak#618tda</t>
  </si>
  <si>
    <t>Saima Siddique</t>
  </si>
  <si>
    <t>GPS PATHAN KOT</t>
  </si>
  <si>
    <t>Yakay Ki</t>
  </si>
  <si>
    <t>GPS Pathan kot  teh Lalian  District Chiniot</t>
  </si>
  <si>
    <t>Naeem Ullah Qamar</t>
  </si>
  <si>
    <t>28094</t>
  </si>
  <si>
    <t>GGPS DERA GHULAM ABBAS QAMRANA</t>
  </si>
  <si>
    <t>MALIKWAL-IV - FEMALE</t>
  </si>
  <si>
    <t>GGPS Dera Ghulam Abbas Qamrana</t>
  </si>
  <si>
    <t>Mehvish jabeen</t>
  </si>
  <si>
    <t>17681</t>
  </si>
  <si>
    <t>53383</t>
  </si>
  <si>
    <t>GGPS BAGIANA SHAH BAIG</t>
  </si>
  <si>
    <t>Bagina</t>
  </si>
  <si>
    <t>bagina shah baig</t>
  </si>
  <si>
    <t>Baigina Shah Baig</t>
  </si>
  <si>
    <t>Form Bahdur Nagar</t>
  </si>
  <si>
    <t>Uzma Saeed</t>
  </si>
  <si>
    <t>13991</t>
  </si>
  <si>
    <t>22029</t>
  </si>
  <si>
    <t>5421</t>
  </si>
  <si>
    <t>37638</t>
  </si>
  <si>
    <t>GGPS JUNGLE DERAY WALA, TULAMBA</t>
  </si>
  <si>
    <t>TULAMBA-V - FEMALE</t>
  </si>
  <si>
    <t>Jungle Deray Wala Janobi</t>
  </si>
  <si>
    <t>viryam abad moza jungle deray wala janobi</t>
  </si>
  <si>
    <t>Viryam Abad</t>
  </si>
  <si>
    <t>9b/8r</t>
  </si>
  <si>
    <t>Sufia Tabbasum</t>
  </si>
  <si>
    <t>22033</t>
  </si>
  <si>
    <t>24161</t>
  </si>
  <si>
    <t>GPS MANGA</t>
  </si>
  <si>
    <t>manga po chawinda tehsil pasrur district sialkot</t>
  </si>
  <si>
    <t>47907</t>
  </si>
  <si>
    <t>42265</t>
  </si>
  <si>
    <t>GGPS SANTH SAROLA</t>
  </si>
  <si>
    <t>Santh Saroola</t>
  </si>
  <si>
    <t>GGPS Santh saroola tehsil kotli sattain</t>
  </si>
  <si>
    <t>Fouzia Hameed</t>
  </si>
  <si>
    <t>GGPS MURAD PUR SIAL</t>
  </si>
  <si>
    <t>Muradpur Sial</t>
  </si>
  <si>
    <t>Fehmida Sultana</t>
  </si>
  <si>
    <t>38858</t>
  </si>
  <si>
    <t>GPS BAGHWALA</t>
  </si>
  <si>
    <t>Pahar Pur Nasheb</t>
  </si>
  <si>
    <t>basti kalar pahar pur nasheb</t>
  </si>
  <si>
    <t>Sohanra Wasawa</t>
  </si>
  <si>
    <t>Syed Ghulam Murtaza Shah</t>
  </si>
  <si>
    <t>22039</t>
  </si>
  <si>
    <t>37234</t>
  </si>
  <si>
    <t>GGPS 169/10-R, 169/10-R JADEED, KHANEWAL</t>
  </si>
  <si>
    <t>169/10-R Jadeed</t>
  </si>
  <si>
    <t>chak#169/10R Jadeed</t>
  </si>
  <si>
    <t>169/10R Jadeed</t>
  </si>
  <si>
    <t>170/10r</t>
  </si>
  <si>
    <t>Saliha Mubeen</t>
  </si>
  <si>
    <t>13982</t>
  </si>
  <si>
    <t>GPS NAJAM ABAD</t>
  </si>
  <si>
    <t>KOT MITHAN PAKA</t>
  </si>
  <si>
    <t>Basti Allah Daad Khan Gopang,Moza Kot Mithan Paka,U/C Rakhh Kot Mithan,Distt Rajan Pur</t>
  </si>
  <si>
    <t>Basti Allah Daad Khan</t>
  </si>
  <si>
    <t>RAKHH KOT MITHAN</t>
  </si>
  <si>
    <t>MUHAMMAD GHAZANFAR AYAZ</t>
  </si>
  <si>
    <t>8283</t>
  </si>
  <si>
    <t>31525</t>
  </si>
  <si>
    <t>GHS TAPIALA DOST MUHAMMAD</t>
  </si>
  <si>
    <t>GHS TAPPIALA DOST MUHAMMAD</t>
  </si>
  <si>
    <t>bharpur ali akhtar</t>
  </si>
  <si>
    <t>31925</t>
  </si>
  <si>
    <t>43275</t>
  </si>
  <si>
    <t>22044</t>
  </si>
  <si>
    <t>GMPS BONGA MALA</t>
  </si>
  <si>
    <t>Bongamala</t>
  </si>
  <si>
    <t>Bonga mala p/o Sarai Mughl trail pattoki</t>
  </si>
  <si>
    <t>YASMEEN BADAR</t>
  </si>
  <si>
    <t>GGHS PINDI GHEB</t>
  </si>
  <si>
    <t>pindi gheb</t>
  </si>
  <si>
    <t>moh committee chowk pindi gheb</t>
  </si>
  <si>
    <t>committee chowk</t>
  </si>
  <si>
    <t>SAFIA JABEEN</t>
  </si>
  <si>
    <t>22055</t>
  </si>
  <si>
    <t>27593</t>
  </si>
  <si>
    <t>GMPS CHANNI QASIM</t>
  </si>
  <si>
    <t>CHANNI Qasim</t>
  </si>
  <si>
    <t>Channi Qasim</t>
  </si>
  <si>
    <t>Bhobra</t>
  </si>
  <si>
    <t>11352</t>
  </si>
  <si>
    <t>22057</t>
  </si>
  <si>
    <t>46604</t>
  </si>
  <si>
    <t>GHS CHAK NO. 26/MB</t>
  </si>
  <si>
    <t>Chak No 26MB</t>
  </si>
  <si>
    <t>chak #26MB Teh Quaidabad Distt Khushab</t>
  </si>
  <si>
    <t>Chak No 26 mb</t>
  </si>
  <si>
    <t>10694</t>
  </si>
  <si>
    <t>GPS CHAK NO 167 TDA</t>
  </si>
  <si>
    <t>Chak no 167/Tda p/o ladhana tehsil &amp; District Layyah</t>
  </si>
  <si>
    <t>Chao No/167/tda</t>
  </si>
  <si>
    <t>164-A</t>
  </si>
  <si>
    <t>GHS RAWALKEY</t>
  </si>
  <si>
    <t>vilk rawalkay tehsil and district gujrat</t>
  </si>
  <si>
    <t>Rawalkay</t>
  </si>
  <si>
    <t>46413</t>
  </si>
  <si>
    <t>GGPS HASSAN KHAIL BILAND</t>
  </si>
  <si>
    <t>ggps hassain khel biland</t>
  </si>
  <si>
    <t>22068</t>
  </si>
  <si>
    <t>GPS AWAN JADEED</t>
  </si>
  <si>
    <t>Basti Balochan,Shahbaz Pur Gharbi Markaz Zafar Abad Tehsil Liaqut Pur Dist:R.Y Khan</t>
  </si>
  <si>
    <t>Dur Muhammad Siddiqi</t>
  </si>
  <si>
    <t>17246</t>
  </si>
  <si>
    <t>40529</t>
  </si>
  <si>
    <t>GGPS BUGGA</t>
  </si>
  <si>
    <t>Bugga</t>
  </si>
  <si>
    <t>village Bugga Tehsil PD Khan Dist Jhelum</t>
  </si>
  <si>
    <t>22074</t>
  </si>
  <si>
    <t>51522</t>
  </si>
  <si>
    <t>GPS BUNGA SHAMS</t>
  </si>
  <si>
    <t>Bunga shamas</t>
  </si>
  <si>
    <t>Bunga Shamas</t>
  </si>
  <si>
    <t>19512</t>
  </si>
  <si>
    <t>GPS SAMANDI WALA</t>
  </si>
  <si>
    <t>village samandi wala post office ghundi tehsil mianwali</t>
  </si>
  <si>
    <t>Samandi wala</t>
  </si>
  <si>
    <t>45054</t>
  </si>
  <si>
    <t>GGPS CHAK KALA</t>
  </si>
  <si>
    <t>village chak kala tehsil pasrur district sialkot</t>
  </si>
  <si>
    <t>37451</t>
  </si>
  <si>
    <t>GES 62/15-L P/O 59-15/L, MIAN CHANNU</t>
  </si>
  <si>
    <t>62/15L</t>
  </si>
  <si>
    <t>chak no62/15L P O 59/15L tehsil mianchannu Disst Khanewal</t>
  </si>
  <si>
    <t>Chak No 62/15L</t>
  </si>
  <si>
    <t>Chak No59/15L</t>
  </si>
  <si>
    <t>53374</t>
  </si>
  <si>
    <t>GGPS 35/G.D</t>
  </si>
  <si>
    <t>35 GD</t>
  </si>
  <si>
    <t>chak# 35 GD okara</t>
  </si>
  <si>
    <t>38 GD</t>
  </si>
  <si>
    <t>Mahvish Allah Ditta</t>
  </si>
  <si>
    <t>22087</t>
  </si>
  <si>
    <t>GPS JAJOWALA</t>
  </si>
  <si>
    <t>JAJOWALA</t>
  </si>
  <si>
    <t>Village Jajowala tehsil &amp; distt Narowal</t>
  </si>
  <si>
    <t>31804</t>
  </si>
  <si>
    <t>GGES CHAKERALI</t>
  </si>
  <si>
    <t>Chakrali</t>
  </si>
  <si>
    <t>GGES Chakrali</t>
  </si>
  <si>
    <t>Ladheky</t>
  </si>
  <si>
    <t>Iqra Adrees</t>
  </si>
  <si>
    <t>GGHS AHMAD NAGAR</t>
  </si>
  <si>
    <t>ahmad nagar</t>
  </si>
  <si>
    <t>Mansoora Fouzia</t>
  </si>
  <si>
    <t>hand pump and electric cooler</t>
  </si>
  <si>
    <t>38019</t>
  </si>
  <si>
    <t>GES GHALWAN WALA</t>
  </si>
  <si>
    <t>chah ghalwan wala,mouza bhutaji ,teh &amp; district lodhran</t>
  </si>
  <si>
    <t>Ghalwan Wala</t>
  </si>
  <si>
    <t>GPS JAMAL KHAIL</t>
  </si>
  <si>
    <t>Dera jamal khail vpo peelowains teh noor pur distt khushab</t>
  </si>
  <si>
    <t>GPS BHANGUL</t>
  </si>
  <si>
    <t>Bhangul</t>
  </si>
  <si>
    <t>Government  boys primary school bhangul</t>
  </si>
  <si>
    <t>Obaid Hamid</t>
  </si>
  <si>
    <t>through steel pipes</t>
  </si>
  <si>
    <t>27575</t>
  </si>
  <si>
    <t>GPS MONA MANEKA</t>
  </si>
  <si>
    <t>Mona Maneka</t>
  </si>
  <si>
    <t>GPS Mona maneka</t>
  </si>
  <si>
    <t>Muhammad Azhar Hayat</t>
  </si>
  <si>
    <t>GPS MAHAL KHAKHI</t>
  </si>
  <si>
    <t>mahal khakhi</t>
  </si>
  <si>
    <t>mahal khakhi janobi</t>
  </si>
  <si>
    <t>Mahal Khakhi</t>
  </si>
  <si>
    <t>Mahal Khakhi Janobi</t>
  </si>
  <si>
    <t>Muzaffar Noor</t>
  </si>
  <si>
    <t>41295</t>
  </si>
  <si>
    <t>GES PATRIATA</t>
  </si>
  <si>
    <t>Patriata</t>
  </si>
  <si>
    <t>village Patriata Post Office Gulehra Gali Tehsil Murree District Rawalpindi</t>
  </si>
  <si>
    <t>Hafiz M Minhas Abbasi</t>
  </si>
  <si>
    <t>Natural fountain</t>
  </si>
  <si>
    <t>11851</t>
  </si>
  <si>
    <t>35589</t>
  </si>
  <si>
    <t>Govt girls high school fatehpur tehsil mailsi, district vehari</t>
  </si>
  <si>
    <t>Noshin Hina</t>
  </si>
  <si>
    <t>GGPS MOHAMMAD SHARIF WALI</t>
  </si>
  <si>
    <t>Muhammad sharif   wali</t>
  </si>
  <si>
    <t>mohammad shareef wali</t>
  </si>
  <si>
    <t>Muhammad Sharif wali</t>
  </si>
  <si>
    <t>Bashiran Khatoon</t>
  </si>
  <si>
    <t>37313</t>
  </si>
  <si>
    <t>GGES MODEL 13/8-R, KACHA KHUH</t>
  </si>
  <si>
    <t>13/8-R</t>
  </si>
  <si>
    <t>13/8r</t>
  </si>
  <si>
    <t>Khaliqa Bad</t>
  </si>
  <si>
    <t>12477</t>
  </si>
  <si>
    <t>10699</t>
  </si>
  <si>
    <t>GPS JAISAL</t>
  </si>
  <si>
    <t>JAISAL THAL JANDI</t>
  </si>
  <si>
    <t>BASTI JAISAL KLASRA</t>
  </si>
  <si>
    <t>BASTI JAISAL</t>
  </si>
  <si>
    <t>QAMAR HASSAN</t>
  </si>
  <si>
    <t>53441</t>
  </si>
  <si>
    <t>GGPS 35/4.L</t>
  </si>
  <si>
    <t>chak no.35/4L okara</t>
  </si>
  <si>
    <t>35/4L</t>
  </si>
  <si>
    <t>36/A4L</t>
  </si>
  <si>
    <t>Allah Mafi</t>
  </si>
  <si>
    <t>21206</t>
  </si>
  <si>
    <t>GGPS DHARIAN</t>
  </si>
  <si>
    <t>Dharian</t>
  </si>
  <si>
    <t>saleem akhter</t>
  </si>
  <si>
    <t>32881</t>
  </si>
  <si>
    <t>GPS MALOANI KALAN</t>
  </si>
  <si>
    <t>Malo Ani Kalan</t>
  </si>
  <si>
    <t>maloani kalan p/ o syedwala</t>
  </si>
  <si>
    <t>Malo Ani  Kalan</t>
  </si>
  <si>
    <t>Chak No 12/68</t>
  </si>
  <si>
    <t>42281</t>
  </si>
  <si>
    <t>GGES BARHID</t>
  </si>
  <si>
    <t>vill barhad po and tehsil kotli satti n</t>
  </si>
  <si>
    <t>water  supply</t>
  </si>
  <si>
    <t>GPS MAST CHAK</t>
  </si>
  <si>
    <t>KALAKHATAI STATION</t>
  </si>
  <si>
    <t>Gps Mast chack kala khatai Station Ahdian Road</t>
  </si>
  <si>
    <t>MAST CHAK</t>
  </si>
  <si>
    <t>Azmat Ali</t>
  </si>
  <si>
    <t>GGES SALEEM SHAH BODLA</t>
  </si>
  <si>
    <t>Saleem Shah Bodl</t>
  </si>
  <si>
    <t>GGES  Saleem Shah Bodla</t>
  </si>
  <si>
    <t>Saleem Shah Bodla</t>
  </si>
  <si>
    <t>SAMINA SAFDAR</t>
  </si>
  <si>
    <t>29040</t>
  </si>
  <si>
    <t>37637</t>
  </si>
  <si>
    <t>GGPS SAJAWAL HERAJ, TULUMBA</t>
  </si>
  <si>
    <t>Sajawal Haraj</t>
  </si>
  <si>
    <t>ggps sajawal haraj tulamba tehsil mian channu district khanewal</t>
  </si>
  <si>
    <t>29392</t>
  </si>
  <si>
    <t>GGPS KULLAY WALA</t>
  </si>
  <si>
    <t>Kully Wala</t>
  </si>
  <si>
    <t>Kully wala</t>
  </si>
  <si>
    <t>Charrawan</t>
  </si>
  <si>
    <t>13977</t>
  </si>
  <si>
    <t>GPS BASTI JUT</t>
  </si>
  <si>
    <t>BASTI PHALI</t>
  </si>
  <si>
    <t>BASTI REHMAT ALI</t>
  </si>
  <si>
    <t>GPS NILIAN WALI</t>
  </si>
  <si>
    <t>Nilian Wali</t>
  </si>
  <si>
    <t>nilian wali p/0 mandi sadiq gung minchin abad</t>
  </si>
  <si>
    <t>20270</t>
  </si>
  <si>
    <t>GMPS SABU WALA</t>
  </si>
  <si>
    <t>AEO (W) LALIAN NO.12</t>
  </si>
  <si>
    <t>Sabuwala</t>
  </si>
  <si>
    <t>GGPS DAOKAY CHAK NO 9</t>
  </si>
  <si>
    <t>Daokey Chak 9</t>
  </si>
  <si>
    <t>Daokey Chak no.9. pattoki kasur</t>
  </si>
  <si>
    <t>Kothi Wala</t>
  </si>
  <si>
    <t>Bushra Sabir</t>
  </si>
  <si>
    <t>26363</t>
  </si>
  <si>
    <t>10728</t>
  </si>
  <si>
    <t>Sharista Thal</t>
  </si>
  <si>
    <t>GPS mian Wala qadeem chak no 157/TDA</t>
  </si>
  <si>
    <t>Chak No 157/TDA</t>
  </si>
  <si>
    <t>Chak No 164 A/ TDA</t>
  </si>
  <si>
    <t>HAQNAWAZ</t>
  </si>
  <si>
    <t>52986</t>
  </si>
  <si>
    <t>16036</t>
  </si>
  <si>
    <t>39389</t>
  </si>
  <si>
    <t>GMPS DHOK SHAKRA</t>
  </si>
  <si>
    <t>dk shakra</t>
  </si>
  <si>
    <t>vpo nathen malkan</t>
  </si>
  <si>
    <t>ahmedal</t>
  </si>
  <si>
    <t>5394</t>
  </si>
  <si>
    <t>GPS KOT MEHDI SHAH</t>
  </si>
  <si>
    <t>ZAFFAR ABAD</t>
  </si>
  <si>
    <t>MOUZA ZAFFAR ABAD CITY</t>
  </si>
  <si>
    <t>JANGLAN</t>
  </si>
  <si>
    <t>Ghulam Muhammad Nadeem</t>
  </si>
  <si>
    <t>36811</t>
  </si>
  <si>
    <t>6642</t>
  </si>
  <si>
    <t>24306</t>
  </si>
  <si>
    <t>GGPS KAPOOR PUR</t>
  </si>
  <si>
    <t>Kapurpor</t>
  </si>
  <si>
    <t>Govt girls primary school kapurpor</t>
  </si>
  <si>
    <t>46184</t>
  </si>
  <si>
    <t>GPS DERA KANJU WALA</t>
  </si>
  <si>
    <t>GPS Dera Kanju VPO Biland  Teh Noorpur thal Khushab</t>
  </si>
  <si>
    <t>ATTA ULLAH</t>
  </si>
  <si>
    <t>23066</t>
  </si>
  <si>
    <t>GPS GUMTI</t>
  </si>
  <si>
    <t>Gumti</t>
  </si>
  <si>
    <t>V.p.o Gumti Teh:Kharian Disst Gujrat</t>
  </si>
  <si>
    <t>sikeryali</t>
  </si>
  <si>
    <t>Afzaal Shah</t>
  </si>
  <si>
    <t>GPS RAJADA</t>
  </si>
  <si>
    <t>Saleem Masih</t>
  </si>
  <si>
    <t>GES 5/8-AR, TULAMBA</t>
  </si>
  <si>
    <t>5/8-AR</t>
  </si>
  <si>
    <t>CHAK NO 5/8-AR</t>
  </si>
  <si>
    <t>7/8-AR</t>
  </si>
  <si>
    <t>Muhammad Aqeel Hayder</t>
  </si>
  <si>
    <t>GHSS DHANDA</t>
  </si>
  <si>
    <t>village and po dhanda kotli sattian</t>
  </si>
  <si>
    <t>dhanda</t>
  </si>
  <si>
    <t>aziz ahmed abbasi</t>
  </si>
  <si>
    <t>39209</t>
  </si>
  <si>
    <t>3831</t>
  </si>
  <si>
    <t>GGCMS KAKOWAL</t>
  </si>
  <si>
    <t>C. NO.III MBDIN - FEMALE</t>
  </si>
  <si>
    <t>Kakowal</t>
  </si>
  <si>
    <t>kakowal</t>
  </si>
  <si>
    <t>Sohawa Bolani</t>
  </si>
  <si>
    <t>Abida Saeed</t>
  </si>
  <si>
    <t>9571</t>
  </si>
  <si>
    <t>38572</t>
  </si>
  <si>
    <t>48143</t>
  </si>
  <si>
    <t>21838</t>
  </si>
  <si>
    <t>GPS DERA BATH</t>
  </si>
  <si>
    <t>Dera Bath</t>
  </si>
  <si>
    <t>dera bath</t>
  </si>
  <si>
    <t>Main Mahmood</t>
  </si>
  <si>
    <t>29221</t>
  </si>
  <si>
    <t>GPS JHAROLIAN</t>
  </si>
  <si>
    <t>Theh Jharolian</t>
  </si>
  <si>
    <t>village theh Jharolian p/o bedian kasur</t>
  </si>
  <si>
    <t>GGPS TAKHAT MAHAL</t>
  </si>
  <si>
    <t>DOGUL - FEMALE</t>
  </si>
  <si>
    <t>takhat mahal</t>
  </si>
  <si>
    <t>Takhat mahal</t>
  </si>
  <si>
    <t>Lubna Tabassum</t>
  </si>
  <si>
    <t>GPS SHAREEN AWAN</t>
  </si>
  <si>
    <t>Shareen Awan</t>
  </si>
  <si>
    <t>mouza shareen awan</t>
  </si>
  <si>
    <t>9808</t>
  </si>
  <si>
    <t>46462</t>
  </si>
  <si>
    <t>GPS GUL BAIG WALA</t>
  </si>
  <si>
    <t>Golay Wali</t>
  </si>
  <si>
    <t>post office golewala tehsil quaidabad distric khushab</t>
  </si>
  <si>
    <t>Muhammad Sher Khan</t>
  </si>
  <si>
    <t>23454</t>
  </si>
  <si>
    <t>22299</t>
  </si>
  <si>
    <t>Chak 532/tda</t>
  </si>
  <si>
    <t>chak 532/tea tehsil kot adu district muzaffar garh</t>
  </si>
  <si>
    <t>Chak 532</t>
  </si>
  <si>
    <t>Zafar Jahanger</t>
  </si>
  <si>
    <t>GPS PULL SALAM DAKHLI MIANA GONDAL</t>
  </si>
  <si>
    <t>pul salam</t>
  </si>
  <si>
    <t>Pul Salam</t>
  </si>
  <si>
    <t>53772</t>
  </si>
  <si>
    <t>GES SHEW PURA</t>
  </si>
  <si>
    <t>Gnaish pura</t>
  </si>
  <si>
    <t>Shewpura Minchinabad</t>
  </si>
  <si>
    <t>shewpura</t>
  </si>
  <si>
    <t>IBRAR-UL-ISLAM</t>
  </si>
  <si>
    <t>GPS RAKH DAHIR</t>
  </si>
  <si>
    <t>sikhani wala</t>
  </si>
  <si>
    <t>basti sontrah rakh fazilpur district rajanpur</t>
  </si>
  <si>
    <t>SIKHANIWALA</t>
  </si>
  <si>
    <t>Sikhaniwala</t>
  </si>
  <si>
    <t>Junaid Ahmad</t>
  </si>
  <si>
    <t>31475</t>
  </si>
  <si>
    <t>45174</t>
  </si>
  <si>
    <t>GPS KURTANI</t>
  </si>
  <si>
    <t>Chah  KURTANI P/O  HAIDER ABAD MANKARA</t>
  </si>
  <si>
    <t>KURTANI</t>
  </si>
  <si>
    <t>33154</t>
  </si>
  <si>
    <t>GPS DHANDALI</t>
  </si>
  <si>
    <t>Dhandali</t>
  </si>
  <si>
    <t>dhandali.p/o dinga  tehsil kharian .  district Gujrat</t>
  </si>
  <si>
    <t>44165</t>
  </si>
  <si>
    <t>25984</t>
  </si>
  <si>
    <t>GGPS MODEL BURJ</t>
  </si>
  <si>
    <t>Village burj post office narowal tehsil narowal district narowal</t>
  </si>
  <si>
    <t>Chandowal kalan</t>
  </si>
  <si>
    <t>Aqsa Ashraf</t>
  </si>
  <si>
    <t>25530</t>
  </si>
  <si>
    <t>46216</t>
  </si>
  <si>
    <t>GPS GHULAM ALI KHAIL</t>
  </si>
  <si>
    <t>pelwains teh. noor pur distt khushab</t>
  </si>
  <si>
    <t>40220</t>
  </si>
  <si>
    <t>22314</t>
  </si>
  <si>
    <t>GPS 43/A</t>
  </si>
  <si>
    <t>CHAK 43/A</t>
  </si>
  <si>
    <t>CHAK NO 43/A P/O CHAK NO 42/A TEHSIL LIAQUAT PUR</t>
  </si>
  <si>
    <t>CHAK NO 43/A</t>
  </si>
  <si>
    <t>CHAK NO 46/A</t>
  </si>
  <si>
    <t>ANWAR-UL-HAQ</t>
  </si>
  <si>
    <t>13832</t>
  </si>
  <si>
    <t>26818</t>
  </si>
  <si>
    <t>32217</t>
  </si>
  <si>
    <t>GGPS SIYAL</t>
  </si>
  <si>
    <t>22317</t>
  </si>
  <si>
    <t>24299</t>
  </si>
  <si>
    <t>GGPS KALU WALI</t>
  </si>
  <si>
    <t>kalowali</t>
  </si>
  <si>
    <t>kalowali p. o. box ban judhala tehsil pasrur district sialkot</t>
  </si>
  <si>
    <t>Bushra beghum</t>
  </si>
  <si>
    <t>GGES MANDIAWALA</t>
  </si>
  <si>
    <t>mandianwala  ch 19</t>
  </si>
  <si>
    <t>Nusrat Nasreen</t>
  </si>
  <si>
    <t>GGCMS RAYAN PURA</t>
  </si>
  <si>
    <t>Rayan Pura</t>
  </si>
  <si>
    <t>Govt community model school rayan pura</t>
  </si>
  <si>
    <t>17851</t>
  </si>
  <si>
    <t>GHSS MODEL (ATTACH WITH QAED) GUJRAT</t>
  </si>
  <si>
    <t>Court Road Gujrat</t>
  </si>
  <si>
    <t>Greeb Pura</t>
  </si>
  <si>
    <t>Malik Bashir Ahmed</t>
  </si>
  <si>
    <t>54798</t>
  </si>
  <si>
    <t>GPS THEH BHALU</t>
  </si>
  <si>
    <t>Theh Bhalo</t>
  </si>
  <si>
    <t>theh bhalu kasur</t>
  </si>
  <si>
    <t>Waseem Shakar</t>
  </si>
  <si>
    <t>GGES SAHOKE VIRKAN</t>
  </si>
  <si>
    <t>Sahoke Virkan</t>
  </si>
  <si>
    <t>Sahoke Virkan Teh.Nowshera virkan District Gujranwala</t>
  </si>
  <si>
    <t>Shamaila Anjum</t>
  </si>
  <si>
    <t>38015</t>
  </si>
  <si>
    <t>GPS PUGAL WARI</t>
  </si>
  <si>
    <t>Pugalwari</t>
  </si>
  <si>
    <t>basti balo wali MOUZA pugalwari</t>
  </si>
  <si>
    <t>Basti Balo Wali</t>
  </si>
  <si>
    <t>GGPS BASTI HAJI FAQEER BAKHSH</t>
  </si>
  <si>
    <t>ggps basti haji faqeer bakhsh,basti riddan kotla pathan</t>
  </si>
  <si>
    <t>Riddan</t>
  </si>
  <si>
    <t>Sadia Saif</t>
  </si>
  <si>
    <t>31087</t>
  </si>
  <si>
    <t>GPS AWAN TOWN LAHORE</t>
  </si>
  <si>
    <t>81-A kosar block awan town multan road lahore</t>
  </si>
  <si>
    <t>Awan town</t>
  </si>
  <si>
    <t>Aftab hussain</t>
  </si>
  <si>
    <t>35122</t>
  </si>
  <si>
    <t>GES ADDA LARYAN JAMAN SHAH</t>
  </si>
  <si>
    <t>Sehrishta Thal</t>
  </si>
  <si>
    <t>jaman Shah</t>
  </si>
  <si>
    <t>Ghulam Qadir Javed</t>
  </si>
  <si>
    <t>30701</t>
  </si>
  <si>
    <t>34416</t>
  </si>
  <si>
    <t>GPS GHANAY WALA</t>
  </si>
  <si>
    <t>Chah Gehnay wala Qasba Sani P/O Ayazabad Maral Tehsil Multan Saddar District Multan</t>
  </si>
  <si>
    <t>GEHNAY WALA</t>
  </si>
  <si>
    <t>QASBA SANI</t>
  </si>
  <si>
    <t>Muhammad Umer</t>
  </si>
  <si>
    <t>28305</t>
  </si>
  <si>
    <t>GPS RATTO</t>
  </si>
  <si>
    <t>Ratto</t>
  </si>
  <si>
    <t>Village Ratto P.O Bahri.Teh Phalia.Distt.M.B.Din</t>
  </si>
  <si>
    <t>Kala shadian</t>
  </si>
  <si>
    <t>20222</t>
  </si>
  <si>
    <t>GPS YAKKAY KI</t>
  </si>
  <si>
    <t>Yakkeki</t>
  </si>
  <si>
    <t>mouza yakkeki  Tehsil Lalian district chiniot</t>
  </si>
  <si>
    <t>GPS DOHATA KHURD</t>
  </si>
  <si>
    <t>dohatta khurd</t>
  </si>
  <si>
    <t>dohatta khurd tehsil pindibhattian district hafizabad</t>
  </si>
  <si>
    <t>nuthein</t>
  </si>
  <si>
    <t>Zohaib Sunny</t>
  </si>
  <si>
    <t>53143</t>
  </si>
  <si>
    <t>GPS THATHA SYEDAN</t>
  </si>
  <si>
    <t>Thatha Saydan</t>
  </si>
  <si>
    <t>thatha sayydan</t>
  </si>
  <si>
    <t>Thatha Sayydan</t>
  </si>
  <si>
    <t>17667</t>
  </si>
  <si>
    <t>GPS QADIR PUR SALEH</t>
  </si>
  <si>
    <t>qadirpur saleh</t>
  </si>
  <si>
    <t>qadirpur salah</t>
  </si>
  <si>
    <t>qadir pur</t>
  </si>
  <si>
    <t>Muhammad Danyal</t>
  </si>
  <si>
    <t>GHS LITTEN</t>
  </si>
  <si>
    <t>LITTEN</t>
  </si>
  <si>
    <t>LITTEN MANKERA TEHSIL MANKERA DISTRICT BHAKKAR</t>
  </si>
  <si>
    <t>ZULFIQAR HUSSAIN</t>
  </si>
  <si>
    <t>21458</t>
  </si>
  <si>
    <t>GGPS GAHARO WAL</t>
  </si>
  <si>
    <t>Gahrowal</t>
  </si>
  <si>
    <t>village gahrowal p o baddomalhi narowal</t>
  </si>
  <si>
    <t>Mohammad Rafiq</t>
  </si>
  <si>
    <t>GHS 127/15-L, MIAN CHANNU</t>
  </si>
  <si>
    <t>127/15-L Mian Channu</t>
  </si>
  <si>
    <t>chak No127/15-L Mian Channu</t>
  </si>
  <si>
    <t>Shahid jamil</t>
  </si>
  <si>
    <t>GHS MUSLIM MODEL NIGHBAN PUR FSD</t>
  </si>
  <si>
    <t>Neighebanpura</t>
  </si>
  <si>
    <t>main Bazar neighebanpura</t>
  </si>
  <si>
    <t>HAFIZ MEHBOOB ALAM RAI</t>
  </si>
  <si>
    <t>GPS CHAH NAZROO WALA</t>
  </si>
  <si>
    <t>Abdullah Shaheed</t>
  </si>
  <si>
    <t>GPS CHAH NAZAROO WALA</t>
  </si>
  <si>
    <t>Basti Mustoi</t>
  </si>
  <si>
    <t>Muhammad Khurshid Ahmed</t>
  </si>
  <si>
    <t>GGPS ARYARI</t>
  </si>
  <si>
    <t>village and post office Aryari teh kotli sattain</t>
  </si>
  <si>
    <t>Akhter Nisa</t>
  </si>
  <si>
    <t>water tap</t>
  </si>
  <si>
    <t>42246</t>
  </si>
  <si>
    <t>29467</t>
  </si>
  <si>
    <t>GMPS KAMAL PURA</t>
  </si>
  <si>
    <t>kamal pura</t>
  </si>
  <si>
    <t>Amina Jamil</t>
  </si>
  <si>
    <t>GPS HAROON ABAD</t>
  </si>
  <si>
    <t>Basti Kotla Ray Walihan Moza Haroon Abad teh Liaqutpur District Rahim Yar Khan</t>
  </si>
  <si>
    <t>Kotla Ray Walihan</t>
  </si>
  <si>
    <t>GGES CHAK NO. 31</t>
  </si>
  <si>
    <t>Chak # 31</t>
  </si>
  <si>
    <t>tehseel malakwal distt mandi b.din</t>
  </si>
  <si>
    <t>Farida Nazir</t>
  </si>
  <si>
    <t>44398</t>
  </si>
  <si>
    <t>21902</t>
  </si>
  <si>
    <t>37557</t>
  </si>
  <si>
    <t>GPS KOT BARKAT ALI, TULAMBA</t>
  </si>
  <si>
    <t>Kot Barkak</t>
  </si>
  <si>
    <t>kot barkat p/o jarahi</t>
  </si>
  <si>
    <t>Kot Barkat Ali</t>
  </si>
  <si>
    <t>M IRSHAD</t>
  </si>
  <si>
    <t>51667</t>
  </si>
  <si>
    <t>GPS HAWALI LAL CHAND</t>
  </si>
  <si>
    <t>mouza haveli lal Chand post office 17p khan pur</t>
  </si>
  <si>
    <t>hawali lal chand</t>
  </si>
  <si>
    <t>23070</t>
  </si>
  <si>
    <t>GPS RAILWAY COLONY NO.1 DINGA</t>
  </si>
  <si>
    <t>mohalla railway station dinga teh kharian gujrat</t>
  </si>
  <si>
    <t>Muhammad Shafique Zahid</t>
  </si>
  <si>
    <t>2668</t>
  </si>
  <si>
    <t>GPS NEW MANDI SUKHEKE</t>
  </si>
  <si>
    <t>New Mandi</t>
  </si>
  <si>
    <t>new mandi sukheki</t>
  </si>
  <si>
    <t>mc Sukheke</t>
  </si>
  <si>
    <t>GGPS JASLANI KALAN</t>
  </si>
  <si>
    <t>Jaslani Kalan</t>
  </si>
  <si>
    <t>jaslani kalan</t>
  </si>
  <si>
    <t>Sheerin Jhangar</t>
  </si>
  <si>
    <t>Irfana Irshad</t>
  </si>
  <si>
    <t>47269</t>
  </si>
  <si>
    <t>Daud Khel Pakka</t>
  </si>
  <si>
    <t>gps sora markaz daud khel</t>
  </si>
  <si>
    <t>Pakki Shah Mardan</t>
  </si>
  <si>
    <t>Muhammad Mumtaz Malik</t>
  </si>
  <si>
    <t>31038</t>
  </si>
  <si>
    <t>21904</t>
  </si>
  <si>
    <t>GGPS CHAK NO.46/A QADEEM</t>
  </si>
  <si>
    <t>CHAK 46</t>
  </si>
  <si>
    <t>GGPS chak no 46 a liaquat pur</t>
  </si>
  <si>
    <t>Chak No 46 A</t>
  </si>
  <si>
    <t>46 A</t>
  </si>
  <si>
    <t>Riffat Perveen</t>
  </si>
  <si>
    <t>GPS CHAK NO. 129 TDA</t>
  </si>
  <si>
    <t>SUMRA Thal Jandi</t>
  </si>
  <si>
    <t>Chak 129/tda</t>
  </si>
  <si>
    <t>Chak No 129/tda</t>
  </si>
  <si>
    <t>Rural Chowk Azam</t>
  </si>
  <si>
    <t>46037</t>
  </si>
  <si>
    <t>23447</t>
  </si>
  <si>
    <t>GGPS BHAN UMEED ALI VIRK</t>
  </si>
  <si>
    <t>GGPS Bhan umeed Ali Virk CHOWK Girote Jauharabad Khushab</t>
  </si>
  <si>
    <t>Bhan umeed Ali Virk CHOWK Girote Jauharabad Khusha</t>
  </si>
  <si>
    <t>Khalida  Perveen  Hashmi</t>
  </si>
  <si>
    <t>21912</t>
  </si>
  <si>
    <t>42171</t>
  </si>
  <si>
    <t>GGHS BHATTIAN</t>
  </si>
  <si>
    <t>Village bhattian p/o kahuti tehsil kotli sattian</t>
  </si>
  <si>
    <t>Water Boring</t>
  </si>
  <si>
    <t>21915</t>
  </si>
  <si>
    <t>20185</t>
  </si>
  <si>
    <t>GPS BHILOKA</t>
  </si>
  <si>
    <t>Saro Wala</t>
  </si>
  <si>
    <t>bhiloka</t>
  </si>
  <si>
    <t>Bhiloka</t>
  </si>
  <si>
    <t>Sardar Tanveer Asad</t>
  </si>
  <si>
    <t>31677</t>
  </si>
  <si>
    <t>GPS MARI KHURD</t>
  </si>
  <si>
    <t>Mari Khurd</t>
  </si>
  <si>
    <t>GPS MOADIB BASTI HABIB ULLAH</t>
  </si>
  <si>
    <t>Mahmood Gharh</t>
  </si>
  <si>
    <t>Basti Habib Ullah P/O Sardargarh Teh/ Distt. Rahim Yar Khan</t>
  </si>
  <si>
    <t>Mianwali Shakhain</t>
  </si>
  <si>
    <t>24430</t>
  </si>
  <si>
    <t>GGPS CHURKAY</t>
  </si>
  <si>
    <t>Chuhrkay</t>
  </si>
  <si>
    <t>village chuhrkay chawinda pasrur</t>
  </si>
  <si>
    <t>24625</t>
  </si>
  <si>
    <t>21923</t>
  </si>
  <si>
    <t>29277</t>
  </si>
  <si>
    <t>canal colony rural part khudian khas kasur</t>
  </si>
  <si>
    <t>Muhammad Rizwan Qamar</t>
  </si>
  <si>
    <t>4625</t>
  </si>
  <si>
    <t>GPS LAKHA</t>
  </si>
  <si>
    <t>Kotly Murad</t>
  </si>
  <si>
    <t>GPS Lakha</t>
  </si>
  <si>
    <t>Basti Khawja</t>
  </si>
  <si>
    <t>21929</t>
  </si>
  <si>
    <t>40321</t>
  </si>
  <si>
    <t>GHS PINAN WAL No. 2</t>
  </si>
  <si>
    <t>village and post office pinanwal</t>
  </si>
  <si>
    <t>Iqrar Afzal</t>
  </si>
  <si>
    <t>21930</t>
  </si>
  <si>
    <t>GGPS CHAK SIAL</t>
  </si>
  <si>
    <t>gg/ps chak sial</t>
  </si>
  <si>
    <t>Fatih Pur</t>
  </si>
  <si>
    <t>GHS BHANATTI</t>
  </si>
  <si>
    <t>village and post office bhanatti via sub office tret uc angoori tehsil murree distt Rawalpindi</t>
  </si>
  <si>
    <t>Ghulam Mehdi</t>
  </si>
  <si>
    <t>27621</t>
  </si>
  <si>
    <t>GHS HARIA</t>
  </si>
  <si>
    <t>HARIA</t>
  </si>
  <si>
    <t>VPO HARIA</t>
  </si>
  <si>
    <t>37570</t>
  </si>
  <si>
    <t>GPS JAPPAY</t>
  </si>
  <si>
    <t>Jappay</t>
  </si>
  <si>
    <t>GPS Jappay, Tehsil and District Nankana Sahib</t>
  </si>
  <si>
    <t>GPS MOADDIB PERBHATI WALA</t>
  </si>
  <si>
    <t>Parbhati Wala</t>
  </si>
  <si>
    <t>parbhati Wala Tehsil Minchinabad  District Bahawal Nagar</t>
  </si>
  <si>
    <t>Iftikhar Ul Haq Shami</t>
  </si>
  <si>
    <t>21948</t>
  </si>
  <si>
    <t>GES JALL SHUMALI</t>
  </si>
  <si>
    <t>P O Jall Shumali</t>
  </si>
  <si>
    <t>Jall Shumali</t>
  </si>
  <si>
    <t>GPS KANDY WALI</t>
  </si>
  <si>
    <t>Kandy Wali</t>
  </si>
  <si>
    <t>GPS Kandy wali moza Kandy wali u.c darri azeem Khan tehseel and district Rahim Yar Khan</t>
  </si>
  <si>
    <t>GPS MOUSA WALA</t>
  </si>
  <si>
    <t>Jhole</t>
  </si>
  <si>
    <t>Mousa wala</t>
  </si>
  <si>
    <t>Mousa Wala</t>
  </si>
  <si>
    <t>21962</t>
  </si>
  <si>
    <t>GGPS FAZILPUR NO. 4</t>
  </si>
  <si>
    <t>NEAR BOYS DEGREE COLLEGE HAJIPUR ROAD FAZILPUR</t>
  </si>
  <si>
    <t>RAKH FAZILPUR</t>
  </si>
  <si>
    <t>SHEHLA MEHVISH</t>
  </si>
  <si>
    <t>21963</t>
  </si>
  <si>
    <t>GGPS GHULAM FARID MALIKA</t>
  </si>
  <si>
    <t>Nasira M Din</t>
  </si>
  <si>
    <t>27885</t>
  </si>
  <si>
    <t>GHS TAMIR-E-MILLAT M.B.DIN (WAPDA Colony)</t>
  </si>
  <si>
    <t>wapda colony mandi bahauddin</t>
  </si>
  <si>
    <t>WAPDA COLONY</t>
  </si>
  <si>
    <t>MUHAMMAD IQBAL ZIA</t>
  </si>
  <si>
    <t>30019</t>
  </si>
  <si>
    <t>GPS PENTION KHORAN</t>
  </si>
  <si>
    <t>Chak Pensionn K Khowran</t>
  </si>
  <si>
    <t>Chak pension khawaran</t>
  </si>
  <si>
    <t>Chak Pension Khawaran</t>
  </si>
  <si>
    <t>GPS NOWSHERA VIRKAN NO.4</t>
  </si>
  <si>
    <t>Nowshera Virkan</t>
  </si>
  <si>
    <t>Baddo Ratta Road Nowshera Virkan</t>
  </si>
  <si>
    <t>Salamat Ali</t>
  </si>
  <si>
    <t>GPS DONA QUTAB SARU</t>
  </si>
  <si>
    <t>Dona Quatib Saru</t>
  </si>
  <si>
    <t>Dona Quatib Saru p/o Hasil Saru.Mnd</t>
  </si>
  <si>
    <t>41287</t>
  </si>
  <si>
    <t>GES DHAR JAWA</t>
  </si>
  <si>
    <t>Dhar Jawa</t>
  </si>
  <si>
    <t>GES Dhar Jawa Murree</t>
  </si>
  <si>
    <t>GGES 10/8-R, KACHA KHUH</t>
  </si>
  <si>
    <t>108R</t>
  </si>
  <si>
    <t>GGES10\8R kcha khu khanewal</t>
  </si>
  <si>
    <t>Nighat hanif</t>
  </si>
  <si>
    <t>28018</t>
  </si>
  <si>
    <t>21989</t>
  </si>
  <si>
    <t>GPS SHAHAN WALA KHUSHAB</t>
  </si>
  <si>
    <t>mohallah hussain abad khushab</t>
  </si>
  <si>
    <t>Arslan Mumtaz</t>
  </si>
  <si>
    <t>12491</t>
  </si>
  <si>
    <t>32018</t>
  </si>
  <si>
    <t>47240</t>
  </si>
  <si>
    <t>GPS DHOK NAWAB KHEL</t>
  </si>
  <si>
    <t>govt p/s Dhoke nawab khel</t>
  </si>
  <si>
    <t>21993</t>
  </si>
  <si>
    <t>53499</t>
  </si>
  <si>
    <t>GGCMS MANGAN</t>
  </si>
  <si>
    <t>moza mangan</t>
  </si>
  <si>
    <t>Shamoona Ashraf</t>
  </si>
  <si>
    <t>29896</t>
  </si>
  <si>
    <t>GGPS JHOK SHEKHUM</t>
  </si>
  <si>
    <t>Jhoke Sheikhum</t>
  </si>
  <si>
    <t>jhoke sheikhum</t>
  </si>
  <si>
    <t>Amina Wazir</t>
  </si>
  <si>
    <t>21997</t>
  </si>
  <si>
    <t>33852</t>
  </si>
  <si>
    <t>GGPS MC NATH PURA NOWEY BHOIEN</t>
  </si>
  <si>
    <t>Navian Bhavian</t>
  </si>
  <si>
    <t>GGPS MC Nath Pura  chowk sheedian Multan.</t>
  </si>
  <si>
    <t>Mumtazabad Town</t>
  </si>
  <si>
    <t>Khangah Anyat Shah</t>
  </si>
  <si>
    <t>GPS SARKUNDAL</t>
  </si>
  <si>
    <t>Chahran</t>
  </si>
  <si>
    <t>sarkuÃ±dal</t>
  </si>
  <si>
    <t>Sarkundal</t>
  </si>
  <si>
    <t>ZahoorAhmed</t>
  </si>
  <si>
    <t>nsb</t>
  </si>
  <si>
    <t>GMPS KOTLI GUL</t>
  </si>
  <si>
    <t>KOTLA ANDROON</t>
  </si>
  <si>
    <t>BASTI KOTLI GULL MOUZA KOTLA ANDROON</t>
  </si>
  <si>
    <t>KOTLI GUL</t>
  </si>
  <si>
    <t>Rukhsana Laghari</t>
  </si>
  <si>
    <t>GES ALI WALI</t>
  </si>
  <si>
    <t>Kundian Pakka</t>
  </si>
  <si>
    <t>Ges ali wali</t>
  </si>
  <si>
    <t>Kundian Rural</t>
  </si>
  <si>
    <t>Pervez iqbal</t>
  </si>
  <si>
    <t>27270</t>
  </si>
  <si>
    <t>51612</t>
  </si>
  <si>
    <t>GGPS 16 SP</t>
  </si>
  <si>
    <t>16sp</t>
  </si>
  <si>
    <t>GGPS16sp near rakh pul</t>
  </si>
  <si>
    <t>17sp</t>
  </si>
  <si>
    <t>shahida perveen</t>
  </si>
  <si>
    <t>GGPS BASTI KISSA</t>
  </si>
  <si>
    <t>ggps Basti kissa gillani</t>
  </si>
  <si>
    <t>Basti Kissa Gillani</t>
  </si>
  <si>
    <t>Moza Mangan</t>
  </si>
  <si>
    <t>Shamila Aslam</t>
  </si>
  <si>
    <t>27558</t>
  </si>
  <si>
    <t>GPS KOT SARWAR</t>
  </si>
  <si>
    <t>Kotsarwer</t>
  </si>
  <si>
    <t>kotsarwer</t>
  </si>
  <si>
    <t>22627</t>
  </si>
  <si>
    <t>41366</t>
  </si>
  <si>
    <t>GPS MEHNAGAL</t>
  </si>
  <si>
    <t>village anguri p/o anguri tehsil murree</t>
  </si>
  <si>
    <t>Anguri</t>
  </si>
  <si>
    <t>Tahir Nawaz</t>
  </si>
  <si>
    <t>8194</t>
  </si>
  <si>
    <t>GGPS MOLANAGAR</t>
  </si>
  <si>
    <t>Syeda shafia Khanam</t>
  </si>
  <si>
    <t>41038</t>
  </si>
  <si>
    <t>GPS SHEIKH DA TUBE WELL</t>
  </si>
  <si>
    <t>Sheikh Da Tubewell</t>
  </si>
  <si>
    <t>sheikh da tubewell</t>
  </si>
  <si>
    <t>Bhuchoki Par</t>
  </si>
  <si>
    <t>Muhammad Rizwan Haider</t>
  </si>
  <si>
    <t>GPS GHORAY WALA</t>
  </si>
  <si>
    <t>ghoray wala</t>
  </si>
  <si>
    <t>Warch</t>
  </si>
  <si>
    <t>17825</t>
  </si>
  <si>
    <t>GGPS CHAK NO.29 QADEEM</t>
  </si>
  <si>
    <t>LQP CITY-FEMALE</t>
  </si>
  <si>
    <t>Chak 29a</t>
  </si>
  <si>
    <t>chak 29a,qadeem lqp</t>
  </si>
  <si>
    <t>Chak29a Qareem</t>
  </si>
  <si>
    <t>Fozia Kousar</t>
  </si>
  <si>
    <t>46577</t>
  </si>
  <si>
    <t>GGPS JANA JABBI</t>
  </si>
  <si>
    <t>Jabbi Sharif district khushab</t>
  </si>
  <si>
    <t>GGPS CHAK NO. 112/NP</t>
  </si>
  <si>
    <t>PS 112 np</t>
  </si>
  <si>
    <t>Dera Abdul Majeed</t>
  </si>
  <si>
    <t>Musrat Bano</t>
  </si>
  <si>
    <t>42162</t>
  </si>
  <si>
    <t>GES DEGHAL</t>
  </si>
  <si>
    <t>PRINDLA</t>
  </si>
  <si>
    <t>GES  DEGHAL p/o Lehtrar bala kotli sattian</t>
  </si>
  <si>
    <t>DEGHAL</t>
  </si>
  <si>
    <t>BAHATTIAN</t>
  </si>
  <si>
    <t>Hafiz Sami Ullah</t>
  </si>
  <si>
    <t>chshma</t>
  </si>
  <si>
    <t>GPS KOTO ANNA</t>
  </si>
  <si>
    <t>koto Ana</t>
  </si>
  <si>
    <t>Koto Ana</t>
  </si>
  <si>
    <t>Mudassar Hanif</t>
  </si>
  <si>
    <t>GHS GULEHRA GALI</t>
  </si>
  <si>
    <t>Po gulehra  gali teh murree distt rwp</t>
  </si>
  <si>
    <t>Gulehra Gali</t>
  </si>
  <si>
    <t>16563</t>
  </si>
  <si>
    <t>34056</t>
  </si>
  <si>
    <t>GES ZAFAR ABAD RANG PUR BAGHOOR</t>
  </si>
  <si>
    <t>GES Zafarabad</t>
  </si>
  <si>
    <t>47806</t>
  </si>
  <si>
    <t>GPS Sarwar-i-Kainat (SAW) Campus Kundian</t>
  </si>
  <si>
    <t>Mamu Wali</t>
  </si>
  <si>
    <t>mamu Wali teh PIPLAN disst mianwali</t>
  </si>
  <si>
    <t>FAKHAR IMAM SHAH</t>
  </si>
  <si>
    <t>29519</t>
  </si>
  <si>
    <t>GGCMES MURALI HITHAR</t>
  </si>
  <si>
    <t>Marali Hithar P/O Khudian khas  District Kasur</t>
  </si>
  <si>
    <t>Naheed Tabassum</t>
  </si>
  <si>
    <t>50581</t>
  </si>
  <si>
    <t>22665</t>
  </si>
  <si>
    <t>GGPS BASTI SHUKAR DIN</t>
  </si>
  <si>
    <t>FAZIL PUR DISTT RAJAN PUR</t>
  </si>
  <si>
    <t>BASTI SHUKUR DIN</t>
  </si>
  <si>
    <t>34626</t>
  </si>
  <si>
    <t>GGPS MASOOM SHAH WALA</t>
  </si>
  <si>
    <t>Qasba Sani</t>
  </si>
  <si>
    <t>Masoom Shah Wala</t>
  </si>
  <si>
    <t>22674</t>
  </si>
  <si>
    <t>GPS DERA MEHRAY WALA JASWAL</t>
  </si>
  <si>
    <t>GPS Dera Mehray Wala</t>
  </si>
  <si>
    <t>Muhammad Irfan Azam</t>
  </si>
  <si>
    <t>GGPS KARIM ABAD</t>
  </si>
  <si>
    <t>ggps karimabad basti munshian</t>
  </si>
  <si>
    <t>Basti Munshian</t>
  </si>
  <si>
    <t>46441</t>
  </si>
  <si>
    <t>GES NO. 1 AHMEDAL</t>
  </si>
  <si>
    <t>E/S school no 1 ahmdal</t>
  </si>
  <si>
    <t>Ahmdal</t>
  </si>
  <si>
    <t>47165</t>
  </si>
  <si>
    <t>GPS AKMAL ABAD</t>
  </si>
  <si>
    <t>Wan Bahrachan</t>
  </si>
  <si>
    <t>Dera akmal abad</t>
  </si>
  <si>
    <t>Akmal Abad</t>
  </si>
  <si>
    <t>Muzafarpur Pur Shumali</t>
  </si>
  <si>
    <t>Muhammad Shahjahan Khan</t>
  </si>
  <si>
    <t>GGHS KHAN PUR SYEDAN</t>
  </si>
  <si>
    <t>khan pur syedan</t>
  </si>
  <si>
    <t>GGHS khan pur syedan tehsil pasrur sialkot</t>
  </si>
  <si>
    <t>dulham kahalwan</t>
  </si>
  <si>
    <t>Nusrat Begum</t>
  </si>
  <si>
    <t>GGES GHUMMAN KALAN</t>
  </si>
  <si>
    <t>Ghumma Kalan</t>
  </si>
  <si>
    <t>ghumman kalan</t>
  </si>
  <si>
    <t>Bath Kalan</t>
  </si>
  <si>
    <t>Misbah Aleem</t>
  </si>
  <si>
    <t>17460</t>
  </si>
  <si>
    <t>41368</t>
  </si>
  <si>
    <t>GPS MOHRA BUTNARA</t>
  </si>
  <si>
    <t>Bara Hoter</t>
  </si>
  <si>
    <t>gao mohra butnara,uc musyari ,Murree</t>
  </si>
  <si>
    <t>Mohra  Butnara</t>
  </si>
  <si>
    <t>31842</t>
  </si>
  <si>
    <t>GPS DERA ARRIAN</t>
  </si>
  <si>
    <t>Dera Pul Wala Uncha Pind</t>
  </si>
  <si>
    <t>dera pul wala</t>
  </si>
  <si>
    <t>Gps Dera Arrian Unchapind Dera Ar</t>
  </si>
  <si>
    <t>Nangal Buchter</t>
  </si>
  <si>
    <t>Naimat Ali</t>
  </si>
  <si>
    <t>22694</t>
  </si>
  <si>
    <t>38136</t>
  </si>
  <si>
    <t>GGPS JHOKE UTRA</t>
  </si>
  <si>
    <t>Hyat Pur</t>
  </si>
  <si>
    <t>jhoke uttera lodhran</t>
  </si>
  <si>
    <t>Jhoke Uttera</t>
  </si>
  <si>
    <t>Chumb Kulayar</t>
  </si>
  <si>
    <t>Qurshia Choudhry</t>
  </si>
  <si>
    <t>GGPS TAL JAL WALA</t>
  </si>
  <si>
    <t>Tal Jal Wala</t>
  </si>
  <si>
    <t>Ggps tal jal wla</t>
  </si>
  <si>
    <t>Tal JAL Wala</t>
  </si>
  <si>
    <t>Fouzia Abbas</t>
  </si>
  <si>
    <t>12269</t>
  </si>
  <si>
    <t>54722</t>
  </si>
  <si>
    <t>33683</t>
  </si>
  <si>
    <t>GPS HAJI PUR MOZA DURANA LANGANA P/O RASHIDABAD</t>
  </si>
  <si>
    <t>Durana libgana</t>
  </si>
  <si>
    <t>GPS Haji pur Near Wapda Town Phase 1, Dirana lingana</t>
  </si>
  <si>
    <t>Durana Lingana</t>
  </si>
  <si>
    <t>GGPS CHAK 32/A</t>
  </si>
  <si>
    <t>Shagufta Talmez</t>
  </si>
  <si>
    <t>GHS OLAKH OTTAR</t>
  </si>
  <si>
    <t>Olakh Ottar</t>
  </si>
  <si>
    <t>Olakh Ottar, P.O. same, Tehsil Kot Radha Kishan Distict Kasur</t>
  </si>
  <si>
    <t>45166</t>
  </si>
  <si>
    <t>GGHS GOHER WALA</t>
  </si>
  <si>
    <t>Goher Wala</t>
  </si>
  <si>
    <t>Goher Wala Teh. Mankera Distt. Bhakkar.</t>
  </si>
  <si>
    <t>44199</t>
  </si>
  <si>
    <t>44057</t>
  </si>
  <si>
    <t>47804</t>
  </si>
  <si>
    <t>GPS BURJAI</t>
  </si>
  <si>
    <t>Burjai</t>
  </si>
  <si>
    <t>burjai Tehsil piplan distt mianwali</t>
  </si>
  <si>
    <t>46185</t>
  </si>
  <si>
    <t>GPS DERA NAWAB KALOO</t>
  </si>
  <si>
    <t>GPS Dera Nawab Khail VPO Biland  Nurpur Thal Khushab</t>
  </si>
  <si>
    <t>Dera Nawab Khail Biland</t>
  </si>
  <si>
    <t>Muhammad Naseer Shahid</t>
  </si>
  <si>
    <t>9537</t>
  </si>
  <si>
    <t>GPS MASJID FARDOUS</t>
  </si>
  <si>
    <t>Masjid Fardous</t>
  </si>
  <si>
    <t>mohallah Eidgah</t>
  </si>
  <si>
    <t>GGPS SADIQ PUR</t>
  </si>
  <si>
    <t>Sadiqpur Pur</t>
  </si>
  <si>
    <t>ggps sadiqpur basti noor Muhammad Moza sadiqpur pur</t>
  </si>
  <si>
    <t>Nawaz Araen</t>
  </si>
  <si>
    <t>Shabana Hashmi</t>
  </si>
  <si>
    <t>3959</t>
  </si>
  <si>
    <t>47410</t>
  </si>
  <si>
    <t>GGPS WARD NO. 8 SHADIA</t>
  </si>
  <si>
    <t>SHADIA  NO.1-FEMALE</t>
  </si>
  <si>
    <t>ggps ward no 8</t>
  </si>
  <si>
    <t>Bazigha Mastoor</t>
  </si>
  <si>
    <t>GGPS WASIM ABAD</t>
  </si>
  <si>
    <t>Jam Rid Thal</t>
  </si>
  <si>
    <t>chah qandhari wala moza jam rid thal kot sultan</t>
  </si>
  <si>
    <t>Chah Qandhari Wala</t>
  </si>
  <si>
    <t>Kot Sultan</t>
  </si>
  <si>
    <t>28252</t>
  </si>
  <si>
    <t>GPS BASTI ALLAH BACHAYA</t>
  </si>
  <si>
    <t>Dunya Pur Ganga</t>
  </si>
  <si>
    <t>g p/s basti allah bachaya khan moza dunya pur ganga pop</t>
  </si>
  <si>
    <t>Basti Allah Bachaya Khan</t>
  </si>
  <si>
    <t>MPQ</t>
  </si>
  <si>
    <t>Shimla Khan</t>
  </si>
  <si>
    <t>53503</t>
  </si>
  <si>
    <t>GGPS ABADI SHER DAKHLI MANGAN</t>
  </si>
  <si>
    <t>mangan</t>
  </si>
  <si>
    <t>Bushra Sial</t>
  </si>
  <si>
    <t>GPS MOADIB BASTI DAWNA</t>
  </si>
  <si>
    <t>Bait Bhattar</t>
  </si>
  <si>
    <t>Basti Dawna Mouza Bait Bhattar p/o Tranda Muhammad Panah Tehsil Liaquatpur pur Distt Rahim Yar Khan</t>
  </si>
  <si>
    <t>Basti Dawna</t>
  </si>
  <si>
    <t>37462</t>
  </si>
  <si>
    <t>GES 20/8-BR, TULAMBA</t>
  </si>
  <si>
    <t>Faiz Mohy-u-Din Chishti</t>
  </si>
  <si>
    <t>51688</t>
  </si>
  <si>
    <t>46372</t>
  </si>
  <si>
    <t>47063</t>
  </si>
  <si>
    <t>GES CHAK NO. 27 DB</t>
  </si>
  <si>
    <t>Chak 27</t>
  </si>
  <si>
    <t>Boys Elementary shool Chak no 27db</t>
  </si>
  <si>
    <t>27 DB</t>
  </si>
  <si>
    <t>49476</t>
  </si>
  <si>
    <t>54175</t>
  </si>
  <si>
    <t>GGPS CHAK NO. 42/DB</t>
  </si>
  <si>
    <t>Chk No 42db</t>
  </si>
  <si>
    <t>rangpur baghoor</t>
  </si>
  <si>
    <t>42db</t>
  </si>
  <si>
    <t>Rang Pur Baghore</t>
  </si>
  <si>
    <t>27682</t>
  </si>
  <si>
    <t>GPS ADMANIWALA</t>
  </si>
  <si>
    <t>VPO Bosal Sukha</t>
  </si>
  <si>
    <t>Admaniwala</t>
  </si>
  <si>
    <t>52279</t>
  </si>
  <si>
    <t>22505</t>
  </si>
  <si>
    <t>GHS ADAM WALI</t>
  </si>
  <si>
    <t>akram abad</t>
  </si>
  <si>
    <t>basti adam wali po akram abad rahim yar khan</t>
  </si>
  <si>
    <t>adam wali</t>
  </si>
  <si>
    <t>GPS HASSAN FLOOR MILLS MULTAN</t>
  </si>
  <si>
    <t>Pandat Ram Narayn</t>
  </si>
  <si>
    <t>Peer Colony no 3 near Baloch Chowk Multan</t>
  </si>
  <si>
    <t>Mutan City</t>
  </si>
  <si>
    <t>Shabir Nadeem</t>
  </si>
  <si>
    <t>23237</t>
  </si>
  <si>
    <t>GGPS DHATTAL</t>
  </si>
  <si>
    <t>Dhattal</t>
  </si>
  <si>
    <t>dhattal</t>
  </si>
  <si>
    <t>Mussarat Jabeen</t>
  </si>
  <si>
    <t>29871</t>
  </si>
  <si>
    <t>GGPS THATHI OTAR</t>
  </si>
  <si>
    <t>Thathi Ottar</t>
  </si>
  <si>
    <t>thatti ottar</t>
  </si>
  <si>
    <t>Bhonikay Ottar</t>
  </si>
  <si>
    <t>29291</t>
  </si>
  <si>
    <t>Said  Pur P/O Khudian Khas Teh/Distt. Kasur</t>
  </si>
  <si>
    <t>7672</t>
  </si>
  <si>
    <t>13199</t>
  </si>
  <si>
    <t>22528</t>
  </si>
  <si>
    <t>34433</t>
  </si>
  <si>
    <t>GPS KURRI TAMAK CHAK SILAN WALA P/O KOT MELA RAM</t>
  </si>
  <si>
    <t>Kurri tammak</t>
  </si>
  <si>
    <t>busti bhai veer kurri tammak post office kot Mela RamTehsil multan Sadar</t>
  </si>
  <si>
    <t>45169</t>
  </si>
  <si>
    <t>GPS SHAH SAID ALI</t>
  </si>
  <si>
    <t>R/o shah Said Ali u. c Haider Abad Tehseel Mankera District Bhakkar</t>
  </si>
  <si>
    <t>Mushtaq hussain shah hashmi</t>
  </si>
  <si>
    <t>26768</t>
  </si>
  <si>
    <t>22532</t>
  </si>
  <si>
    <t>27531</t>
  </si>
  <si>
    <t>GGPS THATHA JAHID AMIR WALA</t>
  </si>
  <si>
    <t>Thatta Jahad Ameerwala</t>
  </si>
  <si>
    <t>Village Thatta Jahad Ameer Wala Pindi Bhattian District Hafizabad</t>
  </si>
  <si>
    <t>salma hussain</t>
  </si>
  <si>
    <t>GPS ZAFAR ABAD MOUZA KHARAL AZIM THAL</t>
  </si>
  <si>
    <t>Kharal Azeem Thal</t>
  </si>
  <si>
    <t>chah litti wala moza kharal azeem P/O kot sultan</t>
  </si>
  <si>
    <t>Litti Wala</t>
  </si>
  <si>
    <t>23467</t>
  </si>
  <si>
    <t>46547</t>
  </si>
  <si>
    <t>GGES KATAY KHAIL</t>
  </si>
  <si>
    <t>katay khail dhokri</t>
  </si>
  <si>
    <t>Meher Asma Bano</t>
  </si>
  <si>
    <t>8536</t>
  </si>
  <si>
    <t>43427</t>
  </si>
  <si>
    <t>22539</t>
  </si>
  <si>
    <t>GGPS JUNIOR MODEL JORAY MORI</t>
  </si>
  <si>
    <t>Ggps junior model school Joray Mori lhr</t>
  </si>
  <si>
    <t>Rang Mahal</t>
  </si>
  <si>
    <t>Anum Fateh Ullah</t>
  </si>
  <si>
    <t>30614</t>
  </si>
  <si>
    <t>GPS MAANDIALI</t>
  </si>
  <si>
    <t>Mandhiali</t>
  </si>
  <si>
    <t>village Mandhiali</t>
  </si>
  <si>
    <t>GPS CHAK NO.236/1-L</t>
  </si>
  <si>
    <t>236/1-L</t>
  </si>
  <si>
    <t>CHAK NO 236/1-L</t>
  </si>
  <si>
    <t>CHAK 236/1-L</t>
  </si>
  <si>
    <t>Gul Muhammad</t>
  </si>
  <si>
    <t>GGES 51/3.R</t>
  </si>
  <si>
    <t>52 3r</t>
  </si>
  <si>
    <t>gges 51 3r disttokara</t>
  </si>
  <si>
    <t>51 3r</t>
  </si>
  <si>
    <t>Fozia Ghafoor</t>
  </si>
  <si>
    <t>22544</t>
  </si>
  <si>
    <t>39444</t>
  </si>
  <si>
    <t>GPS DHOKE LUND (DHAKLI TAWEEN)</t>
  </si>
  <si>
    <t>Tehsil Pondigheb District Attock</t>
  </si>
  <si>
    <t>Dhoke Lund</t>
  </si>
  <si>
    <t>30758</t>
  </si>
  <si>
    <t>GPS KOTLI BAJWA</t>
  </si>
  <si>
    <t>Kotlibajwa</t>
  </si>
  <si>
    <t>kotlibajwa narowal</t>
  </si>
  <si>
    <t>Mahar Shareef</t>
  </si>
  <si>
    <t>Syed Sajjad Raza Shah</t>
  </si>
  <si>
    <t>36046</t>
  </si>
  <si>
    <t>29283</t>
  </si>
  <si>
    <t>GPS HARI KAY NOUL</t>
  </si>
  <si>
    <t>Herri Key Noul</t>
  </si>
  <si>
    <t>36014</t>
  </si>
  <si>
    <t>GPS RAM PURA CHAK NO. 176 WB</t>
  </si>
  <si>
    <t>176wb Rampura</t>
  </si>
  <si>
    <t>Chak no. 176/wb Rampura Tehsil Mailsi Vehari</t>
  </si>
  <si>
    <t>kousar perveen</t>
  </si>
  <si>
    <t>45219</t>
  </si>
  <si>
    <t>GPS KUNDIAN WALA</t>
  </si>
  <si>
    <t>Kapahi</t>
  </si>
  <si>
    <t>chah nalka kundianwala</t>
  </si>
  <si>
    <t>Kundianwala</t>
  </si>
  <si>
    <t>GGPS SIAL JATTAN</t>
  </si>
  <si>
    <t>Sial Jattan</t>
  </si>
  <si>
    <t>GGPS SIAL JATTAN P/O Jahar</t>
  </si>
  <si>
    <t>Bajra Ghari</t>
  </si>
  <si>
    <t>Nazreena Liaqat</t>
  </si>
  <si>
    <t>GPS DHULYAN</t>
  </si>
  <si>
    <t>Dhulian</t>
  </si>
  <si>
    <t>Govt primary school dhulian Tehsil Kharian District gujrat</t>
  </si>
  <si>
    <t>Dhulian Shareef</t>
  </si>
  <si>
    <t>Chak Jani  Kalan</t>
  </si>
  <si>
    <t>14946</t>
  </si>
  <si>
    <t>46219</t>
  </si>
  <si>
    <t>Peelowince</t>
  </si>
  <si>
    <t>Gps ismailwala Markaz jamali tehsil noorpoor Dist.khushab</t>
  </si>
  <si>
    <t>Peelowaince</t>
  </si>
  <si>
    <t>Peelowaice</t>
  </si>
  <si>
    <t>51722</t>
  </si>
  <si>
    <t>GPS WASOO</t>
  </si>
  <si>
    <t>Wassao</t>
  </si>
  <si>
    <t>wasao pakpattan</t>
  </si>
  <si>
    <t>Hella wattoo</t>
  </si>
  <si>
    <t>Peer Aftab</t>
  </si>
  <si>
    <t>33675</t>
  </si>
  <si>
    <t>GGES MC ITTEFAQ PURA MULTAN</t>
  </si>
  <si>
    <t>Ittefaq Pura</t>
  </si>
  <si>
    <t>chongi no 14 ittefaq pura multan</t>
  </si>
  <si>
    <t>Hazarian Wala</t>
  </si>
  <si>
    <t>Hina Shafique</t>
  </si>
  <si>
    <t>28043</t>
  </si>
  <si>
    <t>22577</t>
  </si>
  <si>
    <t>GGPS NAURANGA</t>
  </si>
  <si>
    <t>Nauranga</t>
  </si>
  <si>
    <t>Wandha Guday Khelanwala,Dakhana Khas Tarikhel Kacha</t>
  </si>
  <si>
    <t>Wandha Guday Khelan Wala</t>
  </si>
  <si>
    <t>SAIMA ALMAS</t>
  </si>
  <si>
    <t>22583</t>
  </si>
  <si>
    <t>GGPS BASTI JOYA</t>
  </si>
  <si>
    <t>GGPS Basti Joya , basti balochan kotla pathan</t>
  </si>
  <si>
    <t>Shazia bibi</t>
  </si>
  <si>
    <t>GPS ISLAH MODEL PINDI BHATTIAN</t>
  </si>
  <si>
    <t>GPS ISLAH MODEO PINDI BHATTIAN EMIS CODE 34520047</t>
  </si>
  <si>
    <t>Muhammad Mohtisham Khan</t>
  </si>
  <si>
    <t>29465</t>
  </si>
  <si>
    <t>GGPS SHEIKH PURA KOHNA</t>
  </si>
  <si>
    <t>Sheikh Pura Kohna</t>
  </si>
  <si>
    <t>sheikh pura kohna kasur</t>
  </si>
  <si>
    <t>GPS CHAK NO. 618 TDA</t>
  </si>
  <si>
    <t>Chak No 618/TDA</t>
  </si>
  <si>
    <t>Chak NO 618/tda tehsil kot addu district muzafargarh</t>
  </si>
  <si>
    <t>Chak no 618/TDA</t>
  </si>
  <si>
    <t>UC RIAZ ABAD</t>
  </si>
  <si>
    <t>zahid khan</t>
  </si>
  <si>
    <t>46232</t>
  </si>
  <si>
    <t>GPS MUHAMMAD YAR WALA</t>
  </si>
  <si>
    <t>peelowains/ noor pur/khushab</t>
  </si>
  <si>
    <t>Mosum  Khan</t>
  </si>
  <si>
    <t>GGPS BASTI HASHIM</t>
  </si>
  <si>
    <t>Kotla Ayub</t>
  </si>
  <si>
    <t>Basti Hashim kot samaba</t>
  </si>
  <si>
    <t>Basti Hashim</t>
  </si>
  <si>
    <t>Bahashtii</t>
  </si>
  <si>
    <t>Naila Abbasi</t>
  </si>
  <si>
    <t>GPS BASTI PUNJABI</t>
  </si>
  <si>
    <t>Rakh Mithankot</t>
  </si>
  <si>
    <t>Government Primary School Basti Punjabi</t>
  </si>
  <si>
    <t>Basti Allah Bakhsh Gorchani</t>
  </si>
  <si>
    <t>Sajid Fareed</t>
  </si>
  <si>
    <t>22598</t>
  </si>
  <si>
    <t>GPS BAIT MAACHI</t>
  </si>
  <si>
    <t>Tibbi Jhullan</t>
  </si>
  <si>
    <t>GPS bait machi thull hamza Moza tibbi jhullan dera Faridi</t>
  </si>
  <si>
    <t>Kotla Makhdom</t>
  </si>
  <si>
    <t>Gul Mohammed Langah</t>
  </si>
  <si>
    <t>28465</t>
  </si>
  <si>
    <t>GGHS CHAK JANO KALAN</t>
  </si>
  <si>
    <t>Chak Jano Kalan</t>
  </si>
  <si>
    <t>gghs chak jano kalan</t>
  </si>
  <si>
    <t>GGPS HAVELI MUNSHI WALI</t>
  </si>
  <si>
    <t>29422</t>
  </si>
  <si>
    <t>GGPS LADHAY KI HITHAR</t>
  </si>
  <si>
    <t>Ladhey K</t>
  </si>
  <si>
    <t>ladhey k</t>
  </si>
  <si>
    <t>BHEDIAN</t>
  </si>
  <si>
    <t>Hafiza Nyla Huma</t>
  </si>
  <si>
    <t>47754</t>
  </si>
  <si>
    <t>39243</t>
  </si>
  <si>
    <t>GHS DHOK DERA</t>
  </si>
  <si>
    <t>Dk Dera</t>
  </si>
  <si>
    <t>village dk Dera  tehsil pindigheb dist attock</t>
  </si>
  <si>
    <t>arshad mahmood</t>
  </si>
  <si>
    <t>163350</t>
  </si>
  <si>
    <t>have to buy from outside</t>
  </si>
  <si>
    <t>22605</t>
  </si>
  <si>
    <t>22928</t>
  </si>
  <si>
    <t>GES HANJ</t>
  </si>
  <si>
    <t>Hanj</t>
  </si>
  <si>
    <t>Village &amp;PO Hanj Tehsil Kharian District Gujrat</t>
  </si>
  <si>
    <t>31732</t>
  </si>
  <si>
    <t>GPS KOT MUHAMMAD DIN</t>
  </si>
  <si>
    <t>Kot Muhammad Din</t>
  </si>
  <si>
    <t>kot Muhammad din P\O Narang Mandi Mindi SKP</t>
  </si>
  <si>
    <t>Ladeki</t>
  </si>
  <si>
    <t>22607</t>
  </si>
  <si>
    <t>GGPS SHEIKH WALA</t>
  </si>
  <si>
    <t>Sadywain</t>
  </si>
  <si>
    <t>Moza Sadday waeen  UC Thatha Qureshi Basti Sheikh wala M Garh</t>
  </si>
  <si>
    <t>Sheikhwala</t>
  </si>
  <si>
    <t>Thathaqurashi</t>
  </si>
  <si>
    <t>Kathrine Sehar</t>
  </si>
  <si>
    <t>24321</t>
  </si>
  <si>
    <t>GGPS IQRA WASU JANUBI</t>
  </si>
  <si>
    <t>village Wasu Mandibahauddin</t>
  </si>
  <si>
    <t>Farzana Shoukat</t>
  </si>
  <si>
    <t>GGHS IKHLAS</t>
  </si>
  <si>
    <t>ikhlas</t>
  </si>
  <si>
    <t>NEELAM FARRUKH BUKHARI</t>
  </si>
  <si>
    <t>22734</t>
  </si>
  <si>
    <t>GPS DARWAL</t>
  </si>
  <si>
    <t>darwl po paktaal the pasrur dist sialkot</t>
  </si>
  <si>
    <t>Rizwan Akhtar</t>
  </si>
  <si>
    <t>29865</t>
  </si>
  <si>
    <t>GGPS SARAI CHENBA</t>
  </si>
  <si>
    <t>Sarai Chenba</t>
  </si>
  <si>
    <t>sarai chenba</t>
  </si>
  <si>
    <t>Abida Rustam</t>
  </si>
  <si>
    <t>44025</t>
  </si>
  <si>
    <t>22739</t>
  </si>
  <si>
    <t>27277</t>
  </si>
  <si>
    <t>GPS PINDI BHATIAN NO.1</t>
  </si>
  <si>
    <t>Chanout road pindi bhattian</t>
  </si>
  <si>
    <t>MC Pindi Bhattian</t>
  </si>
  <si>
    <t>Karamat Hussain</t>
  </si>
  <si>
    <t>47744</t>
  </si>
  <si>
    <t>GHS VICHVEEN</t>
  </si>
  <si>
    <t>VICHVEEN Bala</t>
  </si>
  <si>
    <t>VICHVEEN</t>
  </si>
  <si>
    <t>Wichveen</t>
  </si>
  <si>
    <t>ABDUL RASHEED</t>
  </si>
  <si>
    <t>25929</t>
  </si>
  <si>
    <t>GGPS BALKE KALAN</t>
  </si>
  <si>
    <t>Balake Kalan</t>
  </si>
  <si>
    <t>GGPS Balake kalan</t>
  </si>
  <si>
    <t>54464</t>
  </si>
  <si>
    <t>33786</t>
  </si>
  <si>
    <t>GGPS ARAZI GHULAM YASIN  DUNYA PUR ROAD MULTAN</t>
  </si>
  <si>
    <t>Arazi Ghulam  Yaseen</t>
  </si>
  <si>
    <t>arazi ghulam yaseen near besti ahal pur  duniya pur road mumtaza abad multan</t>
  </si>
  <si>
    <t>Arazi Ghulam Yaseen</t>
  </si>
  <si>
    <t>Sadia Sardar</t>
  </si>
  <si>
    <t>27673</t>
  </si>
  <si>
    <t>GPS DERA MUHAMMAD ASHRAF</t>
  </si>
  <si>
    <t>dera ziadaabad gojra,teh.malakwal,distt.m.b.din</t>
  </si>
  <si>
    <t>31859</t>
  </si>
  <si>
    <t>GPS BRARAN</t>
  </si>
  <si>
    <t>Ghazi Birar</t>
  </si>
  <si>
    <t>Moaza Ghazi Birar P/O Fateh Pur Kamal Tehsil Khan pur District Rahim Yar Khan</t>
  </si>
  <si>
    <t>Basti Biraran</t>
  </si>
  <si>
    <t>Quaidar Pur</t>
  </si>
  <si>
    <t>Rafiq Ahmed</t>
  </si>
  <si>
    <t>GPS KHANQA MUHAMMAD HAJI</t>
  </si>
  <si>
    <t>chak 160 A tda</t>
  </si>
  <si>
    <t>160A/TDA</t>
  </si>
  <si>
    <t>21883</t>
  </si>
  <si>
    <t>47469</t>
  </si>
  <si>
    <t>29906</t>
  </si>
  <si>
    <t>GGPS ALI KHEL</t>
  </si>
  <si>
    <t>Ali Khel Janubi P/O Chah Hathi Khan Wala</t>
  </si>
  <si>
    <t>22761</t>
  </si>
  <si>
    <t>GGES KHETOLA</t>
  </si>
  <si>
    <t>village kethola Teh.kotli Sattian district rwp</t>
  </si>
  <si>
    <t>Kethola</t>
  </si>
  <si>
    <t>Saba Jabeen</t>
  </si>
  <si>
    <t>30031</t>
  </si>
  <si>
    <t>51761</t>
  </si>
  <si>
    <t>39401</t>
  </si>
  <si>
    <t>22762</t>
  </si>
  <si>
    <t>GPS 79/A</t>
  </si>
  <si>
    <t>79A</t>
  </si>
  <si>
    <t>Chak no79a Tehsil LQP</t>
  </si>
  <si>
    <t>Shakil Amjad</t>
  </si>
  <si>
    <t>GGPS 9 SP</t>
  </si>
  <si>
    <t>9/sp</t>
  </si>
  <si>
    <t>g.g.p.s 9/sp</t>
  </si>
  <si>
    <t>Musy Wall</t>
  </si>
  <si>
    <t>Anam Bakhtiar</t>
  </si>
  <si>
    <t>31566</t>
  </si>
  <si>
    <t>GGES HATCHER</t>
  </si>
  <si>
    <t>Hatcher</t>
  </si>
  <si>
    <t>government girls elementary school hatcher</t>
  </si>
  <si>
    <t>hatcher</t>
  </si>
  <si>
    <t>nagal buchar</t>
  </si>
  <si>
    <t>Rzwana yasmine</t>
  </si>
  <si>
    <t>GGES KHOKHAR CHAK NO 25</t>
  </si>
  <si>
    <t>khokhar chak 25 Tehsil pattoki District kasur</t>
  </si>
  <si>
    <t>Khokhar Chak 25</t>
  </si>
  <si>
    <t>Nagina Firduas</t>
  </si>
  <si>
    <t>GHS RAM THAMMAN</t>
  </si>
  <si>
    <t>Ram Thamman Kasur</t>
  </si>
  <si>
    <t>SIFAT ULLAH TAHIR</t>
  </si>
  <si>
    <t>GES SADIQ PUR</t>
  </si>
  <si>
    <t>GES Sadiq Pur</t>
  </si>
  <si>
    <t>Basti Bangul</t>
  </si>
  <si>
    <t>Mosque</t>
  </si>
  <si>
    <t>47902</t>
  </si>
  <si>
    <t>GGCMS CHAK NO. 2 ML</t>
  </si>
  <si>
    <t>Chak No 2 ML</t>
  </si>
  <si>
    <t>Po 2ml tehsil piplan district mianwali</t>
  </si>
  <si>
    <t>2 ml</t>
  </si>
  <si>
    <t>24452</t>
  </si>
  <si>
    <t>22964</t>
  </si>
  <si>
    <t>GGHS SABOUR</t>
  </si>
  <si>
    <t>VIllage and P.O Sabour Tehsil Kharian Dist. Gujrat</t>
  </si>
  <si>
    <t>GGPS DHOOR KOT SURAJ MIANI MULTAN</t>
  </si>
  <si>
    <t>Alamdi Surah</t>
  </si>
  <si>
    <t>Alamdi Surah, Suraj Miani, Multan</t>
  </si>
  <si>
    <t>SHEHNAZ RABNAWAZ</t>
  </si>
  <si>
    <t>22788</t>
  </si>
  <si>
    <t>29089</t>
  </si>
  <si>
    <t>GES RAI KALAN</t>
  </si>
  <si>
    <t>Raikalan</t>
  </si>
  <si>
    <t>Raikalan tehsil kasur</t>
  </si>
  <si>
    <t>sheilh mosa khalifa</t>
  </si>
  <si>
    <t>p o basira basti sheikh wala</t>
  </si>
  <si>
    <t>sheikhwala</t>
  </si>
  <si>
    <t>wan pitafi</t>
  </si>
  <si>
    <t>SAMREEN ELAHI BAKHSH</t>
  </si>
  <si>
    <t>10686</t>
  </si>
  <si>
    <t>chak No.161.A/TDA</t>
  </si>
  <si>
    <t>Chak No 161 A/TDA</t>
  </si>
  <si>
    <t>Rural Kotsultan</t>
  </si>
  <si>
    <t>MUHAMMAD ADEEL ASLAM</t>
  </si>
  <si>
    <t>53308</t>
  </si>
  <si>
    <t>22795</t>
  </si>
  <si>
    <t>GHS DERIAN WALA</t>
  </si>
  <si>
    <t>DERIANWALA</t>
  </si>
  <si>
    <t>HEADMASTER GOVT. HIGH SCHOOL. DERIANWALA DISTRICT NAROWAL</t>
  </si>
  <si>
    <t>66368</t>
  </si>
  <si>
    <t>GES MODREN TAKIA SADUAN</t>
  </si>
  <si>
    <t>rang mahal</t>
  </si>
  <si>
    <t>inside akbari gate lahore</t>
  </si>
  <si>
    <t>takia saduan</t>
  </si>
  <si>
    <t>shah alam market</t>
  </si>
  <si>
    <t>M. Shahid Javid</t>
  </si>
  <si>
    <t>51643</t>
  </si>
  <si>
    <t>GGPS SADDO MALEKA</t>
  </si>
  <si>
    <t>Saddu Maleka</t>
  </si>
  <si>
    <t>saddu maleka ,p kpattan</t>
  </si>
  <si>
    <t>Muse Waal</t>
  </si>
  <si>
    <t>Shakeela Rani</t>
  </si>
  <si>
    <t>17018</t>
  </si>
  <si>
    <t>41410</t>
  </si>
  <si>
    <t>GGPS NOORBAN</t>
  </si>
  <si>
    <t>village and post office sorasi tehsil murree dist rawalpindi</t>
  </si>
  <si>
    <t>Noorban</t>
  </si>
  <si>
    <t>Nabila Bibi</t>
  </si>
  <si>
    <t>41402</t>
  </si>
  <si>
    <t>22803</t>
  </si>
  <si>
    <t>37922</t>
  </si>
  <si>
    <t>GHSS 53 M LODHRAN</t>
  </si>
  <si>
    <t>Chak No.53/M</t>
  </si>
  <si>
    <t>Chak No. 53/M, Gailywala, Tehsil &amp; District Lodhran</t>
  </si>
  <si>
    <t>Ghulam Hussain chohan</t>
  </si>
  <si>
    <t>GGCMS REHMAT ABAD</t>
  </si>
  <si>
    <t>basti Rahmatabad</t>
  </si>
  <si>
    <t>Basti Rahmatabad</t>
  </si>
  <si>
    <t>27122</t>
  </si>
  <si>
    <t>39291</t>
  </si>
  <si>
    <t>Dhoke Ahmed Abad Post Office Malhowali Tehsil Pindi Gheb District Attock</t>
  </si>
  <si>
    <t>Arrange Water</t>
  </si>
  <si>
    <t>2364</t>
  </si>
  <si>
    <t>GGPS SHAH MUHAMMAD BAREKA</t>
  </si>
  <si>
    <t>Shah Muhammad bareka p/o orrang</t>
  </si>
  <si>
    <t>Mattwala</t>
  </si>
  <si>
    <t>Kinza Asjad</t>
  </si>
  <si>
    <t>34871</t>
  </si>
  <si>
    <t>24518</t>
  </si>
  <si>
    <t>GGPS JEETO GILL</t>
  </si>
  <si>
    <t>Jeeto Gill</t>
  </si>
  <si>
    <t>village Jeeto Gill tehsil pasroor district sialkot</t>
  </si>
  <si>
    <t>Talwandi Inayt Khan</t>
  </si>
  <si>
    <t>Asima Safdar</t>
  </si>
  <si>
    <t>GPS EASAN KHAIL</t>
  </si>
  <si>
    <t>pelowains</t>
  </si>
  <si>
    <t>pelowains Teh.noorpur district khushab</t>
  </si>
  <si>
    <t>28507</t>
  </si>
  <si>
    <t>31575</t>
  </si>
  <si>
    <t>GGES HERDO SEHOLE MUSLIM</t>
  </si>
  <si>
    <t>Herdo Sehole Muslim</t>
  </si>
  <si>
    <t>GGES Hardo Sehole Muslim Tehsil Murridke</t>
  </si>
  <si>
    <t>Herdo sehole Muslim</t>
  </si>
  <si>
    <t>Abeer Imtiaz</t>
  </si>
  <si>
    <t>GGPS KLARK ABAD</t>
  </si>
  <si>
    <t>Klark Abad</t>
  </si>
  <si>
    <t>GGPS klark Abad khurd Kot Radha Kishan</t>
  </si>
  <si>
    <t>Klark Abad Khurd</t>
  </si>
  <si>
    <t>Sarwar Mushtaq</t>
  </si>
  <si>
    <t>29864</t>
  </si>
  <si>
    <t>GGPS BHAGIANA KHURD</t>
  </si>
  <si>
    <t>Bughisna Khurd The. Pattoki Dist Kasur</t>
  </si>
  <si>
    <t>Um e Kalsoom</t>
  </si>
  <si>
    <t>27697</t>
  </si>
  <si>
    <t>GPS WARA ALAM SHAH</t>
  </si>
  <si>
    <t>wara alam shah tehseel malkwal distt mbdin</t>
  </si>
  <si>
    <t>Wara  Alam Shah</t>
  </si>
  <si>
    <t>Muhammad Tayyeb</t>
  </si>
  <si>
    <t>6618</t>
  </si>
  <si>
    <t>GGPS RAEES WAHID BAKHSH</t>
  </si>
  <si>
    <t>Mud Hassan</t>
  </si>
  <si>
    <t>Basti Rais Wahid Bukhsh, Mouza Mud Hassan, P.O. Taranda Saway Khan</t>
  </si>
  <si>
    <t>CHAK NO. 100/P</t>
  </si>
  <si>
    <t>Mussarrat Tahira</t>
  </si>
  <si>
    <t>28343</t>
  </si>
  <si>
    <t>GPS HAIGAR WALA</t>
  </si>
  <si>
    <t>VPO Haigerwala Tehsil Phalia District M. B. Din</t>
  </si>
  <si>
    <t>GPS CHAH ALLAH BAKHSH WALA P/O BILAND</t>
  </si>
  <si>
    <t>gps chah chah allah bukhsh wala vpo biland tehsiel noorpur thal</t>
  </si>
  <si>
    <t>ghulam habib</t>
  </si>
  <si>
    <t>8904</t>
  </si>
  <si>
    <t>47109</t>
  </si>
  <si>
    <t>GGHS DHOK GHAZAN CHAKRALA MIANWALI</t>
  </si>
  <si>
    <t>GGHS DHOK GHAZAN</t>
  </si>
  <si>
    <t>Dhok Ghazan</t>
  </si>
  <si>
    <t>Chikrala</t>
  </si>
  <si>
    <t>Rehana Gul</t>
  </si>
  <si>
    <t>53183</t>
  </si>
  <si>
    <t>GPS CHAK 33/GD</t>
  </si>
  <si>
    <t>33 Gd</t>
  </si>
  <si>
    <t>chak no.33gd</t>
  </si>
  <si>
    <t>Muhammad Shoaib Ashraf</t>
  </si>
  <si>
    <t>GPS SARFARAZ WALA AINO</t>
  </si>
  <si>
    <t>dera shamsher joia aino teh noorpur thal dist khushab</t>
  </si>
  <si>
    <t>GES NARANG</t>
  </si>
  <si>
    <t>Sadar Bazar</t>
  </si>
  <si>
    <t>sadar bazar narang mandi</t>
  </si>
  <si>
    <t>Narang mandi</t>
  </si>
  <si>
    <t>Muhammad Anwar Qasar</t>
  </si>
  <si>
    <t>52423</t>
  </si>
  <si>
    <t>GMPS ARHANGA</t>
  </si>
  <si>
    <t>Korrina Kalan</t>
  </si>
  <si>
    <t>korrina kallan</t>
  </si>
  <si>
    <t>Arranga</t>
  </si>
  <si>
    <t>Sehrish Naheed</t>
  </si>
  <si>
    <t>GGPS CHAK NO. 15/P</t>
  </si>
  <si>
    <t>15p</t>
  </si>
  <si>
    <t>Chack #15p Tehsil khan pur Distt Rahimyarkhan</t>
  </si>
  <si>
    <t>Chack #15p</t>
  </si>
  <si>
    <t>Rukhsana Rashid</t>
  </si>
  <si>
    <t>22386</t>
  </si>
  <si>
    <t>GPS CHAK 83/A</t>
  </si>
  <si>
    <t>83/a</t>
  </si>
  <si>
    <t>chak 83/a tehseel liaquatpur dist rahim yar khan</t>
  </si>
  <si>
    <t>GGPS RAJANPUR NO. 4</t>
  </si>
  <si>
    <t>GGPS.4 Rajanpur, Rajanpur darra Machi wala</t>
  </si>
  <si>
    <t>Nahida Rahat</t>
  </si>
  <si>
    <t>33881</t>
  </si>
  <si>
    <t>47753</t>
  </si>
  <si>
    <t>GES BANGRI</t>
  </si>
  <si>
    <t>Ahmed Shah Wali</t>
  </si>
  <si>
    <t>Bangri village</t>
  </si>
  <si>
    <t>Bangri</t>
  </si>
  <si>
    <t>Muhammad Surkhru</t>
  </si>
  <si>
    <t>GPS MOADIB KADAR PUR</t>
  </si>
  <si>
    <t>Kidar Pur</t>
  </si>
  <si>
    <t>Basti Kidar Pur, Tehsil Minchinabad, Distt. Bahawalnagar</t>
  </si>
  <si>
    <t>ALI MUHAMMAD</t>
  </si>
  <si>
    <t>3352</t>
  </si>
  <si>
    <t>25944</t>
  </si>
  <si>
    <t>GGPS CHEELI WALI</t>
  </si>
  <si>
    <t>Chalay Wali</t>
  </si>
  <si>
    <t>VILLAGE CHALAY  WALI P/O TALWANDI BHINDRAN TEH&amp;DISS NAROWAL</t>
  </si>
  <si>
    <t>CHALAY WALI</t>
  </si>
  <si>
    <t>DATYWAL</t>
  </si>
  <si>
    <t>Nida Iqbal</t>
  </si>
  <si>
    <t>GGPS AMIR BUKHSH</t>
  </si>
  <si>
    <t>Basti Ameer Bukhsh</t>
  </si>
  <si>
    <t>Farzana Yasmeen Sahar</t>
  </si>
  <si>
    <t>28435</t>
  </si>
  <si>
    <t>GGPS CHAK MIRIK</t>
  </si>
  <si>
    <t>Chak Merak</t>
  </si>
  <si>
    <t>chak merak</t>
  </si>
  <si>
    <t>Dhol Ranjha</t>
  </si>
  <si>
    <t>50869</t>
  </si>
  <si>
    <t>22432</t>
  </si>
  <si>
    <t>27307</t>
  </si>
  <si>
    <t>GPS ATTARAN WALA</t>
  </si>
  <si>
    <t>Attarnwala</t>
  </si>
  <si>
    <t>Attaranwala</t>
  </si>
  <si>
    <t>Kotla Khan Muhammad Fazil pur District rajan</t>
  </si>
  <si>
    <t>Kotla khan Muhammad Fazil pur district rajan pur</t>
  </si>
  <si>
    <t>Rakh Kotla Khan Muhammad Fazil</t>
  </si>
  <si>
    <t>Nizakat Niaz</t>
  </si>
  <si>
    <t>31596</t>
  </si>
  <si>
    <t>GPS RAYON PURA</t>
  </si>
  <si>
    <t>Ravi Rayan</t>
  </si>
  <si>
    <t>Muhammad Tahir Hussain</t>
  </si>
  <si>
    <t>GPS NABI PURA DINGA</t>
  </si>
  <si>
    <t>Moh:Nabi pura Dinga</t>
  </si>
  <si>
    <t>25867</t>
  </si>
  <si>
    <t>GGES BHODY MALHI</t>
  </si>
  <si>
    <t>Bhody Malian</t>
  </si>
  <si>
    <t>GGES Bhody Malian tehsil narowal district narowl</t>
  </si>
  <si>
    <t>Bhodi Malian</t>
  </si>
  <si>
    <t>Chundrky Mungoly</t>
  </si>
  <si>
    <t>23416</t>
  </si>
  <si>
    <t>16285</t>
  </si>
  <si>
    <t>49610</t>
  </si>
  <si>
    <t>24351</t>
  </si>
  <si>
    <t>GMPS ALIAN WALI</t>
  </si>
  <si>
    <t>Alian Wali p</t>
  </si>
  <si>
    <t>Alian wali p /o chobara Teh pasrur distt sialkot</t>
  </si>
  <si>
    <t>Alian Wali</t>
  </si>
  <si>
    <t>Abida Nazir</t>
  </si>
  <si>
    <t>24171</t>
  </si>
  <si>
    <t>29913</t>
  </si>
  <si>
    <t>GGPS HUNJRAI KHURD</t>
  </si>
  <si>
    <t>Hanjrai Khurd</t>
  </si>
  <si>
    <t>hanjrai khurd</t>
  </si>
  <si>
    <t>Hanjrai Kalan</t>
  </si>
  <si>
    <t>Afshan Arshad  Head Teacher</t>
  </si>
  <si>
    <t>11125</t>
  </si>
  <si>
    <t>GPS Mehmoodabad  layyah</t>
  </si>
  <si>
    <t>Muhammad  Rashid Rafi</t>
  </si>
  <si>
    <t>29516</t>
  </si>
  <si>
    <t>GPS 116/P</t>
  </si>
  <si>
    <t>khalid mehmood shaheen</t>
  </si>
  <si>
    <t>GPS DOABA MARU</t>
  </si>
  <si>
    <t>MARO QILA</t>
  </si>
  <si>
    <t>MOUZA MARU QILA PO SHEIKHEN TEHSIL LALIAN DISTRICT CHINIOT</t>
  </si>
  <si>
    <t>YARY KI JHALAR</t>
  </si>
  <si>
    <t>31675</t>
  </si>
  <si>
    <t>GPS JAY SINGH WALA</t>
  </si>
  <si>
    <t>Jay Singhwala</t>
  </si>
  <si>
    <t>Jay Singh wala</t>
  </si>
  <si>
    <t>Usman Malik</t>
  </si>
  <si>
    <t>GES NO 1 MAKHDOOM RASHEED</t>
  </si>
  <si>
    <t>GHS CHAK No. 225/1-L Head Fareed</t>
  </si>
  <si>
    <t>Chak no 225/1-L head fareed tehsil liaquatpur</t>
  </si>
  <si>
    <t>Zafar Iqbal Mirza</t>
  </si>
  <si>
    <t>49501</t>
  </si>
  <si>
    <t>29472</t>
  </si>
  <si>
    <t>GMPS HERDOBAN BODLA</t>
  </si>
  <si>
    <t>Her Do Ban Bodla</t>
  </si>
  <si>
    <t>Her Do Ban bodla  P/ O Hussain Khan wala kasur</t>
  </si>
  <si>
    <t>GPS NOSHEHRA JUNGLE RAKH</t>
  </si>
  <si>
    <t>Noshrah Jungle Rakh</t>
  </si>
  <si>
    <t>Noshra Jungle Rakh p/o Hasil saru  Techsil Minchinabad dist Bhawalnager</t>
  </si>
  <si>
    <t>Noshra Jungle Rakh</t>
  </si>
  <si>
    <t>La-la Amiir Sing</t>
  </si>
  <si>
    <t>51556</t>
  </si>
  <si>
    <t>GPS 66/D</t>
  </si>
  <si>
    <t>66 D</t>
  </si>
  <si>
    <t>66D, PAKPATTAN</t>
  </si>
  <si>
    <t>ABUBAKAR SIDDIQUE</t>
  </si>
  <si>
    <t>25303</t>
  </si>
  <si>
    <t>GPS CHAH TELGERA</t>
  </si>
  <si>
    <t>Chah Talgera</t>
  </si>
  <si>
    <t>GPS Chah Talgera, Tehsil  and District Nakana Sahib</t>
  </si>
  <si>
    <t>53552</t>
  </si>
  <si>
    <t>GGHS MC JUNIOR MODEL KOT AMIR ALI SHAH OKARA</t>
  </si>
  <si>
    <t>place caneema road sirki mohalla okara</t>
  </si>
  <si>
    <t>sirki mohalla</t>
  </si>
  <si>
    <t>NUZHAT BUSHRA</t>
  </si>
  <si>
    <t>GGHSS NAI ABADI RASUL</t>
  </si>
  <si>
    <t>nail abadi rasul</t>
  </si>
  <si>
    <t>Ghazala  Yasmin</t>
  </si>
  <si>
    <t>25892</t>
  </si>
  <si>
    <t>GGPS BAGH GOPAL PUR</t>
  </si>
  <si>
    <t>Bagh Gopal Pur</t>
  </si>
  <si>
    <t>G .G .P .S Bagh gopal pur</t>
  </si>
  <si>
    <t>Halowall</t>
  </si>
  <si>
    <t>Sobia Mushtaq</t>
  </si>
  <si>
    <t>24316</t>
  </si>
  <si>
    <t>GMPS MADU PUR VAINCE</t>
  </si>
  <si>
    <t>Madoo Pur Vaince</t>
  </si>
  <si>
    <t>madoo pur vaince</t>
  </si>
  <si>
    <t>GPS MIAN RAJA</t>
  </si>
  <si>
    <t>Mian Raja</t>
  </si>
  <si>
    <t>GPS Mian Raja tehsil pindi bhattian distt hafizabad</t>
  </si>
  <si>
    <t>Thatha Kheru Mutmal</t>
  </si>
  <si>
    <t>Muhammad Aftab Zafar</t>
  </si>
  <si>
    <t>6031</t>
  </si>
  <si>
    <t>14179</t>
  </si>
  <si>
    <t>Chak Shikari</t>
  </si>
  <si>
    <t>GMPS Hafiz Abad dhundi</t>
  </si>
  <si>
    <t>Hafiz Abad Dhundi</t>
  </si>
  <si>
    <t>Asma Tabsum</t>
  </si>
  <si>
    <t>22475</t>
  </si>
  <si>
    <t>48035</t>
  </si>
  <si>
    <t>GPS CHAK NO 6/DB 1 PO CHAK NO 3 DB MIANWALI</t>
  </si>
  <si>
    <t>chak no 6 db</t>
  </si>
  <si>
    <t>GPS Chak no 6 db</t>
  </si>
  <si>
    <t>Chak no 6 db</t>
  </si>
  <si>
    <t>Chak no 4 db</t>
  </si>
  <si>
    <t>Atta ullah khan</t>
  </si>
  <si>
    <t>54905</t>
  </si>
  <si>
    <t>GPS KALOKA</t>
  </si>
  <si>
    <t>Kaloka,teh Lalian,Distt Chiniot</t>
  </si>
  <si>
    <t>Jehangir Ali</t>
  </si>
  <si>
    <t>GGPS MUHAMMAD PURA NARANG MANDI</t>
  </si>
  <si>
    <t>GGPS Mohammed Pura Narang</t>
  </si>
  <si>
    <t>Mc Narang</t>
  </si>
  <si>
    <t>39384</t>
  </si>
  <si>
    <t>35527</t>
  </si>
  <si>
    <t>GHSS MITROO</t>
  </si>
  <si>
    <t>MITROO</t>
  </si>
  <si>
    <t>P/O KHAS MITROO (VEHARI)</t>
  </si>
  <si>
    <t>ALI AKBAR</t>
  </si>
  <si>
    <t>GGPS MOHRA MALAL</t>
  </si>
  <si>
    <t>Dkhayan</t>
  </si>
  <si>
    <t>village mohra malal post office karore</t>
  </si>
  <si>
    <t>51651</t>
  </si>
  <si>
    <t>GGPS 3 EB</t>
  </si>
  <si>
    <t>3eb</t>
  </si>
  <si>
    <t>chak 3 EB Pakpattan</t>
  </si>
  <si>
    <t>49376</t>
  </si>
  <si>
    <t>22491</t>
  </si>
  <si>
    <t>29591</t>
  </si>
  <si>
    <t>GMPS HAKOO WALA</t>
  </si>
  <si>
    <t>Hakoo Wala</t>
  </si>
  <si>
    <t>village hakoo Wala P O mhalum Teh. &amp; Distt. kasur</t>
  </si>
  <si>
    <t>Sahjra</t>
  </si>
  <si>
    <t>50033</t>
  </si>
  <si>
    <t>23088</t>
  </si>
  <si>
    <t>25688</t>
  </si>
  <si>
    <t>GPS BHALAKE KHURD</t>
  </si>
  <si>
    <t>Baleke Khurd</t>
  </si>
  <si>
    <t>baleke khurd P/O Ali Pur Sayydan teh/dist Narowal</t>
  </si>
  <si>
    <t>Amar Razzaq</t>
  </si>
  <si>
    <t>24898</t>
  </si>
  <si>
    <t>33798</t>
  </si>
  <si>
    <t>GGPS CHAH GAHNAY WALA NO 1  MULTAN</t>
  </si>
  <si>
    <t>Rangeelpur</t>
  </si>
  <si>
    <t>Ggps chah gahnay wala no 1 rangeelpur multan</t>
  </si>
  <si>
    <t>Rifat Sultana</t>
  </si>
  <si>
    <t>5.45201e+006</t>
  </si>
  <si>
    <t>23096</t>
  </si>
  <si>
    <t>28028</t>
  </si>
  <si>
    <t>GPS PINDI ALHANI</t>
  </si>
  <si>
    <t>GPS Pindi Alhani  MBDin</t>
  </si>
  <si>
    <t>Pindi Alhani</t>
  </si>
  <si>
    <t>Aamir Shabbir</t>
  </si>
  <si>
    <t>from filter null outside the school in the same village</t>
  </si>
  <si>
    <t>23097</t>
  </si>
  <si>
    <t>GHS NOOR PUR PIRAN</t>
  </si>
  <si>
    <t>Noor Pur Piran</t>
  </si>
  <si>
    <t>Bhagowal Tehsil Malakwal district Mandi Bahauddin</t>
  </si>
  <si>
    <t>28416</t>
  </si>
  <si>
    <t>GGPS PHALIA MEHMAN</t>
  </si>
  <si>
    <t>Govt girls primery school Phalia mehman</t>
  </si>
  <si>
    <t>Town Comitie Phalia</t>
  </si>
  <si>
    <t>Rahila Parveen Kousar</t>
  </si>
  <si>
    <t>23102</t>
  </si>
  <si>
    <t>32768</t>
  </si>
  <si>
    <t>GPS KOT YAQOOB</t>
  </si>
  <si>
    <t>Rehan Wala</t>
  </si>
  <si>
    <t>kot yaqoob mandi Faizabad</t>
  </si>
  <si>
    <t>Kot yaqoob</t>
  </si>
  <si>
    <t>23128</t>
  </si>
  <si>
    <t>53896</t>
  </si>
  <si>
    <t>GPS AMIR AHMAD HASHMI</t>
  </si>
  <si>
    <t>Basti Fateh Muhammed Sameja</t>
  </si>
  <si>
    <t>Basti Fateh Mohammed Sameja</t>
  </si>
  <si>
    <t>Shoaib Ahmed</t>
  </si>
  <si>
    <t>23106</t>
  </si>
  <si>
    <t>39244</t>
  </si>
  <si>
    <t>GHS MAIRA SHARIF</t>
  </si>
  <si>
    <t>VPO MAIRA SHARIF TEHSIL PINDI GHEB</t>
  </si>
  <si>
    <t>TAJ MUHAMMAD KHAN</t>
  </si>
  <si>
    <t>23108</t>
  </si>
  <si>
    <t>GGPS CHAK NO. 317 TDA</t>
  </si>
  <si>
    <t>317 TDA</t>
  </si>
  <si>
    <t>41338</t>
  </si>
  <si>
    <t>GPS GHAR</t>
  </si>
  <si>
    <t>Gharr</t>
  </si>
  <si>
    <t>ghaar murree</t>
  </si>
  <si>
    <t>Ghaar</t>
  </si>
  <si>
    <t>Muhammad Ibrar</t>
  </si>
  <si>
    <t>natural chishma</t>
  </si>
  <si>
    <t>27347</t>
  </si>
  <si>
    <t>Azam Abad</t>
  </si>
  <si>
    <t>Govt girls p/s Azam abad</t>
  </si>
  <si>
    <t>Rukhsana Liaqat</t>
  </si>
  <si>
    <t>23117</t>
  </si>
  <si>
    <t>GPS CHAK NO 31/GD</t>
  </si>
  <si>
    <t>31GD</t>
  </si>
  <si>
    <t>31 GD</t>
  </si>
  <si>
    <t>6874</t>
  </si>
  <si>
    <t>54176</t>
  </si>
  <si>
    <t>GPS CHAK NO. 43/DB</t>
  </si>
  <si>
    <t>43db</t>
  </si>
  <si>
    <t>Chak no. 43DB Tehsil Noor Pur Thal Dist, Khushab</t>
  </si>
  <si>
    <t>Chak 43/DB</t>
  </si>
  <si>
    <t>Najaf Abbas</t>
  </si>
  <si>
    <t>village Bagga P.O Lehtrar Tehsil Kotli Sattian Distt. Rwp</t>
  </si>
  <si>
    <t>KAMRAN HAROON</t>
  </si>
  <si>
    <t>water. supply</t>
  </si>
  <si>
    <t>GPS RAMAN KHUKHRAN</t>
  </si>
  <si>
    <t>moza Rama khokhran</t>
  </si>
  <si>
    <t>Lala Amer Singh</t>
  </si>
  <si>
    <t>Sardar Khan Ghazanfar</t>
  </si>
  <si>
    <t>23129</t>
  </si>
  <si>
    <t>46561</t>
  </si>
  <si>
    <t>GGHS BITTA</t>
  </si>
  <si>
    <t>Bitta</t>
  </si>
  <si>
    <t>P/O Biita,Tehsil Quaidabad ,Distt Khushab</t>
  </si>
  <si>
    <t>Saima Perveen</t>
  </si>
  <si>
    <t>GGPS JORAN WALA</t>
  </si>
  <si>
    <t>G g p s joranwala alluwali</t>
  </si>
  <si>
    <t>Saima noreen</t>
  </si>
  <si>
    <t>23131</t>
  </si>
  <si>
    <t>32946</t>
  </si>
  <si>
    <t>GGPS CHOCHIK</t>
  </si>
  <si>
    <t>Chochik</t>
  </si>
  <si>
    <t>GGPS chochik bucheki nankana sahib</t>
  </si>
  <si>
    <t>ZEENAT RANI</t>
  </si>
  <si>
    <t>from filter in village</t>
  </si>
  <si>
    <t>38047</t>
  </si>
  <si>
    <t>GPS KATH GARAH</t>
  </si>
  <si>
    <t>Gps Kath garh post office 49m lodhran</t>
  </si>
  <si>
    <t>Mohammed Siddiq</t>
  </si>
  <si>
    <t>49935</t>
  </si>
  <si>
    <t>GHS CHAK 148/A</t>
  </si>
  <si>
    <t>Chak no 148/5R</t>
  </si>
  <si>
    <t>Chak no. 148/5R</t>
  </si>
  <si>
    <t>M Rafique</t>
  </si>
  <si>
    <t>49198</t>
  </si>
  <si>
    <t>23299</t>
  </si>
  <si>
    <t>GGPS SOLY VAND</t>
  </si>
  <si>
    <t>Solivand</t>
  </si>
  <si>
    <t>village solivand post office chimman teh kharian dist gujrat</t>
  </si>
  <si>
    <t>Aqsa Javed</t>
  </si>
  <si>
    <t>51444</t>
  </si>
  <si>
    <t>46308</t>
  </si>
  <si>
    <t>51322</t>
  </si>
  <si>
    <t>GES CHAK NO. 46/SP PAKPATTAN</t>
  </si>
  <si>
    <t>46/sp</t>
  </si>
  <si>
    <t>chak no 46/sp tehsil &amp; district pakpattan</t>
  </si>
  <si>
    <t>46sp</t>
  </si>
  <si>
    <t>BOYLE Gunj</t>
  </si>
  <si>
    <t>GGPS ATLA REHMAN</t>
  </si>
  <si>
    <t>Attlay Rehmsn</t>
  </si>
  <si>
    <t>govt.girls primary school attlay rehman</t>
  </si>
  <si>
    <t>Attlay Rehman</t>
  </si>
  <si>
    <t>29869</t>
  </si>
  <si>
    <t>GGPS LAKHAN KAY BHANGOOR</t>
  </si>
  <si>
    <t>Lakhan Kay</t>
  </si>
  <si>
    <t>lakhan kay</t>
  </si>
  <si>
    <t>Lakhan Ky</t>
  </si>
  <si>
    <t>Shahbaz</t>
  </si>
  <si>
    <t>31123</t>
  </si>
  <si>
    <t>23158</t>
  </si>
  <si>
    <t>GES MC ABBASI MILLS AREA</t>
  </si>
  <si>
    <t>Kot Darya</t>
  </si>
  <si>
    <t>Siddique block Abbasia  Town R Y K</t>
  </si>
  <si>
    <t>Abbasia Town</t>
  </si>
  <si>
    <t>23163</t>
  </si>
  <si>
    <t>GGES BACHIAN WALI</t>
  </si>
  <si>
    <t>6783</t>
  </si>
  <si>
    <t>31849</t>
  </si>
  <si>
    <t>GGES BASRA COLONY</t>
  </si>
  <si>
    <t>Basra Colony</t>
  </si>
  <si>
    <t>GGES BASRA COLONY Muridke</t>
  </si>
  <si>
    <t>Iffat Bano</t>
  </si>
  <si>
    <t>GHS HAVELI BUDHA SINGH</t>
  </si>
  <si>
    <t>Havely Budha Singh</t>
  </si>
  <si>
    <t>havely budha singh tehsil and district kasur</t>
  </si>
  <si>
    <t>HAFIZ SHABBIR HUSSAIN SHAH</t>
  </si>
  <si>
    <t>GPS RAHIM ABAD</t>
  </si>
  <si>
    <t>Mohalla Rahim abad</t>
  </si>
  <si>
    <t>MC Khan Pur</t>
  </si>
  <si>
    <t>23177</t>
  </si>
  <si>
    <t>GGPS MOHALLAH HIMAT KHEL</t>
  </si>
  <si>
    <t>teh&amp;distric mianwali village shadia mohala azizkhelanwala</t>
  </si>
  <si>
    <t>GPS BUKHARI WALA NO. 2</t>
  </si>
  <si>
    <t>Sekander Wala</t>
  </si>
  <si>
    <t>GPS bukhari wala no 2 near zain cotton factory lodhran</t>
  </si>
  <si>
    <t>Misan abad</t>
  </si>
  <si>
    <t>23182</t>
  </si>
  <si>
    <t>GPS TAHLI WALI</t>
  </si>
  <si>
    <t>jaadu wala , mauza mohri wala, post office rohillan wali, tehsil and district muzaffar garh</t>
  </si>
  <si>
    <t>Jaadu Wala</t>
  </si>
  <si>
    <t>Muzammil Basheer</t>
  </si>
  <si>
    <t>23184</t>
  </si>
  <si>
    <t>GGHS KOT RADHA KISHAN</t>
  </si>
  <si>
    <t>govt girls high school krk</t>
  </si>
  <si>
    <t>Mrs Kausar Parveen</t>
  </si>
  <si>
    <t>53269</t>
  </si>
  <si>
    <t>23186</t>
  </si>
  <si>
    <t>GPS ARIF WALA</t>
  </si>
  <si>
    <t>Patti Chakar Khan</t>
  </si>
  <si>
    <t>GPS Arif Wala moza Patti Chakar Khan</t>
  </si>
  <si>
    <t>Chowk Chowni</t>
  </si>
  <si>
    <t>23197</t>
  </si>
  <si>
    <t>37175</t>
  </si>
  <si>
    <t>GPS 161/10-R, KHANEWAL</t>
  </si>
  <si>
    <t>161/10r</t>
  </si>
  <si>
    <t>Chak no 161/10-R, Tehsil &amp; District Khanewal</t>
  </si>
  <si>
    <t>chak  no161/10-R</t>
  </si>
  <si>
    <t>chak no 166/10-R</t>
  </si>
  <si>
    <t>30495</t>
  </si>
  <si>
    <t>46190</t>
  </si>
  <si>
    <t>GPS MAHRAM KHAIL</t>
  </si>
  <si>
    <t>ghareeb kalooni peelowains tehsil noorpur District khushab</t>
  </si>
  <si>
    <t>23191</t>
  </si>
  <si>
    <t>GGES MC LOHARI GATE MULTAN</t>
  </si>
  <si>
    <t>Govt. Mc girls Elementry School Lohari gate near chowk fawara multan</t>
  </si>
  <si>
    <t>Bagh Langy Khan</t>
  </si>
  <si>
    <t>Musarat  Khalid</t>
  </si>
  <si>
    <t>23192</t>
  </si>
  <si>
    <t>GHSS GHOTA FATEH GARH</t>
  </si>
  <si>
    <t>Nidokey</t>
  </si>
  <si>
    <t>govt higher secondary school ghota fateh garh narowal</t>
  </si>
  <si>
    <t>Ghota</t>
  </si>
  <si>
    <t>abdul rasheed</t>
  </si>
  <si>
    <t>23194</t>
  </si>
  <si>
    <t>23238</t>
  </si>
  <si>
    <t>GMPS BHATTI</t>
  </si>
  <si>
    <t>bhatti</t>
  </si>
  <si>
    <t>Burch</t>
  </si>
  <si>
    <t>Mehvish Sidra</t>
  </si>
  <si>
    <t>23195</t>
  </si>
  <si>
    <t>GPS KOTLA HAZOORI</t>
  </si>
  <si>
    <t>BAIT SOUNTRA - MALE</t>
  </si>
  <si>
    <t>Kotla Hazoori</t>
  </si>
  <si>
    <t>kotla hazoori</t>
  </si>
  <si>
    <t>Kotla Hazzori</t>
  </si>
  <si>
    <t>Bait Sountra</t>
  </si>
  <si>
    <t>23199</t>
  </si>
  <si>
    <t>33106</t>
  </si>
  <si>
    <t>GGPS BAGGA CHAK 2/GB</t>
  </si>
  <si>
    <t>Bhagga Chak</t>
  </si>
  <si>
    <t>bhagga chak  no.2</t>
  </si>
  <si>
    <t>5 Chak</t>
  </si>
  <si>
    <t>27759</t>
  </si>
  <si>
    <t>GGPS BASTI BABUL KHAN</t>
  </si>
  <si>
    <t>nawain arain</t>
  </si>
  <si>
    <t>basti bubal khan</t>
  </si>
  <si>
    <t>bubal khan</t>
  </si>
  <si>
    <t>Saima Salahudin</t>
  </si>
  <si>
    <t>49107</t>
  </si>
  <si>
    <t>22968</t>
  </si>
  <si>
    <t>47418</t>
  </si>
  <si>
    <t>GGES 27 DB</t>
  </si>
  <si>
    <t>27db</t>
  </si>
  <si>
    <t>gges27db village and post office 27db tehsil and dist. mianwali</t>
  </si>
  <si>
    <t>Shanaz bibi</t>
  </si>
  <si>
    <t>34185</t>
  </si>
  <si>
    <t>54688</t>
  </si>
  <si>
    <t>GPS KHAKH</t>
  </si>
  <si>
    <t>Khakh</t>
  </si>
  <si>
    <t>khakh</t>
  </si>
  <si>
    <t>Sleem Pur Pka</t>
  </si>
  <si>
    <t>Abdul Ur Razaq Ahmad</t>
  </si>
  <si>
    <t>GGES 17/P</t>
  </si>
  <si>
    <t>17/P</t>
  </si>
  <si>
    <t>17/P kpr</t>
  </si>
  <si>
    <t>1/P</t>
  </si>
  <si>
    <t>Hina Nasir</t>
  </si>
  <si>
    <t>GPS YARAY WALA</t>
  </si>
  <si>
    <t>Yaraywala</t>
  </si>
  <si>
    <t>GMPS SANDA</t>
  </si>
  <si>
    <t>Vpo Sanda Teh  Malakwal  Dist. M B  Din</t>
  </si>
  <si>
    <t>Hamid Masood</t>
  </si>
  <si>
    <t>GMMS PARACHA COLONY</t>
  </si>
  <si>
    <t>Paracha Colony Shahdara Town Lahore</t>
  </si>
  <si>
    <t>Paracha Colony</t>
  </si>
  <si>
    <t>Majeed Park</t>
  </si>
  <si>
    <t>Mahfooz Ahmad</t>
  </si>
  <si>
    <t>GPS DHOK SUMMUNDAR</t>
  </si>
  <si>
    <t>Nakaghulam Shah</t>
  </si>
  <si>
    <t>village dk Samundar</t>
  </si>
  <si>
    <t>Dk Samundar</t>
  </si>
  <si>
    <t>Malohwali</t>
  </si>
  <si>
    <t>Madiha Arooj</t>
  </si>
  <si>
    <t>39550</t>
  </si>
  <si>
    <t>GPS JINDU PEER JADDED</t>
  </si>
  <si>
    <t>Basti Murad Khan Abbasi</t>
  </si>
  <si>
    <t>Basti murad khan abbasi</t>
  </si>
  <si>
    <t>Tarkri</t>
  </si>
  <si>
    <t>34452</t>
  </si>
  <si>
    <t>GPS CHAK 3 T MULTAN</t>
  </si>
  <si>
    <t>3T</t>
  </si>
  <si>
    <t>chak 3T  p/o same multan</t>
  </si>
  <si>
    <t>Chak 3T</t>
  </si>
  <si>
    <t>22988</t>
  </si>
  <si>
    <t>GPS KHOKHAR NO. 25</t>
  </si>
  <si>
    <t>Khokhar chak No 25</t>
  </si>
  <si>
    <t>Khokhar chak no 25 post office pattoki tensile pattoki district kasur</t>
  </si>
  <si>
    <t>Mohammad Rizwan</t>
  </si>
  <si>
    <t>GPS 89/15-L BHENI BALIAN, MIAN CHANNU (PEF,PSSP PHASE III)</t>
  </si>
  <si>
    <t>Bhaini Balian</t>
  </si>
  <si>
    <t>Chak No 89/15L P/O Chak No 64/15L Tehsil Mian Channu 
district Khanewal</t>
  </si>
  <si>
    <t>Chak No 89/15L</t>
  </si>
  <si>
    <t>22990</t>
  </si>
  <si>
    <t>GPS SIKANDAR PURA</t>
  </si>
  <si>
    <t>Sikander pura</t>
  </si>
  <si>
    <t>21998</t>
  </si>
  <si>
    <t>GMPS CHAK PURIAN</t>
  </si>
  <si>
    <t>Kot Purian</t>
  </si>
  <si>
    <t>Kot purian.teh Noshera virkan</t>
  </si>
  <si>
    <t>45337</t>
  </si>
  <si>
    <t>GPS BASTI KHOKHRAN</t>
  </si>
  <si>
    <t>Ardan wala</t>
  </si>
  <si>
    <t>Basti Khokhran Tehsil Minchinabad</t>
  </si>
  <si>
    <t>Per Ghar</t>
  </si>
  <si>
    <t>GMPS BASTI BURANI</t>
  </si>
  <si>
    <t>Basti Borani</t>
  </si>
  <si>
    <t>basti borani</t>
  </si>
  <si>
    <t>Najma Naeem</t>
  </si>
  <si>
    <t>72672</t>
  </si>
  <si>
    <t>28531</t>
  </si>
  <si>
    <t>GGPS BURJ AGRA</t>
  </si>
  <si>
    <t>QADIRABAD - FEMALE</t>
  </si>
  <si>
    <t>BurjAgraa</t>
  </si>
  <si>
    <t>BurjAgraa P/O Mianwal ranjha</t>
  </si>
  <si>
    <t>Burj Agra</t>
  </si>
  <si>
    <t>Bhaiko</t>
  </si>
  <si>
    <t>Fozia Jabeen</t>
  </si>
  <si>
    <t>46953</t>
  </si>
  <si>
    <t>47991</t>
  </si>
  <si>
    <t>GGPS GHREEB ABAD KUNDIAN</t>
  </si>
  <si>
    <t>rural kundian</t>
  </si>
  <si>
    <t>alam abad</t>
  </si>
  <si>
    <t>kundian rural</t>
  </si>
  <si>
    <t>seemab khawar</t>
  </si>
  <si>
    <t>10225</t>
  </si>
  <si>
    <t>51541</t>
  </si>
  <si>
    <t>GPS GHURRY</t>
  </si>
  <si>
    <t>Ghurry</t>
  </si>
  <si>
    <t>GPS Ghurry</t>
  </si>
  <si>
    <t>ayaz ahmed</t>
  </si>
  <si>
    <t>27544</t>
  </si>
  <si>
    <t>GPS BURG SHARESHTA</t>
  </si>
  <si>
    <t>Burj Sarishta</t>
  </si>
  <si>
    <t>burj sarishta p/o sukheke mandi teh.pindi bhattian dist hafizabad</t>
  </si>
  <si>
    <t>Muhammad Ikram Ullah</t>
  </si>
  <si>
    <t>GGPS CHAK FATEH SHAH</t>
  </si>
  <si>
    <t>GGPS Chak Fateh Shah VPO Chak Fateh Shah Teh&amp;Distt M B Din</t>
  </si>
  <si>
    <t>Zill-e-huma</t>
  </si>
  <si>
    <t>25229</t>
  </si>
  <si>
    <t>GMPS CHAK NO. 20 SHARQI</t>
  </si>
  <si>
    <t>Chak20sharqi</t>
  </si>
  <si>
    <t>Hasnat Ahmad</t>
  </si>
  <si>
    <t>54590</t>
  </si>
  <si>
    <t>24214</t>
  </si>
  <si>
    <t>GPS NEW MANGA</t>
  </si>
  <si>
    <t>New Manga</t>
  </si>
  <si>
    <t>New Manga, Pasrur, Sialkot</t>
  </si>
  <si>
    <t>23244</t>
  </si>
  <si>
    <t>GMPS CHAKORA</t>
  </si>
  <si>
    <t>Chakora po Bhota Teh kharian</t>
  </si>
  <si>
    <t>Bhurch</t>
  </si>
  <si>
    <t>Rukhshanda Naheed</t>
  </si>
  <si>
    <t>47767</t>
  </si>
  <si>
    <t>GGES CHAK NO 14/P</t>
  </si>
  <si>
    <t>chak  14 p</t>
  </si>
  <si>
    <t>Chak 14 P</t>
  </si>
  <si>
    <t>Aisha Ramzan</t>
  </si>
  <si>
    <t>18098</t>
  </si>
  <si>
    <t>42298</t>
  </si>
  <si>
    <t>GPS OLAKH HITHAR</t>
  </si>
  <si>
    <t>Heri kay noul p/o khudian khas kasur</t>
  </si>
  <si>
    <t>23024</t>
  </si>
  <si>
    <t>11062</t>
  </si>
  <si>
    <t>GPS CHAK NO. 279 TDA HASSAN WALA</t>
  </si>
  <si>
    <t>GOLAY ADDA MALE</t>
  </si>
  <si>
    <t>CHAK NO.357A TDA</t>
  </si>
  <si>
    <t>393 Gola Adda</t>
  </si>
  <si>
    <t>22024</t>
  </si>
  <si>
    <t>11076</t>
  </si>
  <si>
    <t>GPS SALOL KAY</t>
  </si>
  <si>
    <t>Salol Kay</t>
  </si>
  <si>
    <t>thatta    joiyan    mauza salol kay</t>
  </si>
  <si>
    <t>Thatta Joiyan</t>
  </si>
  <si>
    <t>Akhtar  Hayat</t>
  </si>
  <si>
    <t>GPS NOORAN ABRIEND</t>
  </si>
  <si>
    <t>Noran abriend</t>
  </si>
  <si>
    <t>noran abriend</t>
  </si>
  <si>
    <t>Shareef Chajra</t>
  </si>
  <si>
    <t>33156</t>
  </si>
  <si>
    <t>GGPS TASH PURA</t>
  </si>
  <si>
    <t>GGPS TASHPURA  TASHPURA</t>
  </si>
  <si>
    <t>GGPS TASHPURA NNS</t>
  </si>
  <si>
    <t>Sherenn Jhangad</t>
  </si>
  <si>
    <t>Shamim Ghulam Hussain</t>
  </si>
  <si>
    <t>136072</t>
  </si>
  <si>
    <t>51712</t>
  </si>
  <si>
    <t>GPS LADHU WANGA</t>
  </si>
  <si>
    <t>Ladhuwanga</t>
  </si>
  <si>
    <t>Ladhuwanga village</t>
  </si>
  <si>
    <t>93D</t>
  </si>
  <si>
    <t>Muhammad Sarfraz Iqbal</t>
  </si>
  <si>
    <t>21881</t>
  </si>
  <si>
    <t>GPS GHARRI</t>
  </si>
  <si>
    <t>Gahri</t>
  </si>
  <si>
    <t>mohalla rarwala near darbar sain nishan Nowshera virkan</t>
  </si>
  <si>
    <t>Nowahera Virkan</t>
  </si>
  <si>
    <t>23042</t>
  </si>
  <si>
    <t>45141</t>
  </si>
  <si>
    <t>GHS KARLOO WALA</t>
  </si>
  <si>
    <t>karloowala</t>
  </si>
  <si>
    <t>16298</t>
  </si>
  <si>
    <t>GGPS TERO CHAK</t>
  </si>
  <si>
    <t>KHARIAN-V-FEMALE</t>
  </si>
  <si>
    <t>Terochak</t>
  </si>
  <si>
    <t>village terochak po heera garh tehsil kharian distric gujrat</t>
  </si>
  <si>
    <t>Shaheena Akhter</t>
  </si>
  <si>
    <t>GGES 108/NP</t>
  </si>
  <si>
    <t>Chak 108np</t>
  </si>
  <si>
    <t>gges chak 108np</t>
  </si>
  <si>
    <t>Nawen Arain</t>
  </si>
  <si>
    <t>Tahira Aslam</t>
  </si>
  <si>
    <t>27737</t>
  </si>
  <si>
    <t>GPS CHAK NO. 24</t>
  </si>
  <si>
    <t>Havely Rana Bashir</t>
  </si>
  <si>
    <t>Grah Qaim</t>
  </si>
  <si>
    <t>Rana Muhammad Afzal</t>
  </si>
  <si>
    <t>23050</t>
  </si>
  <si>
    <t>GHS TIBBA QAIM DIN</t>
  </si>
  <si>
    <t>Tibba Qaim Din</t>
  </si>
  <si>
    <t>Tibba qaim din</t>
  </si>
  <si>
    <t>Shajar hussain</t>
  </si>
  <si>
    <t>23053</t>
  </si>
  <si>
    <t>GHS SAWANS</t>
  </si>
  <si>
    <t>GHS Sawans Tehsil and District Mianwali</t>
  </si>
  <si>
    <t>MUHAMMAD ARIF KHAN</t>
  </si>
  <si>
    <t>11774</t>
  </si>
  <si>
    <t>GPS MUMTAZ WALA</t>
  </si>
  <si>
    <t>Chak no 624/TDA Kot adu  muzaffar garh</t>
  </si>
  <si>
    <t>Chak no 624/TDA</t>
  </si>
  <si>
    <t>37724</t>
  </si>
  <si>
    <t>GPS CHAK NO. 57-B/15-L</t>
  </si>
  <si>
    <t>Basti Budhra</t>
  </si>
  <si>
    <t>57b/15.L</t>
  </si>
  <si>
    <t>57B/15L</t>
  </si>
  <si>
    <t>Shahzad Qaisar</t>
  </si>
  <si>
    <t>GGHSS KOT SAMABA</t>
  </si>
  <si>
    <t>KOT SAMABA</t>
  </si>
  <si>
    <t>MOHALLAH SADAT KOT SAMABA</t>
  </si>
  <si>
    <t>KOT SAMABA - MC</t>
  </si>
  <si>
    <t>18436</t>
  </si>
  <si>
    <t>29464</t>
  </si>
  <si>
    <t>GGCMS SANDA CHISHTANA</t>
  </si>
  <si>
    <t>sanda chistana</t>
  </si>
  <si>
    <t>Kalsum Ahkter</t>
  </si>
  <si>
    <t>33802</t>
  </si>
  <si>
    <t>GCMPS 77/10-R KACHA KHUH</t>
  </si>
  <si>
    <t>77/10r Khanewal</t>
  </si>
  <si>
    <t>gcmps77/10r teh and distt kwl</t>
  </si>
  <si>
    <t>77/10r</t>
  </si>
  <si>
    <t>76/10r</t>
  </si>
  <si>
    <t>shabana Qamer</t>
  </si>
  <si>
    <t>139200</t>
  </si>
  <si>
    <t>47376</t>
  </si>
  <si>
    <t>23082</t>
  </si>
  <si>
    <t>45218</t>
  </si>
  <si>
    <t>GPS SAARING</t>
  </si>
  <si>
    <t>GOHAR WALA</t>
  </si>
  <si>
    <t>SAARING P/O GOHAR WALA  DISTRICT. BHAKKAR TESIL MANKERA</t>
  </si>
  <si>
    <t>SAARING</t>
  </si>
  <si>
    <t>SAIFULLAH JAVED</t>
  </si>
  <si>
    <t>GPS MACHHI WALA</t>
  </si>
  <si>
    <t>Sawance</t>
  </si>
  <si>
    <t>Village MACHHI WALA , markaz sawance, district mianwali</t>
  </si>
  <si>
    <t>Machhi Wala</t>
  </si>
  <si>
    <t>Amir Muhammad</t>
  </si>
  <si>
    <t>42318</t>
  </si>
  <si>
    <t>GMPS DAERA</t>
  </si>
  <si>
    <t>village Dera po lehtrar tehsil kotli sattian district RWP</t>
  </si>
  <si>
    <t>Dera</t>
  </si>
  <si>
    <t>BUSHRA SULTANA</t>
  </si>
  <si>
    <t>GPS LANGRIAL</t>
  </si>
  <si>
    <t>basti langrial p/o aluday Wali teh &amp; dist muzffar garh</t>
  </si>
  <si>
    <t>Usama Nazir</t>
  </si>
  <si>
    <t>49926</t>
  </si>
  <si>
    <t>48878</t>
  </si>
  <si>
    <t>31754</t>
  </si>
  <si>
    <t>GGPS CHOURA RAJPOTAN</t>
  </si>
  <si>
    <t>Choura Rajpotan</t>
  </si>
  <si>
    <t>Choura Rajpotan.Tehsil Muridke. Dist Sheikhupura</t>
  </si>
  <si>
    <t>GGPS CHAK NO. 90/M</t>
  </si>
  <si>
    <t>Chak No 90/M</t>
  </si>
  <si>
    <t>Chak No. 90/M</t>
  </si>
  <si>
    <t>CHAMB KALYAR</t>
  </si>
  <si>
    <t>Syeda Kaneez Fatima</t>
  </si>
  <si>
    <t>GMPS SHER MUHAMMAD AWAN</t>
  </si>
  <si>
    <t>Sher M Awan P.O Amin Abad Teh.Liaquatpur Dist.R.Y.Khan</t>
  </si>
  <si>
    <t>Sher M Awan</t>
  </si>
  <si>
    <t>Khadija Mahmood Bhatti</t>
  </si>
  <si>
    <t>46242</t>
  </si>
  <si>
    <t>GPS WARHI GUJRAN WALA</t>
  </si>
  <si>
    <t>Moh Hussain abad Noorpurthal</t>
  </si>
  <si>
    <t>Ghulam Sadiq</t>
  </si>
  <si>
    <t>GGHSS BHAGIANA KALAN</t>
  </si>
  <si>
    <t>Bughiana Kalan, Tehsil Pattoki</t>
  </si>
  <si>
    <t>Qamar Sultana</t>
  </si>
  <si>
    <t>524271</t>
  </si>
  <si>
    <t>40233</t>
  </si>
  <si>
    <t>27659</t>
  </si>
  <si>
    <t>GGES WARYIAT</t>
  </si>
  <si>
    <t>Waryiat</t>
  </si>
  <si>
    <t>waryiat</t>
  </si>
  <si>
    <t>Musarrat Fatima</t>
  </si>
  <si>
    <t>GGPS KALO Mouza MORI</t>
  </si>
  <si>
    <t>ggps Kalo Mitha moza mori</t>
  </si>
  <si>
    <t>Kalo Mitha</t>
  </si>
  <si>
    <t>23229</t>
  </si>
  <si>
    <t>GPS CHAK NO. 10 MB</t>
  </si>
  <si>
    <t>Chak No 10MB</t>
  </si>
  <si>
    <t>Chak No 10MB Tehsil Quaidabad Distt khushab</t>
  </si>
  <si>
    <t>Chak No 14 MB</t>
  </si>
  <si>
    <t>45747</t>
  </si>
  <si>
    <t>GPS NO. 1 JOYIA</t>
  </si>
  <si>
    <t>Gps no1 Joyia Teh and Distt Khushab</t>
  </si>
  <si>
    <t>Fazal Hussain</t>
  </si>
  <si>
    <t>23234</t>
  </si>
  <si>
    <t>GGPS NALA</t>
  </si>
  <si>
    <t>chajjana dhanda kotli sattian</t>
  </si>
  <si>
    <t>Nalla</t>
  </si>
  <si>
    <t>29163</t>
  </si>
  <si>
    <t>GPS SHAHBAZ KHAN ROAD KASUR</t>
  </si>
  <si>
    <t>Kasur Kachi Abadi</t>
  </si>
  <si>
    <t>Kachi Abadi shahbaz Khan Road kasur</t>
  </si>
  <si>
    <t>Kachi Abadi Shahbaz Khan Road Kasur</t>
  </si>
  <si>
    <t>M C Kasur</t>
  </si>
  <si>
    <t>27471</t>
  </si>
  <si>
    <t>23243</t>
  </si>
  <si>
    <t>GPS PIR BUKHSH WALA</t>
  </si>
  <si>
    <t>Ghohar Wala</t>
  </si>
  <si>
    <t>P/O kapahi, tehsil Mankera, district Bhakkar</t>
  </si>
  <si>
    <t>Peer Bakhsh Wala</t>
  </si>
  <si>
    <t>Sultan Ahmed</t>
  </si>
  <si>
    <t>30082</t>
  </si>
  <si>
    <t>Kot Wasan Singh</t>
  </si>
  <si>
    <t>govt girls primary school kot wasan singh</t>
  </si>
  <si>
    <t>GHS CDG BABU SABU KOT KAMBOH</t>
  </si>
  <si>
    <t>CDG Boys High School Kot Kamboh Babu sabu Lahore</t>
  </si>
  <si>
    <t>babu sabu</t>
  </si>
  <si>
    <t>Dr. Ghulam Abbas</t>
  </si>
  <si>
    <t>23246</t>
  </si>
  <si>
    <t>GHS SANEOH</t>
  </si>
  <si>
    <t>Saneoh</t>
  </si>
  <si>
    <t>saneoh</t>
  </si>
  <si>
    <t>Sajjad Hussain Abbasi</t>
  </si>
  <si>
    <t>23248</t>
  </si>
  <si>
    <t>kotla androon road fazilpur</t>
  </si>
  <si>
    <t>Mc Fazilpur</t>
  </si>
  <si>
    <t>Talat Parveen</t>
  </si>
  <si>
    <t>23249</t>
  </si>
  <si>
    <t>GGPS RAQBA SARKAR</t>
  </si>
  <si>
    <t>Raqba Sarkari</t>
  </si>
  <si>
    <t>basti jhanb raqba sarkari p/o diwala teh&amp;dist muzaffargarh</t>
  </si>
  <si>
    <t>Basti Jhanb</t>
  </si>
  <si>
    <t>Manka Bhutta</t>
  </si>
  <si>
    <t>Samrana Ghafoor</t>
  </si>
  <si>
    <t>GGES AKBAR MARI NEHAL</t>
  </si>
  <si>
    <t>bonga akbar mari nehal p/o khalis khurd Teh.Minchinabad,District Bahawalnagar</t>
  </si>
  <si>
    <t>Akbar Mari Nehal</t>
  </si>
  <si>
    <t>Bonga Akbar</t>
  </si>
  <si>
    <t>Anwar Nosheen</t>
  </si>
  <si>
    <t>23254</t>
  </si>
  <si>
    <t>GHS GHULAM QADIR</t>
  </si>
  <si>
    <t>Basti Sakhi Ghulam Qadir</t>
  </si>
  <si>
    <t>Basti Sakhi Ghulam Qadir Pakpattan</t>
  </si>
  <si>
    <t>15/SP</t>
  </si>
  <si>
    <t>46559</t>
  </si>
  <si>
    <t>GGPS WARCHHA GHARBI</t>
  </si>
  <si>
    <t>village warcha</t>
  </si>
  <si>
    <t>Robeena Shaheen</t>
  </si>
  <si>
    <t>GGPS KAND KOT 90/P</t>
  </si>
  <si>
    <t>Government Girls Primary School Chak No. 90/P Kandh Kot</t>
  </si>
  <si>
    <t>90/P KANDH KOT</t>
  </si>
  <si>
    <t>Wha Khona</t>
  </si>
  <si>
    <t>Iram Shehwar</t>
  </si>
  <si>
    <t>47252</t>
  </si>
  <si>
    <t>GPS CHANAN KHEL</t>
  </si>
  <si>
    <t>GPS Chanan Khel Post office Pai khel tehsil &amp; district Mianwali</t>
  </si>
  <si>
    <t>Muhammad Waleed Khan</t>
  </si>
  <si>
    <t>GHS PINDI GHEB NO.1</t>
  </si>
  <si>
    <t>GBHS NO 1 PINDI GHEB</t>
  </si>
  <si>
    <t>Tahir Altaf</t>
  </si>
  <si>
    <t>23262</t>
  </si>
  <si>
    <t>GHS MALOKE</t>
  </si>
  <si>
    <t>MALOKE</t>
  </si>
  <si>
    <t>GHS MALOKE TEHSIL AND DISTRICT NAROWAL</t>
  </si>
  <si>
    <t>MADDO KAHLWAN</t>
  </si>
  <si>
    <t>Muhammad Sarfraz Ahmad Khan</t>
  </si>
  <si>
    <t>23269</t>
  </si>
  <si>
    <t>23235</t>
  </si>
  <si>
    <t>GGPS BASOHA</t>
  </si>
  <si>
    <t>Basoha</t>
  </si>
  <si>
    <t>village
&amp;p/o bhurchh basoha teh kharian Distt  gujrat</t>
  </si>
  <si>
    <t>Bhurchh</t>
  </si>
  <si>
    <t>23270</t>
  </si>
  <si>
    <t>GPS BEDIAN</t>
  </si>
  <si>
    <t>village bedian post office mustafabad kasur</t>
  </si>
  <si>
    <t>Chathanwala</t>
  </si>
  <si>
    <t>23273</t>
  </si>
  <si>
    <t>GHS CHAK BHATTI</t>
  </si>
  <si>
    <t>Chak Bhatti</t>
  </si>
  <si>
    <t>village &amp; pO: chak bhatti, tehsil: pindi bhattian</t>
  </si>
  <si>
    <t>asif ali tarar</t>
  </si>
  <si>
    <t>38087</t>
  </si>
  <si>
    <t>23277</t>
  </si>
  <si>
    <t>32859</t>
  </si>
  <si>
    <t>GGPS CHAK NO. 572 TDA</t>
  </si>
  <si>
    <t>Chak No 572/TDA</t>
  </si>
  <si>
    <t>chak no 572TDA</t>
  </si>
  <si>
    <t>MC chowk sarwar shaheed</t>
  </si>
  <si>
    <t>46198</t>
  </si>
  <si>
    <t>GPS DERA KARITA BUTT</t>
  </si>
  <si>
    <t>Dera  KARITA Jamali tehsil Noor Pur</t>
  </si>
  <si>
    <t>Dera  KARITA Butt</t>
  </si>
  <si>
    <t>47522</t>
  </si>
  <si>
    <t>31571</t>
  </si>
  <si>
    <t>GGHS BHAGO DIAL</t>
  </si>
  <si>
    <t>Bhago Dial</t>
  </si>
  <si>
    <t>gghs bhago dial</t>
  </si>
  <si>
    <t>Guchli</t>
  </si>
  <si>
    <t>Rehana Ishaq</t>
  </si>
  <si>
    <t>23281</t>
  </si>
  <si>
    <t>GGES MUD RAHIM</t>
  </si>
  <si>
    <t>Basti MudRahim, p/o Mud kaloo, tehsil Khan pur, district Rahim yar khan.</t>
  </si>
  <si>
    <t>Mud Rahim</t>
  </si>
  <si>
    <t>Zareen Tabassum</t>
  </si>
  <si>
    <t>GGPS KHIZAR WALI</t>
  </si>
  <si>
    <t>Mahra Sharki</t>
  </si>
  <si>
    <t>basti khizarwali</t>
  </si>
  <si>
    <t>Khizarwali</t>
  </si>
  <si>
    <t>23285</t>
  </si>
  <si>
    <t>GPS MARU BHATTIAN</t>
  </si>
  <si>
    <t>Maru Bhattian</t>
  </si>
  <si>
    <t>Maru bhattian Mrkaz kalri Teh Lalian Dist chiniot</t>
  </si>
  <si>
    <t>Mubbasher Ahmad</t>
  </si>
  <si>
    <t>17526</t>
  </si>
  <si>
    <t>30347</t>
  </si>
  <si>
    <t>GPS BASTI GHULAM AKBAR</t>
  </si>
  <si>
    <t>Kotla Khan Mohammad Mohammad</t>
  </si>
  <si>
    <t>GPS Basti Ghulam akber</t>
  </si>
  <si>
    <t>Mohammad</t>
  </si>
  <si>
    <t>23287</t>
  </si>
  <si>
    <t>47161</t>
  </si>
  <si>
    <t>GPS BHAN SOYAN WALA</t>
  </si>
  <si>
    <t>WANBACHRAN</t>
  </si>
  <si>
    <t>dist mianwali  village chandni</t>
  </si>
  <si>
    <t>chandni</t>
  </si>
  <si>
    <t>wanbachran</t>
  </si>
  <si>
    <t>23288</t>
  </si>
  <si>
    <t>53059</t>
  </si>
  <si>
    <t>GHS 32/2RA OKARA</t>
  </si>
  <si>
    <t>chak no 32/2r</t>
  </si>
  <si>
    <t>FAYYAZ MAHMOOD</t>
  </si>
  <si>
    <t>23289</t>
  </si>
  <si>
    <t>27626</t>
  </si>
  <si>
    <t>GHS ISLAMIA WARA ALAM SHAH</t>
  </si>
  <si>
    <t>V.P.O WARA ALAM SHAH</t>
  </si>
  <si>
    <t>ali muhammad</t>
  </si>
  <si>
    <t>47520</t>
  </si>
  <si>
    <t>GES KHALIL ABAD</t>
  </si>
  <si>
    <t>149c/TDA</t>
  </si>
  <si>
    <t>Khalil Abad Chak no.149 C / TDA</t>
  </si>
  <si>
    <t>149 C/TDA</t>
  </si>
  <si>
    <t>Mureed Kazim</t>
  </si>
  <si>
    <t>39289</t>
  </si>
  <si>
    <t>GPS JARGER</t>
  </si>
  <si>
    <t>Jarger</t>
  </si>
  <si>
    <t>Jarger mallhowali pindigheb Attock</t>
  </si>
  <si>
    <t>afzal khan</t>
  </si>
  <si>
    <t>24298</t>
  </si>
  <si>
    <t>GPS JAHAN PURA</t>
  </si>
  <si>
    <t>Pir Ghar Chishti</t>
  </si>
  <si>
    <t>Gps Jahan pura, Tehsil Minchinabad, District Bahawalnagar.</t>
  </si>
  <si>
    <t>Jahan pura</t>
  </si>
  <si>
    <t>32709</t>
  </si>
  <si>
    <t>GGES MORA KHURD</t>
  </si>
  <si>
    <t>GGES MORA KHURD tehsil district nankana sahib</t>
  </si>
  <si>
    <t>Mora Khurd</t>
  </si>
  <si>
    <t>Amina Mushtaq</t>
  </si>
  <si>
    <t>47092</t>
  </si>
  <si>
    <t>46467</t>
  </si>
  <si>
    <t>GES JHAJHA</t>
  </si>
  <si>
    <t>Jhajha PO Shahwala Shumali Quaidabad</t>
  </si>
  <si>
    <t>Khuda Dad</t>
  </si>
  <si>
    <t>23311</t>
  </si>
  <si>
    <t>GGHS ATHAR</t>
  </si>
  <si>
    <t>Ather</t>
  </si>
  <si>
    <t>gghs ather. teh pd khan.  distt jhelum</t>
  </si>
  <si>
    <t>ghazala farhat</t>
  </si>
  <si>
    <t>21846</t>
  </si>
  <si>
    <t>GPS MANJ WALI</t>
  </si>
  <si>
    <t>BABBAR - MALE</t>
  </si>
  <si>
    <t>Manjwali PO Phama sura Teh Nowshera Virkan Distt Gujranwala</t>
  </si>
  <si>
    <t>Manjwali</t>
  </si>
  <si>
    <t>Phama Sura</t>
  </si>
  <si>
    <t>Muhammad Shehzad Ansari</t>
  </si>
  <si>
    <t>GGPS TOKAN WALI</t>
  </si>
  <si>
    <t>Duadkhel pakka</t>
  </si>
  <si>
    <t>G.G.P.S tokan wala pakki shah mardan</t>
  </si>
  <si>
    <t>Tokan wala Pakki</t>
  </si>
  <si>
    <t>Suriya Begum</t>
  </si>
  <si>
    <t>28332</t>
  </si>
  <si>
    <t>29191</t>
  </si>
  <si>
    <t>GPS QUTBA</t>
  </si>
  <si>
    <t>gps qutba post office kasur</t>
  </si>
  <si>
    <t>46170</t>
  </si>
  <si>
    <t>GHSS MITHA TIWNA</t>
  </si>
  <si>
    <t>mohallah ajtanwala mitha Tiwana disst. khushab</t>
  </si>
  <si>
    <t>Ata Ur Rehman</t>
  </si>
  <si>
    <t>23324</t>
  </si>
  <si>
    <t>46196</t>
  </si>
  <si>
    <t>GPS DERA DOST MOHAMMAD CHEENA</t>
  </si>
  <si>
    <t>Kahi Khurd</t>
  </si>
  <si>
    <t>GPS dost Muhammad cheena</t>
  </si>
  <si>
    <t>dera Dost Muhammad Cheena</t>
  </si>
  <si>
    <t>GPS WARCHHA SALT MINE</t>
  </si>
  <si>
    <t>Rukhla Mandi</t>
  </si>
  <si>
    <t>GPS warcha Salt mine</t>
  </si>
  <si>
    <t>34737</t>
  </si>
  <si>
    <t>29278</t>
  </si>
  <si>
    <t>GPS QILA GUNJA</t>
  </si>
  <si>
    <t>Qila ganja post offic khudian khass</t>
  </si>
  <si>
    <t>Muneer Ahmed</t>
  </si>
  <si>
    <t>13921</t>
  </si>
  <si>
    <t>GPS CHAK HORA</t>
  </si>
  <si>
    <t>Chak Patiyay</t>
  </si>
  <si>
    <t>GP/S Chak Hora</t>
  </si>
  <si>
    <t>Chak Patiyat</t>
  </si>
  <si>
    <t>Chak Lassa</t>
  </si>
  <si>
    <t>Farid Ahmad</t>
  </si>
  <si>
    <t>Moh islam nagar near musarat petrol pump phalia road m.b.din</t>
  </si>
  <si>
    <t>Shahida Mussarat</t>
  </si>
  <si>
    <t>GHS BHOTA</t>
  </si>
  <si>
    <t>Bhota</t>
  </si>
  <si>
    <t>VPO: BHOTA  TEHSIL : KHARIAN DISTRICT : GUJRAT</t>
  </si>
  <si>
    <t>GPS PITTIN P.O MANKERA</t>
  </si>
  <si>
    <t>gps pitten</t>
  </si>
  <si>
    <t>Pitten</t>
  </si>
  <si>
    <t>22863</t>
  </si>
  <si>
    <t>GGES JALLAY WALA</t>
  </si>
  <si>
    <t>Jallay wala the.Lalian</t>
  </si>
  <si>
    <t>Jallay Waka</t>
  </si>
  <si>
    <t>Bushra Kanwal</t>
  </si>
  <si>
    <t>22864</t>
  </si>
  <si>
    <t>GPS TATLAY HAKEEM HAIDER ALI</t>
  </si>
  <si>
    <t>Tatlay Hakeem Haider Ali</t>
  </si>
  <si>
    <t>tatlay Hakeem Haider ali</t>
  </si>
  <si>
    <t>Asnan Hameed</t>
  </si>
  <si>
    <t>GGPS MUHAMMAD BUX BEHLA</t>
  </si>
  <si>
    <t>govt p/s Muhammad Bux bhela moza Allah dita Bhela thesil liaqat pur disst Rahim yar khan</t>
  </si>
  <si>
    <t>Allah Jewya Lar</t>
  </si>
  <si>
    <t>GPS ZAN KOW PO RUKAN PUR</t>
  </si>
  <si>
    <t>Dudi Sangi</t>
  </si>
  <si>
    <t>Basti Jam Hajan Mauza Dudi Sangi P/O, Rukan Pur T/D, Rahim yar khan.</t>
  </si>
  <si>
    <t>Basti Jam Hajan</t>
  </si>
  <si>
    <t>Thull Khair Muhammad Muahammad Muhammad</t>
  </si>
  <si>
    <t>GGPS KANG BHATI WALA</t>
  </si>
  <si>
    <t>Bhattiwali</t>
  </si>
  <si>
    <t>GGPS Kang Bhatiwala</t>
  </si>
  <si>
    <t>Bhartiwali</t>
  </si>
  <si>
    <t>32415</t>
  </si>
  <si>
    <t>41396</t>
  </si>
  <si>
    <t>GES DEGHEL</t>
  </si>
  <si>
    <t>Deghel</t>
  </si>
  <si>
    <t>Villege Deghel PO Dhanda Teh murree Dist Rwp</t>
  </si>
  <si>
    <t>Akeel Ahmed</t>
  </si>
  <si>
    <t>21188</t>
  </si>
  <si>
    <t>GES EID GAH</t>
  </si>
  <si>
    <t>govt middle school eid gah layyh</t>
  </si>
  <si>
    <t>Ayyaz ul nabi</t>
  </si>
  <si>
    <t>33510</t>
  </si>
  <si>
    <t>21510</t>
  </si>
  <si>
    <t>27321</t>
  </si>
  <si>
    <t>GES SOLGEEN KHARAL</t>
  </si>
  <si>
    <t>Solgeen Kharal</t>
  </si>
  <si>
    <t>33787</t>
  </si>
  <si>
    <t>GGPS BASTI AHIL PUR MULTAN</t>
  </si>
  <si>
    <t>dunia pur road basti ahel pur</t>
  </si>
  <si>
    <t>Bsti ahel pur</t>
  </si>
  <si>
    <t>Samina Hameed</t>
  </si>
  <si>
    <t>51647</t>
  </si>
  <si>
    <t>22890</t>
  </si>
  <si>
    <t>21987</t>
  </si>
  <si>
    <t>GGES CHITTI GORAYA</t>
  </si>
  <si>
    <t>chitti goraya</t>
  </si>
  <si>
    <t>chitti goraya tehsil noshera virkan district grw</t>
  </si>
  <si>
    <t>Buddha goraya</t>
  </si>
  <si>
    <t>Saba Saif</t>
  </si>
  <si>
    <t>12703</t>
  </si>
  <si>
    <t>GPS MAJEED ABAD</t>
  </si>
  <si>
    <t>chack no 647/tda</t>
  </si>
  <si>
    <t>chak no 647/TDA</t>
  </si>
  <si>
    <t>647TDA</t>
  </si>
  <si>
    <t>22896</t>
  </si>
  <si>
    <t>27889</t>
  </si>
  <si>
    <t>GHS CHAK NO. 3</t>
  </si>
  <si>
    <t>village &amp; post office chak no.3</t>
  </si>
  <si>
    <t>Chak No3</t>
  </si>
  <si>
    <t>GGPS GIDDIAN</t>
  </si>
  <si>
    <t>Arfa Rashid</t>
  </si>
  <si>
    <t>22901</t>
  </si>
  <si>
    <t>28269</t>
  </si>
  <si>
    <t>GMPS KADHER GHARBI</t>
  </si>
  <si>
    <t>Kadhar Gharbi</t>
  </si>
  <si>
    <t>kadhar gharbi p/o bhabra teh phalia dist. m.b.din</t>
  </si>
  <si>
    <t>Nayyer Fatima</t>
  </si>
  <si>
    <t>22902</t>
  </si>
  <si>
    <t>GPS HEAD LANJI WAR</t>
  </si>
  <si>
    <t>Lanjiwar</t>
  </si>
  <si>
    <t>Head lanji war Moza lanji war p/o head lanji war UC chandia Tehsil khan pur Dist Rahim yar khan</t>
  </si>
  <si>
    <t>Head Lanji War</t>
  </si>
  <si>
    <t>14270</t>
  </si>
  <si>
    <t>GPS BASTI EASA GISHKORI</t>
  </si>
  <si>
    <t>HAJI DARKHAWAST MUHAMMAD</t>
  </si>
  <si>
    <t>BASTI EASA GISHKORI</t>
  </si>
  <si>
    <t>GPS JAND HASSAN QATAL</t>
  </si>
  <si>
    <t>Jand Hassan Qatal</t>
  </si>
  <si>
    <t>Jand Hassan Qatal tehsil lalian</t>
  </si>
  <si>
    <t>22021</t>
  </si>
  <si>
    <t>22912</t>
  </si>
  <si>
    <t>5282</t>
  </si>
  <si>
    <t>24458</t>
  </si>
  <si>
    <t>GGPS KALU WALI KHURD</t>
  </si>
  <si>
    <t>SHEHZADA - FEMALE</t>
  </si>
  <si>
    <t>Kaluwali Khurd</t>
  </si>
  <si>
    <t>kaluwali khurd p/ o Ahmad Abad Pasrur</t>
  </si>
  <si>
    <t>45852</t>
  </si>
  <si>
    <t>GES NO. 1 PAIL</t>
  </si>
  <si>
    <t>vpo pail</t>
  </si>
  <si>
    <t>Hafiz Obaid Ul Rehman</t>
  </si>
  <si>
    <t>GPS DADU AHLOKA</t>
  </si>
  <si>
    <t>Dadu Ahloka</t>
  </si>
  <si>
    <t>Dadu ahloka tehsil minchinabad district bahawalnagar</t>
  </si>
  <si>
    <t>Muhammad Shamir</t>
  </si>
  <si>
    <t>54442</t>
  </si>
  <si>
    <t>GPS JAWAHER PUR</t>
  </si>
  <si>
    <t>Jawaharpur</t>
  </si>
  <si>
    <t>jawaharpur p/o mandi faizabad</t>
  </si>
  <si>
    <t>34434</t>
  </si>
  <si>
    <t>GPS Bhai Veer, Mustafa (SAW) Campus)-(CHAK NO.1 KMR)</t>
  </si>
  <si>
    <t>Kurari Tumak</t>
  </si>
  <si>
    <t>GPS bhai veer Mustafa(SAW) campus</t>
  </si>
  <si>
    <t>Bhaiveer</t>
  </si>
  <si>
    <t>Muhammad  Ashraf Nadeem</t>
  </si>
  <si>
    <t>22926</t>
  </si>
  <si>
    <t>GGPS AUKHAR WAND</t>
  </si>
  <si>
    <t>GMPS  aokharwand</t>
  </si>
  <si>
    <t>aokharwand</t>
  </si>
  <si>
    <t>30455</t>
  </si>
  <si>
    <t>29294</t>
  </si>
  <si>
    <t>GPS RAJO WAL KOHNA</t>
  </si>
  <si>
    <t>Rajowal Kohna</t>
  </si>
  <si>
    <t>Rajowal Kohna Kasur</t>
  </si>
  <si>
    <t>M Hanif</t>
  </si>
  <si>
    <t>37192</t>
  </si>
  <si>
    <t>22934</t>
  </si>
  <si>
    <t>GGPS CHANNIAN</t>
  </si>
  <si>
    <t>Channian</t>
  </si>
  <si>
    <t>village channian tehsil and district narowal</t>
  </si>
  <si>
    <t>M Waseem</t>
  </si>
  <si>
    <t>17691</t>
  </si>
  <si>
    <t>22935</t>
  </si>
  <si>
    <t>29876</t>
  </si>
  <si>
    <t>GGES MATHRA DAAS</t>
  </si>
  <si>
    <t>Mathradas</t>
  </si>
  <si>
    <t>GGES MATHRADAS</t>
  </si>
  <si>
    <t>kawain malian</t>
  </si>
  <si>
    <t>Malika Shahzadi</t>
  </si>
  <si>
    <t>41439</t>
  </si>
  <si>
    <t>22938</t>
  </si>
  <si>
    <t>53386</t>
  </si>
  <si>
    <t>GGPS WAN LAKHA</t>
  </si>
  <si>
    <t>Wan Lakha</t>
  </si>
  <si>
    <t>wan lakha</t>
  </si>
  <si>
    <t>40gd</t>
  </si>
  <si>
    <t>GPS PIRZADA</t>
  </si>
  <si>
    <t>basti khokharan</t>
  </si>
  <si>
    <t>Khokharan</t>
  </si>
  <si>
    <t>22942</t>
  </si>
  <si>
    <t>GGES MC JUNIOR MODEL SUTAR MANDI</t>
  </si>
  <si>
    <t>dah</t>
  </si>
  <si>
    <t>cdg junior model middle school sooter mandi lahore</t>
  </si>
  <si>
    <t>ravi town</t>
  </si>
  <si>
    <t>22945</t>
  </si>
  <si>
    <t>GPS AAJRY WALA</t>
  </si>
  <si>
    <t>chah Aajri wala Mouza Hala kot Addu</t>
  </si>
  <si>
    <t>Aajri Wala</t>
  </si>
  <si>
    <t>20989</t>
  </si>
  <si>
    <t>GPS QADIR PUR(NEW)</t>
  </si>
  <si>
    <t>Lal Sagoo</t>
  </si>
  <si>
    <t>basti qadir pur lal sagoo</t>
  </si>
  <si>
    <t>Muhammad Azeem Subhani</t>
  </si>
  <si>
    <t>GPS DHOK MAJEED</t>
  </si>
  <si>
    <t>VPo Naka Kalan teh. Pindi Gheb dist. Attock.</t>
  </si>
  <si>
    <t>Dhok Majeed</t>
  </si>
  <si>
    <t>29282</t>
  </si>
  <si>
    <t>GPS CHAH SANDIAN WALA</t>
  </si>
  <si>
    <t>Chah Sundian  Wala</t>
  </si>
  <si>
    <t>chah sundian wala</t>
  </si>
  <si>
    <t>Chah Sundian Wala</t>
  </si>
  <si>
    <t>Beroon Khudian Khas</t>
  </si>
  <si>
    <t>Waqas Siddique</t>
  </si>
  <si>
    <t>11084</t>
  </si>
  <si>
    <t>22962</t>
  </si>
  <si>
    <t>GPS CHAK NO 3 HAINS NO:2 KOT MELA RAM MULTAN</t>
  </si>
  <si>
    <t>3 Hans</t>
  </si>
  <si>
    <t>chak no 3 hans post office kot abbas shaheed tehsil multan sadar district multan</t>
  </si>
  <si>
    <t>Kurri Tamak</t>
  </si>
  <si>
    <t>38078</t>
  </si>
  <si>
    <t>chah Rany wala bhutaji tensile &amp; district lodhran</t>
  </si>
  <si>
    <t>Chah Rany Wala</t>
  </si>
  <si>
    <t>22966</t>
  </si>
  <si>
    <t>51644</t>
  </si>
  <si>
    <t>GGPS BHEELA</t>
  </si>
  <si>
    <t>Bheela</t>
  </si>
  <si>
    <t>GGPSBHEELA</t>
  </si>
  <si>
    <t>Pir Ghani</t>
  </si>
  <si>
    <t>Khalida Mehmood</t>
  </si>
  <si>
    <t>GES NO. 1 HERNOLI</t>
  </si>
  <si>
    <t>GES NO 1 HARNOLI MOHALLAH ASSAR WALA  P/O HARNOLI TEHSIL PIPLAN DISTRICT MIANWALI</t>
  </si>
  <si>
    <t>HARNOLI URBAN</t>
  </si>
  <si>
    <t>23569</t>
  </si>
  <si>
    <t>GGPS CHAK NO. 106 NP</t>
  </si>
  <si>
    <t>g.g p/s chak 106 np.</t>
  </si>
  <si>
    <t>106 Np</t>
  </si>
  <si>
    <t>Nwan Arayen</t>
  </si>
  <si>
    <t>Mahmooda Riaz</t>
  </si>
  <si>
    <t>GGPS PEER WALA</t>
  </si>
  <si>
    <t>Basti peer vala</t>
  </si>
  <si>
    <t>Peer vala</t>
  </si>
  <si>
    <t>ruqia naheed</t>
  </si>
  <si>
    <t>23572</t>
  </si>
  <si>
    <t>GPS SARH</t>
  </si>
  <si>
    <t>khar sharki</t>
  </si>
  <si>
    <t>cha ghazi wala post office sanawan tehsil kot adu district muzaffargarh</t>
  </si>
  <si>
    <t>ghazi wala</t>
  </si>
  <si>
    <t>Amir Mushtaq</t>
  </si>
  <si>
    <t>14185</t>
  </si>
  <si>
    <t>GPS TOPRI</t>
  </si>
  <si>
    <t>Topri, Moza Darbula, Tehsil Mankera Distt. Bhakkar</t>
  </si>
  <si>
    <t>Topri</t>
  </si>
  <si>
    <t>Abdul Mughees</t>
  </si>
  <si>
    <t>23576</t>
  </si>
  <si>
    <t>39225</t>
  </si>
  <si>
    <t>GHS IKHLAS</t>
  </si>
  <si>
    <t>G.B.H.S.IKHLAS</t>
  </si>
  <si>
    <t>IMTIAZ  KHAN</t>
  </si>
  <si>
    <t>23588</t>
  </si>
  <si>
    <t>GGPS KOT BELA</t>
  </si>
  <si>
    <t>Kot Bela</t>
  </si>
  <si>
    <t>village kot bela</t>
  </si>
  <si>
    <t>Nabila Riaz</t>
  </si>
  <si>
    <t>22888</t>
  </si>
  <si>
    <t>GHS SARRIA</t>
  </si>
  <si>
    <t>Sarria</t>
  </si>
  <si>
    <t>Govt. High School Sarria, Gujrat</t>
  </si>
  <si>
    <t>28484</t>
  </si>
  <si>
    <t>GPS CDG SHERANWALA GATE</t>
  </si>
  <si>
    <t>Sheranwala Gate Lahore</t>
  </si>
  <si>
    <t>out Side Sheranwala Gate Lahore</t>
  </si>
  <si>
    <t>Azam Cloth market</t>
  </si>
  <si>
    <t>Muhammmad Saleem</t>
  </si>
  <si>
    <t>37533</t>
  </si>
  <si>
    <t>23181</t>
  </si>
  <si>
    <t>GGPS RAHMAT PURA</t>
  </si>
  <si>
    <t>Rahmat Pura</t>
  </si>
  <si>
    <t>Samia sultana</t>
  </si>
  <si>
    <t>GGES NOORI SUHAAG, TULAMBA MODEL</t>
  </si>
  <si>
    <t>basti noori suhag tulamba teh.mian channu dist khanewal</t>
  </si>
  <si>
    <t>13399</t>
  </si>
  <si>
    <t>GGHS CHANGRAN WALA</t>
  </si>
  <si>
    <t>village changranwala p/o langar Makhdoom</t>
  </si>
  <si>
    <t>SAMRA MUNIR</t>
  </si>
  <si>
    <t>29866</t>
  </si>
  <si>
    <t>GGES GHUMAN KAY</t>
  </si>
  <si>
    <t>Ghumman Kay</t>
  </si>
  <si>
    <t>Tasleem kasur</t>
  </si>
  <si>
    <t>45254</t>
  </si>
  <si>
    <t>GPS CHAK NO 74 ML</t>
  </si>
  <si>
    <t>74 ML</t>
  </si>
  <si>
    <t>Chak no 74ml teh mankera distt bhakkar</t>
  </si>
  <si>
    <t>Chak No 74ml</t>
  </si>
  <si>
    <t>67Ml</t>
  </si>
  <si>
    <t>GPS JHARI WALA</t>
  </si>
  <si>
    <t>Jhariwala</t>
  </si>
  <si>
    <t>chak jhariwala</t>
  </si>
  <si>
    <t>Muhammad Asif Raza</t>
  </si>
  <si>
    <t>29434</t>
  </si>
  <si>
    <t>GGPS HAVELI BABA NAZAR</t>
  </si>
  <si>
    <t>Haveli Baba Nazr</t>
  </si>
  <si>
    <t>haveli baba nazar</t>
  </si>
  <si>
    <t>Haveli Baba Nazar</t>
  </si>
  <si>
    <t>Shagufta Aslam</t>
  </si>
  <si>
    <t>47196</t>
  </si>
  <si>
    <t>GPS ALLAH DAD KHELAN WALA</t>
  </si>
  <si>
    <t>village amandi khelanwala</t>
  </si>
  <si>
    <t>Village Amandi Khelanwala</t>
  </si>
  <si>
    <t>HafizAamir Ishaq Khan</t>
  </si>
  <si>
    <t>2559</t>
  </si>
  <si>
    <t>28021</t>
  </si>
  <si>
    <t>GPS SOHAWA DILLOANA</t>
  </si>
  <si>
    <t>Sub post office sohawa bolani , sohawa dilloana M.B.Din</t>
  </si>
  <si>
    <t>Zubara Aslam</t>
  </si>
  <si>
    <t>GGHSS BHAMBA KALAN</t>
  </si>
  <si>
    <t>BHAMBA KALAN  Tehsil Jot Radha Kishan Distt Kasur</t>
  </si>
  <si>
    <t>GGHSS BHAMBA KALAN DISTT. KSR</t>
  </si>
  <si>
    <t>asifa khaliq</t>
  </si>
  <si>
    <t>54672</t>
  </si>
  <si>
    <t>GGPS AHMAD SHER KALERA BAMBOOL</t>
  </si>
  <si>
    <t>Dera Kalerian wala Bambool</t>
  </si>
  <si>
    <t>Sidra-Tul-Muntaha</t>
  </si>
  <si>
    <t>38012</t>
  </si>
  <si>
    <t>GPS WARYAM WALA BASTI WARYAM WALA MOZA RAJA PUR</t>
  </si>
  <si>
    <t>Rajapur</t>
  </si>
  <si>
    <t>Basti Waryam wala mouza Rajapur</t>
  </si>
  <si>
    <t>Waryam Wala</t>
  </si>
  <si>
    <t>RAO SHOUKAT ALI</t>
  </si>
  <si>
    <t>31310428</t>
  </si>
  <si>
    <t>Wahi Hazrat</t>
  </si>
  <si>
    <t>Moza wahi Hazrat basti ghulam sarwar kpr ryk</t>
  </si>
  <si>
    <t>Basti Ghulam Sarwar</t>
  </si>
  <si>
    <t>Navid  Anjum</t>
  </si>
  <si>
    <t>47770</t>
  </si>
  <si>
    <t>GGHS BALA</t>
  </si>
  <si>
    <t>GGHS Bala,tehsil piplam Mianwali</t>
  </si>
  <si>
    <t>Vichven Bala</t>
  </si>
  <si>
    <t>Amna Siddique</t>
  </si>
  <si>
    <t>water pump,hand pump</t>
  </si>
  <si>
    <t>33625</t>
  </si>
  <si>
    <t>GES NO 1 NEW MULTAN GULSHAN MARKET</t>
  </si>
  <si>
    <t>Block Y</t>
  </si>
  <si>
    <t>Block Y, New Multan, Gulshan Market</t>
  </si>
  <si>
    <t>32795</t>
  </si>
  <si>
    <t>GPS KOT NOU BAHAR</t>
  </si>
  <si>
    <t>Kot Nou Bahar</t>
  </si>
  <si>
    <t>Jogay Kot Nou Bahar</t>
  </si>
  <si>
    <t>Khateeb Ahmed</t>
  </si>
  <si>
    <t>GGPS JAKHAR</t>
  </si>
  <si>
    <t>village jakhar po bhaddar the kharian</t>
  </si>
  <si>
    <t>Bushra Nisa</t>
  </si>
  <si>
    <t>32476</t>
  </si>
  <si>
    <t>39227</t>
  </si>
  <si>
    <t>GHSS KHOUR COMPANY</t>
  </si>
  <si>
    <t>Khour</t>
  </si>
  <si>
    <t>vpo khour company tehsil pindigheb district attock</t>
  </si>
  <si>
    <t>Khaur</t>
  </si>
  <si>
    <t>SAIF UR REHMAN</t>
  </si>
  <si>
    <t>P.O.L donation</t>
  </si>
  <si>
    <t>45251</t>
  </si>
  <si>
    <t>53088</t>
  </si>
  <si>
    <t>GES GOGERA KHAS</t>
  </si>
  <si>
    <t>Ghulam Awais</t>
  </si>
  <si>
    <t>22630</t>
  </si>
  <si>
    <t>GPS NO. 3 MUSTAFA ABAD BASTI MEO RAJPUTAN MSD</t>
  </si>
  <si>
    <t>basti mayo rajputain mustafa a bad kasur</t>
  </si>
  <si>
    <t>Mc Mustafa Abad</t>
  </si>
  <si>
    <t>Tanveer Hassan</t>
  </si>
  <si>
    <t>21490</t>
  </si>
  <si>
    <t>GGPS BASTI JHULAN</t>
  </si>
  <si>
    <t>GULAN GULKALA</t>
  </si>
  <si>
    <t>Basti Jhullan KHANPUR</t>
  </si>
  <si>
    <t>BASTI JHULN</t>
  </si>
  <si>
    <t>DINPUR SHARIF</t>
  </si>
  <si>
    <t>Nasira Shaheen</t>
  </si>
  <si>
    <t>GPS RUPEKE</t>
  </si>
  <si>
    <t>RUPEKE</t>
  </si>
  <si>
    <t>RUPEKE P/O JALALPUR BHATTIAN</t>
  </si>
  <si>
    <t>Hand Pump and water Pump</t>
  </si>
  <si>
    <t>47285</t>
  </si>
  <si>
    <t>GPS REHMAT ABAD</t>
  </si>
  <si>
    <t>Quraishian</t>
  </si>
  <si>
    <t>GPS Rehmat Abad</t>
  </si>
  <si>
    <t>Shafi Ullah</t>
  </si>
  <si>
    <t>GGES PALAWERI</t>
  </si>
  <si>
    <t>Palaweri</t>
  </si>
  <si>
    <t>vill. palaweri,p.o. malka, teh. kharian, distt. gujrat</t>
  </si>
  <si>
    <t>Najma Asghar</t>
  </si>
  <si>
    <t>5871</t>
  </si>
  <si>
    <t>GGPS BASTI MOHANA</t>
  </si>
  <si>
    <t>basti mohana</t>
  </si>
  <si>
    <t>Bastimohana</t>
  </si>
  <si>
    <t>TAYYABA IQBAL</t>
  </si>
  <si>
    <t>GPS CHAK NO. 11 MB</t>
  </si>
  <si>
    <t>Chak No 11 Mb</t>
  </si>
  <si>
    <t>11 mb p/o 12 mb quaidabad</t>
  </si>
  <si>
    <t>Chak No 14 Mb</t>
  </si>
  <si>
    <t>37190</t>
  </si>
  <si>
    <t>13019</t>
  </si>
  <si>
    <t>GPS RASHEED PUR</t>
  </si>
  <si>
    <t>basti ghareeb abad mouza rohillanwali tehsil and district muzaffargarh</t>
  </si>
  <si>
    <t>Muhammad Javid Abbas</t>
  </si>
  <si>
    <t>GGHS PINDI BAHAUDDIN</t>
  </si>
  <si>
    <t>pindi bahauddin</t>
  </si>
  <si>
    <t>14193</t>
  </si>
  <si>
    <t>GGPS HASIL PUR</t>
  </si>
  <si>
    <t>Abdul Hakeem Colony</t>
  </si>
  <si>
    <t>abdul hakeem colony rajan pur</t>
  </si>
  <si>
    <t>MC Rajan Pur</t>
  </si>
  <si>
    <t>42829</t>
  </si>
  <si>
    <t>GPS MAJHI KHEL</t>
  </si>
  <si>
    <t>Majhi Khel</t>
  </si>
  <si>
    <t>Village Majhi khel p/o malhowali</t>
  </si>
  <si>
    <t>Muhammad Amir Khan</t>
  </si>
  <si>
    <t>30398</t>
  </si>
  <si>
    <t>GPS ROHANA NO. 2</t>
  </si>
  <si>
    <t>monuza Rohana tehsil  minchanabad district  bahawalnagar</t>
  </si>
  <si>
    <t>47244</t>
  </si>
  <si>
    <t>GPS NO. 3 DAUD KHEL</t>
  </si>
  <si>
    <t>near railway station daud khel</t>
  </si>
  <si>
    <t>23444</t>
  </si>
  <si>
    <t>22918</t>
  </si>
  <si>
    <t>GGHS LANGRIAL</t>
  </si>
  <si>
    <t>langrial</t>
  </si>
  <si>
    <t>Govt Girls High School Langrial(teh.kharian distt. gujrat)</t>
  </si>
  <si>
    <t>Nusrat-Un-Nisa</t>
  </si>
  <si>
    <t>23448</t>
  </si>
  <si>
    <t>GPS CHOHAR PUR</t>
  </si>
  <si>
    <t>Gary Wahin</t>
  </si>
  <si>
    <t>chah mulan wala muza gary wahin</t>
  </si>
  <si>
    <t>Abdul khaliq</t>
  </si>
  <si>
    <t>25808</t>
  </si>
  <si>
    <t>GGPS SARAN</t>
  </si>
  <si>
    <t>Saran</t>
  </si>
  <si>
    <t>village saran near bijli ghar nwl</t>
  </si>
  <si>
    <t>Meherun Nisa</t>
  </si>
  <si>
    <t>35978</t>
  </si>
  <si>
    <t>GPS CHAK NO 187 WB P.O 187 WB</t>
  </si>
  <si>
    <t>187Wb</t>
  </si>
  <si>
    <t>P.O 187WB</t>
  </si>
  <si>
    <t>Muhammad Masood Akhtar</t>
  </si>
  <si>
    <t>23462</t>
  </si>
  <si>
    <t>GPS CHOURHA KAHAWAR</t>
  </si>
  <si>
    <t>Kahawar</t>
  </si>
  <si>
    <t>GPS chourha kahawar tehsil Kot addu district muzaffargarh</t>
  </si>
  <si>
    <t>Muhammad Aamir Ijaz</t>
  </si>
  <si>
    <t>23464</t>
  </si>
  <si>
    <t>46263</t>
  </si>
  <si>
    <t>GPS GHANGHAN</t>
  </si>
  <si>
    <t>Adhi kot</t>
  </si>
  <si>
    <t>Ghanghan</t>
  </si>
  <si>
    <t>Nasrullah khan</t>
  </si>
  <si>
    <t>GHS MISSAN ABAD</t>
  </si>
  <si>
    <t>Missanabad</t>
  </si>
  <si>
    <t>missanabad</t>
  </si>
  <si>
    <t>Masood Ahmad Malik</t>
  </si>
  <si>
    <t>village and p.o. bala</t>
  </si>
  <si>
    <t>Wichven bala</t>
  </si>
  <si>
    <t>23470</t>
  </si>
  <si>
    <t>51674</t>
  </si>
  <si>
    <t>GGCMS 10/SP</t>
  </si>
  <si>
    <t>10/sp</t>
  </si>
  <si>
    <t>GGCMS 10/sp pakpattan</t>
  </si>
  <si>
    <t>Rubina Javed</t>
  </si>
  <si>
    <t>30299</t>
  </si>
  <si>
    <t>6028</t>
  </si>
  <si>
    <t>23473</t>
  </si>
  <si>
    <t>4837</t>
  </si>
  <si>
    <t>GGPS CHAK NO 74/A</t>
  </si>
  <si>
    <t>chak 74</t>
  </si>
  <si>
    <t>chak74A near feroza tehsil kpr</t>
  </si>
  <si>
    <t>amir pur</t>
  </si>
  <si>
    <t>Naila shahzadi</t>
  </si>
  <si>
    <t>4817</t>
  </si>
  <si>
    <t>23475</t>
  </si>
  <si>
    <t>GGHS LANGER</t>
  </si>
  <si>
    <t>VPO LANGER TEHSIL PIND DADAN KHAN DISTRICT JHELUM</t>
  </si>
  <si>
    <t>iffat khurshid</t>
  </si>
  <si>
    <t>47854</t>
  </si>
  <si>
    <t>23476</t>
  </si>
  <si>
    <t>GPS HAIBAT WALA</t>
  </si>
  <si>
    <t>chakno160atda</t>
  </si>
  <si>
    <t>160Atda</t>
  </si>
  <si>
    <t>GPS BASTI SARAI</t>
  </si>
  <si>
    <t>Noor Colony Fazil pur</t>
  </si>
  <si>
    <t>MCFAZILPUR</t>
  </si>
  <si>
    <t>GPS KOTLI MALIAN</t>
  </si>
  <si>
    <t>Kotli Malian</t>
  </si>
  <si>
    <t>kotli malian p.o tatlay Aali Tehsil NVirkan gujranwala</t>
  </si>
  <si>
    <t>Muhammad idrees</t>
  </si>
  <si>
    <t>9526</t>
  </si>
  <si>
    <t>27654</t>
  </si>
  <si>
    <t>GGES CHAK NO. 20</t>
  </si>
  <si>
    <t>Chak No 20</t>
  </si>
  <si>
    <t>Chak no 20</t>
  </si>
  <si>
    <t>Chak no  20</t>
  </si>
  <si>
    <t>Waraallam  Shah</t>
  </si>
  <si>
    <t>24612</t>
  </si>
  <si>
    <t>GGPS PINDI MINHASAN</t>
  </si>
  <si>
    <t>govt girls primary school pindi minhasa tehsil pasrur district Sialkot</t>
  </si>
  <si>
    <t>Pindi Minhasa</t>
  </si>
  <si>
    <t>Zahira Naseem Akhter</t>
  </si>
  <si>
    <t>GMPS SUR SINGH CHAK NO 50</t>
  </si>
  <si>
    <t>Sur Singh Chk 50</t>
  </si>
  <si>
    <t>sur singh chk 50</t>
  </si>
  <si>
    <t>Megha</t>
  </si>
  <si>
    <t>Hafiza Shahida Saddiqi</t>
  </si>
  <si>
    <t>23497</t>
  </si>
  <si>
    <t>23391</t>
  </si>
  <si>
    <t>GPS LADIAN 1</t>
  </si>
  <si>
    <t>village Ladian P/O Bhurch Basoha teh,Kharian district  gujrat</t>
  </si>
  <si>
    <t>GPS CHAK NO. 11/GD BUDHA WALA</t>
  </si>
  <si>
    <t>11/gd Budhay Wala</t>
  </si>
  <si>
    <t>chack 11/GD BW Okara</t>
  </si>
  <si>
    <t>11/GD BW</t>
  </si>
  <si>
    <t>14 GD</t>
  </si>
  <si>
    <t>23503</t>
  </si>
  <si>
    <t>GMPS KATHYALI BANGLA</t>
  </si>
  <si>
    <t>Kathiyali Bangla</t>
  </si>
  <si>
    <t>Amina Masood Khan</t>
  </si>
  <si>
    <t>23510</t>
  </si>
  <si>
    <t>GPS HAKRA</t>
  </si>
  <si>
    <t>basti hakra ryk road khanpur</t>
  </si>
  <si>
    <t>Mc Khan Pur</t>
  </si>
  <si>
    <t>syed muhammad saleem akhter</t>
  </si>
  <si>
    <t>18293</t>
  </si>
  <si>
    <t>23512</t>
  </si>
  <si>
    <t>GGPS CHAK NO. 560/TDA (AZIZ ABAD)</t>
  </si>
  <si>
    <t>GGPS 560TDA</t>
  </si>
  <si>
    <t>560TDA</t>
  </si>
  <si>
    <t>567TDA</t>
  </si>
  <si>
    <t>Sadia Abbas</t>
  </si>
  <si>
    <t>GGPS PALU WALA</t>
  </si>
  <si>
    <t>Village Palu Wala P/O Ghundi Mian wali</t>
  </si>
  <si>
    <t>Palu Wala</t>
  </si>
  <si>
    <t>GES NATHEEN MALKAN</t>
  </si>
  <si>
    <t>Nothain Malkan</t>
  </si>
  <si>
    <t>vpo nothain malkan, pindi gheb, attock</t>
  </si>
  <si>
    <t>23516</t>
  </si>
  <si>
    <t>32770</t>
  </si>
  <si>
    <t>GPS NAZER PAKA</t>
  </si>
  <si>
    <t>Nazer Pakka</t>
  </si>
  <si>
    <t>nazar pakka</t>
  </si>
  <si>
    <t>Nazar Pakka</t>
  </si>
  <si>
    <t>GPS KALHORAY WALA</t>
  </si>
  <si>
    <t>Nooray Wala Pakka</t>
  </si>
  <si>
    <t>mouza nooray wala tehsil and district layyah</t>
  </si>
  <si>
    <t>Basti Chhajra</t>
  </si>
  <si>
    <t>23241</t>
  </si>
  <si>
    <t>GGPS UODHA</t>
  </si>
  <si>
    <t>Uodha</t>
  </si>
  <si>
    <t>village and Post office sidh, uodha</t>
  </si>
  <si>
    <t>Rafia Razzaq</t>
  </si>
  <si>
    <t>42101</t>
  </si>
  <si>
    <t>46586</t>
  </si>
  <si>
    <t>GES MITHA KHOH</t>
  </si>
  <si>
    <t>villege mitha khooh p/o shahwala shumali tehsile quaidabad disst khushab</t>
  </si>
  <si>
    <t>mitha khooh</t>
  </si>
  <si>
    <t>uttra janobi</t>
  </si>
  <si>
    <t>23526</t>
  </si>
  <si>
    <t>33495</t>
  </si>
  <si>
    <t>GPS MC NO. 1 MUZAFFARGARH</t>
  </si>
  <si>
    <t>Qamar Kota</t>
  </si>
  <si>
    <t>GPS MC NO 1</t>
  </si>
  <si>
    <t>Kamar Kota</t>
  </si>
  <si>
    <t>Muhammad Mumtaz Akbar</t>
  </si>
  <si>
    <t>23527</t>
  </si>
  <si>
    <t>35638</t>
  </si>
  <si>
    <t>GPS BAHAWAL  WAH</t>
  </si>
  <si>
    <t>Aojla</t>
  </si>
  <si>
    <t>Basti Bahawal Wah Mouza Aojla
P/O Tibba Sultan Pur VIA Dokota  Tehsil Mailsi District Vehari</t>
  </si>
  <si>
    <t>Basti Bahawal Wah</t>
  </si>
  <si>
    <t>Lal Suggu</t>
  </si>
  <si>
    <t>42644</t>
  </si>
  <si>
    <t>23531</t>
  </si>
  <si>
    <t>41321</t>
  </si>
  <si>
    <t>GPS PHERL</t>
  </si>
  <si>
    <t>Charhain</t>
  </si>
  <si>
    <t>Village  pharl P/O Bann Teh  Murree</t>
  </si>
  <si>
    <t>Pharl</t>
  </si>
  <si>
    <t>Aqeel Hussain</t>
  </si>
  <si>
    <t>28414</t>
  </si>
  <si>
    <t>GGHS PHALIA AMIR</t>
  </si>
  <si>
    <t>near old gts stand tehsil phalia</t>
  </si>
  <si>
    <t>FARAH RUBINA</t>
  </si>
  <si>
    <t>GGPS LUBHANA CHAK NO. 37</t>
  </si>
  <si>
    <t>Lubanachak37</t>
  </si>
  <si>
    <t>lubana Chak 37</t>
  </si>
  <si>
    <t>Lunana Chak37</t>
  </si>
  <si>
    <t>Burj Mahalum35</t>
  </si>
  <si>
    <t>Naila Tasneem</t>
  </si>
  <si>
    <t>GHS METLA</t>
  </si>
  <si>
    <t>Metla</t>
  </si>
  <si>
    <t>GBHS METLA</t>
  </si>
  <si>
    <t>MUHAMMAD MAZHAR  FAREED</t>
  </si>
  <si>
    <t>GPS GOLUMALA</t>
  </si>
  <si>
    <t>DHAAB GOLU WALA</t>
  </si>
  <si>
    <t>Dhaab Golu wala mandi sadiq gunj Tehsil Minchanabad Dist Bwn</t>
  </si>
  <si>
    <t>Golu Wala</t>
  </si>
  <si>
    <t>Shahzad Rasool</t>
  </si>
  <si>
    <t>GPS NARANG GAUN</t>
  </si>
  <si>
    <t>Narang Village</t>
  </si>
  <si>
    <t>narang village</t>
  </si>
  <si>
    <t>Sharafat Haneef</t>
  </si>
  <si>
    <t>39018</t>
  </si>
  <si>
    <t>29018</t>
  </si>
  <si>
    <t>GGPS KAKAN WALA</t>
  </si>
  <si>
    <t>Villagekakanwala</t>
  </si>
  <si>
    <t>kaak wala</t>
  </si>
  <si>
    <t>ghundi</t>
  </si>
  <si>
    <t>fateh khatoon</t>
  </si>
  <si>
    <t>36847</t>
  </si>
  <si>
    <t>GPS TATAR KHAIL</t>
  </si>
  <si>
    <t>Adhi Kot</t>
  </si>
  <si>
    <t>Gps Dera Tatar Khail P/O Adhi Kot Thesil Noor Pur Thal District Khushab</t>
  </si>
  <si>
    <t>Dera Tatar Khail Adhi Kot</t>
  </si>
  <si>
    <t>Muhammad KHAN</t>
  </si>
  <si>
    <t>23552</t>
  </si>
  <si>
    <t>GPS ROPARI</t>
  </si>
  <si>
    <t>vpo Ropary tehsil kharian district gujrat</t>
  </si>
  <si>
    <t>Ropari</t>
  </si>
  <si>
    <t>GPS GHATTI</t>
  </si>
  <si>
    <t>Village ghatti po dhokri teh quaidabad district khushab q</t>
  </si>
  <si>
    <t>Ghatti</t>
  </si>
  <si>
    <t>Muhammad Zeeshan Nazar</t>
  </si>
  <si>
    <t>23555</t>
  </si>
  <si>
    <t>GGES 36-A/4.L</t>
  </si>
  <si>
    <t>36-A/4L</t>
  </si>
  <si>
    <t>chak no 36-A/4L okara</t>
  </si>
  <si>
    <t>Memoona Saleem</t>
  </si>
  <si>
    <t>GPS FAQIR ABAD</t>
  </si>
  <si>
    <t>Sayeed Pur</t>
  </si>
  <si>
    <t>Basti gasoora mouza said pur tehsi and district rajan pur</t>
  </si>
  <si>
    <t>Basti Gasoora</t>
  </si>
  <si>
    <t>Nosushera Sharqi</t>
  </si>
  <si>
    <t>GPS TOOR</t>
  </si>
  <si>
    <t>Toor p/o baig pur teh.N.Virkan</t>
  </si>
  <si>
    <t>shamsa Dhadha</t>
  </si>
  <si>
    <t>23562</t>
  </si>
  <si>
    <t>GGES HANDAL</t>
  </si>
  <si>
    <t>HANDAL POST OFFICE KRK,TEHSIL KRK,KADUR</t>
  </si>
  <si>
    <t>Shakeel Fatima</t>
  </si>
  <si>
    <t>GPS MOCHI PURA</t>
  </si>
  <si>
    <t>basti Mochi Pura tehsil Mailsi</t>
  </si>
  <si>
    <t>Mochi Pura</t>
  </si>
  <si>
    <t>ZULIFQAR ALI</t>
  </si>
  <si>
    <t>36350</t>
  </si>
  <si>
    <t>23688</t>
  </si>
  <si>
    <t>GPS NOORI NARI</t>
  </si>
  <si>
    <t>Village &amp;P/O Nari Teh.&amp;Distt.Khushab</t>
  </si>
  <si>
    <t>AbdulRehman</t>
  </si>
  <si>
    <t>GGPS NAZIM ABAD</t>
  </si>
  <si>
    <t>Amman Ghar</t>
  </si>
  <si>
    <t>nazim abad</t>
  </si>
  <si>
    <t>Amman Ghat</t>
  </si>
  <si>
    <t>23691</t>
  </si>
  <si>
    <t>11779</t>
  </si>
  <si>
    <t>GPS NAKHI WALA (CHAK NO. 623/TDA)</t>
  </si>
  <si>
    <t>Chak 623TDA P/O chak 626TDA Kot Adu</t>
  </si>
  <si>
    <t>Chak number 623TDA</t>
  </si>
  <si>
    <t>Fiaz hussain</t>
  </si>
  <si>
    <t>GPS CHAK NO. 71/A</t>
  </si>
  <si>
    <t>Chak no71/A</t>
  </si>
  <si>
    <t>chak no.71.a</t>
  </si>
  <si>
    <t>23696</t>
  </si>
  <si>
    <t>41390</t>
  </si>
  <si>
    <t>GPS CHARHAN</t>
  </si>
  <si>
    <t>village charhan p o gulehra gali murree</t>
  </si>
  <si>
    <t>charhasn</t>
  </si>
  <si>
    <t>29956</t>
  </si>
  <si>
    <t>GHS NO. 1 KOT RADHA KISHAN</t>
  </si>
  <si>
    <t>KOT RADHA KISHEN</t>
  </si>
  <si>
    <t>KOT RADHA KISHEM</t>
  </si>
  <si>
    <t>23709</t>
  </si>
  <si>
    <t>Jaisal Thal</t>
  </si>
  <si>
    <t>hafiz abad jaisal thal post office kot sultan</t>
  </si>
  <si>
    <t>Kot sultan Rural</t>
  </si>
  <si>
    <t>AAMIR NAWAZ KLASRA</t>
  </si>
  <si>
    <t>29284</t>
  </si>
  <si>
    <t>GPS QABAR KOT</t>
  </si>
  <si>
    <t>Qabar Kot</t>
  </si>
  <si>
    <t>qabar kot</t>
  </si>
  <si>
    <t>32819</t>
  </si>
  <si>
    <t>19519</t>
  </si>
  <si>
    <t>GPS WARA GABIAN</t>
  </si>
  <si>
    <t>Wara Gabian</t>
  </si>
  <si>
    <t>GPS wara Gabian tehsil &amp; District nankana sahib</t>
  </si>
  <si>
    <t>Wara GABIAN</t>
  </si>
  <si>
    <t>8563</t>
  </si>
  <si>
    <t>GGPS CHAK 31/A ABBAS SHAH</t>
  </si>
  <si>
    <t>GGPS 31-A Abbass Ali Shah Tehseel Liaquatpur RahimYarKhan</t>
  </si>
  <si>
    <t>Chak 23-A</t>
  </si>
  <si>
    <t>32-A</t>
  </si>
  <si>
    <t>boaring away from school</t>
  </si>
  <si>
    <t>25376</t>
  </si>
  <si>
    <t>23719</t>
  </si>
  <si>
    <t>47706</t>
  </si>
  <si>
    <t>GGPS DERA QASIM KHAN WALA CHATTA WATA</t>
  </si>
  <si>
    <t>vpo Chitta Watta teh &amp;distt mian wali</t>
  </si>
  <si>
    <t>Chitta Watta</t>
  </si>
  <si>
    <t>Soorat Bibi</t>
  </si>
  <si>
    <t>34402</t>
  </si>
  <si>
    <t>GPS BOTAY WALA P/ O GULZAR PUR</t>
  </si>
  <si>
    <t>BOOTAY Wala</t>
  </si>
  <si>
    <t>Mouza BOOTAY wala 19 kassi vehari Road multan</t>
  </si>
  <si>
    <t>Muhammad Ameer Hamza</t>
  </si>
  <si>
    <t>GGPS LANGRIAL NO.2</t>
  </si>
  <si>
    <t>p.o langrial tehsil Kharian district Gujrat</t>
  </si>
  <si>
    <t>Afia Bibi</t>
  </si>
  <si>
    <t>23735</t>
  </si>
  <si>
    <t>14024</t>
  </si>
  <si>
    <t>GPS BASTI BUDHANI</t>
  </si>
  <si>
    <t>Chak Dreshak</t>
  </si>
  <si>
    <t>Chak dreshak</t>
  </si>
  <si>
    <t>23743</t>
  </si>
  <si>
    <t>GGPS SYEDAN WALA DOABA</t>
  </si>
  <si>
    <t>Mohala Syedanwala Doaba Teh.piplan Dist.Mianwali</t>
  </si>
  <si>
    <t>Sadia Nazir</t>
  </si>
  <si>
    <t>23744</t>
  </si>
  <si>
    <t>GPS KUJJI BHATIAN</t>
  </si>
  <si>
    <t>Kujji Bhattian</t>
  </si>
  <si>
    <t>kujji bhattian P/O mandi faizabad Tehsil &amp; District Nankana Sahib</t>
  </si>
  <si>
    <t>Jawahrpur</t>
  </si>
  <si>
    <t>GPS RUKAN PUR</t>
  </si>
  <si>
    <t>basti rukan pur mouza rukan pur tehsil and district lodhran</t>
  </si>
  <si>
    <t>Kamalpur Jityal</t>
  </si>
  <si>
    <t>altaf hussain</t>
  </si>
  <si>
    <t>47148</t>
  </si>
  <si>
    <t>47672</t>
  </si>
  <si>
    <t>GPS DHOK ABDUL RAUF</t>
  </si>
  <si>
    <t>dhoke Abdul rauf p/o chakrala tehsil &amp; district mianwali</t>
  </si>
  <si>
    <t>Dhoke Abdul Rauf</t>
  </si>
  <si>
    <t>ABDULREHMAN</t>
  </si>
  <si>
    <t>46519</t>
  </si>
  <si>
    <t>GPS PERA KAMALIN WALA</t>
  </si>
  <si>
    <t>Perha Kamlin Wala</t>
  </si>
  <si>
    <t>gps perha kamlin wala post office jabbi tehsile and district khushab</t>
  </si>
  <si>
    <t>Jabbi Shareef</t>
  </si>
  <si>
    <t>ponds</t>
  </si>
  <si>
    <t>12793</t>
  </si>
  <si>
    <t>GGPS GINDI KHAKHI</t>
  </si>
  <si>
    <t>gindikhakhi</t>
  </si>
  <si>
    <t>Ggps gindi khakhi</t>
  </si>
  <si>
    <t>Gindikhakhi</t>
  </si>
  <si>
    <t>manik pur</t>
  </si>
  <si>
    <t>Salma Kausar</t>
  </si>
  <si>
    <t>23753</t>
  </si>
  <si>
    <t>51618</t>
  </si>
  <si>
    <t>GGPS 26/SP</t>
  </si>
  <si>
    <t>chak no.26sp ,Dak khana khas PPN</t>
  </si>
  <si>
    <t>GMPS SAEED ABAD KHANPUR</t>
  </si>
  <si>
    <t>Taly Vala</t>
  </si>
  <si>
    <t>Saee abad moza taly wala</t>
  </si>
  <si>
    <t>Jetha Butha</t>
  </si>
  <si>
    <t>46610</t>
  </si>
  <si>
    <t>GGHS GUNJIAL</t>
  </si>
  <si>
    <t>GUNJIAL</t>
  </si>
  <si>
    <t>P/O GUNJIAL TEHSIL QUAID ABAD DISST KHUSHAB</t>
  </si>
  <si>
    <t>Maryam Shabbir</t>
  </si>
  <si>
    <t>23761</t>
  </si>
  <si>
    <t>GPS JAGAL</t>
  </si>
  <si>
    <t>Jagal</t>
  </si>
  <si>
    <t>Government Boys Primary School Jagal</t>
  </si>
  <si>
    <t>Gohar Nawaz Khan</t>
  </si>
  <si>
    <t>46233</t>
  </si>
  <si>
    <t>GPS NO. 2 NOOR PUR THAL</t>
  </si>
  <si>
    <t>Noorpurthal</t>
  </si>
  <si>
    <t>Govt pS  no 2 noorpurthal</t>
  </si>
  <si>
    <t>Mc  Noorpurthal</t>
  </si>
  <si>
    <t>Zain Ul Abidin</t>
  </si>
  <si>
    <t>11332</t>
  </si>
  <si>
    <t>34620</t>
  </si>
  <si>
    <t>GGHS POTHA SHARIF</t>
  </si>
  <si>
    <t>village and post office potha sharif murree</t>
  </si>
  <si>
    <t>Kishwar khanum</t>
  </si>
  <si>
    <t>GPS NAWAN MANEKA KALAN</t>
  </si>
  <si>
    <t>Nawan Manika Kalan</t>
  </si>
  <si>
    <t>Nawan Manika  KALAN</t>
  </si>
  <si>
    <t>39262</t>
  </si>
  <si>
    <t>dhok mial</t>
  </si>
  <si>
    <t>Dhok Mail</t>
  </si>
  <si>
    <t>12814</t>
  </si>
  <si>
    <t>12898</t>
  </si>
  <si>
    <t>25659</t>
  </si>
  <si>
    <t>GGHS PAKHOKE</t>
  </si>
  <si>
    <t>village Pakhoke p/o box pakhoke</t>
  </si>
  <si>
    <t>Lot Lakha Singh</t>
  </si>
  <si>
    <t>sheerin gull</t>
  </si>
  <si>
    <t>33588</t>
  </si>
  <si>
    <t>GHS RAFAH-E-AAMA TAREEN ROAD BAGH LANGA KHAN, MULTAN</t>
  </si>
  <si>
    <t>TARAF ISMAIL</t>
  </si>
  <si>
    <t>TAREEN ROAD NEAR BAGH LANGEY KHAN MULTAN</t>
  </si>
  <si>
    <t>12521</t>
  </si>
  <si>
    <t>GPS KOTHELA</t>
  </si>
  <si>
    <t>khothela</t>
  </si>
  <si>
    <t>jhoke Syed Nazar Hussain Shah Kothela</t>
  </si>
  <si>
    <t>Umar pur janubi</t>
  </si>
  <si>
    <t>23778</t>
  </si>
  <si>
    <t>GES AMAR PURA</t>
  </si>
  <si>
    <t>Amer Pura</t>
  </si>
  <si>
    <t>Village Amer pura tehsil kot radha kishan district kasur</t>
  </si>
  <si>
    <t>Amer pura</t>
  </si>
  <si>
    <t>Abid rashid</t>
  </si>
  <si>
    <t>45128</t>
  </si>
  <si>
    <t>GHS DHINGANA</t>
  </si>
  <si>
    <t>P/O DHINGANA</t>
  </si>
  <si>
    <t>23787</t>
  </si>
  <si>
    <t>GPS ALLAH JEWAYA LAAR</t>
  </si>
  <si>
    <t>Basti Allah jiwaya Lar Moza Allah jiwaya Lar</t>
  </si>
  <si>
    <t>GGPS KHUKH</t>
  </si>
  <si>
    <t>Khukh</t>
  </si>
  <si>
    <t>khukh</t>
  </si>
  <si>
    <t>Saleem Pur Pakka</t>
  </si>
  <si>
    <t>Tehmina Anjum</t>
  </si>
  <si>
    <t>GPS BUGHNA</t>
  </si>
  <si>
    <t>bugna</t>
  </si>
  <si>
    <t>chekori belwal</t>
  </si>
  <si>
    <t>sumaira shabbir</t>
  </si>
  <si>
    <t>GGPS CHAK NO. 8</t>
  </si>
  <si>
    <t>chak no 8 youns abad</t>
  </si>
  <si>
    <t>Asia Noreen</t>
  </si>
  <si>
    <t>23333</t>
  </si>
  <si>
    <t>41310</t>
  </si>
  <si>
    <t>GPS MULLACH WARD NO.8</t>
  </si>
  <si>
    <t>mullach murree</t>
  </si>
  <si>
    <t>Mullach</t>
  </si>
  <si>
    <t>Numble Murree</t>
  </si>
  <si>
    <t>kafayat ullah</t>
  </si>
  <si>
    <t>from house</t>
  </si>
  <si>
    <t>23210</t>
  </si>
  <si>
    <t>19803</t>
  </si>
  <si>
    <t>23335</t>
  </si>
  <si>
    <t>GMPS CHAK HUSSAIN PUR</t>
  </si>
  <si>
    <t>chak Hussain pur</t>
  </si>
  <si>
    <t>GMPS Chak Hussain pur</t>
  </si>
  <si>
    <t>Chak Hussain pur</t>
  </si>
  <si>
    <t>Pind Mako</t>
  </si>
  <si>
    <t>KAUSAR NAWAZ</t>
  </si>
  <si>
    <t>54845</t>
  </si>
  <si>
    <t>23336</t>
  </si>
  <si>
    <t>GGES LADIAN</t>
  </si>
  <si>
    <t>vpo ladian tehsil kharian distric gujrat</t>
  </si>
  <si>
    <t>25902</t>
  </si>
  <si>
    <t>GGPS DHAY</t>
  </si>
  <si>
    <t>Dhay</t>
  </si>
  <si>
    <t>Village  Dhay Tehsil &amp; District Narowal.</t>
  </si>
  <si>
    <t>Dharagmiana</t>
  </si>
  <si>
    <t>Madiha Batool</t>
  </si>
  <si>
    <t>43418</t>
  </si>
  <si>
    <t>23343</t>
  </si>
  <si>
    <t>GGHS FAZAL-E-UMAR CHANAB NAGAR</t>
  </si>
  <si>
    <t>Chani</t>
  </si>
  <si>
    <t>near  bashir abad  sahiwal road chanab nager</t>
  </si>
  <si>
    <t>BUSHRA AKHTAR</t>
  </si>
  <si>
    <t>GPS PIR ZADA</t>
  </si>
  <si>
    <t>Chack No 533 TDA</t>
  </si>
  <si>
    <t>Chack No. 533 TDA</t>
  </si>
  <si>
    <t>46225</t>
  </si>
  <si>
    <t>GPS MANGTAN WALA</t>
  </si>
  <si>
    <t>dera mangtanwala noor pur thal</t>
  </si>
  <si>
    <t>Dera Mangtanwala</t>
  </si>
  <si>
    <t>Noor Pur Rural</t>
  </si>
  <si>
    <t>Muttee Ullah</t>
  </si>
  <si>
    <t>27319</t>
  </si>
  <si>
    <t>GPS HAZAREE</t>
  </si>
  <si>
    <t>Hazaree</t>
  </si>
  <si>
    <t>Solengi Kharal</t>
  </si>
  <si>
    <t>11083</t>
  </si>
  <si>
    <t>GPS BEHLOOL WALA</t>
  </si>
  <si>
    <t>161/TDA</t>
  </si>
  <si>
    <t>chak no. 161 P/O Chak no. 162 TDA NAi wala</t>
  </si>
  <si>
    <t>RABNAWAZ Khaleeq</t>
  </si>
  <si>
    <t>23362</t>
  </si>
  <si>
    <t>GMPS BIKHI WIND</t>
  </si>
  <si>
    <t>Bikhiwind</t>
  </si>
  <si>
    <t>moza bikhiwind p/o Mhakan klan kasur</t>
  </si>
  <si>
    <t>Kalsoom Manzoor</t>
  </si>
  <si>
    <t>23366</t>
  </si>
  <si>
    <t>GGES CHAK NO. 16 DB</t>
  </si>
  <si>
    <t>vichven bala</t>
  </si>
  <si>
    <t>GGES 16db piplan Mianwali</t>
  </si>
  <si>
    <t>16 db</t>
  </si>
  <si>
    <t>umara Bashir</t>
  </si>
  <si>
    <t>23368</t>
  </si>
  <si>
    <t>GPS KIRTAR PURA</t>
  </si>
  <si>
    <t>Chakraib</t>
  </si>
  <si>
    <t>23371</t>
  </si>
  <si>
    <t>GPS SAMANDARI MULTAN</t>
  </si>
  <si>
    <t>Miani Rawah</t>
  </si>
  <si>
    <t>G.P.S Summandri 18 kassi vehari road Multan</t>
  </si>
  <si>
    <t>Summandri</t>
  </si>
  <si>
    <t>Kot RUB nawaz</t>
  </si>
  <si>
    <t>GGPS MOHAJAN</t>
  </si>
  <si>
    <t>Mohajan</t>
  </si>
  <si>
    <t>moza Mohajan po box pakhoki</t>
  </si>
  <si>
    <t>Asmat Hamid</t>
  </si>
  <si>
    <t>23377</t>
  </si>
  <si>
    <t>12403</t>
  </si>
  <si>
    <t>GES TALIRI</t>
  </si>
  <si>
    <t>Taleeri</t>
  </si>
  <si>
    <t>Taleeri by pas Muzaffargarh</t>
  </si>
  <si>
    <t>Malik Hafeez Ullah</t>
  </si>
  <si>
    <t>41391</t>
  </si>
  <si>
    <t>GPS CHINOTA</t>
  </si>
  <si>
    <t>GPS Chinota p.o gulehra gali teh murree district Rwp</t>
  </si>
  <si>
    <t>Amna Shabbir</t>
  </si>
  <si>
    <t>barnacle</t>
  </si>
  <si>
    <t>51677</t>
  </si>
  <si>
    <t>kanipur</t>
  </si>
  <si>
    <t>33025</t>
  </si>
  <si>
    <t>GGPS KUMHARAN BASTI KUMHARAN</t>
  </si>
  <si>
    <t>Lalowala</t>
  </si>
  <si>
    <t>G.G.p/s basti kumharan</t>
  </si>
  <si>
    <t>Shadab Bano</t>
  </si>
  <si>
    <t>45678</t>
  </si>
  <si>
    <t>GPS MANGWAL</t>
  </si>
  <si>
    <t>53604</t>
  </si>
  <si>
    <t>22925</t>
  </si>
  <si>
    <t>GHS GOTERIALA</t>
  </si>
  <si>
    <t>Goteriala</t>
  </si>
  <si>
    <t>vpo goteriala</t>
  </si>
  <si>
    <t>Thutha Rai Bahadur</t>
  </si>
  <si>
    <t>muhammad asmar</t>
  </si>
  <si>
    <t>23395</t>
  </si>
  <si>
    <t>GGPS Rati Pind</t>
  </si>
  <si>
    <t>ggps ratti pindi</t>
  </si>
  <si>
    <t>Halrky Pemar</t>
  </si>
  <si>
    <t>Samia Habib</t>
  </si>
  <si>
    <t>24095</t>
  </si>
  <si>
    <t>GGHS DHODHA</t>
  </si>
  <si>
    <t>DHODA TEHSIL PASRUR DISTRICT SIALKOT</t>
  </si>
  <si>
    <t>Aqsa Yousaf</t>
  </si>
  <si>
    <t>GGHS THATHI BALA RAJA</t>
  </si>
  <si>
    <t>govt. girls high school thathi bala raja, tehsil lalian distirict chiniot</t>
  </si>
  <si>
    <t>Mubashra mubeen</t>
  </si>
  <si>
    <t>46641</t>
  </si>
  <si>
    <t>47752</t>
  </si>
  <si>
    <t>GES HAZARA SHUMALI</t>
  </si>
  <si>
    <t>Hazara Shumali</t>
  </si>
  <si>
    <t>Hazara shumali Tehsil piplan District Mianwali</t>
  </si>
  <si>
    <t>Mutloob Hussain Shah</t>
  </si>
  <si>
    <t>GES BAHADUR PURA</t>
  </si>
  <si>
    <t>Bahadur Pura</t>
  </si>
  <si>
    <t>Bahadur pura</t>
  </si>
  <si>
    <t>31577</t>
  </si>
  <si>
    <t>GES HADIALA VIRKAN</t>
  </si>
  <si>
    <t>Hadiala Virkan</t>
  </si>
  <si>
    <t>hadiala virkan</t>
  </si>
  <si>
    <t>AAMIR SHAHZAD</t>
  </si>
  <si>
    <t>23425</t>
  </si>
  <si>
    <t>GPS KARTANAY WALA</t>
  </si>
  <si>
    <t>p/o gohar wala Teh mankera  district  bhakkar</t>
  </si>
  <si>
    <t>Kartanay Wala</t>
  </si>
  <si>
    <t>GPS JAMAL PUR</t>
  </si>
  <si>
    <t>Jamal Pur Post Office Syedwla Tehsil &amp; District Nankana Sahib</t>
  </si>
  <si>
    <t>Dec-68</t>
  </si>
  <si>
    <t>sibght Ullah</t>
  </si>
  <si>
    <t>23429</t>
  </si>
  <si>
    <t>46517</t>
  </si>
  <si>
    <t>GPS MADNIAN WALA</t>
  </si>
  <si>
    <t>Okhlimohala</t>
  </si>
  <si>
    <t>p s madnianwala</t>
  </si>
  <si>
    <t>OkhliOkhlimOkhlimoOkhlimohOkhlimoha</t>
  </si>
  <si>
    <t>22328</t>
  </si>
  <si>
    <t>46228</t>
  </si>
  <si>
    <t>GPS MITHA KHAN GHALL</t>
  </si>
  <si>
    <t>bhan mitha khan ghallu noorpurthal</t>
  </si>
  <si>
    <t>Bhan mitha khan  Ghallu</t>
  </si>
  <si>
    <t>Aurang Zeb</t>
  </si>
  <si>
    <t>23433</t>
  </si>
  <si>
    <t>GGPS LALA AMAR SINGH</t>
  </si>
  <si>
    <t>Lala Amer Sing</t>
  </si>
  <si>
    <t>lala Amer sing Teh minchin abad Dist Bwn</t>
  </si>
  <si>
    <t>Rubina Kalsom</t>
  </si>
  <si>
    <t>GPS CHAK NO. 47</t>
  </si>
  <si>
    <t>chak 47</t>
  </si>
  <si>
    <t>Syed Mohsin Raza</t>
  </si>
  <si>
    <t>10619</t>
  </si>
  <si>
    <t>23437</t>
  </si>
  <si>
    <t>GPS CHAK NO. 30 SP</t>
  </si>
  <si>
    <t>Chak No. 30/sp Pakpattan</t>
  </si>
  <si>
    <t>Muhammad Amir Shakir</t>
  </si>
  <si>
    <t>29235</t>
  </si>
  <si>
    <t>GPS BADDAR PUR</t>
  </si>
  <si>
    <t>badarpur</t>
  </si>
  <si>
    <t>village badarpur post office mustafabad kasur</t>
  </si>
  <si>
    <t>Badarpur</t>
  </si>
  <si>
    <t>Sarharli Kalan</t>
  </si>
  <si>
    <t>28990</t>
  </si>
  <si>
    <t>19028</t>
  </si>
  <si>
    <t>28351</t>
  </si>
  <si>
    <t>GPS KHUSAR</t>
  </si>
  <si>
    <t>Khusar</t>
  </si>
  <si>
    <t>khusar</t>
  </si>
  <si>
    <t>15943</t>
  </si>
  <si>
    <t>48635</t>
  </si>
  <si>
    <t>GES SHEIKHUPURA BEDAD</t>
  </si>
  <si>
    <t>Sheikhupura Bedad</t>
  </si>
  <si>
    <t>village Sheikhupura Bedad tehsil muridke dist Sheikhupura</t>
  </si>
  <si>
    <t>45051</t>
  </si>
  <si>
    <t>44235</t>
  </si>
  <si>
    <t>GPS 56/15-L BANGLA, MIAN CHANNU</t>
  </si>
  <si>
    <t>Chak  No 56/15L</t>
  </si>
  <si>
    <t>chak no56/15L.p.o same Mianchannu District khanewal</t>
  </si>
  <si>
    <t>Chak No  56/15L Bangla</t>
  </si>
  <si>
    <t>Chak No 59/15 L</t>
  </si>
  <si>
    <t>13973</t>
  </si>
  <si>
    <t>GPS JAMAL SHAH</t>
  </si>
  <si>
    <t>Wang 2 jamal shah</t>
  </si>
  <si>
    <t>Wang 2</t>
  </si>
  <si>
    <t>33977</t>
  </si>
  <si>
    <t>24049</t>
  </si>
  <si>
    <t>29828</t>
  </si>
  <si>
    <t>GGPS NAROKI MAHJA</t>
  </si>
  <si>
    <t>narroki mahja</t>
  </si>
  <si>
    <t>Sufoora Jabeen</t>
  </si>
  <si>
    <t>37947</t>
  </si>
  <si>
    <t>GES KALLOO WALA</t>
  </si>
  <si>
    <t>Kalloo Wala</t>
  </si>
  <si>
    <t>Basti Kalloo Wala</t>
  </si>
  <si>
    <t>Muhammad Bashir Akhtar</t>
  </si>
  <si>
    <t>29784</t>
  </si>
  <si>
    <t>39249</t>
  </si>
  <si>
    <t>GHS DHABOOLA</t>
  </si>
  <si>
    <t>VPO DHABOOLA TEHSIL PINDIGHEB DISTT. ATTOCK</t>
  </si>
  <si>
    <t>27873</t>
  </si>
  <si>
    <t>GHS SIVIA</t>
  </si>
  <si>
    <t>SIVIA</t>
  </si>
  <si>
    <t>V.P.O. SIVIA TEH.&amp;DISTT. MANDI BAHA UD DIN</t>
  </si>
  <si>
    <t>45044</t>
  </si>
  <si>
    <t>GPS EID GAH NOOR PUR</t>
  </si>
  <si>
    <t>mohallah Bagianwala Noorpur</t>
  </si>
  <si>
    <t>M C Noorpur Thal</t>
  </si>
  <si>
    <t>Sajjad Raza</t>
  </si>
  <si>
    <t>22732</t>
  </si>
  <si>
    <t>53289</t>
  </si>
  <si>
    <t>37258</t>
  </si>
  <si>
    <t>GPS CHAK 4/4-L</t>
  </si>
  <si>
    <t>4/4-L-MALE</t>
  </si>
  <si>
    <t>4/4L</t>
  </si>
  <si>
    <t>chak No 4/4L Okara</t>
  </si>
  <si>
    <t>6197</t>
  </si>
  <si>
    <t>GPS TIB CHOHAN</t>
  </si>
  <si>
    <t>TAJ GARH-MALE</t>
  </si>
  <si>
    <t>Tib Chohan</t>
  </si>
  <si>
    <t>GPS Tib Chohan</t>
  </si>
  <si>
    <t>Muhammad Shakil Ghani</t>
  </si>
  <si>
    <t>32267</t>
  </si>
  <si>
    <t>24077</t>
  </si>
  <si>
    <t>GHS GUNJIAL</t>
  </si>
  <si>
    <t>Gunjial Janobi</t>
  </si>
  <si>
    <t>V.P.O Gunjial Tehsil Quaidabad District Khushab</t>
  </si>
  <si>
    <t>51380</t>
  </si>
  <si>
    <t>GPS GORDITTA P/O DHUPAI</t>
  </si>
  <si>
    <t>Gorditta</t>
  </si>
  <si>
    <t>chak gurditta P.O Dhupai Teh. &amp; Distt. Pakpattan</t>
  </si>
  <si>
    <t>Hafiz Maqsood Ahmed</t>
  </si>
  <si>
    <t>27333</t>
  </si>
  <si>
    <t>GPS JALAL PUR KOHNA</t>
  </si>
  <si>
    <t>Jalalpur Kohna</t>
  </si>
  <si>
    <t>Jalalpur kohna post office Jalalpur Bhattian Teh; Pindi Bhattian Dist: Hafizabad</t>
  </si>
  <si>
    <t>6579</t>
  </si>
  <si>
    <t>GES HARN WALA</t>
  </si>
  <si>
    <t>Harn Wala</t>
  </si>
  <si>
    <t>Moza Harn wala Minchin abad Bahawal Nagar</t>
  </si>
  <si>
    <t>Muhammad Saleem Ahmad</t>
  </si>
  <si>
    <t>GPS HUSSAIN ABAD NO.2</t>
  </si>
  <si>
    <t>Ahmad yar Tanwri</t>
  </si>
  <si>
    <t>basti sadaat mauza ahmad yar tanwri tehsil lqp district rahim yar khan</t>
  </si>
  <si>
    <t>Basti Sadaat</t>
  </si>
  <si>
    <t>GGES MONA SYEDAN</t>
  </si>
  <si>
    <t>Mona syedan</t>
  </si>
  <si>
    <t>Govt girls Elementary school Mona syedan</t>
  </si>
  <si>
    <t>Nusrat zahra</t>
  </si>
  <si>
    <t>GPS YAKKAY WALA</t>
  </si>
  <si>
    <t>yakkay wala</t>
  </si>
  <si>
    <t>yakkay wala p/o langar makhdoom tehsil lalian district chiniot</t>
  </si>
  <si>
    <t>langar makhdoom</t>
  </si>
  <si>
    <t>10878</t>
  </si>
  <si>
    <t>24094</t>
  </si>
  <si>
    <t>41399</t>
  </si>
  <si>
    <t>GPS DHAL</t>
  </si>
  <si>
    <t>post office ban village dhall</t>
  </si>
  <si>
    <t>Muhammad Shahzad Haroon</t>
  </si>
  <si>
    <t>GGPS BASTI RATTA NO.1</t>
  </si>
  <si>
    <t>AILAM PUR - FEMALE</t>
  </si>
  <si>
    <t>Basti RATTA</t>
  </si>
  <si>
    <t>basti ratta near bzu multan</t>
  </si>
  <si>
    <t>Basti Ratta</t>
  </si>
  <si>
    <t>Madina Panjkoha</t>
  </si>
  <si>
    <t>Asma Rafiq</t>
  </si>
  <si>
    <t>39228</t>
  </si>
  <si>
    <t>GHS NILHAD</t>
  </si>
  <si>
    <t>GBHS Nilhad</t>
  </si>
  <si>
    <t>48988</t>
  </si>
  <si>
    <t>24099</t>
  </si>
  <si>
    <t>Abbas Nagar shahdara Lahore</t>
  </si>
  <si>
    <t>Qaiser Town</t>
  </si>
  <si>
    <t>GPS GULBAZI WALA</t>
  </si>
  <si>
    <t>Gulbaziwala</t>
  </si>
  <si>
    <t>Malik Muhammad Hanif</t>
  </si>
  <si>
    <t>24102</t>
  </si>
  <si>
    <t>GPS CHAK NO. 13-A/MB</t>
  </si>
  <si>
    <t>Chak 13AMB</t>
  </si>
  <si>
    <t>GPS 13 AMb Tehsil Noorpur Distt Khushab</t>
  </si>
  <si>
    <t>Chak NO13 AMB</t>
  </si>
  <si>
    <t>Adhisargal</t>
  </si>
  <si>
    <t>24104</t>
  </si>
  <si>
    <t>12936</t>
  </si>
  <si>
    <t>GPS BAIR WALA</t>
  </si>
  <si>
    <t>P/o basira teh&amp;distt muzaffar garh</t>
  </si>
  <si>
    <t>Muhammad Ali Khan</t>
  </si>
  <si>
    <t>24114</t>
  </si>
  <si>
    <t>41318</t>
  </si>
  <si>
    <t>GPS PARI SATGARAH</t>
  </si>
  <si>
    <t>po mohra sayedan</t>
  </si>
  <si>
    <t>47477</t>
  </si>
  <si>
    <t>GGPS HAKIM KHAN WALA</t>
  </si>
  <si>
    <t>KHALAS KHEL MUSA KHEL</t>
  </si>
  <si>
    <t>KHALAS KHEL</t>
  </si>
  <si>
    <t>34899</t>
  </si>
  <si>
    <t>28538</t>
  </si>
  <si>
    <t>GMPS MAKHANI</t>
  </si>
  <si>
    <t>Yarasullah</t>
  </si>
  <si>
    <t>makhni</t>
  </si>
  <si>
    <t>Makhni</t>
  </si>
  <si>
    <t>Ambreen Rafiq</t>
  </si>
  <si>
    <t>31791</t>
  </si>
  <si>
    <t>GGPS DERA CHANGRAN</t>
  </si>
  <si>
    <t>Bhatey Kot</t>
  </si>
  <si>
    <t>GGPS dera changran</t>
  </si>
  <si>
    <t>Nasira Firdous</t>
  </si>
  <si>
    <t>52483</t>
  </si>
  <si>
    <t>GGPS MAHESH WALA</t>
  </si>
  <si>
    <t>Dergha Por</t>
  </si>
  <si>
    <t>dera sekndr shah back side comrace collagr  mahish wala.</t>
  </si>
  <si>
    <t>Ram Rakha</t>
  </si>
  <si>
    <t>Adam Wahen</t>
  </si>
  <si>
    <t>Syeda Narjes Zahra</t>
  </si>
  <si>
    <t>24127</t>
  </si>
  <si>
    <t>GPS BASTI BHOJIAN P/O MUKHDOOM RASHID</t>
  </si>
  <si>
    <t>Gharyala</t>
  </si>
  <si>
    <t>GPS Basti Bhojian P/O Makhdoom Rashid</t>
  </si>
  <si>
    <t>Basti Bhojian</t>
  </si>
  <si>
    <t>Jalalabad Shumali</t>
  </si>
  <si>
    <t>Mutahir Nazar</t>
  </si>
  <si>
    <t>24129</t>
  </si>
  <si>
    <t>39248</t>
  </si>
  <si>
    <t>GES KOT MALLIAR</t>
  </si>
  <si>
    <t>Kot Milyar</t>
  </si>
  <si>
    <t>SHAHID HAMID</t>
  </si>
  <si>
    <t>GMPS BASTI THABAL</t>
  </si>
  <si>
    <t>Basti Thabal</t>
  </si>
  <si>
    <t>basti Thabal pindi bhattian</t>
  </si>
  <si>
    <t>I Azra Perveen</t>
  </si>
  <si>
    <t>24133</t>
  </si>
  <si>
    <t>GMPS QUTAB GOLRA</t>
  </si>
  <si>
    <t>QUTAB GOLRA</t>
  </si>
  <si>
    <t>VILLAGE QUTAB GOLRA P/O BHURRUCH BASOHA TEHSIL KHARIAN DISTRIT GUJRAT</t>
  </si>
  <si>
    <t>Naila Ambreen</t>
  </si>
  <si>
    <t>GPS MOMAN ABAD</t>
  </si>
  <si>
    <t>Khew</t>
  </si>
  <si>
    <t>GPS Momin Abad</t>
  </si>
  <si>
    <t>MUHAMMAD UZAIR HUSSAINI</t>
  </si>
  <si>
    <t>GGHS MODEL ABU ZAHBI PALACE CHAK 55/P</t>
  </si>
  <si>
    <t>kachi abadi palace 55/p p/o 56/p rahim yar khan</t>
  </si>
  <si>
    <t>kachi abadi palace 55/p</t>
  </si>
  <si>
    <t>Aneela Sadaf</t>
  </si>
  <si>
    <t>24145</t>
  </si>
  <si>
    <t>GGPS QASBA SANI</t>
  </si>
  <si>
    <t>Qasba sani</t>
  </si>
  <si>
    <t>GGPS qasba sani nava kooh shakir wala</t>
  </si>
  <si>
    <t>Robina Faqeer Muhammad</t>
  </si>
  <si>
    <t>24148</t>
  </si>
  <si>
    <t>53246</t>
  </si>
  <si>
    <t>GPS MAROOLA</t>
  </si>
  <si>
    <t>MAROOLA SHARIF</t>
  </si>
  <si>
    <t>46272</t>
  </si>
  <si>
    <t>5483</t>
  </si>
  <si>
    <t>GPS BAIT MURAD</t>
  </si>
  <si>
    <t>bait murad</t>
  </si>
  <si>
    <t>Gul Muhammed Langah</t>
  </si>
  <si>
    <t>Fazal Mahmood</t>
  </si>
  <si>
    <t>24151</t>
  </si>
  <si>
    <t>GPS NO. 4 NOOR PUR THAL</t>
  </si>
  <si>
    <t>Noor pur Thal</t>
  </si>
  <si>
    <t>near civil hospital noor pur thal</t>
  </si>
  <si>
    <t>Noor  Pur</t>
  </si>
  <si>
    <t>Noor Pur thal</t>
  </si>
  <si>
    <t>47393</t>
  </si>
  <si>
    <t>GGPS BASTI KALOO WALA</t>
  </si>
  <si>
    <t>Govt Girls Primary School Basti Kaloowala</t>
  </si>
  <si>
    <t>Kaloowala</t>
  </si>
  <si>
    <t>Safia Gul</t>
  </si>
  <si>
    <t>27499</t>
  </si>
  <si>
    <t>GGPS KHUTTAY SHAH</t>
  </si>
  <si>
    <t>khuty shah</t>
  </si>
  <si>
    <t>Mehwish Ambreen</t>
  </si>
  <si>
    <t>GES CHAK NO.16 DB P/O 15 DB MIANWALI</t>
  </si>
  <si>
    <t>chak no 16 db p/ o 15 db Teh.Piplan Distt.Mianwali</t>
  </si>
  <si>
    <t>Chak No 16 Db</t>
  </si>
  <si>
    <t>51737</t>
  </si>
  <si>
    <t>GPS KURAL KAY</t>
  </si>
  <si>
    <t>Kurlkey</t>
  </si>
  <si>
    <t>kurlkey post office Thatha manik Teh.nowshera virkan Dist.Gujranwala</t>
  </si>
  <si>
    <t>Mohammad Ashiq</t>
  </si>
  <si>
    <t>53516</t>
  </si>
  <si>
    <t>24184</t>
  </si>
  <si>
    <t>GES KALA PHAR</t>
  </si>
  <si>
    <t>Kala Pahar</t>
  </si>
  <si>
    <t>post office  pasrur village kala pahar</t>
  </si>
  <si>
    <t>Ballaggan</t>
  </si>
  <si>
    <t>31531</t>
  </si>
  <si>
    <t>23929</t>
  </si>
  <si>
    <t>GGPS LATKI</t>
  </si>
  <si>
    <t>ggpslatki</t>
  </si>
  <si>
    <t>Musarrat Afzaal</t>
  </si>
  <si>
    <t>8950</t>
  </si>
  <si>
    <t>GPS THATHA MEHMAN</t>
  </si>
  <si>
    <t>Thatta Mehman</t>
  </si>
  <si>
    <t>thatta mehman</t>
  </si>
  <si>
    <t>Khuttay Shah</t>
  </si>
  <si>
    <t>Shahid Anwar</t>
  </si>
  <si>
    <t>40417</t>
  </si>
  <si>
    <t>GES CHAK JANI</t>
  </si>
  <si>
    <t>p/o chak jani pd khan</t>
  </si>
  <si>
    <t>Muhammad Umar Bilal</t>
  </si>
  <si>
    <t>33716</t>
  </si>
  <si>
    <t>23933</t>
  </si>
  <si>
    <t>GGPS DHOLAN</t>
  </si>
  <si>
    <t>Village Dholan, P.O Manglia, Tehsil Kharian Disst. Gujrat</t>
  </si>
  <si>
    <t>Ambreen Nawaz</t>
  </si>
  <si>
    <t>9672</t>
  </si>
  <si>
    <t>GPS THALWARI</t>
  </si>
  <si>
    <t>Thalwari</t>
  </si>
  <si>
    <t>Basti Usman Abad</t>
  </si>
  <si>
    <t>Mohammad Afzal</t>
  </si>
  <si>
    <t>53573</t>
  </si>
  <si>
    <t>GGHS CHAK NO. 38/2-RA</t>
  </si>
  <si>
    <t>gghs.38.2ra</t>
  </si>
  <si>
    <t>chk no 38.2r</t>
  </si>
  <si>
    <t>35/2r</t>
  </si>
  <si>
    <t>28395</t>
  </si>
  <si>
    <t>25975</t>
  </si>
  <si>
    <t>27983</t>
  </si>
  <si>
    <t>GPS BHACHER</t>
  </si>
  <si>
    <t>Bhachar</t>
  </si>
  <si>
    <t>village bhachar p/o k.s teh&amp;distt m.b.din</t>
  </si>
  <si>
    <t>basti truri bait dabli bakhri Ahmad kham</t>
  </si>
  <si>
    <t>Bakhri Ahmad</t>
  </si>
  <si>
    <t>27628</t>
  </si>
  <si>
    <t>GHS BUKKAN</t>
  </si>
  <si>
    <t>VPO Bukkan Tehsil Malakwal District M.B.Din</t>
  </si>
  <si>
    <t>MAJID SOHAIL</t>
  </si>
  <si>
    <t>35899</t>
  </si>
  <si>
    <t>GGPS 180 WB</t>
  </si>
  <si>
    <t>180/wb</t>
  </si>
  <si>
    <t>chak no 180/wb tehsil mailsi district vehari</t>
  </si>
  <si>
    <t>Khurshid Begum</t>
  </si>
  <si>
    <t>GPS DERA MUHAMMAD SHER</t>
  </si>
  <si>
    <t>Okhlimohla</t>
  </si>
  <si>
    <t>VPO Okhlimohla Tehsil Qaidabad District Khushab</t>
  </si>
  <si>
    <t>GES MODEL SHAH MUHAMMAD GHOUS</t>
  </si>
  <si>
    <t>shah muhammad ghous landa bazar</t>
  </si>
  <si>
    <t>Shah Ghous</t>
  </si>
  <si>
    <t>Mochi Gate</t>
  </si>
  <si>
    <t>Ijaz Ahmed Shah</t>
  </si>
  <si>
    <t>45280</t>
  </si>
  <si>
    <t>GGPS KHEW</t>
  </si>
  <si>
    <t>P/O haiderabad tehsil mankera</t>
  </si>
  <si>
    <t>Hina Ashraf</t>
  </si>
  <si>
    <t>29514</t>
  </si>
  <si>
    <t>GGES BALLO KHEL</t>
  </si>
  <si>
    <t>Ballokhel</t>
  </si>
  <si>
    <t>GGES Ballokhel Mianwali</t>
  </si>
  <si>
    <t>Mc Mianwali</t>
  </si>
  <si>
    <t>Jamila Yasmin</t>
  </si>
  <si>
    <t>23954</t>
  </si>
  <si>
    <t>27541</t>
  </si>
  <si>
    <t>Nuthein</t>
  </si>
  <si>
    <t>Village nuthein</t>
  </si>
  <si>
    <t>52475</t>
  </si>
  <si>
    <t>41296</t>
  </si>
  <si>
    <t>GES SANJ</t>
  </si>
  <si>
    <t>village and post office sanj tehsil murree district rawalpindi</t>
  </si>
  <si>
    <t>Sanj</t>
  </si>
  <si>
    <t>GPS KACHI JAMAL KALIM ABAD</t>
  </si>
  <si>
    <t>kalim abad</t>
  </si>
  <si>
    <t>Mukhtiar Ahmed</t>
  </si>
  <si>
    <t>47864</t>
  </si>
  <si>
    <t>GPS CHAK NO 2 DB</t>
  </si>
  <si>
    <t>Chak No 2 Db</t>
  </si>
  <si>
    <t>chak no 2 db p 0 4 db Teh.piplan Distt.Mianwali</t>
  </si>
  <si>
    <t>Chak No  2 Db</t>
  </si>
  <si>
    <t>Chak No 4 Db</t>
  </si>
  <si>
    <t>10917</t>
  </si>
  <si>
    <t>GGPS KHARAL AZIM NASHAIB</t>
  </si>
  <si>
    <t>Khawas Khail</t>
  </si>
  <si>
    <t>kharal azeem nashaib p/o kot sultan</t>
  </si>
  <si>
    <t>Kharal Azeem Nashaib</t>
  </si>
  <si>
    <t>SAMIA ASHIQ</t>
  </si>
  <si>
    <t>37227</t>
  </si>
  <si>
    <t>GGCMPS 176/10-R KHANEWAL</t>
  </si>
  <si>
    <t>ggcmps176\10_R</t>
  </si>
  <si>
    <t>176/10-R</t>
  </si>
  <si>
    <t>170/-10-R</t>
  </si>
  <si>
    <t>Bashiran Jabeen</t>
  </si>
  <si>
    <t>42754</t>
  </si>
  <si>
    <t>19192</t>
  </si>
  <si>
    <t>GPS DHOK MUNDRIAN</t>
  </si>
  <si>
    <t>village mundrian kharpw</t>
  </si>
  <si>
    <t>Mundrian</t>
  </si>
  <si>
    <t>GES WASEEM ABAD</t>
  </si>
  <si>
    <t>Bhaugh</t>
  </si>
  <si>
    <t>Basti Punar mouza Bhaugh Tehsil &amp; district Rajanpur</t>
  </si>
  <si>
    <t>Basti Punar</t>
  </si>
  <si>
    <t>Iqbal Farid</t>
  </si>
  <si>
    <t>44378</t>
  </si>
  <si>
    <t>23969</t>
  </si>
  <si>
    <t>GES KALAS GORAYA</t>
  </si>
  <si>
    <t>Kalas Goraya</t>
  </si>
  <si>
    <t>H.M Govt. Elementary school Kalas Goraya, Narowal</t>
  </si>
  <si>
    <t>Ransewal</t>
  </si>
  <si>
    <t>GGPS DHOLAN WALA</t>
  </si>
  <si>
    <t>dholan Wala moza pakka wig sader union Karlu Wala Teh Mankera District Bhakkar</t>
  </si>
  <si>
    <t>Dholan Wala</t>
  </si>
  <si>
    <t>Zeenat  Bibi</t>
  </si>
  <si>
    <t>23332</t>
  </si>
  <si>
    <t>GGES ISLAM PURA</t>
  </si>
  <si>
    <t>GGES ISLMPURA</t>
  </si>
  <si>
    <t>23974</t>
  </si>
  <si>
    <t>GES BHILOWAL</t>
  </si>
  <si>
    <t>Bhilowal</t>
  </si>
  <si>
    <t>vpo bhilowal tehsil p d khan district jhelum</t>
  </si>
  <si>
    <t>HAFIZ ALI AHMAD SABIR</t>
  </si>
  <si>
    <t>43876</t>
  </si>
  <si>
    <t>23975</t>
  </si>
  <si>
    <t>GPS KARYAL KHURD</t>
  </si>
  <si>
    <t>Karyal khurd</t>
  </si>
  <si>
    <t>karyal khurd</t>
  </si>
  <si>
    <t>Karyal Khurd</t>
  </si>
  <si>
    <t>Waseem Akram</t>
  </si>
  <si>
    <t>Adamwahn</t>
  </si>
  <si>
    <t>busti munshi wala lodhran</t>
  </si>
  <si>
    <t>Mahjabeen Naz</t>
  </si>
  <si>
    <t>12465</t>
  </si>
  <si>
    <t>GHS MOHAJAR COLONY</t>
  </si>
  <si>
    <t>MOHAJER COLONY</t>
  </si>
  <si>
    <t>MOHAJIR COLONY LIAQUATPUR</t>
  </si>
  <si>
    <t>MOHAJIR COLONY</t>
  </si>
  <si>
    <t>mAIN CITY</t>
  </si>
  <si>
    <t>MIRZA MUHAMMAD ASGHAR</t>
  </si>
  <si>
    <t>GPS PIR WALA (CHAK NO. 649/TDA)</t>
  </si>
  <si>
    <t>patal munda</t>
  </si>
  <si>
    <t>chak no 649/tda chowk sarwar shaheed.tehsil. kot addu district muzaffar garah</t>
  </si>
  <si>
    <t>29153</t>
  </si>
  <si>
    <t>GPS MC KOT USMAN KHAN KASUR</t>
  </si>
  <si>
    <t>kot  Usman khan  kasur</t>
  </si>
  <si>
    <t>Mc Kasur</t>
  </si>
  <si>
    <t>Barkat Ullah</t>
  </si>
  <si>
    <t>7144</t>
  </si>
  <si>
    <t>47198</t>
  </si>
  <si>
    <t>GPS BADRI KHELAN WALA</t>
  </si>
  <si>
    <t>badrikhelanwala</t>
  </si>
  <si>
    <t>Badrikhelanwala</t>
  </si>
  <si>
    <t>Muhammad Mumtaz Khan</t>
  </si>
  <si>
    <t>54278</t>
  </si>
  <si>
    <t>GPS GUNJA TALA</t>
  </si>
  <si>
    <t>Ganja Tala</t>
  </si>
  <si>
    <t>ganja gala</t>
  </si>
  <si>
    <t>Saleem  Iqbal</t>
  </si>
  <si>
    <t>23993</t>
  </si>
  <si>
    <t>GGPS BANRAR SHARIF</t>
  </si>
  <si>
    <t>Meeranpur Pur</t>
  </si>
  <si>
    <t>basti banarsharif muza meeranpur</t>
  </si>
  <si>
    <t>Banarsharif</t>
  </si>
  <si>
    <t>Meeranpur</t>
  </si>
  <si>
    <t>Tooba Kirn</t>
  </si>
  <si>
    <t>GPS THAITHIAN WALA</t>
  </si>
  <si>
    <t>Uttra Janubi</t>
  </si>
  <si>
    <t>Dera Thaithian wala Uttra Janobi, Tehsil Quaidabad, District Khushab.</t>
  </si>
  <si>
    <t>Thathian Wala</t>
  </si>
  <si>
    <t>35032</t>
  </si>
  <si>
    <t>GGPS 166/10-R, KHANEWAL</t>
  </si>
  <si>
    <t>chak 166/10  New kWl</t>
  </si>
  <si>
    <t>166/10r New</t>
  </si>
  <si>
    <t>166/10r</t>
  </si>
  <si>
    <t>20171</t>
  </si>
  <si>
    <t>chak Ahmad Abad remount depo mona</t>
  </si>
  <si>
    <t>chak amad abad</t>
  </si>
  <si>
    <t>pind makko</t>
  </si>
  <si>
    <t>Mustansar Tassaddiq</t>
  </si>
  <si>
    <t>GES LALU KHEL</t>
  </si>
  <si>
    <t>Lalukhel</t>
  </si>
  <si>
    <t>Lalu khel</t>
  </si>
  <si>
    <t>Yaru Khel  Paka</t>
  </si>
  <si>
    <t>Javed Iqbal Khan</t>
  </si>
  <si>
    <t>GPS MACHI WALA CHAH FIAZ WALA</t>
  </si>
  <si>
    <t>Kotla Qazi Nasheb</t>
  </si>
  <si>
    <t>kotla qazi nasheb chah fiaz wala Machi wala</t>
  </si>
  <si>
    <t>Chah Fiaz Wala</t>
  </si>
  <si>
    <t>Lohanch Nasheb</t>
  </si>
  <si>
    <t>12404</t>
  </si>
  <si>
    <t>31815</t>
  </si>
  <si>
    <t>GGCMS DINGA</t>
  </si>
  <si>
    <t>sidra Muhammad khan</t>
  </si>
  <si>
    <t>28128</t>
  </si>
  <si>
    <t>GPS BASTI LUQMAN</t>
  </si>
  <si>
    <t>Idlana Dhuddi</t>
  </si>
  <si>
    <t>basti luqman p/o laleka tehsil minchinabad distt.bahawalnagar</t>
  </si>
  <si>
    <t>24017</t>
  </si>
  <si>
    <t>40422</t>
  </si>
  <si>
    <t>GPS JATTI PUR</t>
  </si>
  <si>
    <t>Jaitipur</t>
  </si>
  <si>
    <t>gps jattipur</t>
  </si>
  <si>
    <t>Muhammad Jamil Saqib</t>
  </si>
  <si>
    <t>33530</t>
  </si>
  <si>
    <t>GPS KOT SHAH</t>
  </si>
  <si>
    <t>Kot Shah</t>
  </si>
  <si>
    <t>GPS kot Shah</t>
  </si>
  <si>
    <t>Hassan Pur Tarund</t>
  </si>
  <si>
    <t>Nasim Abbas</t>
  </si>
  <si>
    <t>GHS MIRZA BHATTIAN</t>
  </si>
  <si>
    <t>Mirza Bhattian</t>
  </si>
  <si>
    <t>village MIRZA bhattian the PINDI bhattian distt hfd</t>
  </si>
  <si>
    <t>MIRZA bhattian</t>
  </si>
  <si>
    <t>Thatti Behlol</t>
  </si>
  <si>
    <t>zahid iqbal</t>
  </si>
  <si>
    <t>24032</t>
  </si>
  <si>
    <t>GGHSS THATHA RAI BAHADUR</t>
  </si>
  <si>
    <t>THUTHA RAI BAHADUR</t>
  </si>
  <si>
    <t>vpo thutha rai bahadur,teh. kharian,distt. gujrat</t>
  </si>
  <si>
    <t>MAMOONA ARSHAD</t>
  </si>
  <si>
    <t>37329</t>
  </si>
  <si>
    <t>46550</t>
  </si>
  <si>
    <t>GGES NO. 1 QUAIDABAD</t>
  </si>
  <si>
    <t>Near bilail masjd Quaidabad</t>
  </si>
  <si>
    <t>MC Qbd</t>
  </si>
  <si>
    <t>GGPS MANGOO TAROO</t>
  </si>
  <si>
    <t>Mangu Taru</t>
  </si>
  <si>
    <t>mangu taru teh and distt nankana sahib</t>
  </si>
  <si>
    <t>Kot Benidas</t>
  </si>
  <si>
    <t>19293</t>
  </si>
  <si>
    <t>24159</t>
  </si>
  <si>
    <t>GPS BHINDI LALEKA</t>
  </si>
  <si>
    <t>Bhindi Laleka</t>
  </si>
  <si>
    <t>Bhindi laleka p/o laleka</t>
  </si>
  <si>
    <t>GES CHAK BODLA</t>
  </si>
  <si>
    <t>mansaraam</t>
  </si>
  <si>
    <t>nizd jimco chowk qasba gujrat</t>
  </si>
  <si>
    <t>chak bodla</t>
  </si>
  <si>
    <t>douna</t>
  </si>
  <si>
    <t>29849</t>
  </si>
  <si>
    <t>27701</t>
  </si>
  <si>
    <t>GPS CHAK NO. 7</t>
  </si>
  <si>
    <t>Chak 7</t>
  </si>
  <si>
    <t>village and post office chak o7</t>
  </si>
  <si>
    <t>Hirya</t>
  </si>
  <si>
    <t>Khizer Abbas</t>
  </si>
  <si>
    <t>53548</t>
  </si>
  <si>
    <t>23213</t>
  </si>
  <si>
    <t>GGPS KHAIR GHANSAR</t>
  </si>
  <si>
    <t>Khair Ghunsar</t>
  </si>
  <si>
    <t>vill Khair Ghunsar p/o mararian teh kharian distt Gujrat</t>
  </si>
  <si>
    <t>27332</t>
  </si>
  <si>
    <t>GGES KALA SHADIAN</t>
  </si>
  <si>
    <t>Kalashadian</t>
  </si>
  <si>
    <t>vpo  Qadirabad</t>
  </si>
  <si>
    <t>Nasreen   Kausar</t>
  </si>
  <si>
    <t>48407</t>
  </si>
  <si>
    <t>33664</t>
  </si>
  <si>
    <t>GGHS MUZAFAR ABAD</t>
  </si>
  <si>
    <t>muzaffarabad</t>
  </si>
  <si>
    <t>basti muzafarabad</t>
  </si>
  <si>
    <t>Muzafarabad</t>
  </si>
  <si>
    <t>Robina Gul</t>
  </si>
  <si>
    <t>GMPS ATLA GHULAM</t>
  </si>
  <si>
    <t>Harsay Atlay</t>
  </si>
  <si>
    <t>Atlay Ghulam p/o sukheke dist Hafizabad</t>
  </si>
  <si>
    <t>Atlay Ghulam</t>
  </si>
  <si>
    <t>Farzana Ahmad Din</t>
  </si>
  <si>
    <t>21504</t>
  </si>
  <si>
    <t>GGHS NAWAN KOT</t>
  </si>
  <si>
    <t>nawankot</t>
  </si>
  <si>
    <t>Shahla Anjum</t>
  </si>
  <si>
    <t>24186</t>
  </si>
  <si>
    <t>12362</t>
  </si>
  <si>
    <t>GHS KHAN PUR BAGGA SHER</t>
  </si>
  <si>
    <t>GHS KHANPUR BAGGA SHER</t>
  </si>
  <si>
    <t>MUHAMMAD SHAKER SHAKOOR</t>
  </si>
  <si>
    <t>24187</t>
  </si>
  <si>
    <t>GGES 41/10-R, KACHA KHUH</t>
  </si>
  <si>
    <t>Govt.Girl middle school 41/10-R kwl</t>
  </si>
  <si>
    <t>41/10-R Kwl</t>
  </si>
  <si>
    <t>Yasmeen Ayub</t>
  </si>
  <si>
    <t>GPS PACHWAL</t>
  </si>
  <si>
    <t>v&amp;po dewal teh murree distt Rawalpindi</t>
  </si>
  <si>
    <t>46521</t>
  </si>
  <si>
    <t>GPS PINDI KHEL</t>
  </si>
  <si>
    <t>Near Dera Lurkian Wala Okhli Mohla</t>
  </si>
  <si>
    <t>19505</t>
  </si>
  <si>
    <t>31788</t>
  </si>
  <si>
    <t>GGPS BHOOTAN PURA</t>
  </si>
  <si>
    <t>ggps bhootan pura</t>
  </si>
  <si>
    <t>ABIDA SADDIQUE</t>
  </si>
  <si>
    <t>24194</t>
  </si>
  <si>
    <t>GPS KAKA PAN</t>
  </si>
  <si>
    <t>Kaka Pun</t>
  </si>
  <si>
    <t>kaka pun, Post office Qila Ahmed Abad Pasrur, Sialkot</t>
  </si>
  <si>
    <t>Khalid  Mehhmood</t>
  </si>
  <si>
    <t>GMES 10/8-AR, TULAMBA</t>
  </si>
  <si>
    <t>10/8AR</t>
  </si>
  <si>
    <t>14/8AR</t>
  </si>
  <si>
    <t>Parveen Ehsaan</t>
  </si>
  <si>
    <t>25743</t>
  </si>
  <si>
    <t>GGPS MC LIAQAT MOHALLA KHAWAJGAN</t>
  </si>
  <si>
    <t>Mohallah khawjgan Narowal</t>
  </si>
  <si>
    <t>Mohallah Khawjgan</t>
  </si>
  <si>
    <t>Razia Shahnaz</t>
  </si>
  <si>
    <t>41329</t>
  </si>
  <si>
    <t>GPS SERI BARI</t>
  </si>
  <si>
    <t>Seri Bari P/O Samli Sanatorium</t>
  </si>
  <si>
    <t>Seri Bari</t>
  </si>
  <si>
    <t>Trait</t>
  </si>
  <si>
    <t>Faisal Pervez</t>
  </si>
  <si>
    <t>17261</t>
  </si>
  <si>
    <t>GPS CHAK NO 3 TDA</t>
  </si>
  <si>
    <t>3TDA</t>
  </si>
  <si>
    <t>gps 3tda</t>
  </si>
  <si>
    <t>Chak 3 TDA</t>
  </si>
  <si>
    <t>28528</t>
  </si>
  <si>
    <t>GGPS BHUK</t>
  </si>
  <si>
    <t>Bhuk</t>
  </si>
  <si>
    <t>Bhuk p/o channi gehna tehsil phalia distt m.b.Din</t>
  </si>
  <si>
    <t>Bhaikho</t>
  </si>
  <si>
    <t>Tasmia Kousar</t>
  </si>
  <si>
    <t>35756</t>
  </si>
  <si>
    <t>GGPS 102/P BASTI SERBOHRI</t>
  </si>
  <si>
    <t>Sarbhori</t>
  </si>
  <si>
    <t>GGPS 102/p SERBOHRI</t>
  </si>
  <si>
    <t>102/p</t>
  </si>
  <si>
    <t>GGPS JINNAH ABADI 24 A</t>
  </si>
  <si>
    <t>Jinnah Abadi 24/A jadeed</t>
  </si>
  <si>
    <t>Jinnah Abadi 24 A</t>
  </si>
  <si>
    <t>Chak 25/A</t>
  </si>
  <si>
    <t>13443</t>
  </si>
  <si>
    <t>47831</t>
  </si>
  <si>
    <t>GPS NO. 3 HERNOLI</t>
  </si>
  <si>
    <t>mohalla masjid Btool Harnoli teh Piplan distt Mionwali</t>
  </si>
  <si>
    <t>Rana Sanaullah</t>
  </si>
  <si>
    <t>GGPS GANJEY CHAK NO. 27</t>
  </si>
  <si>
    <t>Ganjy Chak 27</t>
  </si>
  <si>
    <t>ganjy chak 27, pattoki</t>
  </si>
  <si>
    <t>31666</t>
  </si>
  <si>
    <t>GPS GHARIAL KHURD</t>
  </si>
  <si>
    <t>Gharyal Khurd</t>
  </si>
  <si>
    <t>Gharyal khurd p/o Gharyal kalan dist sheikhupura tehsil murodke</t>
  </si>
  <si>
    <t>32955</t>
  </si>
  <si>
    <t>GGPS BUN SANGAN</t>
  </si>
  <si>
    <t>Bun Sajhian</t>
  </si>
  <si>
    <t>GGps bun sajhian</t>
  </si>
  <si>
    <t>Bun Sajhina</t>
  </si>
  <si>
    <t>Zobia Hafeez</t>
  </si>
  <si>
    <t>GGPS MC GUJAR KHADDA MULTAN</t>
  </si>
  <si>
    <t>GGPS MC gujjar khadda multan</t>
  </si>
  <si>
    <t>Abbas Pura</t>
  </si>
  <si>
    <t>Tehmeena Khanam</t>
  </si>
  <si>
    <t>6843</t>
  </si>
  <si>
    <t>GPS BASTI MOLVIAN</t>
  </si>
  <si>
    <t>53089</t>
  </si>
  <si>
    <t>GES CHAK NO.16/GD</t>
  </si>
  <si>
    <t>16GD</t>
  </si>
  <si>
    <t>16 Gd Okara</t>
  </si>
  <si>
    <t>16Gd</t>
  </si>
  <si>
    <t>14Gd</t>
  </si>
  <si>
    <t>Mushtaq Ali</t>
  </si>
  <si>
    <t>GGPS THATTA RAIKA</t>
  </si>
  <si>
    <t>GGPS thatha raika</t>
  </si>
  <si>
    <t>Thatha Kharo Matmal</t>
  </si>
  <si>
    <t>Khatoon Parveen</t>
  </si>
  <si>
    <t>GMPS  5-T NO.2 JANOOBI</t>
  </si>
  <si>
    <t>Chak 5t</t>
  </si>
  <si>
    <t>Chak 5_t janoobi</t>
  </si>
  <si>
    <t>2MR</t>
  </si>
  <si>
    <t>24244</t>
  </si>
  <si>
    <t>Perhar Sharqi</t>
  </si>
  <si>
    <t>ward  No  9 kot Adu</t>
  </si>
  <si>
    <t>Ward No 9 Kot Adu</t>
  </si>
  <si>
    <t>SALMA HUMA KHANUM</t>
  </si>
  <si>
    <t>24112</t>
  </si>
  <si>
    <t>GGPS AMAN GARH</t>
  </si>
  <si>
    <t>Ggps aman garh</t>
  </si>
  <si>
    <t>Tarira Batool</t>
  </si>
  <si>
    <t>GPS ADDA MALKA HANS</t>
  </si>
  <si>
    <t>Noor Jhang</t>
  </si>
  <si>
    <t>abadi noor jhang malka hans pakpatan</t>
  </si>
  <si>
    <t>Sumair Zubair</t>
  </si>
  <si>
    <t>GPS KLASWALA</t>
  </si>
  <si>
    <t>36935</t>
  </si>
  <si>
    <t>GGPS CHAK NO.143/A</t>
  </si>
  <si>
    <t>143a</t>
  </si>
  <si>
    <t>46a</t>
  </si>
  <si>
    <t>Nuzhat Rasheed</t>
  </si>
  <si>
    <t>24255</t>
  </si>
  <si>
    <t>31790</t>
  </si>
  <si>
    <t>GGPS KOT ABDUL REHMAN</t>
  </si>
  <si>
    <t>kot Abdul rehman</t>
  </si>
  <si>
    <t>Kot Abdul Rehman</t>
  </si>
  <si>
    <t>MC Narang</t>
  </si>
  <si>
    <t>Asmit Tahira</t>
  </si>
  <si>
    <t>24257</t>
  </si>
  <si>
    <t>20357</t>
  </si>
  <si>
    <t>GGPS BHIANWALA</t>
  </si>
  <si>
    <t>Bhinawala</t>
  </si>
  <si>
    <t>27288</t>
  </si>
  <si>
    <t>GPS BHARAK PUR</t>
  </si>
  <si>
    <t>Bahrakpur</t>
  </si>
  <si>
    <t>GPS BAHRAKPUR</t>
  </si>
  <si>
    <t>GPS HAQ NAWAZ KHAN WALA</t>
  </si>
  <si>
    <t>Village Ghoranian wala p/o Musa khel district Mianwali</t>
  </si>
  <si>
    <t>Ghoranian Wala</t>
  </si>
  <si>
    <t>Umar Hayat Khan</t>
  </si>
  <si>
    <t>24263</t>
  </si>
  <si>
    <t>28404</t>
  </si>
  <si>
    <t>GMPS CHAK ABDULLAH</t>
  </si>
  <si>
    <t>Afia Shaheen</t>
  </si>
  <si>
    <t>43126</t>
  </si>
  <si>
    <t>GGPS CHAK NO. 48/NP</t>
  </si>
  <si>
    <t>Kotla Miran</t>
  </si>
  <si>
    <t>Main Street Madina Town Khanpur</t>
  </si>
  <si>
    <t>Samina Ahmed</t>
  </si>
  <si>
    <t>14124</t>
  </si>
  <si>
    <t>GMPS KOTLA HUSSAIN</t>
  </si>
  <si>
    <t>KOTLA HUSSAIN</t>
  </si>
  <si>
    <t>BASTI KOTLA HUSSAIN</t>
  </si>
  <si>
    <t>KOT MITHAN</t>
  </si>
  <si>
    <t>Surrya bibi Qureshi</t>
  </si>
  <si>
    <t>29674</t>
  </si>
  <si>
    <t>GGES AHLOWAL</t>
  </si>
  <si>
    <t>Ahloowal</t>
  </si>
  <si>
    <t>ahloowal</t>
  </si>
  <si>
    <t>Shahida Rahina</t>
  </si>
  <si>
    <t>24271</t>
  </si>
  <si>
    <t>GHS NAGRIAN</t>
  </si>
  <si>
    <t>Naghrian</t>
  </si>
  <si>
    <t>vpo Nagrian teh KHARIAN dist gujrat</t>
  </si>
  <si>
    <t>Saboor</t>
  </si>
  <si>
    <t>HAFIZ IFTEKHAR AHMED</t>
  </si>
  <si>
    <t>71264</t>
  </si>
  <si>
    <t>13004</t>
  </si>
  <si>
    <t>GPS MONGI WALA</t>
  </si>
  <si>
    <t>basti mongi wala mouza sadan wali p/0 budh station m.gath</t>
  </si>
  <si>
    <t>Mongi Wala</t>
  </si>
  <si>
    <t>Shahbaz Ahmed Khan</t>
  </si>
  <si>
    <t>24276</t>
  </si>
  <si>
    <t>41289</t>
  </si>
  <si>
    <t>village Dewal,  Teh Murrree,  District Rawalpindi</t>
  </si>
  <si>
    <t>Mohsin Tasawar</t>
  </si>
  <si>
    <t>23803</t>
  </si>
  <si>
    <t>31726</t>
  </si>
  <si>
    <t>GGPS MODEL CHAK WARIACH</t>
  </si>
  <si>
    <t>Chak Waraich</t>
  </si>
  <si>
    <t>chak waraich</t>
  </si>
  <si>
    <t>Chakwaraich</t>
  </si>
  <si>
    <t>Ghucli</t>
  </si>
  <si>
    <t>Faiqa Mushtaq</t>
  </si>
  <si>
    <t>23804</t>
  </si>
  <si>
    <t>GGES CHAK NO. 111/NP</t>
  </si>
  <si>
    <t>111np</t>
  </si>
  <si>
    <t>GGES111NP TENSILE KHAN PUR DISTRICT RAHIM YAR KHAN</t>
  </si>
  <si>
    <t>Azim Shah</t>
  </si>
  <si>
    <t>Iqbal bibi</t>
  </si>
  <si>
    <t>28183</t>
  </si>
  <si>
    <t>GPS DERA MURAD ABAD</t>
  </si>
  <si>
    <t>Pandowal Bala</t>
  </si>
  <si>
    <t>vpo pandowal bala teh and dist m.b.din</t>
  </si>
  <si>
    <t>23808</t>
  </si>
  <si>
    <t>51564</t>
  </si>
  <si>
    <t>GGPS CHANWAT</t>
  </si>
  <si>
    <t>Chanwat</t>
  </si>
  <si>
    <t>ada chanwat saiwal road</t>
  </si>
  <si>
    <t>26/sp</t>
  </si>
  <si>
    <t>Tabassum Nisar</t>
  </si>
  <si>
    <t>14258</t>
  </si>
  <si>
    <t>28481</t>
  </si>
  <si>
    <t>50048</t>
  </si>
  <si>
    <t>GPS KHANQAH MIAN GHULAM MUHAMMAD</t>
  </si>
  <si>
    <t>P O wapda colony chashma teh piplan mianwali</t>
  </si>
  <si>
    <t>6410</t>
  </si>
  <si>
    <t>18710</t>
  </si>
  <si>
    <t>GPS RAIS ALLAH DITTA</t>
  </si>
  <si>
    <t>Basti Rais Allah Ditta Mouza Chaudhary Liaquat Pur</t>
  </si>
  <si>
    <t>Basti Rais Allah Ditta</t>
  </si>
  <si>
    <t>34251</t>
  </si>
  <si>
    <t>GGHS BASTI NAU MULTAN</t>
  </si>
  <si>
    <t>Govt. Girls High School Basti Nau, Tehsil Multan Saddar, Distt Multan</t>
  </si>
  <si>
    <t>Khawar Noor Farhana</t>
  </si>
  <si>
    <t>GGPS CHAK NO. 89/M</t>
  </si>
  <si>
    <t>Khanwan Khanwa Khanwa Ghalwan</t>
  </si>
  <si>
    <t>89/m</t>
  </si>
  <si>
    <t>89m</t>
  </si>
  <si>
    <t>Salma Taskeen</t>
  </si>
  <si>
    <t>GGPS ESA PAI BILAND</t>
  </si>
  <si>
    <t>biland</t>
  </si>
  <si>
    <t>GPS BUKHSH WALA</t>
  </si>
  <si>
    <t>Bakhsh Wala</t>
  </si>
  <si>
    <t>Bakhsh Wala Tehsil Lalian</t>
  </si>
  <si>
    <t>23824</t>
  </si>
  <si>
    <t>53084</t>
  </si>
  <si>
    <t>GES ARAZI WADHAWA</t>
  </si>
  <si>
    <t>Arazi Wadhaea</t>
  </si>
  <si>
    <t>GES Arazi Wadhawa</t>
  </si>
  <si>
    <t>Arazi Wadhawa</t>
  </si>
  <si>
    <t>Muhammad Imran Khaliq</t>
  </si>
  <si>
    <t>6939</t>
  </si>
  <si>
    <t>GGMPS SIDHAN WALI</t>
  </si>
  <si>
    <t>SidhanwLi</t>
  </si>
  <si>
    <t>sidhanwali</t>
  </si>
  <si>
    <t>Siddhanwali</t>
  </si>
  <si>
    <t>Humaira Ch</t>
  </si>
  <si>
    <t>23258</t>
  </si>
  <si>
    <t>GGES BAHATIAN CHIBBIAN</t>
  </si>
  <si>
    <t>Bhattian Chibban</t>
  </si>
  <si>
    <t>village and p.o bhattian chibbian teh kharian, district gujrat</t>
  </si>
  <si>
    <t>GGPS YARA SULLA  PO HAIDERABAD</t>
  </si>
  <si>
    <t>ggpsyarasullah.post office haiderabad tehsile mankera.dist bhakkar</t>
  </si>
  <si>
    <t>46533</t>
  </si>
  <si>
    <t>GGPS BHAN SULTAN WALA</t>
  </si>
  <si>
    <t>Bhan Sultan Wala</t>
  </si>
  <si>
    <t>GGP/S Bhan sultan wala Golewali</t>
  </si>
  <si>
    <t>Golywali</t>
  </si>
  <si>
    <t>Surreeya Bibi</t>
  </si>
  <si>
    <t>near houses</t>
  </si>
  <si>
    <t>23864</t>
  </si>
  <si>
    <t>27752</t>
  </si>
  <si>
    <t>GMPS CHAK NO. 48</t>
  </si>
  <si>
    <t>chak 48 p/ o chak 47</t>
  </si>
  <si>
    <t>Ambreen Abbas</t>
  </si>
  <si>
    <t>25816</t>
  </si>
  <si>
    <t>23837</t>
  </si>
  <si>
    <t>32726</t>
  </si>
  <si>
    <t>GPS CHAK NO 55/29</t>
  </si>
  <si>
    <t>BARAGHAR EAST-MALE</t>
  </si>
  <si>
    <t>Chak 55/29</t>
  </si>
  <si>
    <t>Chak No 55/29 P/o Bucheki Tehsil and District Nankana Sahib</t>
  </si>
  <si>
    <t>Chak No 55/29</t>
  </si>
  <si>
    <t>25866</t>
  </si>
  <si>
    <t>GPS DODI SINGI</t>
  </si>
  <si>
    <t>P/O Rukan Pur Teh. &amp; Distt. Rahim Yar Khan</t>
  </si>
  <si>
    <t>Master Khuda Bux</t>
  </si>
  <si>
    <t>Thul Khair muhammad</t>
  </si>
  <si>
    <t>49544</t>
  </si>
  <si>
    <t>GES RATTEKA</t>
  </si>
  <si>
    <t>Ratteka Otar</t>
  </si>
  <si>
    <t>chak ratteka P/O macleod gunj tehsil minchin abad district bahawal nagar</t>
  </si>
  <si>
    <t>Ratteka</t>
  </si>
  <si>
    <t>23849</t>
  </si>
  <si>
    <t>35917</t>
  </si>
  <si>
    <t>GGPS 188 WB</t>
  </si>
  <si>
    <t>GGps 188wb</t>
  </si>
  <si>
    <t>chak no 188wb</t>
  </si>
  <si>
    <t>SHAZIA AKBAR</t>
  </si>
  <si>
    <t>31466</t>
  </si>
  <si>
    <t>47742</t>
  </si>
  <si>
    <t>GES CHAK NO 19 DB PIPLAN</t>
  </si>
  <si>
    <t>Chak 13db</t>
  </si>
  <si>
    <t>Village @P/o chak 19db teh piplan distt mianwali</t>
  </si>
  <si>
    <t>Chak 19db</t>
  </si>
  <si>
    <t>Khuda bakhsh</t>
  </si>
  <si>
    <t>23852</t>
  </si>
  <si>
    <t>GGPS NAWAN KALOKA NO. 1</t>
  </si>
  <si>
    <t>Kaloka,teh. lalian,Distt.Chiniot</t>
  </si>
  <si>
    <t>Asia Bibi Do Abdul Ghafoor</t>
  </si>
  <si>
    <t>41330</t>
  </si>
  <si>
    <t>GES SIHANNA</t>
  </si>
  <si>
    <t>Sihanna</t>
  </si>
  <si>
    <t>vpo sihanna via sehrbagla</t>
  </si>
  <si>
    <t>Shahmir ahmed</t>
  </si>
  <si>
    <t>natural source</t>
  </si>
  <si>
    <t>51670</t>
  </si>
  <si>
    <t>GPS WAN MAHABAT KI</t>
  </si>
  <si>
    <t>Anayat Ka</t>
  </si>
  <si>
    <t>Wan Meer ki</t>
  </si>
  <si>
    <t>Wan Meer Ki</t>
  </si>
  <si>
    <t>47586</t>
  </si>
  <si>
    <t>GGPS REHMAT ABAD</t>
  </si>
  <si>
    <t>mohalla rehmatabad p/o dillewali teh &amp; dist mianwali</t>
  </si>
  <si>
    <t>GGPS CHAK GODAR</t>
  </si>
  <si>
    <t>Chak Godar</t>
  </si>
  <si>
    <t>G.G.P.S Chak godar</t>
  </si>
  <si>
    <t>Waan Patafi</t>
  </si>
  <si>
    <t>34591</t>
  </si>
  <si>
    <t>24236</t>
  </si>
  <si>
    <t>GPS GURZ BARDAR</t>
  </si>
  <si>
    <t>Gurzbardar</t>
  </si>
  <si>
    <t>GPS gurzbardar</t>
  </si>
  <si>
    <t>GPS JODH SINGH WALA</t>
  </si>
  <si>
    <t>Jodh Sing Wala</t>
  </si>
  <si>
    <t>Thati Usman</t>
  </si>
  <si>
    <t>MUHAMMAD ANWAAR  AKMAL</t>
  </si>
  <si>
    <t>31342</t>
  </si>
  <si>
    <t>GPS MC KOOCHA HANOO MAAN GUMTI BAZAR</t>
  </si>
  <si>
    <t>Sutter Mandi</t>
  </si>
  <si>
    <t>Kucha Hanuman Gumti Bazar Lahore</t>
  </si>
  <si>
    <t>Sutter Mandi /Gumti Bazar</t>
  </si>
  <si>
    <t>Adeel Arif</t>
  </si>
  <si>
    <t>GPS TABQRAH</t>
  </si>
  <si>
    <t>Tabqrah</t>
  </si>
  <si>
    <t>Bholy Wala</t>
  </si>
  <si>
    <t>Hafeez Ahmad</t>
  </si>
  <si>
    <t>GMPS KAHLWAN</t>
  </si>
  <si>
    <t>Kahlwan</t>
  </si>
  <si>
    <t>kahlwan,</t>
  </si>
  <si>
    <t>Mudassrah Afzal</t>
  </si>
  <si>
    <t>45296</t>
  </si>
  <si>
    <t>GGPS NOOR SHAH KISAN WALA</t>
  </si>
  <si>
    <t>kasanwala</t>
  </si>
  <si>
    <t>Kasanwala</t>
  </si>
  <si>
    <t>33593</t>
  </si>
  <si>
    <t>GPS MONG</t>
  </si>
  <si>
    <t>Village &amp;post office mong Teh.Distt m.b.din</t>
  </si>
  <si>
    <t>GMPS ABBAS PURA RODAY</t>
  </si>
  <si>
    <t>Roday</t>
  </si>
  <si>
    <t>Roday teh Pattoki dist Kasur</t>
  </si>
  <si>
    <t>Tara Garh Ch#44</t>
  </si>
  <si>
    <t>Surayya Naseer</t>
  </si>
  <si>
    <t>40535</t>
  </si>
  <si>
    <t>GPS DERA DHOLAN WALA WAN BHACHRAN</t>
  </si>
  <si>
    <t>muzafar pur</t>
  </si>
  <si>
    <t>dera dholan wala wan bhachran</t>
  </si>
  <si>
    <t>dholan wala</t>
  </si>
  <si>
    <t>muhammad mehrban ahmed</t>
  </si>
  <si>
    <t>29899</t>
  </si>
  <si>
    <t>GPS MAMOLA</t>
  </si>
  <si>
    <t>Vijhalkay</t>
  </si>
  <si>
    <t>Muhammad Wala,Tehsil Lalion District Chiniot</t>
  </si>
  <si>
    <t>Umar Draz Abid</t>
  </si>
  <si>
    <t>23899</t>
  </si>
  <si>
    <t>GPS PATASA P/O DHUPAI</t>
  </si>
  <si>
    <t>PATASA</t>
  </si>
  <si>
    <t>chak patasa po dhappi pakpattan</t>
  </si>
  <si>
    <t>DHAPI</t>
  </si>
  <si>
    <t>ABID RASHID</t>
  </si>
  <si>
    <t>47147</t>
  </si>
  <si>
    <t>25821</t>
  </si>
  <si>
    <t>47733</t>
  </si>
  <si>
    <t>GES CHAK NO. 1 ML</t>
  </si>
  <si>
    <t>Chak No 1ml</t>
  </si>
  <si>
    <t>chak no1ml</t>
  </si>
  <si>
    <t>Chak no 1ml</t>
  </si>
  <si>
    <t>Shahenshah</t>
  </si>
  <si>
    <t>46444</t>
  </si>
  <si>
    <t>GES NO. 2 BANDIAL</t>
  </si>
  <si>
    <t>bandial tehsil quaidabad distt.khushab</t>
  </si>
  <si>
    <t>12630</t>
  </si>
  <si>
    <t>GPS TIBBI NONARI</t>
  </si>
  <si>
    <t>tibbi nonari</t>
  </si>
  <si>
    <t>mouza &amp; basti tibbi nonari p/o meharpur</t>
  </si>
  <si>
    <t>basti kharik</t>
  </si>
  <si>
    <t>Abbdul razzaq</t>
  </si>
  <si>
    <t>23912</t>
  </si>
  <si>
    <t>33126</t>
  </si>
  <si>
    <t>GPS MALI WAL</t>
  </si>
  <si>
    <t>Mali Wal</t>
  </si>
  <si>
    <t>Gps mali wal</t>
  </si>
  <si>
    <t>Haftar Madar</t>
  </si>
  <si>
    <t>24516</t>
  </si>
  <si>
    <t>29846</t>
  </si>
  <si>
    <t>GGCMS MADDAR CHAK NO 26</t>
  </si>
  <si>
    <t>madar ch26</t>
  </si>
  <si>
    <t>Madar Ch26</t>
  </si>
  <si>
    <t>Dholan Ch27</t>
  </si>
  <si>
    <t>Farzana Saeed Akhtar</t>
  </si>
  <si>
    <t>12174</t>
  </si>
  <si>
    <t>GPS KANDWAL NO.2</t>
  </si>
  <si>
    <t>vpo kandwal teh p d khan distt jhelum</t>
  </si>
  <si>
    <t>MUHAMMAD SARFRAZ</t>
  </si>
  <si>
    <t>41380</t>
  </si>
  <si>
    <t>GPS BANSRA GALI</t>
  </si>
  <si>
    <t>moza pithli uc ghora gali village kashmiri mohala bansra gali murree</t>
  </si>
  <si>
    <t>Kashmiri Mohala</t>
  </si>
  <si>
    <t>Tahir Saeed Abbasi</t>
  </si>
  <si>
    <t>local waret pipe</t>
  </si>
  <si>
    <t>24523</t>
  </si>
  <si>
    <t>GPS JHORAN</t>
  </si>
  <si>
    <t>makhdoom abad  moza jhoran</t>
  </si>
  <si>
    <t>Makhdoom abad Jhoran</t>
  </si>
  <si>
    <t>GPS DHOOR KOT</t>
  </si>
  <si>
    <t>Dhoorkot</t>
  </si>
  <si>
    <t>dhoor Kot</t>
  </si>
  <si>
    <t>Arsalan Nazeer</t>
  </si>
  <si>
    <t>29893</t>
  </si>
  <si>
    <t>GGPS CHAK NO.7 GABA</t>
  </si>
  <si>
    <t>7 Gaba</t>
  </si>
  <si>
    <t>Moza khola distict okara</t>
  </si>
  <si>
    <t>Shamila Ashraf</t>
  </si>
  <si>
    <t>31510</t>
  </si>
  <si>
    <t>GPS CHOUNTRA</t>
  </si>
  <si>
    <t>Nautheen</t>
  </si>
  <si>
    <t>chuntra nautheen tehsil pindi bhattian district hafi,abad</t>
  </si>
  <si>
    <t>Chuntra</t>
  </si>
  <si>
    <t>Imtiaz Ahmad Khn</t>
  </si>
  <si>
    <t>24533</t>
  </si>
  <si>
    <t>45136</t>
  </si>
  <si>
    <t>GHSS GOHAR WALA</t>
  </si>
  <si>
    <t>P.O gohar wala teh. mankera distt bhakkar</t>
  </si>
  <si>
    <t>GGPS BHUTTA NAU</t>
  </si>
  <si>
    <t>mohallah Islam nagar malakwal</t>
  </si>
  <si>
    <t>Memoona Akram</t>
  </si>
  <si>
    <t>13385</t>
  </si>
  <si>
    <t>GGHSS MANDI SADIQ GUNJ</t>
  </si>
  <si>
    <t>Mandi Sadiq Gung</t>
  </si>
  <si>
    <t>GGHSS MANDI SADIQ GUNG</t>
  </si>
  <si>
    <t>Razia Abbas</t>
  </si>
  <si>
    <t>75230</t>
  </si>
  <si>
    <t>47740</t>
  </si>
  <si>
    <t>GES SANDAN WALA</t>
  </si>
  <si>
    <t>Village sandanwala</t>
  </si>
  <si>
    <t>mohammad aslam</t>
  </si>
  <si>
    <t>GGHS DUGRI HERIAN</t>
  </si>
  <si>
    <t>Dugri Herrian</t>
  </si>
  <si>
    <t>dugri Herrian teh.pasrur,distt.sialkot</t>
  </si>
  <si>
    <t>Dugri Harrian</t>
  </si>
  <si>
    <t>Shazia Islam</t>
  </si>
  <si>
    <t>38698</t>
  </si>
  <si>
    <t>29302</t>
  </si>
  <si>
    <t>GPS NANDAN PURA</t>
  </si>
  <si>
    <t>Nandan Pura</t>
  </si>
  <si>
    <t>Nandanpura</t>
  </si>
  <si>
    <t>Sandan Kalan</t>
  </si>
  <si>
    <t>24355</t>
  </si>
  <si>
    <t>27371</t>
  </si>
  <si>
    <t>GGPS PARANEKI</t>
  </si>
  <si>
    <t>Paraneki</t>
  </si>
  <si>
    <t>village paraneki</t>
  </si>
  <si>
    <t>Vijhwan</t>
  </si>
  <si>
    <t>Sidra Ashraf</t>
  </si>
  <si>
    <t>24555</t>
  </si>
  <si>
    <t>25879</t>
  </si>
  <si>
    <t>GGPS QILA RAJA SINGH</t>
  </si>
  <si>
    <t>Qila Raja Singh</t>
  </si>
  <si>
    <t>Qamar U Din</t>
  </si>
  <si>
    <t>36100</t>
  </si>
  <si>
    <t>24558</t>
  </si>
  <si>
    <t>53331</t>
  </si>
  <si>
    <t>GPS CHAK NO. 15/1-R</t>
  </si>
  <si>
    <t>15/1R OKARA</t>
  </si>
  <si>
    <t>16787</t>
  </si>
  <si>
    <t>GES HARYYA TEH NANKANA</t>
  </si>
  <si>
    <t>Haryya</t>
  </si>
  <si>
    <t>Haryya post office warburton Teh a&amp;Distt Nankana sahib</t>
  </si>
  <si>
    <t>23078</t>
  </si>
  <si>
    <t>18139</t>
  </si>
  <si>
    <t>GPS PATI PAHORAN</t>
  </si>
  <si>
    <t>PATI PAHORAN</t>
  </si>
  <si>
    <t>GPS PATI PAHORAN IMAM NAGAR RAJAN PUR KALAN</t>
  </si>
  <si>
    <t>IMAM NAGAR</t>
  </si>
  <si>
    <t>MUSLIMABAD</t>
  </si>
  <si>
    <t>Nawaz Khalid</t>
  </si>
  <si>
    <t>GES TRINDA MIR KHAN</t>
  </si>
  <si>
    <t>Tranda Mir Khan</t>
  </si>
  <si>
    <t>Tranda mir khan liaqut pur RYK</t>
  </si>
  <si>
    <t>Waleed Qamer</t>
  </si>
  <si>
    <t>24571</t>
  </si>
  <si>
    <t>GGPS MALAKAN WALA</t>
  </si>
  <si>
    <t>Malkanwala</t>
  </si>
  <si>
    <t>GGPS Malkanwala Mandi bahauddin</t>
  </si>
  <si>
    <t>Shumaila Ehsan</t>
  </si>
  <si>
    <t>26254</t>
  </si>
  <si>
    <t>24572</t>
  </si>
  <si>
    <t>47016</t>
  </si>
  <si>
    <t>GHS CHAH HUSSAIN WALA</t>
  </si>
  <si>
    <t>Chah Hussain Wala</t>
  </si>
  <si>
    <t>ghs hussain wala mianwali</t>
  </si>
  <si>
    <t>Yarukhel Paka</t>
  </si>
  <si>
    <t>Mian Parvez Akhter Shah</t>
  </si>
  <si>
    <t>GPS LADHKE GHARBI</t>
  </si>
  <si>
    <t>Ladheke Gharbi</t>
  </si>
  <si>
    <t>Hardo Ladheke</t>
  </si>
  <si>
    <t>Syed Ishrat Abbas Kazmi</t>
  </si>
  <si>
    <t>24578</t>
  </si>
  <si>
    <t>GGPS VEROWAL</t>
  </si>
  <si>
    <t>Village Verowal, PO lalamusa Tehsil kharian distt gujrat</t>
  </si>
  <si>
    <t>GPS ADA SHAIKHAN</t>
  </si>
  <si>
    <t>Adda sheikhan Tehsil Lalian Disst. Chiniot</t>
  </si>
  <si>
    <t>Adda Sheikhan</t>
  </si>
  <si>
    <t>GPS CHAK 50/2-L</t>
  </si>
  <si>
    <t>50/2-L</t>
  </si>
  <si>
    <t>chak no. 50/2-L Okara</t>
  </si>
  <si>
    <t>Muhammad Shahzad Ashraf</t>
  </si>
  <si>
    <t>24587</t>
  </si>
  <si>
    <t>GPS DUNYA PUR GANGA</t>
  </si>
  <si>
    <t>dunya purganga</t>
  </si>
  <si>
    <t>Muhammad Pur Question</t>
  </si>
  <si>
    <t>Siddique Ahmed</t>
  </si>
  <si>
    <t>GGPS LUDAR ROHIWALA</t>
  </si>
  <si>
    <t>Ludhar Rohiwala</t>
  </si>
  <si>
    <t>village Ludhar Rohiwala Teh Dist Narowal</t>
  </si>
  <si>
    <t>Niddokey</t>
  </si>
  <si>
    <t>Maryam Taleh</t>
  </si>
  <si>
    <t>GPS CHAH NASRULLAH</t>
  </si>
  <si>
    <t>govt p/s chahnassrullah</t>
  </si>
  <si>
    <t>Basti Shedo Khan</t>
  </si>
  <si>
    <t>GMPS CHELEY KEY</t>
  </si>
  <si>
    <t>CHELE KEY</t>
  </si>
  <si>
    <t>CHELE KEY TEHSIL NOSHERA VIRKAN(GUJRANWALA)</t>
  </si>
  <si>
    <t>BADDO RATTA</t>
  </si>
  <si>
    <t>FAREEHA ABDULLAH</t>
  </si>
  <si>
    <t>GGPS 124/P B</t>
  </si>
  <si>
    <t>chack 124/p post office 125/p</t>
  </si>
  <si>
    <t>sumaira rabbani</t>
  </si>
  <si>
    <t>24603</t>
  </si>
  <si>
    <t>29803</t>
  </si>
  <si>
    <t>GPS WASAI PURA KASUR</t>
  </si>
  <si>
    <t>Wasai Pura</t>
  </si>
  <si>
    <t>wasai Pura pattoki kasur</t>
  </si>
  <si>
    <t>Alpha Kalan</t>
  </si>
  <si>
    <t>24457</t>
  </si>
  <si>
    <t>GMPS CHAK DULARAY</t>
  </si>
  <si>
    <t>Chak Dularay</t>
  </si>
  <si>
    <t>p.o.dhodah village chak dularay tehsil pasror distt sialkot</t>
  </si>
  <si>
    <t>Gulnaz Shazia</t>
  </si>
  <si>
    <t>16099</t>
  </si>
  <si>
    <t>14651</t>
  </si>
  <si>
    <t>37990</t>
  </si>
  <si>
    <t>Basti Balochan mouza sumra</t>
  </si>
  <si>
    <t>Karari</t>
  </si>
  <si>
    <t>Mirza Muhammad Rashid</t>
  </si>
  <si>
    <t>25035</t>
  </si>
  <si>
    <t>24398</t>
  </si>
  <si>
    <t>GGPS KILOKA NO. 2</t>
  </si>
  <si>
    <t>Kaloka,Teh Lalian,Distt Chiniot</t>
  </si>
  <si>
    <t>33828</t>
  </si>
  <si>
    <t>GGPS JHAKAR PUR MULTAN</t>
  </si>
  <si>
    <t>Jhakar Pur</t>
  </si>
  <si>
    <t>chah kuriya wala jhakar pur dak khana ismailabad multan</t>
  </si>
  <si>
    <t>Chah Kuriya Wala Jhakar Pur</t>
  </si>
  <si>
    <t>Navida Aziz</t>
  </si>
  <si>
    <t>47913</t>
  </si>
  <si>
    <t>GGPS MOHAJIR ABADI</t>
  </si>
  <si>
    <t>p/o doaba tehsil piplan district mianwali</t>
  </si>
  <si>
    <t>Raeesa Bibi</t>
  </si>
  <si>
    <t>GGPS QAIM PUR JHANGI</t>
  </si>
  <si>
    <t>Govt Girl P/S Moaza Qaim pur Jhangi</t>
  </si>
  <si>
    <t>Qiam Pur Jhangi</t>
  </si>
  <si>
    <t>Parveen Anwar</t>
  </si>
  <si>
    <t>27411</t>
  </si>
  <si>
    <t>GGPS GARHI ABDULLAH</t>
  </si>
  <si>
    <t>Garhi Abdullah</t>
  </si>
  <si>
    <t>Nazma Tanveer</t>
  </si>
  <si>
    <t>34955</t>
  </si>
  <si>
    <t>24622</t>
  </si>
  <si>
    <t>21853</t>
  </si>
  <si>
    <t>GPS DOBURGI VIRKAN</t>
  </si>
  <si>
    <t>Doburgi Virkan</t>
  </si>
  <si>
    <t>Mian Muhammad Tahir Khalil</t>
  </si>
  <si>
    <t>24623</t>
  </si>
  <si>
    <t>39447</t>
  </si>
  <si>
    <t>GGPS DHOK BHARAKI</t>
  </si>
  <si>
    <t>Dk Bharaki  post office thatti Syedaan pindi gheb attock</t>
  </si>
  <si>
    <t>Dk Bharaki</t>
  </si>
  <si>
    <t>Naila Bibi</t>
  </si>
  <si>
    <t>45845</t>
  </si>
  <si>
    <t>GPS NALLI GHARBI</t>
  </si>
  <si>
    <t>Nalli shumali Teh&amp;Dist KHB</t>
  </si>
  <si>
    <t>24632</t>
  </si>
  <si>
    <t>GGHS WAG</t>
  </si>
  <si>
    <t>wagh</t>
  </si>
  <si>
    <t>GOVT GIRLS  HIGH SCHOOLWAGH</t>
  </si>
  <si>
    <t>jalal pur sharief</t>
  </si>
  <si>
    <t>Aneela Azmat</t>
  </si>
  <si>
    <t>24633</t>
  </si>
  <si>
    <t>53239</t>
  </si>
  <si>
    <t>GPS LAHIBALA</t>
  </si>
  <si>
    <t>Lahibala</t>
  </si>
  <si>
    <t>LASHARI</t>
  </si>
  <si>
    <t>29826</t>
  </si>
  <si>
    <t>GGPS KOT DOLA SINGH</t>
  </si>
  <si>
    <t>Kott Dulla Sing</t>
  </si>
  <si>
    <t>ggps kot Dolla sing PAttOki</t>
  </si>
  <si>
    <t>Sobia Khushi</t>
  </si>
  <si>
    <t>52559</t>
  </si>
  <si>
    <t>7483</t>
  </si>
  <si>
    <t>32727</t>
  </si>
  <si>
    <t>GPS BARAGHAR PO SAME NANKANA</t>
  </si>
  <si>
    <t>Bara Ghar</t>
  </si>
  <si>
    <t>Bara Ghar p/o same The.&amp;distt.nankana sahib</t>
  </si>
  <si>
    <t>Amin Hanif</t>
  </si>
  <si>
    <t>49355</t>
  </si>
  <si>
    <t>24404</t>
  </si>
  <si>
    <t>GPS RAB NAWAZ ARAIN</t>
  </si>
  <si>
    <t>Basti Jhanvri Gulfad  u/c PIR BUX EAST</t>
  </si>
  <si>
    <t>BASTI JHANVRI GULFAD</t>
  </si>
  <si>
    <t>GES RAQBA NOOR KHAN</t>
  </si>
  <si>
    <t>chah mosa khan wala moza kotla tehsil/dist. muzaffargarh</t>
  </si>
  <si>
    <t>Mosa Khan Wala</t>
  </si>
  <si>
    <t>Gairy Weihn</t>
  </si>
  <si>
    <t>24409</t>
  </si>
  <si>
    <t>29172</t>
  </si>
  <si>
    <t>GES NAND KA TAKIA PO KASUR</t>
  </si>
  <si>
    <t>Nand Ka Takia</t>
  </si>
  <si>
    <t>Nand ka takia kasur</t>
  </si>
  <si>
    <t>Har Do Shari</t>
  </si>
  <si>
    <t>GGES JAGGAL</t>
  </si>
  <si>
    <t>Jaggal</t>
  </si>
  <si>
    <t>village jagal p.o dilawarpur</t>
  </si>
  <si>
    <t>Sidra Yousaf</t>
  </si>
  <si>
    <t>GGES KALA KHATAI</t>
  </si>
  <si>
    <t>Kala Khatai</t>
  </si>
  <si>
    <t>village kala khatai p/o same tehsil mdk skp</t>
  </si>
  <si>
    <t>Shehwar Allah Rakha</t>
  </si>
  <si>
    <t>28160</t>
  </si>
  <si>
    <t>GPS DERA ALI AHMED</t>
  </si>
  <si>
    <t>JHULANA. G P S DERA ALI AHMAD</t>
  </si>
  <si>
    <t>45387</t>
  </si>
  <si>
    <t>30685</t>
  </si>
  <si>
    <t>45341</t>
  </si>
  <si>
    <t>GPS TATRAN WALA</t>
  </si>
  <si>
    <t>GPS Tatran wala</t>
  </si>
  <si>
    <t>Tatran Wala</t>
  </si>
  <si>
    <t>24431</t>
  </si>
  <si>
    <t>45811</t>
  </si>
  <si>
    <t>GPS ARRARA</t>
  </si>
  <si>
    <t>Moza Nalli village Arrara Khushab</t>
  </si>
  <si>
    <t>Arrara</t>
  </si>
  <si>
    <t>GGPS GOBIND GHAR</t>
  </si>
  <si>
    <t>Gobind gar</t>
  </si>
  <si>
    <t>Ropay Wala</t>
  </si>
  <si>
    <t>Rohan</t>
  </si>
  <si>
    <t>RobinaMaqbool</t>
  </si>
  <si>
    <t>24434</t>
  </si>
  <si>
    <t>GPS KOT SAMABA</t>
  </si>
  <si>
    <t>GPS Kot Samaba Teacher's Colony</t>
  </si>
  <si>
    <t>Mohammad Jaliluddin</t>
  </si>
  <si>
    <t>24435</t>
  </si>
  <si>
    <t>GMPS CHAK 4-T P/O NO.1 MR</t>
  </si>
  <si>
    <t>Chak 4-T</t>
  </si>
  <si>
    <t>chak no 4-T p/o 1 MR tehsil Multan saddar</t>
  </si>
  <si>
    <t>4-T</t>
  </si>
  <si>
    <t>Saleman Bibi</t>
  </si>
  <si>
    <t>26603</t>
  </si>
  <si>
    <t>24047</t>
  </si>
  <si>
    <t>GHS CHOBARA</t>
  </si>
  <si>
    <t>27442</t>
  </si>
  <si>
    <t>GMPS SADOKE</t>
  </si>
  <si>
    <t>Safhoki</t>
  </si>
  <si>
    <t>govt p s Sadhoki jalalpur bhattian</t>
  </si>
  <si>
    <t>RobinaKousar</t>
  </si>
  <si>
    <t>GPS PHULAHI</t>
  </si>
  <si>
    <t>dk laham</t>
  </si>
  <si>
    <t>Dk Phullahi</t>
  </si>
  <si>
    <t>Shabir Ahmed Nadeem</t>
  </si>
  <si>
    <t>watersupply</t>
  </si>
  <si>
    <t>9595</t>
  </si>
  <si>
    <t>29272</t>
  </si>
  <si>
    <t>GPS HERDO SAHBNI WALA</t>
  </si>
  <si>
    <t>Herdo</t>
  </si>
  <si>
    <t>Herdo sahbni wala  markaz khai hithar district kasur</t>
  </si>
  <si>
    <t>Herdo Sahbni Wala</t>
  </si>
  <si>
    <t>Nadeem pervaz</t>
  </si>
  <si>
    <t>24451</t>
  </si>
  <si>
    <t>GGES WAN ADHAN</t>
  </si>
  <si>
    <t>Wan Adhan</t>
  </si>
  <si>
    <t>G G E/ S Wan Adhan</t>
  </si>
  <si>
    <t>Syeda Azmat Bano</t>
  </si>
  <si>
    <t>Chak SHAH Pur Muza Shah Pur Fazilpur District  Rajanpur</t>
  </si>
  <si>
    <t>SHAH Pur</t>
  </si>
  <si>
    <t>Hafeez-ur-Rahman Shah</t>
  </si>
  <si>
    <t>31794</t>
  </si>
  <si>
    <t>GGCMS UCHA PIND</t>
  </si>
  <si>
    <t>uncha Pind</t>
  </si>
  <si>
    <t>uncha pind</t>
  </si>
  <si>
    <t>Uncha Pind</t>
  </si>
  <si>
    <t>Nangal Butcher</t>
  </si>
  <si>
    <t>Zakia Akhtar</t>
  </si>
  <si>
    <t>47192</t>
  </si>
  <si>
    <t>GPS ESAB KHAN WALA</t>
  </si>
  <si>
    <t>village dhadian wala uc musakhel</t>
  </si>
  <si>
    <t>Dhadian Wala</t>
  </si>
  <si>
    <t>Maraj Khalid Khan</t>
  </si>
  <si>
    <t>27563</t>
  </si>
  <si>
    <t>GPS DEELAY WALI</t>
  </si>
  <si>
    <t>Kot sarwar</t>
  </si>
  <si>
    <t>delywali kotsarwar tehsil Hindi bhattian district hafizabad</t>
  </si>
  <si>
    <t>Deely Wali</t>
  </si>
  <si>
    <t>Falik Sher</t>
  </si>
  <si>
    <t>24472</t>
  </si>
  <si>
    <t>GGPS NANGAL WAHLA</t>
  </si>
  <si>
    <t>Nangal Wahla</t>
  </si>
  <si>
    <t>nangal wahlah Tehsil and district narowal</t>
  </si>
  <si>
    <t>Nangal Wahlah</t>
  </si>
  <si>
    <t>khadija</t>
  </si>
  <si>
    <t>GGPS MIR HUSSAIN KAKRALI</t>
  </si>
  <si>
    <t>village and post office Kakrali district Gujrat tehsil kharian</t>
  </si>
  <si>
    <t>Haleema Akhtar</t>
  </si>
  <si>
    <t>GPS QASIM PUR</t>
  </si>
  <si>
    <t>gps qaim pur</t>
  </si>
  <si>
    <t>Artali</t>
  </si>
  <si>
    <t>41332</t>
  </si>
  <si>
    <t>GMPS SUI</t>
  </si>
  <si>
    <t>dhoke sui moza Potha tehsil murree</t>
  </si>
  <si>
    <t>Sui</t>
  </si>
  <si>
    <t>Neelam Bibi</t>
  </si>
  <si>
    <t>natural resources</t>
  </si>
  <si>
    <t>14068</t>
  </si>
  <si>
    <t>24709</t>
  </si>
  <si>
    <t>GGPS BASTI SHER KHAN</t>
  </si>
  <si>
    <t>Basti Sheer Khan</t>
  </si>
  <si>
    <t>basti sheer khan</t>
  </si>
  <si>
    <t>RUKHSANA NAZ</t>
  </si>
  <si>
    <t>GPS KALAY OTTAR</t>
  </si>
  <si>
    <t>Kalay ottar</t>
  </si>
  <si>
    <t>Kotli Ray Abu Baker</t>
  </si>
  <si>
    <t>Amjad Khan</t>
  </si>
  <si>
    <t>GHS JUTANA</t>
  </si>
  <si>
    <t>jutana</t>
  </si>
  <si>
    <t>v.p.o jutana tehsil pind dadan khan distt jhelum</t>
  </si>
  <si>
    <t>SHAHZAD IMRAN HAIDER</t>
  </si>
  <si>
    <t>24484</t>
  </si>
  <si>
    <t>GGPS DINGA</t>
  </si>
  <si>
    <t>moza Dinga tehsil pindi bhattian district Hafizabad</t>
  </si>
  <si>
    <t>Nadia Younas</t>
  </si>
  <si>
    <t>9950</t>
  </si>
  <si>
    <t>GPS 74 D LURKIAN WALA</t>
  </si>
  <si>
    <t>74/D Lurkian</t>
  </si>
  <si>
    <t>gps74/D lurkian</t>
  </si>
  <si>
    <t>MUHAMMAD ishtiaq</t>
  </si>
  <si>
    <t>24486</t>
  </si>
  <si>
    <t>GPS LAK</t>
  </si>
  <si>
    <t>vpo lak teh phalia distt.mbdin</t>
  </si>
  <si>
    <t>Raikey</t>
  </si>
  <si>
    <t>35653</t>
  </si>
  <si>
    <t>GGHSS BHIKHI SHARIF</t>
  </si>
  <si>
    <t>Bhikhi sharif</t>
  </si>
  <si>
    <t>village and post office bhikhi sharif</t>
  </si>
  <si>
    <t>bhikhi sharif</t>
  </si>
  <si>
    <t>Ghulam Zohra</t>
  </si>
  <si>
    <t>GGPS OBATTA</t>
  </si>
  <si>
    <t>obatts</t>
  </si>
  <si>
    <t>basti minyn moza obatta</t>
  </si>
  <si>
    <t>obatta</t>
  </si>
  <si>
    <t>azeemshah</t>
  </si>
  <si>
    <t>11866</t>
  </si>
  <si>
    <t>GGPS CHAK NO. 559 TDA</t>
  </si>
  <si>
    <t>Puttal Munda</t>
  </si>
  <si>
    <t>chak no 559 tda</t>
  </si>
  <si>
    <t>Chak 559</t>
  </si>
  <si>
    <t>Chak 567</t>
  </si>
  <si>
    <t>Anam Abdullah</t>
  </si>
  <si>
    <t>GMPS BHUTTA</t>
  </si>
  <si>
    <t>Government Model Primary School Bhutta</t>
  </si>
  <si>
    <t>Tayyaba Munir</t>
  </si>
  <si>
    <t>32966</t>
  </si>
  <si>
    <t>GGPS KOT TAHIR</t>
  </si>
  <si>
    <t>Kot Tahir Teh &amp; Distt NNS</t>
  </si>
  <si>
    <t>Mehvish shouket</t>
  </si>
  <si>
    <t>41843</t>
  </si>
  <si>
    <t>24504</t>
  </si>
  <si>
    <t>GES SHARIF PUR</t>
  </si>
  <si>
    <t>sharif pur mahais</t>
  </si>
  <si>
    <t>Sharif Pur Mahais</t>
  </si>
  <si>
    <t>dharagmiana</t>
  </si>
  <si>
    <t>Sabir Javed</t>
  </si>
  <si>
    <t>24506</t>
  </si>
  <si>
    <t>39275</t>
  </si>
  <si>
    <t>GPS DHOK CHHAB (MIAN WALA)</t>
  </si>
  <si>
    <t>Dhoke Chhab</t>
  </si>
  <si>
    <t>Dhok Chhab</t>
  </si>
  <si>
    <t>29270</t>
  </si>
  <si>
    <t>Hafiz Sadaqat Ali</t>
  </si>
  <si>
    <t>7177</t>
  </si>
  <si>
    <t>12466</t>
  </si>
  <si>
    <t>GPS NAWAN AKHTAR ABAD</t>
  </si>
  <si>
    <t>Purna Qureshi</t>
  </si>
  <si>
    <t>chak jhanbhoo p/o  basira  m garh</t>
  </si>
  <si>
    <t>Chak Jhanbhoo</t>
  </si>
  <si>
    <t>GMPS KHAIR KATOO SONTRA</t>
  </si>
  <si>
    <t>GMPS Khair Katoo Sontra</t>
  </si>
  <si>
    <t>Khair Katoo</t>
  </si>
  <si>
    <t>Chiryawla</t>
  </si>
  <si>
    <t>24676</t>
  </si>
  <si>
    <t>25958</t>
  </si>
  <si>
    <t>GPS GHAZIWAL KALAN</t>
  </si>
  <si>
    <t>ghaziwal kalan narowal</t>
  </si>
  <si>
    <t>42222</t>
  </si>
  <si>
    <t>45908</t>
  </si>
  <si>
    <t>24679</t>
  </si>
  <si>
    <t>12589</t>
  </si>
  <si>
    <t>GPS KHULANG JANUBI</t>
  </si>
  <si>
    <t>Basti jarh P/O head bakaini tehsil and district m.garh</t>
  </si>
  <si>
    <t>Abdul Muhaimin</t>
  </si>
  <si>
    <t>GHS PEER KHALIS</t>
  </si>
  <si>
    <t>Peer Khalis</t>
  </si>
  <si>
    <t>peer khalis</t>
  </si>
  <si>
    <t>Merzeka</t>
  </si>
  <si>
    <t>rashid ahmad</t>
  </si>
  <si>
    <t>24687</t>
  </si>
  <si>
    <t>GPS SURMADANI</t>
  </si>
  <si>
    <t>Surmedani</t>
  </si>
  <si>
    <t>village surmedani p/o gharial kalan Teh. muridke Dist. sheikhupura</t>
  </si>
  <si>
    <t>47749</t>
  </si>
  <si>
    <t>GES CHAK NO 5 DB</t>
  </si>
  <si>
    <t>Chak No 5DB</t>
  </si>
  <si>
    <t>Chak No 5DB P/O 1-4DB</t>
  </si>
  <si>
    <t>Chak NO 5DB</t>
  </si>
  <si>
    <t>1-4DB</t>
  </si>
  <si>
    <t>Jabir Hussain Shah</t>
  </si>
  <si>
    <t>39620</t>
  </si>
  <si>
    <t>GPS TIBBA WASU</t>
  </si>
  <si>
    <t>tibba wasu</t>
  </si>
  <si>
    <t>Tibba Wasu</t>
  </si>
  <si>
    <t>Shafique Ahmad Toor</t>
  </si>
  <si>
    <t>GGPS GULHARI</t>
  </si>
  <si>
    <t>Gulhari</t>
  </si>
  <si>
    <t>mouza gulhari</t>
  </si>
  <si>
    <t>Deh Mailsi</t>
  </si>
  <si>
    <t>Nafeesa Ahmad</t>
  </si>
  <si>
    <t>24695</t>
  </si>
  <si>
    <t>28427</t>
  </si>
  <si>
    <t>GGPS PHALIA KEEMAN</t>
  </si>
  <si>
    <t>G G P/s phalia Keeman</t>
  </si>
  <si>
    <t>Asifa Shafique</t>
  </si>
  <si>
    <t>19659</t>
  </si>
  <si>
    <t>24697</t>
  </si>
  <si>
    <t>GGPS KHAND WALA</t>
  </si>
  <si>
    <t>Mouza kharal azeem chah khand wala p/o box kot sultan</t>
  </si>
  <si>
    <t>Mouza Kharal Azeem</t>
  </si>
  <si>
    <t>24162</t>
  </si>
  <si>
    <t>12948</t>
  </si>
  <si>
    <t>GPS JAMIA MADINA M. GARH</t>
  </si>
  <si>
    <t>Rakh Khanpur</t>
  </si>
  <si>
    <t>Mohalla Inam abad near purani chungi no.2 jhang road muzaffargarh</t>
  </si>
  <si>
    <t>Mohalla Inam Abad</t>
  </si>
  <si>
    <t>Hafiz Mulazim Hussain</t>
  </si>
  <si>
    <t>GGPS SAMANDI WALA</t>
  </si>
  <si>
    <t>samandiwala p/o ghundi district mianwali</t>
  </si>
  <si>
    <t>Samandiwala</t>
  </si>
  <si>
    <t>37074</t>
  </si>
  <si>
    <t>GGHS 72/10-R, KHANEWAL</t>
  </si>
  <si>
    <t>72/10-RKhanewal</t>
  </si>
  <si>
    <t>gghs72\10-R Khanewal</t>
  </si>
  <si>
    <t>72/10-R Kwl</t>
  </si>
  <si>
    <t>Shanti Nagar 72/10R</t>
  </si>
  <si>
    <t>MUSSARAT AMIR</t>
  </si>
  <si>
    <t>15144</t>
  </si>
  <si>
    <t>24727</t>
  </si>
  <si>
    <t>Ahmad wala</t>
  </si>
  <si>
    <t>Hafiza Humara Shauqat</t>
  </si>
  <si>
    <t>GGES JASIK</t>
  </si>
  <si>
    <t>Jasik</t>
  </si>
  <si>
    <t>government girls elementary school jasik,vpo chround, Mandi bahauddin.</t>
  </si>
  <si>
    <t>GMES KALU WALI SYEDAN</t>
  </si>
  <si>
    <t>Kalowali Syedan</t>
  </si>
  <si>
    <t>kalowali syedan p/o ahmadabad pasrur</t>
  </si>
  <si>
    <t>Sanam Khanam</t>
  </si>
  <si>
    <t>GPS KHANGNIAN WALA</t>
  </si>
  <si>
    <t>CHOHA</t>
  </si>
  <si>
    <t>KHAGNIAN WALA</t>
  </si>
  <si>
    <t>Muhammad hayat Khan</t>
  </si>
  <si>
    <t>WATER POND</t>
  </si>
  <si>
    <t>24737</t>
  </si>
  <si>
    <t>GGHS KALRI CHAKRALA MIANWALI</t>
  </si>
  <si>
    <t>p/o  kalri</t>
  </si>
  <si>
    <t>Thamywali</t>
  </si>
  <si>
    <t>HUMAIRA YASMEEN</t>
  </si>
  <si>
    <t>GMMS 144/5-R</t>
  </si>
  <si>
    <t>Chak 144/5R</t>
  </si>
  <si>
    <t>chak 144/5R</t>
  </si>
  <si>
    <t>Chak 178/7R</t>
  </si>
  <si>
    <t>24743</t>
  </si>
  <si>
    <t>23239</t>
  </si>
  <si>
    <t>GGPS SHAMPUR</t>
  </si>
  <si>
    <t>POST OFFICE SHAMPUR</t>
  </si>
  <si>
    <t>Shakila Akhtar</t>
  </si>
  <si>
    <t>GGPS BONGA BALOCHAN</t>
  </si>
  <si>
    <t>GGPS BONGA BALOCHAN PHOOL NAGAR SADAR</t>
  </si>
  <si>
    <t>101 Olakh Bonga</t>
  </si>
  <si>
    <t>Almas  Fatima</t>
  </si>
  <si>
    <t>GES SHAHBAZ PUR</t>
  </si>
  <si>
    <t>vpo shahbaz pur</t>
  </si>
  <si>
    <t>Syed Ghulam Hussain Shah Naqvi</t>
  </si>
  <si>
    <t>40290</t>
  </si>
  <si>
    <t>GHS PINAN WAL No. 1</t>
  </si>
  <si>
    <t>Village &amp; Post Office Pinanwal, Tehsil Pind Dadan Khan, District Jhelum.</t>
  </si>
  <si>
    <t>51362</t>
  </si>
  <si>
    <t>25713</t>
  </si>
  <si>
    <t>GPS BADDO MALHI NO 1</t>
  </si>
  <si>
    <t>Main Bazaar Baddomalhi</t>
  </si>
  <si>
    <t>Amin Masih</t>
  </si>
  <si>
    <t>35491</t>
  </si>
  <si>
    <t>22944</t>
  </si>
  <si>
    <t>GHS KHAWAS PUR</t>
  </si>
  <si>
    <t>Shahid Kamran</t>
  </si>
  <si>
    <t>25076</t>
  </si>
  <si>
    <t>GGPS CENTRE KOT ADU NO. 1</t>
  </si>
  <si>
    <t>Pirharh Sharqi</t>
  </si>
  <si>
    <t>chah punnu Wala Ward no 4 kot adu</t>
  </si>
  <si>
    <t>Punnu Wala</t>
  </si>
  <si>
    <t>Farhaat Nasreen</t>
  </si>
  <si>
    <t>41281</t>
  </si>
  <si>
    <t>GGHS CHARHAN</t>
  </si>
  <si>
    <t>vpo charhan tehsil murree dist rwp</t>
  </si>
  <si>
    <t>Shahina Bibi</t>
  </si>
  <si>
    <t>45279</t>
  </si>
  <si>
    <t>GGES DARBULA</t>
  </si>
  <si>
    <t>p/o haiderabad tehsil mankera district bhakkar</t>
  </si>
  <si>
    <t>GPS LARAN BASTI REHMANIA</t>
  </si>
  <si>
    <t>Laran</t>
  </si>
  <si>
    <t>Basti Rahmania mouza Laran post office  Nawan kot</t>
  </si>
  <si>
    <t>Tanveer ahmad</t>
  </si>
  <si>
    <t>GES CHAK NO.159/7-L</t>
  </si>
  <si>
    <t>CHAK 159/7-R</t>
  </si>
  <si>
    <t>CHAK NO 159/7-R CHOLISTAN TEHSIL LIAQUATPUR DISTRICT RAHIM YAR KHAN</t>
  </si>
  <si>
    <t>CHAK NO 159/7-R</t>
  </si>
  <si>
    <t>CHAK 225/1-L ISLAM GARH</t>
  </si>
  <si>
    <t>Nauman khaliq</t>
  </si>
  <si>
    <t>24742</t>
  </si>
  <si>
    <t>GHSS MCLEOD GANJ</t>
  </si>
  <si>
    <t>AHMAD PUR MCLEODGUNJ  MCLEODGUNJ GUNJ</t>
  </si>
  <si>
    <t>HEAD SULMANKI ROAD MCLEODGUNJ GUNJ</t>
  </si>
  <si>
    <t>MCLEODGUNJ GUNJ</t>
  </si>
  <si>
    <t>AHMAD PUR MCLEODGUNJ GUNJ</t>
  </si>
  <si>
    <t>68600</t>
  </si>
  <si>
    <t>50874</t>
  </si>
  <si>
    <t>6531</t>
  </si>
  <si>
    <t>40987</t>
  </si>
  <si>
    <t>GGPS KOT HABIB SHAH NO.1</t>
  </si>
  <si>
    <t>Basti moza kot habib shah rahim yar khan</t>
  </si>
  <si>
    <t>Asma Akbar</t>
  </si>
  <si>
    <t>GGPS THATTA MIAN LALA</t>
  </si>
  <si>
    <t>Daver</t>
  </si>
  <si>
    <t>thatha mian lala moza  daver  dak khana khas</t>
  </si>
  <si>
    <t>Thatha Mian Lala</t>
  </si>
  <si>
    <t>RAFIA SHEEREN</t>
  </si>
  <si>
    <t>GPS JAWALI</t>
  </si>
  <si>
    <t>Basti Jawali. chalk No 160TDA. Layyah</t>
  </si>
  <si>
    <t>Chalk No 160TDA</t>
  </si>
  <si>
    <t>GGPS CHAK RAJADI</t>
  </si>
  <si>
    <t>Chak Rajadi</t>
  </si>
  <si>
    <t>Dist  Gujrat  Teh  Kharian  P/O  &amp; village Chak Rajadi</t>
  </si>
  <si>
    <t>Iqbal Begum</t>
  </si>
  <si>
    <t>GES 109/15-L, MIAN CHANNU</t>
  </si>
  <si>
    <t>Chak No109/15l</t>
  </si>
  <si>
    <t>Chak no.109/15.l Mian Channu</t>
  </si>
  <si>
    <t>Chak No100/15l</t>
  </si>
  <si>
    <t>29891</t>
  </si>
  <si>
    <t>GGPS DEU KHURAD</t>
  </si>
  <si>
    <t>Jamber khurd</t>
  </si>
  <si>
    <t>deu khurd tehsil patoki distric kasur</t>
  </si>
  <si>
    <t>Deu khurd</t>
  </si>
  <si>
    <t>Nadia kouser</t>
  </si>
  <si>
    <t>GMPS KALU WALA</t>
  </si>
  <si>
    <t>GMPS kalloo wala moza kalloo wala,lodhran</t>
  </si>
  <si>
    <t>KALLOO WALA</t>
  </si>
  <si>
    <t>Malik Zakia Bibi</t>
  </si>
  <si>
    <t>GGPS MULAN FAQIR MULTAN</t>
  </si>
  <si>
    <t>ggps mulan faqir chah khuda bakhsh number dar wala mullan faqir multan</t>
  </si>
  <si>
    <t>Rabia Khatoon</t>
  </si>
  <si>
    <t>25197</t>
  </si>
  <si>
    <t>45282</t>
  </si>
  <si>
    <t>GGMES MAHNI</t>
  </si>
  <si>
    <t>RUQIA NIAZI</t>
  </si>
  <si>
    <t>17316</t>
  </si>
  <si>
    <t>GGPS CHOHRAH</t>
  </si>
  <si>
    <t>Chohra</t>
  </si>
  <si>
    <t>Chohra Tehsil muridke district sheikhupura</t>
  </si>
  <si>
    <t>Kalsoom Haidery</t>
  </si>
  <si>
    <t>GPS AOWBHATA</t>
  </si>
  <si>
    <t>Obatta</t>
  </si>
  <si>
    <t>Mouza Obbatta khan pur</t>
  </si>
  <si>
    <t>Mian Atta Muhammad</t>
  </si>
  <si>
    <t>Fida -u- Rahman</t>
  </si>
  <si>
    <t>37694</t>
  </si>
  <si>
    <t>GGPS 16/8-R NO.2 TULAMBA</t>
  </si>
  <si>
    <t>16/8R No2</t>
  </si>
  <si>
    <t>ggps16/8R no.2 tulamba</t>
  </si>
  <si>
    <t>16/8R</t>
  </si>
  <si>
    <t>3/8AR</t>
  </si>
  <si>
    <t>Rizwana Riaz</t>
  </si>
  <si>
    <t>GPS MUGHOKI</t>
  </si>
  <si>
    <t>village mughoki</t>
  </si>
  <si>
    <t>mughoki</t>
  </si>
  <si>
    <t>Solangi kharal</t>
  </si>
  <si>
    <t>Bilal asghar</t>
  </si>
  <si>
    <t>GPS MOH. MIANA</t>
  </si>
  <si>
    <t>Wan Bhachran Janubi</t>
  </si>
  <si>
    <t>mohallah malik hakim khan</t>
  </si>
  <si>
    <t>GGPS AHMAD YAR RID HOTE WALA</t>
  </si>
  <si>
    <t>mouza Ahmad yar rid chah hote wala</t>
  </si>
  <si>
    <t>Hote Wala</t>
  </si>
  <si>
    <t>Rukhsana Rasool</t>
  </si>
  <si>
    <t>25216</t>
  </si>
  <si>
    <t>14226</t>
  </si>
  <si>
    <t>GPS RAKH BAIT SOUNTRA</t>
  </si>
  <si>
    <t>Noushera Sharqi</t>
  </si>
  <si>
    <t>basti danger uc noushera sharqi dist.rajan pur</t>
  </si>
  <si>
    <t>Basti Danger</t>
  </si>
  <si>
    <t>Syed Ahsan Abbas</t>
  </si>
  <si>
    <t>GMPS HAIGER KHURD</t>
  </si>
  <si>
    <t>Haiger Khurd</t>
  </si>
  <si>
    <t>village haiger khurd p/0 raojay the phalia did mandi</t>
  </si>
  <si>
    <t>49047</t>
  </si>
  <si>
    <t>GPS DERA BALLAGAN</t>
  </si>
  <si>
    <t>Dera Ballagan</t>
  </si>
  <si>
    <t>Dera Balagun Noshera Virkan Distt Gujranwala</t>
  </si>
  <si>
    <t>Noshera Virkan</t>
  </si>
  <si>
    <t>Amir Masood</t>
  </si>
  <si>
    <t>GGPS MC KOTLA TOLAY KHAN</t>
  </si>
  <si>
    <t>Taraf Mubarak awwal ShahRUKN e Alam town</t>
  </si>
  <si>
    <t>opposite purani kotwali</t>
  </si>
  <si>
    <t>nizam abad</t>
  </si>
  <si>
    <t>Sajida yasmin</t>
  </si>
  <si>
    <t>37821</t>
  </si>
  <si>
    <t>24284</t>
  </si>
  <si>
    <t>GPS MAHIA</t>
  </si>
  <si>
    <t>Mahia p/o Buddha Goraya</t>
  </si>
  <si>
    <t>BuddhaGoraya</t>
  </si>
  <si>
    <t>Qaisar Ali Khan</t>
  </si>
  <si>
    <t>24768</t>
  </si>
  <si>
    <t>24285</t>
  </si>
  <si>
    <t>GGHS CHAK NO 26 MB</t>
  </si>
  <si>
    <t>chak no. 26 mb tehsil quaidabad district khushab</t>
  </si>
  <si>
    <t>Chak No 26 MB</t>
  </si>
  <si>
    <t>Saira Anjum</t>
  </si>
  <si>
    <t>GES MOADIB HAIDER NAGAR</t>
  </si>
  <si>
    <t>Chaudry</t>
  </si>
  <si>
    <t>Basti Haider Nagar Moza Chaudry Tehsil Liaquat Pur</t>
  </si>
  <si>
    <t>Basti Haider Nagar</t>
  </si>
  <si>
    <t>20155</t>
  </si>
  <si>
    <t>24295</t>
  </si>
  <si>
    <t>24455</t>
  </si>
  <si>
    <t>GMPS OSSAH</t>
  </si>
  <si>
    <t>Ossah</t>
  </si>
  <si>
    <t>pasrur sialkot</t>
  </si>
  <si>
    <t>Takhatpur</t>
  </si>
  <si>
    <t>Sumaira Riaz</t>
  </si>
  <si>
    <t>18696</t>
  </si>
  <si>
    <t>GPS YOUSAF NAGAR</t>
  </si>
  <si>
    <t>Yousaf Nagar</t>
  </si>
  <si>
    <t>chah Matto wala Yousaf nagar</t>
  </si>
  <si>
    <t>Tibbi Gulf Muhammmad</t>
  </si>
  <si>
    <t>Agha hussain</t>
  </si>
  <si>
    <t>GGES KHANPUR SAHWA</t>
  </si>
  <si>
    <t>Khanpur Sehwan</t>
  </si>
  <si>
    <t>Khanpur Sehwan, PO Bara Ghar, Tehsil and District Nankana Sahib.</t>
  </si>
  <si>
    <t>Abida Shehzaadi</t>
  </si>
  <si>
    <t>53423</t>
  </si>
  <si>
    <t>GMMS ADP SHAH JAGDEER</t>
  </si>
  <si>
    <t>Shah Jagdeer</t>
  </si>
  <si>
    <t>dakali abadi 46/2l shah jagdeer</t>
  </si>
  <si>
    <t>44/2 L</t>
  </si>
  <si>
    <t>24303</t>
  </si>
  <si>
    <t>GGPS CHAK 3/P</t>
  </si>
  <si>
    <t>Chak 3p</t>
  </si>
  <si>
    <t>chak 3/P</t>
  </si>
  <si>
    <t>GGPS TIBBA SHER KOT</t>
  </si>
  <si>
    <t>Tibba Sher Kot</t>
  </si>
  <si>
    <t>Ggps tibba sher kot</t>
  </si>
  <si>
    <t>Chak  37/sp</t>
  </si>
  <si>
    <t>Atifa Noreen</t>
  </si>
  <si>
    <t>GPS CHAH MASOO WALA</t>
  </si>
  <si>
    <t>Basti Chah masoo wala near aqil pur</t>
  </si>
  <si>
    <t>Chah Masoo Wala</t>
  </si>
  <si>
    <t>Khalid Hassan</t>
  </si>
  <si>
    <t>12219</t>
  </si>
  <si>
    <t>29067</t>
  </si>
  <si>
    <t>GGHSS BHEDIAN KALAN</t>
  </si>
  <si>
    <t>GOVT GIRLS HIGHER CONDENSER SCHOOL BHEDIAN KALAN KASUR</t>
  </si>
  <si>
    <t>BHDIAN KALAN</t>
  </si>
  <si>
    <t>Kauser Batool</t>
  </si>
  <si>
    <t>25651</t>
  </si>
  <si>
    <t>GGHS DHABLI WALA</t>
  </si>
  <si>
    <t>Govt Girls High School dhabliwala (NWL)</t>
  </si>
  <si>
    <t>Sadowala Uchah</t>
  </si>
  <si>
    <t>Aneela Prem</t>
  </si>
  <si>
    <t>35327</t>
  </si>
  <si>
    <t>24311</t>
  </si>
  <si>
    <t>GPS SURAT ABAD</t>
  </si>
  <si>
    <t>Surat Abad</t>
  </si>
  <si>
    <t>vpo jalhan</t>
  </si>
  <si>
    <t>14710</t>
  </si>
  <si>
    <t>GPS CHAK SIDDHAM</t>
  </si>
  <si>
    <t>Chak Sidham</t>
  </si>
  <si>
    <t>Chak sidham post office kuthiala virkan tehsil muridke district sheikhupura</t>
  </si>
  <si>
    <t>Sidham</t>
  </si>
  <si>
    <t>GES SEERAY</t>
  </si>
  <si>
    <t>Seeray</t>
  </si>
  <si>
    <t>Govt E/S Seeray</t>
  </si>
  <si>
    <t>51003</t>
  </si>
  <si>
    <t>GGPS DEOWAL</t>
  </si>
  <si>
    <t>p/bajra garhi u/c chaher bajwa village Deowal teh pasrur Distt sialkot</t>
  </si>
  <si>
    <t>Chaher Bajwa</t>
  </si>
  <si>
    <t>24327</t>
  </si>
  <si>
    <t>53439</t>
  </si>
  <si>
    <t>GMPS 41/4-L</t>
  </si>
  <si>
    <t>41/4l</t>
  </si>
  <si>
    <t>chak no 41/4l okara</t>
  </si>
  <si>
    <t>40a/4l</t>
  </si>
  <si>
    <t>Kashif Javed</t>
  </si>
  <si>
    <t>21266</t>
  </si>
  <si>
    <t>14227</t>
  </si>
  <si>
    <t>GPS JIND WADDA ARAIN</t>
  </si>
  <si>
    <t>Bait sountra</t>
  </si>
  <si>
    <t>basti umerwada arain moza bait sountra</t>
  </si>
  <si>
    <t>40479</t>
  </si>
  <si>
    <t>24330</t>
  </si>
  <si>
    <t>37310</t>
  </si>
  <si>
    <t>GMPS 14-8/R SHARQI, KACHA KHUH</t>
  </si>
  <si>
    <t>14/8R Sharqi</t>
  </si>
  <si>
    <t>GMPS 14/8R East, Teh &amp; Distt Khanewal.</t>
  </si>
  <si>
    <t>14/8R GUL ABAD</t>
  </si>
  <si>
    <t>Sobia Zafar</t>
  </si>
  <si>
    <t>40263</t>
  </si>
  <si>
    <t>GPS NO.2 LODHRAN</t>
  </si>
  <si>
    <t>Basti bahoo wala road near khamisa bhatta road Lodhran</t>
  </si>
  <si>
    <t>Near Qabool Wala</t>
  </si>
  <si>
    <t>Ghulab Pura</t>
  </si>
  <si>
    <t>UMuhammad Azhar</t>
  </si>
  <si>
    <t>GGCMS RASOOL PUR TARAR</t>
  </si>
  <si>
    <t>34710</t>
  </si>
  <si>
    <t>24344</t>
  </si>
  <si>
    <t>33699</t>
  </si>
  <si>
    <t>GPS JATOO WALA MULTAN</t>
  </si>
  <si>
    <t>GPS jatto wala vehari road Multan</t>
  </si>
  <si>
    <t>Jattowala</t>
  </si>
  <si>
    <t>Ajmer Town</t>
  </si>
  <si>
    <t>Umair Abbas</t>
  </si>
  <si>
    <t>GES MASHKOOR NAGAR</t>
  </si>
  <si>
    <t>Allurid</t>
  </si>
  <si>
    <t>Basti Jhandeer abad, mouza allurid, bus stop nala khuda dad, tehsil kot adu, district muzaffargarh</t>
  </si>
  <si>
    <t>Basti Jandir</t>
  </si>
  <si>
    <t>Hassan Abbass</t>
  </si>
  <si>
    <t>10134</t>
  </si>
  <si>
    <t>GES MILLAT MUZAFFARGARH</t>
  </si>
  <si>
    <t>purani basti talkot</t>
  </si>
  <si>
    <t>Mc Mzg</t>
  </si>
  <si>
    <t>24357</t>
  </si>
  <si>
    <t>GES ALI PUR</t>
  </si>
  <si>
    <t>alipur khokhran</t>
  </si>
  <si>
    <t>Alipur Khokhran</t>
  </si>
  <si>
    <t>24363</t>
  </si>
  <si>
    <t>14116</t>
  </si>
  <si>
    <t>GGPS BASTI MOHIB ALI</t>
  </si>
  <si>
    <t>Basti Mohib Ali</t>
  </si>
  <si>
    <t>Fehma Tus Saher</t>
  </si>
  <si>
    <t>24364</t>
  </si>
  <si>
    <t>GGPS DALU ABAD</t>
  </si>
  <si>
    <t>Haider abad</t>
  </si>
  <si>
    <t>Dullo abad markz Dhingana-Female</t>
  </si>
  <si>
    <t>Dullo abad</t>
  </si>
  <si>
    <t>Faiza Nasreen</t>
  </si>
  <si>
    <t>village and post office kohala muree</t>
  </si>
  <si>
    <t>24366</t>
  </si>
  <si>
    <t>40301</t>
  </si>
  <si>
    <t>GGHS PIND DADAN KHAN</t>
  </si>
  <si>
    <t>Pd Khan</t>
  </si>
  <si>
    <t>Pd khan District Jhelum</t>
  </si>
  <si>
    <t>PD Khan</t>
  </si>
  <si>
    <t>najma malik</t>
  </si>
  <si>
    <t>GGPS MUNDIR</t>
  </si>
  <si>
    <t>Mundir</t>
  </si>
  <si>
    <t>mundir p/o lalamusa teh kharian</t>
  </si>
  <si>
    <t>Kulewal Sydan</t>
  </si>
  <si>
    <t>34079</t>
  </si>
  <si>
    <t>21550</t>
  </si>
  <si>
    <t>24371</t>
  </si>
  <si>
    <t>GES CHAK 78/P</t>
  </si>
  <si>
    <t>78/P</t>
  </si>
  <si>
    <t>78p Tranda sawaye khan Rahim yar khan</t>
  </si>
  <si>
    <t>78p</t>
  </si>
  <si>
    <t>Tranda Sawaye Khan</t>
  </si>
  <si>
    <t>38180</t>
  </si>
  <si>
    <t>29262</t>
  </si>
  <si>
    <t>GGPS MALKA HANS CITY</t>
  </si>
  <si>
    <t>city malka hans</t>
  </si>
  <si>
    <t>Shama Iqbal</t>
  </si>
  <si>
    <t>5592</t>
  </si>
  <si>
    <t>GGPS BASTI KHADIM HUSSAIN</t>
  </si>
  <si>
    <t>Chak 4A</t>
  </si>
  <si>
    <t>GGPS BASTI KHADIM HUSSAIN Chak 4 A</t>
  </si>
  <si>
    <t>Chak 25A</t>
  </si>
  <si>
    <t>SAIMA ARSHAD</t>
  </si>
  <si>
    <t>28072</t>
  </si>
  <si>
    <t>GGPS HAJI MOHALLA</t>
  </si>
  <si>
    <t>HAJI MOHALLA</t>
  </si>
  <si>
    <t>Haji Mohalla</t>
  </si>
  <si>
    <t>City M-B DIN</t>
  </si>
  <si>
    <t>Samra Iqbal</t>
  </si>
  <si>
    <t>40317</t>
  </si>
  <si>
    <t>24390</t>
  </si>
  <si>
    <t>GPS DONGIAN</t>
  </si>
  <si>
    <t>Khanitak</t>
  </si>
  <si>
    <t>village khanitak dongian post office kuldana can't tehsil murre district Rawalpindi</t>
  </si>
  <si>
    <t>Rizwan Ali Qureshi</t>
  </si>
  <si>
    <t>natural source chashmah</t>
  </si>
  <si>
    <t>GGPS CHAK NO.149-C/TDA</t>
  </si>
  <si>
    <t>149C/TDA</t>
  </si>
  <si>
    <t>Chak # 149C/TDA Jaman Shah</t>
  </si>
  <si>
    <t>Dadar</t>
  </si>
  <si>
    <t>43925</t>
  </si>
  <si>
    <t>GGPS IMAM SHAH</t>
  </si>
  <si>
    <t>ggps imam shah moza azeem shah</t>
  </si>
  <si>
    <t>Basti Karam hussain Shah</t>
  </si>
  <si>
    <t>safia bibi</t>
  </si>
  <si>
    <t>GMPS SHER WALA</t>
  </si>
  <si>
    <t>post office sher wala district Mianwali</t>
  </si>
  <si>
    <t>Chiddru</t>
  </si>
  <si>
    <t>GPS MC ANSAR COLONY BUDHLA ROAD MULTAN</t>
  </si>
  <si>
    <t>ansar colony multan</t>
  </si>
  <si>
    <t>26633</t>
  </si>
  <si>
    <t>GGPS KOTLI SANGAY</t>
  </si>
  <si>
    <t>Kotly Sangay</t>
  </si>
  <si>
    <t>tehsil and district Narowal post office Ahmad abad GGPS kotly sangay</t>
  </si>
  <si>
    <t>nabila kousar</t>
  </si>
  <si>
    <t>28355</t>
  </si>
  <si>
    <t>GMPS PHARAY</t>
  </si>
  <si>
    <t>Paharay</t>
  </si>
  <si>
    <t>Vill Paharay P/O Kotla Arab Ali Khan teh Kharian Distt Guj</t>
  </si>
  <si>
    <t>24884</t>
  </si>
  <si>
    <t>GMPS CHAK 47/G.D</t>
  </si>
  <si>
    <t>47/GD</t>
  </si>
  <si>
    <t>Chak  No 47 /GD</t>
  </si>
  <si>
    <t>24886</t>
  </si>
  <si>
    <t>GES HALIMABAD</t>
  </si>
  <si>
    <t>mouza ghangla gbes haleem abad</t>
  </si>
  <si>
    <t>Basti Haleem Abad</t>
  </si>
  <si>
    <t>Mian Rab Nawaz</t>
  </si>
  <si>
    <t>47088</t>
  </si>
  <si>
    <t>GES KUND</t>
  </si>
  <si>
    <t>village Kund Post Office Dhok Zaman Tehsil and District Mianwali</t>
  </si>
  <si>
    <t>Ghulam SHABBIR</t>
  </si>
  <si>
    <t>24895</t>
  </si>
  <si>
    <t>27856</t>
  </si>
  <si>
    <t>GPS NASEER PUR</t>
  </si>
  <si>
    <t>Naseerpur</t>
  </si>
  <si>
    <t>naseer pur village</t>
  </si>
  <si>
    <t>Naseer Pur</t>
  </si>
  <si>
    <t>46266</t>
  </si>
  <si>
    <t>GPS MOHALLAH ZAMAN KHAIL</t>
  </si>
  <si>
    <t>VPO Adhi Sargal Tehsail Noor Pur Thal District Khushab</t>
  </si>
  <si>
    <t>24901</t>
  </si>
  <si>
    <t>Kotla RayQabool</t>
  </si>
  <si>
    <t>basti rashda abad</t>
  </si>
  <si>
    <t>Basti Rashda Abad</t>
  </si>
  <si>
    <t>Mian Wali Sekhain</t>
  </si>
  <si>
    <t>Hafeezullha Tariq</t>
  </si>
  <si>
    <t>24903</t>
  </si>
  <si>
    <t>41274</t>
  </si>
  <si>
    <t>GHS SAMLI TAJJAL</t>
  </si>
  <si>
    <t>samli tajjal</t>
  </si>
  <si>
    <t>samli tajjal murree</t>
  </si>
  <si>
    <t>Farrukh Irshad</t>
  </si>
  <si>
    <t>24905</t>
  </si>
  <si>
    <t>39325</t>
  </si>
  <si>
    <t>GPS DHOK QAZI</t>
  </si>
  <si>
    <t>Dhoke Qazi</t>
  </si>
  <si>
    <t>Dhoke qazi VPO kamrial tehsil pindigheb</t>
  </si>
  <si>
    <t>HAFIZ Muhammad Saqlain Fani</t>
  </si>
  <si>
    <t>33592</t>
  </si>
  <si>
    <t>27937</t>
  </si>
  <si>
    <t>GGHS KHUTHIALA SHEIKHAN</t>
  </si>
  <si>
    <t>KUTHIALS SHEIKHAN</t>
  </si>
  <si>
    <t>PHALIA ROAD VPO KUTHIALA SHEIKHAN TEHSIL DIST MANDI BAHAUDDIN</t>
  </si>
  <si>
    <t>Nasreen Akthar</t>
  </si>
  <si>
    <t>37653</t>
  </si>
  <si>
    <t>24923</t>
  </si>
  <si>
    <t>47865</t>
  </si>
  <si>
    <t>GPS SAJRI PO CHAK NO. 3 DB</t>
  </si>
  <si>
    <t>1db</t>
  </si>
  <si>
    <t>sajri p/o chak 4 db</t>
  </si>
  <si>
    <t>Sajri</t>
  </si>
  <si>
    <t>Ghnadi</t>
  </si>
  <si>
    <t>33646</t>
  </si>
  <si>
    <t>GPS SAJJAD BOHRA</t>
  </si>
  <si>
    <t>Basti Sial Mouza Chan Wala Tehsil kot addu District Muzaffargarh</t>
  </si>
  <si>
    <t>51208</t>
  </si>
  <si>
    <t>37319</t>
  </si>
  <si>
    <t>GGPS 41/10-R GHARBI, KACHA KHUH</t>
  </si>
  <si>
    <t>chak no 41 /10-R</t>
  </si>
  <si>
    <t>41 /10-R</t>
  </si>
  <si>
    <t>49901</t>
  </si>
  <si>
    <t>GPS GUL MUHAMMAD WALA MULTAN</t>
  </si>
  <si>
    <t>gull muhammad</t>
  </si>
  <si>
    <t>kohati wala mouza gull muhammad wala tehsil saddar multan</t>
  </si>
  <si>
    <t>kohati wala</t>
  </si>
  <si>
    <t>24917</t>
  </si>
  <si>
    <t>GGES THATHA MANAK</t>
  </si>
  <si>
    <t>Dak khana khas Thatha Manak</t>
  </si>
  <si>
    <t>Sidra Noreen</t>
  </si>
  <si>
    <t>34344</t>
  </si>
  <si>
    <t>36923</t>
  </si>
  <si>
    <t>GES THATHI ASAISH</t>
  </si>
  <si>
    <t>GES Thathi Asaish</t>
  </si>
  <si>
    <t>Thathi Asaish</t>
  </si>
  <si>
    <t>Muhammad Aslam Javeed</t>
  </si>
  <si>
    <t>13942</t>
  </si>
  <si>
    <t>Kotla Sher Muhammad</t>
  </si>
  <si>
    <t>GPS, FAZILABAD</t>
  </si>
  <si>
    <t>KOTLA SHER MUHAMMAD KACHA</t>
  </si>
  <si>
    <t>24928</t>
  </si>
  <si>
    <t>GGPS CHAK NO. 569/TDA</t>
  </si>
  <si>
    <t>GGPS chak no 569 /TDA.(chowk sarwar shaheed)</t>
  </si>
  <si>
    <t>24931</t>
  </si>
  <si>
    <t>46295</t>
  </si>
  <si>
    <t>GPS PIRHAIYAN WALA</t>
  </si>
  <si>
    <t>Tetre</t>
  </si>
  <si>
    <t>post office laghare pirhyanwali</t>
  </si>
  <si>
    <t>Pirhyanwali</t>
  </si>
  <si>
    <t>Syed Imdad Hussain Shah</t>
  </si>
  <si>
    <t>GGPS 36/10-R, KACHA KHUH</t>
  </si>
  <si>
    <t>36/10r</t>
  </si>
  <si>
    <t>36/10.r</t>
  </si>
  <si>
    <t>Sumera Shafi</t>
  </si>
  <si>
    <t>51513</t>
  </si>
  <si>
    <t>24949</t>
  </si>
  <si>
    <t>GPS KIKAR WALA</t>
  </si>
  <si>
    <t>Kiker Wala</t>
  </si>
  <si>
    <t>vilage.Kiker wala nowshera virkan</t>
  </si>
  <si>
    <t>Phama Sira</t>
  </si>
  <si>
    <t>Amjad Shehzad</t>
  </si>
  <si>
    <t>31753</t>
  </si>
  <si>
    <t>GGPS RUSTAM PUR</t>
  </si>
  <si>
    <t>Rustam Pur</t>
  </si>
  <si>
    <t>Amtul Hafeez</t>
  </si>
  <si>
    <t>GGPS SULTAN SHAH WALA</t>
  </si>
  <si>
    <t>Sultan Shah Wala</t>
  </si>
  <si>
    <t>village Sultan shah wala p /o mahalam kalan dist kasur tehsil kasur</t>
  </si>
  <si>
    <t>Robina Rafique</t>
  </si>
  <si>
    <t>31576</t>
  </si>
  <si>
    <t>GGES MALIK PUR NARANG MANDI</t>
  </si>
  <si>
    <t>GES 129/15-L, MIAN CHANNU</t>
  </si>
  <si>
    <t>chak 129</t>
  </si>
  <si>
    <t>chak  129/15-L</t>
  </si>
  <si>
    <t>42135</t>
  </si>
  <si>
    <t>GGPS MITHAN KOT NO. 6</t>
  </si>
  <si>
    <t>ward no 10 kot mithan</t>
  </si>
  <si>
    <t>39281</t>
  </si>
  <si>
    <t>GES RAWAL</t>
  </si>
  <si>
    <t>Rawal</t>
  </si>
  <si>
    <t>village Rawal po pindigheb Distt.Attock.</t>
  </si>
  <si>
    <t>24977</t>
  </si>
  <si>
    <t>GPS MOUSA KHOKHAR MOUZA HEERAN</t>
  </si>
  <si>
    <t>Heeran</t>
  </si>
  <si>
    <t>GPS MOUSA KHOKHAR MOUSA HERRAN</t>
  </si>
  <si>
    <t>Mousa Khokhar</t>
  </si>
  <si>
    <t>Missenabad</t>
  </si>
  <si>
    <t>47677</t>
  </si>
  <si>
    <t>32606</t>
  </si>
  <si>
    <t>24978</t>
  </si>
  <si>
    <t>38082</t>
  </si>
  <si>
    <t>GMPS TOKI SIKANDER</t>
  </si>
  <si>
    <t>murad pur</t>
  </si>
  <si>
    <t>basti toki sikandar khan</t>
  </si>
  <si>
    <t>toki sikandar</t>
  </si>
  <si>
    <t>chamb kulyar</t>
  </si>
  <si>
    <t>Fauzia Adeeb</t>
  </si>
  <si>
    <t>24981</t>
  </si>
  <si>
    <t>GES KHAN MUSALMAN</t>
  </si>
  <si>
    <t>Khanmuslman</t>
  </si>
  <si>
    <t>khanmuslman tehsil nowshera Virkan district gujranwala</t>
  </si>
  <si>
    <t>Bado Ratta</t>
  </si>
  <si>
    <t>49135</t>
  </si>
  <si>
    <t>24987</t>
  </si>
  <si>
    <t>GGPS KHAKH</t>
  </si>
  <si>
    <t>Syeda Sarwat Hina</t>
  </si>
  <si>
    <t>24988</t>
  </si>
  <si>
    <t>GPS CHAK 29 MURIDKE</t>
  </si>
  <si>
    <t>Chak 29</t>
  </si>
  <si>
    <t>ratta bher</t>
  </si>
  <si>
    <t>Ratta Bher</t>
  </si>
  <si>
    <t>Skp Bedar</t>
  </si>
  <si>
    <t>Muhammad Ilayas</t>
  </si>
  <si>
    <t>28581</t>
  </si>
  <si>
    <t>GPS GAHRAY</t>
  </si>
  <si>
    <t>Gahray</t>
  </si>
  <si>
    <t>VillageGahry P/o Channi Gehna Tehsil Phalia Dist M B Din</t>
  </si>
  <si>
    <t>Bheikho</t>
  </si>
  <si>
    <t>WaqasAhmed</t>
  </si>
  <si>
    <t>27372</t>
  </si>
  <si>
    <t>GPS WALGUN BARAN</t>
  </si>
  <si>
    <t>Walgun Baran</t>
  </si>
  <si>
    <t>Mc Sukheki</t>
  </si>
  <si>
    <t>Umair Ahmad</t>
  </si>
  <si>
    <t>25602</t>
  </si>
  <si>
    <t>GHSS MODDO KHALWAN</t>
  </si>
  <si>
    <t>Maddo Kahlwan  Narowal</t>
  </si>
  <si>
    <t>Maddo Kahlwan</t>
  </si>
  <si>
    <t>MUHAMMAAD BASHIR SAHU</t>
  </si>
  <si>
    <t>GPS ABBAS PURA</t>
  </si>
  <si>
    <t>abbas pura</t>
  </si>
  <si>
    <t>lashari</t>
  </si>
  <si>
    <t>Hafiz Abdul Ghani</t>
  </si>
  <si>
    <t>29902</t>
  </si>
  <si>
    <t>GGPS BATH KALAN</t>
  </si>
  <si>
    <t>g .g.p.s bath kalan</t>
  </si>
  <si>
    <t>41455</t>
  </si>
  <si>
    <t>GGHS BHANATTI</t>
  </si>
  <si>
    <t>Mehngal</t>
  </si>
  <si>
    <t>Village and P/O Bhanatti Tehsil Murree Distt Rwp</t>
  </si>
  <si>
    <t>Shumaila Irshad</t>
  </si>
  <si>
    <t>29408</t>
  </si>
  <si>
    <t>GMPS NAI KAY HITHAR</t>
  </si>
  <si>
    <t>Nayy Kay Hithar</t>
  </si>
  <si>
    <t>nayy kay hithar</t>
  </si>
  <si>
    <t>Bhadar Pura</t>
  </si>
  <si>
    <t>GES KOT SULTAN NO 2</t>
  </si>
  <si>
    <t>kotsultan city</t>
  </si>
  <si>
    <t>Kotsutan City</t>
  </si>
  <si>
    <t>22973</t>
  </si>
  <si>
    <t>GGES KALU CHAK</t>
  </si>
  <si>
    <t>Kalu Chak</t>
  </si>
  <si>
    <t>kalu chak post office bhand garan teh. kharian distt. gujrat</t>
  </si>
  <si>
    <t>GPS CHAK NO. 118/1-L</t>
  </si>
  <si>
    <t>121/1-L</t>
  </si>
  <si>
    <t>Chak No. 118/1-L Tehsil Khan Pur District Rahim year khan</t>
  </si>
  <si>
    <t>118/-L</t>
  </si>
  <si>
    <t>Muhammad Sajid Amin</t>
  </si>
  <si>
    <t>GGPS UMAR WADHA</t>
  </si>
  <si>
    <t>Bahan Wala</t>
  </si>
  <si>
    <t>bahan wala</t>
  </si>
  <si>
    <t>Rabia Rafiq</t>
  </si>
  <si>
    <t>25654</t>
  </si>
  <si>
    <t>33687</t>
  </si>
  <si>
    <t>GPS RAILWAY STATION PIRAN GHAIB</t>
  </si>
  <si>
    <t>Piran Ghaib railway station Multan</t>
  </si>
  <si>
    <t>Abdul Salam</t>
  </si>
  <si>
    <t>GPS THATHA KANJWAN</t>
  </si>
  <si>
    <t>Thata Kanjwan</t>
  </si>
  <si>
    <t>thata kanjwan</t>
  </si>
  <si>
    <t>Khuttey Shah</t>
  </si>
  <si>
    <t>Muhammad Sabtain Shah</t>
  </si>
  <si>
    <t>25658</t>
  </si>
  <si>
    <t>24051</t>
  </si>
  <si>
    <t>GHS T.I.GHATALIAN</t>
  </si>
  <si>
    <t>GHATIALIAN TEHSIL PASRUR DISTRICT SIALKOT</t>
  </si>
  <si>
    <t>GGPS BAKHTAWER WALA</t>
  </si>
  <si>
    <t>chah bakhtawar wala</t>
  </si>
  <si>
    <t>bakhtawar wala</t>
  </si>
  <si>
    <t>perveen fatima</t>
  </si>
  <si>
    <t>25692</t>
  </si>
  <si>
    <t>GPS NIEVI RASOOL PUR</t>
  </si>
  <si>
    <t>Neveen Rasoolpur</t>
  </si>
  <si>
    <t>niveen rasoolpur narowal</t>
  </si>
  <si>
    <t>GES DERA SHAH JAMAL</t>
  </si>
  <si>
    <t>vill dera shah jsmal p o kot ladha teh n virkan grw</t>
  </si>
  <si>
    <t>GGPS CHAK NO.104/NP-II</t>
  </si>
  <si>
    <t>104 np</t>
  </si>
  <si>
    <t>104 np 2</t>
  </si>
  <si>
    <t>basti gulam nabi</t>
  </si>
  <si>
    <t>nwankot</t>
  </si>
  <si>
    <t>saima yasmeen</t>
  </si>
  <si>
    <t>25482</t>
  </si>
  <si>
    <t>GES MAHI WALA CHAK NO. 148 TDA</t>
  </si>
  <si>
    <t>Moza Lohanch Thaljandi</t>
  </si>
  <si>
    <t>chak no.148/tda mahi wala</t>
  </si>
  <si>
    <t>Mahi Wala</t>
  </si>
  <si>
    <t>43272</t>
  </si>
  <si>
    <t>25483</t>
  </si>
  <si>
    <t>46378</t>
  </si>
  <si>
    <t>GHS SHAH HUSSAIN</t>
  </si>
  <si>
    <t>GHS Shah Hussain</t>
  </si>
  <si>
    <t>GGPS CHABIANA</t>
  </si>
  <si>
    <t>Chibiana</t>
  </si>
  <si>
    <t>chibyana</t>
  </si>
  <si>
    <t>Chibyana</t>
  </si>
  <si>
    <t>GHS CHASHMA BARRAGE WAPDA COLONY</t>
  </si>
  <si>
    <t>govt high school wapda colony chashma barrage wapda colony</t>
  </si>
  <si>
    <t>wapda colony chashma barrage</t>
  </si>
  <si>
    <t>muhammad latif</t>
  </si>
  <si>
    <t>GPS RAEES USMAN</t>
  </si>
  <si>
    <t>Tibbi Sayyedan</t>
  </si>
  <si>
    <t>Basti Rabban Peer Mouza Tibbi Sayyedan P/O Zafar Abad Tehsil Liaquat Pur District Rahim Yar Khan</t>
  </si>
  <si>
    <t>Rabbn Peer</t>
  </si>
  <si>
    <t>RANA SAIF ULLAH</t>
  </si>
  <si>
    <t>GGES KHORI ALAM</t>
  </si>
  <si>
    <t>Khori Alam</t>
  </si>
  <si>
    <t>Khori Alam p/o: khori Alam, teh. Kharian</t>
  </si>
  <si>
    <t>Fata Bhand</t>
  </si>
  <si>
    <t>25490</t>
  </si>
  <si>
    <t>G ZABS HS SAINTHAL</t>
  </si>
  <si>
    <t>Village Sainthal Post Office Rajoah Tehsil Phalia District Mandi Bahauddin</t>
  </si>
  <si>
    <t>25491</t>
  </si>
  <si>
    <t>GGPS JAHAR MAHIA</t>
  </si>
  <si>
    <t>Jahar Mahia</t>
  </si>
  <si>
    <t>jahar mahia p/o bhagowal pasrur sialkot</t>
  </si>
  <si>
    <t>Cahar Bajwa</t>
  </si>
  <si>
    <t>Talat Naz</t>
  </si>
  <si>
    <t>25492</t>
  </si>
  <si>
    <t>GPS KOT SHERWANI DAKHLI RAKH MALKA HANS</t>
  </si>
  <si>
    <t>Rakh Malka Hans</t>
  </si>
  <si>
    <t>Kot Sherwani Rakh Malka Hans</t>
  </si>
  <si>
    <t>25496</t>
  </si>
  <si>
    <t>38173</t>
  </si>
  <si>
    <t>27942</t>
  </si>
  <si>
    <t>GGCMS ALI PUR ASSAR</t>
  </si>
  <si>
    <t>QURESHI WALA - FEMALE</t>
  </si>
  <si>
    <t>AlipurAsser</t>
  </si>
  <si>
    <t>alipurasser p/o Qureshi Wala lodhran</t>
  </si>
  <si>
    <t>Alipurasser</t>
  </si>
  <si>
    <t>Rashida Qamar</t>
  </si>
  <si>
    <t>25498</t>
  </si>
  <si>
    <t>GPS MODEL 48/15-L, MIAN CHANNU</t>
  </si>
  <si>
    <t>48/15-L</t>
  </si>
  <si>
    <t>chak no 48/15L</t>
  </si>
  <si>
    <t>Nasreen Abdulhaq</t>
  </si>
  <si>
    <t>140625</t>
  </si>
  <si>
    <t>25506</t>
  </si>
  <si>
    <t>GPS CHAK NO.19/73</t>
  </si>
  <si>
    <t>Chak #19/73</t>
  </si>
  <si>
    <t>Chak #22/75 p/o syedwala NNS</t>
  </si>
  <si>
    <t>Chak #12/68</t>
  </si>
  <si>
    <t>Mirza Akbar Baig</t>
  </si>
  <si>
    <t>28006</t>
  </si>
  <si>
    <t>GPS CHAH MAFI WALA</t>
  </si>
  <si>
    <t>Chah Mafiwala</t>
  </si>
  <si>
    <t>chah mafiwala mandi bahauddin</t>
  </si>
  <si>
    <t>Muhammad Ameer Naz</t>
  </si>
  <si>
    <t>16074</t>
  </si>
  <si>
    <t>25512</t>
  </si>
  <si>
    <t>GPS PINDI DHUDAL</t>
  </si>
  <si>
    <t>Pindi Dhudal</t>
  </si>
  <si>
    <t>pindi dhudal P.O. jalalpur bhattian, teh. pindi dhudal, distt. hafizabad</t>
  </si>
  <si>
    <t>Khittay Shah</t>
  </si>
  <si>
    <t>11949</t>
  </si>
  <si>
    <t>36897</t>
  </si>
  <si>
    <t>GPS RASHEED ABAD QADEEM</t>
  </si>
  <si>
    <t>basti naich kot shahan</t>
  </si>
  <si>
    <t>Syed Alamdar Hussain</t>
  </si>
  <si>
    <t>25516</t>
  </si>
  <si>
    <t>Walwat</t>
  </si>
  <si>
    <t>Gmm yaroo wala basti hussnain abad maoza walwat p/o shahjamal T/D Muzzaffargarh</t>
  </si>
  <si>
    <t>Hassnainabad</t>
  </si>
  <si>
    <t>Maher Pur</t>
  </si>
  <si>
    <t>25517</t>
  </si>
  <si>
    <t>GGES BASTI KHAN MUHAMMAD</t>
  </si>
  <si>
    <t>Basti khan muhammad</t>
  </si>
  <si>
    <t>Basti Khan Muhammad</t>
  </si>
  <si>
    <t>Mari Allah Bazhay</t>
  </si>
  <si>
    <t>Ayesha Irum</t>
  </si>
  <si>
    <t>GPS MATTA VIRKAN</t>
  </si>
  <si>
    <t>Matta Virkan</t>
  </si>
  <si>
    <t>village &amp; p/o matta virkan teh nowshera virkan dissit GRW</t>
  </si>
  <si>
    <t>29905</t>
  </si>
  <si>
    <t>GMPS KOT UMER DIN</t>
  </si>
  <si>
    <t>Kot Umer Din</t>
  </si>
  <si>
    <t>shekham</t>
  </si>
  <si>
    <t>Sughra Bashir</t>
  </si>
  <si>
    <t>13543</t>
  </si>
  <si>
    <t>GES CHOPALIA</t>
  </si>
  <si>
    <t>Chopalia</t>
  </si>
  <si>
    <t>Chopalia p/o Mandi Sadiq Gunj, Minchinabad</t>
  </si>
  <si>
    <t>Giriabad</t>
  </si>
  <si>
    <t>Ghulam Rasool Sunny</t>
  </si>
  <si>
    <t>GGPS JAISAL KALASRA NASHAIB</t>
  </si>
  <si>
    <t>jaisal nashaib</t>
  </si>
  <si>
    <t>jasal kalasra nashaib</t>
  </si>
  <si>
    <t>Jasal Nashaib</t>
  </si>
  <si>
    <t>Noshaba Hassan</t>
  </si>
  <si>
    <t>27815</t>
  </si>
  <si>
    <t>25533</t>
  </si>
  <si>
    <t>37687</t>
  </si>
  <si>
    <t>GGPS 17/8-R, TULAMBA</t>
  </si>
  <si>
    <t>17 8/R</t>
  </si>
  <si>
    <t>17 8/r</t>
  </si>
  <si>
    <t>3/8 AR</t>
  </si>
  <si>
    <t>31337</t>
  </si>
  <si>
    <t>GPS DINGI</t>
  </si>
  <si>
    <t>Dingi</t>
  </si>
  <si>
    <t>dingi</t>
  </si>
  <si>
    <t>Nawan Maneka</t>
  </si>
  <si>
    <t>Nusrat Ali</t>
  </si>
  <si>
    <t>GGPS CHANT SEHJRA</t>
  </si>
  <si>
    <t>Chant</t>
  </si>
  <si>
    <t>chant</t>
  </si>
  <si>
    <t>Asia Rashid</t>
  </si>
  <si>
    <t>53550</t>
  </si>
  <si>
    <t>GPS 40/3.R NEW KALA NAUR</t>
  </si>
  <si>
    <t>Gps new kala nour 40/3r</t>
  </si>
  <si>
    <t>New Kala Nour</t>
  </si>
  <si>
    <t>M Rafiq Akhtar</t>
  </si>
  <si>
    <t>46231</t>
  </si>
  <si>
    <t>GPS MUHAMMAD SHER WALA</t>
  </si>
  <si>
    <t>GPS MUHAMMAD SHER WALA VPO  BILAND TEHSIL NOOR PUR THAL</t>
  </si>
  <si>
    <t>Sher Ali</t>
  </si>
  <si>
    <t>25541</t>
  </si>
  <si>
    <t>GGES BASTI GHALWAN</t>
  </si>
  <si>
    <t>bhutaji</t>
  </si>
  <si>
    <t>Gov't Girl's Elementry school Basti Ghalwan</t>
  </si>
  <si>
    <t>Basti Ghalwan</t>
  </si>
  <si>
    <t>jamila  Mariam</t>
  </si>
  <si>
    <t>25542</t>
  </si>
  <si>
    <t>Hanifa Latif</t>
  </si>
  <si>
    <t>25543</t>
  </si>
  <si>
    <t>GES TIAL PANJAND MOUZA HEERAN</t>
  </si>
  <si>
    <t>Basti Hasnaina bad head heeran p/o zpr</t>
  </si>
  <si>
    <t>Basti Heeran</t>
  </si>
  <si>
    <t>35537</t>
  </si>
  <si>
    <t>25546</t>
  </si>
  <si>
    <t>45281</t>
  </si>
  <si>
    <t>GGPS KALEERAN WALA</t>
  </si>
  <si>
    <t>Kaleranwala p/o dhingana tahseel mankera dist bhakkar</t>
  </si>
  <si>
    <t>Kaleranwala</t>
  </si>
  <si>
    <t>Munazza Mai</t>
  </si>
  <si>
    <t>25547</t>
  </si>
  <si>
    <t>6077</t>
  </si>
  <si>
    <t>GPS CHAK 22 A</t>
  </si>
  <si>
    <t>CITY-LQP-MALE</t>
  </si>
  <si>
    <t>Chak 22/A</t>
  </si>
  <si>
    <t>chak 22/A Lqp</t>
  </si>
  <si>
    <t>Chak 22/A Lqp</t>
  </si>
  <si>
    <t>31538</t>
  </si>
  <si>
    <t>GES DHAROOR MUSLIM</t>
  </si>
  <si>
    <t>dharoor Muslim</t>
  </si>
  <si>
    <t>govt. Elemetary school dharoor muslim p.o siri ram pura tehsil muridke distt. sheikhupura</t>
  </si>
  <si>
    <t>Azhar Hussain Tahir</t>
  </si>
  <si>
    <t>GHS SIKHANI WALA</t>
  </si>
  <si>
    <t>GHS SHAKEEL AHMAD SHAHEED SIKHANI WALA</t>
  </si>
  <si>
    <t>Saleem Abbas Khan</t>
  </si>
  <si>
    <t>hand pump,water pump</t>
  </si>
  <si>
    <t>11447</t>
  </si>
  <si>
    <t>25555</t>
  </si>
  <si>
    <t>GPS MC NO.7 LAYYAH</t>
  </si>
  <si>
    <t>Mohallah Sheikhan Wala Layyah</t>
  </si>
  <si>
    <t>Munir Khalid</t>
  </si>
  <si>
    <t>18006</t>
  </si>
  <si>
    <t>24471</t>
  </si>
  <si>
    <t>GGPS KALU GHAZI</t>
  </si>
  <si>
    <t>kalu ghazi</t>
  </si>
  <si>
    <t>kalughazi post office qila kaler Wala  dist sailkot Tehsil pasrur</t>
  </si>
  <si>
    <t>Kalughazi</t>
  </si>
  <si>
    <t>Naila Yaqoob</t>
  </si>
  <si>
    <t>GES TAJANA</t>
  </si>
  <si>
    <t>mandal</t>
  </si>
  <si>
    <t>mauzaa mandal</t>
  </si>
  <si>
    <t>Tjana mandal</t>
  </si>
  <si>
    <t>Bholey wala</t>
  </si>
  <si>
    <t>GGPS KOT ANWAR</t>
  </si>
  <si>
    <t>Kot Anwar</t>
  </si>
  <si>
    <t>Naghmana Akhtar</t>
  </si>
  <si>
    <t>38544</t>
  </si>
  <si>
    <t>GPS PHARRI</t>
  </si>
  <si>
    <t>Maanga</t>
  </si>
  <si>
    <t>village Pharri mouza Maanga Tehsil Murree District Rawalpindi</t>
  </si>
  <si>
    <t>Pharri</t>
  </si>
  <si>
    <t>30569</t>
  </si>
  <si>
    <t>GPS AHMED KUDAN</t>
  </si>
  <si>
    <t>basti jam elahi bux</t>
  </si>
  <si>
    <t>Chachran Shareef</t>
  </si>
  <si>
    <t>Muhammad Tasleem</t>
  </si>
  <si>
    <t>GGPS UNCHA JAJJA</t>
  </si>
  <si>
    <t>Uncha Jajja</t>
  </si>
  <si>
    <t>uncha jajja tehsil pasrur</t>
  </si>
  <si>
    <t>Nagina Iqbal</t>
  </si>
  <si>
    <t>20749</t>
  </si>
  <si>
    <t>GGPS DERA ABDULLAH MAYO</t>
  </si>
  <si>
    <t>Dera Abdullah mayo narang more</t>
  </si>
  <si>
    <t>Dera Abdullah Mayo</t>
  </si>
  <si>
    <t>Urban 2 Narang</t>
  </si>
  <si>
    <t>40318</t>
  </si>
  <si>
    <t>GES PIPLI</t>
  </si>
  <si>
    <t>vpo pipli pd khan jhelum</t>
  </si>
  <si>
    <t>MALIK AMIR HUSSAIN</t>
  </si>
  <si>
    <t>25163</t>
  </si>
  <si>
    <t>29419</t>
  </si>
  <si>
    <t>25664</t>
  </si>
  <si>
    <t>GGPS JAGGO KALAN</t>
  </si>
  <si>
    <t>Jaggo Kalan</t>
  </si>
  <si>
    <t>jaggo kalan post off.qadirabad teh.phalia distt.m.b.din</t>
  </si>
  <si>
    <t>Kala Shadian</t>
  </si>
  <si>
    <t>Sadia Haleema</t>
  </si>
  <si>
    <t>25671</t>
  </si>
  <si>
    <t>GPS DALAWERUAN</t>
  </si>
  <si>
    <t>dalawerian</t>
  </si>
  <si>
    <t>dalaweruan p/o kuthiala virkan tehsil muridke distt. sheikhupura</t>
  </si>
  <si>
    <t>zagam abbas</t>
  </si>
  <si>
    <t>9271</t>
  </si>
  <si>
    <t>25673</t>
  </si>
  <si>
    <t>GHS PIR BAKHSH KHAS</t>
  </si>
  <si>
    <t>Pir Bux Khas</t>
  </si>
  <si>
    <t>P/O Fazilpur Tehsil &amp; Distt. Rajanpur</t>
  </si>
  <si>
    <t>Pir Bux Sharqi</t>
  </si>
  <si>
    <t>49691</t>
  </si>
  <si>
    <t>29469</t>
  </si>
  <si>
    <t>GGPS KAJIAN WALA</t>
  </si>
  <si>
    <t>Kujian Wala</t>
  </si>
  <si>
    <t>ggps kujianwala</t>
  </si>
  <si>
    <t>Kujian wala</t>
  </si>
  <si>
    <t>Shabana Kosar</t>
  </si>
  <si>
    <t>16955</t>
  </si>
  <si>
    <t>47158</t>
  </si>
  <si>
    <t>GPS MOH. ISLAM ABAD</t>
  </si>
  <si>
    <t>Muzafarpur</t>
  </si>
  <si>
    <t>mohalaislamabad wanbhachran</t>
  </si>
  <si>
    <t>Mohalaislamabad</t>
  </si>
  <si>
    <t>GPS 24/A QADEEM</t>
  </si>
  <si>
    <t>CHAK 24/A</t>
  </si>
  <si>
    <t>26438</t>
  </si>
  <si>
    <t>GGPS BASTI RAHEEM BUKHSH</t>
  </si>
  <si>
    <t>Mud Ilyas</t>
  </si>
  <si>
    <t>Basti Gul Hassan Mari Allah Bachaya Mud Ilyas</t>
  </si>
  <si>
    <t>Basti Gul Hassan</t>
  </si>
  <si>
    <t>Aqeela Matloob</t>
  </si>
  <si>
    <t>25685</t>
  </si>
  <si>
    <t>GPS CHAK NO.566 TDA</t>
  </si>
  <si>
    <t>Chak No 566/tda</t>
  </si>
  <si>
    <t>chak no 566/tda</t>
  </si>
  <si>
    <t>Chak No 567/tda</t>
  </si>
  <si>
    <t>Muhammad Ali Rehman</t>
  </si>
  <si>
    <t>18255</t>
  </si>
  <si>
    <t>53712</t>
  </si>
  <si>
    <t>GPS CHAK NO. 17/1-R</t>
  </si>
  <si>
    <t>17/1R</t>
  </si>
  <si>
    <t>GPS17/1-R okara</t>
  </si>
  <si>
    <t>17/1-R</t>
  </si>
  <si>
    <t>Satghara 20</t>
  </si>
  <si>
    <t>Taiba Asif</t>
  </si>
  <si>
    <t>44633</t>
  </si>
  <si>
    <t>33833</t>
  </si>
  <si>
    <t>GGPS JANGAL BHIRA NO.2 NADIRABAD PHATIK INDUSTRIAL STATE</t>
  </si>
  <si>
    <t>Jungle Bhirah</t>
  </si>
  <si>
    <t>GGPS jungle bhirah no.2 industrial state Multan</t>
  </si>
  <si>
    <t>Zubaida begham</t>
  </si>
  <si>
    <t>GPS SETHANA WALI</t>
  </si>
  <si>
    <t>Sethanwali</t>
  </si>
  <si>
    <t>Chak mansha Ram  Moza sethanwali</t>
  </si>
  <si>
    <t>Mansha Ram</t>
  </si>
  <si>
    <t>11209</t>
  </si>
  <si>
    <t>GPS CHAK NO. 278-A/TDA</t>
  </si>
  <si>
    <t>Chak No 278a</t>
  </si>
  <si>
    <t>chak no 278a /tda layyah</t>
  </si>
  <si>
    <t>Lalazar</t>
  </si>
  <si>
    <t>muhammad sohanara</t>
  </si>
  <si>
    <t>53804</t>
  </si>
  <si>
    <t>12631</t>
  </si>
  <si>
    <t>GPS WALWAT</t>
  </si>
  <si>
    <t>mpuza walwat teh.&amp; dstt. Muzaffar Garh</t>
  </si>
  <si>
    <t>Ameer Bukhsh</t>
  </si>
  <si>
    <t>25903</t>
  </si>
  <si>
    <t>GGPS KHARA</t>
  </si>
  <si>
    <t>Village Khara PO Box Malookpur Tehsil &amp; District Narowal</t>
  </si>
  <si>
    <t>Khalda parveen</t>
  </si>
  <si>
    <t>GGPS 48 SP</t>
  </si>
  <si>
    <t>48/sp</t>
  </si>
  <si>
    <t>GGPS 48/SP</t>
  </si>
  <si>
    <t>Afshan Noor Ul Qamar</t>
  </si>
  <si>
    <t>34355</t>
  </si>
  <si>
    <t>48165</t>
  </si>
  <si>
    <t>28482</t>
  </si>
  <si>
    <t>GMPS DHUDRA</t>
  </si>
  <si>
    <t>JOKALIAN -FEMALE</t>
  </si>
  <si>
    <t>Dhudra</t>
  </si>
  <si>
    <t>villge dhudra post office gaddhu kalan</t>
  </si>
  <si>
    <t>Renseekey</t>
  </si>
  <si>
    <t>Maryam Tahira</t>
  </si>
  <si>
    <t>GGPS SHIMAR</t>
  </si>
  <si>
    <t>shimar</t>
  </si>
  <si>
    <t>g  g p s shimar</t>
  </si>
  <si>
    <t>Gunjial   Jnobee</t>
  </si>
  <si>
    <t>Rabia suleman</t>
  </si>
  <si>
    <t>24542</t>
  </si>
  <si>
    <t>23179</t>
  </si>
  <si>
    <t>GMPS HASSAM</t>
  </si>
  <si>
    <t>village hassam post office malka tehsil kharian district gujrat</t>
  </si>
  <si>
    <t>Zubairia Jahangir</t>
  </si>
  <si>
    <t>29760</t>
  </si>
  <si>
    <t>24765</t>
  </si>
  <si>
    <t>Jhangi Ram</t>
  </si>
  <si>
    <t>U/C Patti Bulinda Tehsil Mankera District Bhakkar</t>
  </si>
  <si>
    <t>Patti Bulinda</t>
  </si>
  <si>
    <t>32154</t>
  </si>
  <si>
    <t>GGHS MONA DEPOT</t>
  </si>
  <si>
    <t>Govt Girls High school Mona Depot Tehsil MALAKWAL DISTRICT MANDI BAHAUDDIN</t>
  </si>
  <si>
    <t>abeeda khanum</t>
  </si>
  <si>
    <t>GGPS KHURPA</t>
  </si>
  <si>
    <t>Khurpa</t>
  </si>
  <si>
    <t>viill khurpa PO bhagnian teh pasrur disst sialkot</t>
  </si>
  <si>
    <t>GPS CHAK NO 57 MB</t>
  </si>
  <si>
    <t>57MB</t>
  </si>
  <si>
    <t>GGPS QAZI NOOR MOHAMMAD</t>
  </si>
  <si>
    <t>Laloo Wala</t>
  </si>
  <si>
    <t>basti qazi noor muhammad</t>
  </si>
  <si>
    <t>Thull Lallo Wala</t>
  </si>
  <si>
    <t>27551</t>
  </si>
  <si>
    <t>GHS SUKHEKE MANDI</t>
  </si>
  <si>
    <t>RAILWAY ROAD SUKHEKE</t>
  </si>
  <si>
    <t>Ghulam Hyder</t>
  </si>
  <si>
    <t>24779</t>
  </si>
  <si>
    <t>GGPS MIRANI PACCA</t>
  </si>
  <si>
    <t>Samtia Nashab</t>
  </si>
  <si>
    <t>moza samtia nashab gpo layyah</t>
  </si>
  <si>
    <t>Chah Kaly Wala</t>
  </si>
  <si>
    <t>Lohanch Nashab</t>
  </si>
  <si>
    <t>Aisha Mukhtiar</t>
  </si>
  <si>
    <t>25470</t>
  </si>
  <si>
    <t>53095</t>
  </si>
  <si>
    <t>GPS KHANAY WALA</t>
  </si>
  <si>
    <t>Jhangi Raam</t>
  </si>
  <si>
    <t>Gps khany wala tehsil mankera dist bhakkar</t>
  </si>
  <si>
    <t>Khany Wala</t>
  </si>
  <si>
    <t>Pati Bilanda</t>
  </si>
  <si>
    <t>24786</t>
  </si>
  <si>
    <t>GGPS KOHLI</t>
  </si>
  <si>
    <t>Kohli</t>
  </si>
  <si>
    <t>Village Kohli, P.O. Sidh, Kharian, Gujrat</t>
  </si>
  <si>
    <t>Burruch</t>
  </si>
  <si>
    <t>19064</t>
  </si>
  <si>
    <t>10018</t>
  </si>
  <si>
    <t>25705</t>
  </si>
  <si>
    <t>GPS DHADIALA</t>
  </si>
  <si>
    <t>Dhadiala</t>
  </si>
  <si>
    <t>adda dhadiala</t>
  </si>
  <si>
    <t>Bola bajwa</t>
  </si>
  <si>
    <t>GPS IMAM BAKHSH QADEEM</t>
  </si>
  <si>
    <t>Turkry</t>
  </si>
  <si>
    <t>Moza Turkry  tehsil Liaqat pur Dissthe RYK</t>
  </si>
  <si>
    <t>Malik Abdul Ghafoor</t>
  </si>
  <si>
    <t>24789</t>
  </si>
  <si>
    <t>51498</t>
  </si>
  <si>
    <t>GPS 68/D</t>
  </si>
  <si>
    <t>68D</t>
  </si>
  <si>
    <t>chak No. 68D post office chanwat tehsil and district Pakpattan</t>
  </si>
  <si>
    <t>26SP</t>
  </si>
  <si>
    <t>GPS MUSA PUR</t>
  </si>
  <si>
    <t>V.P.O MUSA PUR</t>
  </si>
  <si>
    <t>MUSAPUR</t>
  </si>
  <si>
    <t>SHAMAS PERVAIZ</t>
  </si>
  <si>
    <t>24791</t>
  </si>
  <si>
    <t>GMPS TIBBI DARYANI</t>
  </si>
  <si>
    <t>Tibbi Daryani</t>
  </si>
  <si>
    <t>tibbi daryni. post johlana .mandi Bhauaddin</t>
  </si>
  <si>
    <t>Tibbi Daryni</t>
  </si>
  <si>
    <t>Johlana</t>
  </si>
  <si>
    <t>Shafqat Hussain</t>
  </si>
  <si>
    <t>53394</t>
  </si>
  <si>
    <t>GGES MAROOLA SHARIF</t>
  </si>
  <si>
    <t>Maroola SHARIF</t>
  </si>
  <si>
    <t>Moza Maroola Sharif</t>
  </si>
  <si>
    <t>Maroola Sharif</t>
  </si>
  <si>
    <t>Lahkan</t>
  </si>
  <si>
    <t>41190</t>
  </si>
  <si>
    <t>45832</t>
  </si>
  <si>
    <t>GPS DHERI</t>
  </si>
  <si>
    <t>Dheri</t>
  </si>
  <si>
    <t>Malik ahmad sher</t>
  </si>
  <si>
    <t>31756</t>
  </si>
  <si>
    <t>GGPS BHIANWALA KHURD</t>
  </si>
  <si>
    <t>BHIANWALA KHURD</t>
  </si>
  <si>
    <t>Bhianwala khurd</t>
  </si>
  <si>
    <t>Nasira Hanif</t>
  </si>
  <si>
    <t>24807</t>
  </si>
  <si>
    <t>33882</t>
  </si>
  <si>
    <t>GGPS MC TARAF DAIRA</t>
  </si>
  <si>
    <t>Chah Jamu wala basti daira multan</t>
  </si>
  <si>
    <t>Basti Daira</t>
  </si>
  <si>
    <t>bilqees begum</t>
  </si>
  <si>
    <t>53280</t>
  </si>
  <si>
    <t>23027</t>
  </si>
  <si>
    <t>GPS AQIQA</t>
  </si>
  <si>
    <t>Haqiqa</t>
  </si>
  <si>
    <t>village Haqiqa tehsil kharian district gujrat</t>
  </si>
  <si>
    <t>Syed Ali Zain</t>
  </si>
  <si>
    <t>24815</t>
  </si>
  <si>
    <t>45896</t>
  </si>
  <si>
    <t>GPS BASTI DARHAL</t>
  </si>
  <si>
    <t>Chanki</t>
  </si>
  <si>
    <t>GPS basti dirhal</t>
  </si>
  <si>
    <t>Basti Dirhal</t>
  </si>
  <si>
    <t>Malik Pervaiz Akhtar</t>
  </si>
  <si>
    <t>GGPS GHORRI</t>
  </si>
  <si>
    <t>Ghorri</t>
  </si>
  <si>
    <t>Village Ghorri P.O Aulakh Bhaike Tehsil noshera virkan</t>
  </si>
  <si>
    <t>Musarat Shakeel</t>
  </si>
  <si>
    <t>47769</t>
  </si>
  <si>
    <t>GGHS CHAK NO. 5-6 ML</t>
  </si>
  <si>
    <t>5-6ml</t>
  </si>
  <si>
    <t>Chak no. 5-6ml</t>
  </si>
  <si>
    <t>Chak No 5-6 Ml</t>
  </si>
  <si>
    <t>Mehreen Malik</t>
  </si>
  <si>
    <t>24819</t>
  </si>
  <si>
    <t>GGPS DHARIWAL</t>
  </si>
  <si>
    <t>Village Dhariwal P/o Gota fateh Garh</t>
  </si>
  <si>
    <t>Gota Fateh Garh</t>
  </si>
  <si>
    <t>34470</t>
  </si>
  <si>
    <t>24821</t>
  </si>
  <si>
    <t>GPS DODDU</t>
  </si>
  <si>
    <t>jhangi ram</t>
  </si>
  <si>
    <t>doddu mankera</t>
  </si>
  <si>
    <t>doddu</t>
  </si>
  <si>
    <t>patti Bulanda</t>
  </si>
  <si>
    <t>24822</t>
  </si>
  <si>
    <t>GMPS MUZAFFAR PUR COLONY</t>
  </si>
  <si>
    <t>Muzafar Pur Janubi</t>
  </si>
  <si>
    <t>kanalColony  wan bhachran</t>
  </si>
  <si>
    <t>Muzafar Pur Janobi Wan Bhachran</t>
  </si>
  <si>
    <t>Muzaffer Pur Janobi</t>
  </si>
  <si>
    <t>Sobia Naz</t>
  </si>
  <si>
    <t>24825</t>
  </si>
  <si>
    <t>14085</t>
  </si>
  <si>
    <t>GGES SAHAN WALA</t>
  </si>
  <si>
    <t>GGPS GOHAR GHULAB SINGH</t>
  </si>
  <si>
    <t>Gohar Gulab Singh</t>
  </si>
  <si>
    <t>Shabnam Sultan</t>
  </si>
  <si>
    <t>GPS BROHA</t>
  </si>
  <si>
    <t>village broha p.o j.town tehsil Murree diss Rawalpindi</t>
  </si>
  <si>
    <t>Rafi Uz Zaman</t>
  </si>
  <si>
    <t>24841</t>
  </si>
  <si>
    <t>GMPS JALO WALI</t>
  </si>
  <si>
    <t>jalowali</t>
  </si>
  <si>
    <t>Amtul Rehman</t>
  </si>
  <si>
    <t>33629</t>
  </si>
  <si>
    <t>24842</t>
  </si>
  <si>
    <t>GPS THATHA ARAZI</t>
  </si>
  <si>
    <t>Thatha Arazi</t>
  </si>
  <si>
    <t>Thatha Lalay ka near Gogera</t>
  </si>
  <si>
    <t>Muhammad Nawaz Yasir</t>
  </si>
  <si>
    <t>30203</t>
  </si>
  <si>
    <t>GMPS DALLAH</t>
  </si>
  <si>
    <t>post office chak rajadi tehsil kharian dist gujrat</t>
  </si>
  <si>
    <t>39220</t>
  </si>
  <si>
    <t>6777</t>
  </si>
  <si>
    <t>GPS HAMID ILYANI MOUZA GHAL EGA</t>
  </si>
  <si>
    <t>Ghleja</t>
  </si>
  <si>
    <t>basti alyani</t>
  </si>
  <si>
    <t>Ubaidullah</t>
  </si>
  <si>
    <t>31545</t>
  </si>
  <si>
    <t>GES PINDI RATTAN SINGH</t>
  </si>
  <si>
    <t>pindi Rattan Singh</t>
  </si>
  <si>
    <t>Pindi Ratttan singh,Muridke</t>
  </si>
  <si>
    <t>Pindi Rattan singh</t>
  </si>
  <si>
    <t>Khatyala virkan</t>
  </si>
  <si>
    <t>Malik Muhammad Ramzan</t>
  </si>
  <si>
    <t>GGES KOT BEERBAL, KHANEWAL</t>
  </si>
  <si>
    <t>Kot Birbal</t>
  </si>
  <si>
    <t>kot birbal khanewal</t>
  </si>
  <si>
    <t>Colony No 3</t>
  </si>
  <si>
    <t>Khanewal V</t>
  </si>
  <si>
    <t>Firdous Alam</t>
  </si>
  <si>
    <t>54824</t>
  </si>
  <si>
    <t>GPS CHANGA DAKHLI</t>
  </si>
  <si>
    <t>Dhok awan</t>
  </si>
  <si>
    <t>GPS dhok changa dakhli pail</t>
  </si>
  <si>
    <t>24857</t>
  </si>
  <si>
    <t>45135</t>
  </si>
  <si>
    <t>GHS PATTI BULANDA</t>
  </si>
  <si>
    <t>PATTIBULANDA</t>
  </si>
  <si>
    <t>CITY PATTIBULANDA</t>
  </si>
  <si>
    <t>Mustafa Ahmed</t>
  </si>
  <si>
    <t>53777</t>
  </si>
  <si>
    <t>24859</t>
  </si>
  <si>
    <t>Chak 108 NP</t>
  </si>
  <si>
    <t>basti Mian Abdul Wahid chak number 108 np</t>
  </si>
  <si>
    <t>Basti Mian Abdul Wahid</t>
  </si>
  <si>
    <t>Nawan Araen</t>
  </si>
  <si>
    <t>Farah Aslam</t>
  </si>
  <si>
    <t>24860</t>
  </si>
  <si>
    <t>27649</t>
  </si>
  <si>
    <t>GGES KUTHIALA KHURD</t>
  </si>
  <si>
    <t>Kuthiala Khurd Tehsil malikwal Distt M.B.Din</t>
  </si>
  <si>
    <t>Sidra Safdar</t>
  </si>
  <si>
    <t>39252</t>
  </si>
  <si>
    <t>GGHS KISRAN</t>
  </si>
  <si>
    <t>KISRAN</t>
  </si>
  <si>
    <t>GGPS CHAH MUQAM WALA</t>
  </si>
  <si>
    <t>Chah Muquam Wala</t>
  </si>
  <si>
    <t>Shori Maneka</t>
  </si>
  <si>
    <t>Thatha Khair O Mutmal</t>
  </si>
  <si>
    <t>29477</t>
  </si>
  <si>
    <t>GGPS JAMMAN KAY</t>
  </si>
  <si>
    <t>Gahi Jammu Wala</t>
  </si>
  <si>
    <t>gahi Jammu Wala tehsil and district kasur</t>
  </si>
  <si>
    <t>Shakila Shafi</t>
  </si>
  <si>
    <t>25349</t>
  </si>
  <si>
    <t>29085</t>
  </si>
  <si>
    <t>GES GAGGAR</t>
  </si>
  <si>
    <t>Gaggar</t>
  </si>
  <si>
    <t>village gaggar kÃ sur</t>
  </si>
  <si>
    <t>Muhammad Akram Ch</t>
  </si>
  <si>
    <t>50777</t>
  </si>
  <si>
    <t>GPS JHALLAR ABDUL REHMAN</t>
  </si>
  <si>
    <t>Qasimpur</t>
  </si>
  <si>
    <t>Basti Hajan Shah Moza Qasimpur</t>
  </si>
  <si>
    <t>Kotla Khan Muhammad Muhammad Muhammad</t>
  </si>
  <si>
    <t>25352</t>
  </si>
  <si>
    <t>22077</t>
  </si>
  <si>
    <t>GGES ABID ABAD</t>
  </si>
  <si>
    <t>Abid Abad  Nowshera Virkan</t>
  </si>
  <si>
    <t>GPS BASTI JALAL</t>
  </si>
  <si>
    <t>GPS Basti jalal</t>
  </si>
  <si>
    <t>Alody Wali</t>
  </si>
  <si>
    <t>46518</t>
  </si>
  <si>
    <t>GPS NANGAH</t>
  </si>
  <si>
    <t>Jabbi Rakh</t>
  </si>
  <si>
    <t>dhok nangha jabbi shumali</t>
  </si>
  <si>
    <t>Dhok Nangah</t>
  </si>
  <si>
    <t>39247</t>
  </si>
  <si>
    <t>GHS SOORAG</t>
  </si>
  <si>
    <t>GBHS SURAG VPO SURAG TEHSIL PINDIGHEB DISTT ATTOCK</t>
  </si>
  <si>
    <t>sadarzada sultan mahmood</t>
  </si>
  <si>
    <t>25358</t>
  </si>
  <si>
    <t>GPS KHANKA MUHAMMAD SHAH</t>
  </si>
  <si>
    <t>Allah ditta bhaila</t>
  </si>
  <si>
    <t>GPS KHANQAH MUHAMMAD SHAH MAUZA ALLAH DITTA BHAILA UC ALLAH JIWAYA LAR MARKZ ALLAH JIWAYA LAR</t>
  </si>
  <si>
    <t>Chodhry Liaqut Hussain</t>
  </si>
  <si>
    <t>Allah jiwaya lar</t>
  </si>
  <si>
    <t>Javed Iqbal niazi</t>
  </si>
  <si>
    <t>GES MACHHORA</t>
  </si>
  <si>
    <t>Machhora</t>
  </si>
  <si>
    <t>village machhora , po sarsal, teh kharian , distt gujrat</t>
  </si>
  <si>
    <t>Chirywala</t>
  </si>
  <si>
    <t>Tariq Mehmood Akhtar</t>
  </si>
  <si>
    <t>37463</t>
  </si>
  <si>
    <t>GES 7/8-AR, TULAMBA</t>
  </si>
  <si>
    <t>Chak NO 7/8-AR</t>
  </si>
  <si>
    <t>Chak No 7/8-AR</t>
  </si>
  <si>
    <t>Shahzad Khalid</t>
  </si>
  <si>
    <t>25363</t>
  </si>
  <si>
    <t>GMPS MOHREKAY JAJJA</t>
  </si>
  <si>
    <t>Mohrikey Jajja</t>
  </si>
  <si>
    <t>Post office &amp; village mohrikey jajj teh pasrur dist sialkot</t>
  </si>
  <si>
    <t>13979</t>
  </si>
  <si>
    <t>GPS BASTI PHALLI</t>
  </si>
  <si>
    <t>Basti Phalli</t>
  </si>
  <si>
    <t>Basti Phalli P/O Kot Mithan</t>
  </si>
  <si>
    <t>Waqar Saleem</t>
  </si>
  <si>
    <t>GPS CHAK 38/P</t>
  </si>
  <si>
    <t>Chak 38/P</t>
  </si>
  <si>
    <t>Govt.P/S Chak 38/P</t>
  </si>
  <si>
    <t>Chak 45/P</t>
  </si>
  <si>
    <t>Abdul Rizwan</t>
  </si>
  <si>
    <t>GES SHAH WALA</t>
  </si>
  <si>
    <t>govt E/S SHAH WALA p/o dhingana haidar abad thal tehsil mankera distt bhakkar</t>
  </si>
  <si>
    <t>47223</t>
  </si>
  <si>
    <t>GPS BAHIAN WALA</t>
  </si>
  <si>
    <t>Musa Khel  Shumali</t>
  </si>
  <si>
    <t>bahianwala uc musa khel  teh and distt mianwali</t>
  </si>
  <si>
    <t>Bahianwala</t>
  </si>
  <si>
    <t>Shahbaz Khan</t>
  </si>
  <si>
    <t>19358</t>
  </si>
  <si>
    <t>GGPS KOTLI KHAIR DIN</t>
  </si>
  <si>
    <t>kotli kher din</t>
  </si>
  <si>
    <t>Kotli khair din tehsil muridky</t>
  </si>
  <si>
    <t>Herdoladyky</t>
  </si>
  <si>
    <t>Arshia Qandeel</t>
  </si>
  <si>
    <t>25397</t>
  </si>
  <si>
    <t>GGPS SHAIKH PUR</t>
  </si>
  <si>
    <t>Shaikh pur</t>
  </si>
  <si>
    <t>tehsil pasrur district sialkot village shaikhpur</t>
  </si>
  <si>
    <t>Shaikhpur</t>
  </si>
  <si>
    <t>Chaharbajwa</t>
  </si>
  <si>
    <t>Ishrat Boota</t>
  </si>
  <si>
    <t>25399</t>
  </si>
  <si>
    <t>GGPS CHAK NO.104/NP-I</t>
  </si>
  <si>
    <t>chak 104 NP I Teh khanpur</t>
  </si>
  <si>
    <t>Chak 104 NP 1</t>
  </si>
  <si>
    <t>27694</t>
  </si>
  <si>
    <t>Gps jalalabad post office Rukkan tensile Malkwal district m b din</t>
  </si>
  <si>
    <t>Syed Sajjad Hussain Shah</t>
  </si>
  <si>
    <t>33594</t>
  </si>
  <si>
    <t>23217</t>
  </si>
  <si>
    <t>GGCMES CHIRIANWALA ADHA</t>
  </si>
  <si>
    <t>Chiryawala Adda</t>
  </si>
  <si>
    <t>VPO chiryawala adda, Teh.Kharian,Distt.Gujrat</t>
  </si>
  <si>
    <t>Chiryawala adda</t>
  </si>
  <si>
    <t>Toseef Mehdi</t>
  </si>
  <si>
    <t>Dogra</t>
  </si>
  <si>
    <t>dogra</t>
  </si>
  <si>
    <t>25405</t>
  </si>
  <si>
    <t>GES MUHAMMAD DAHA</t>
  </si>
  <si>
    <t>GBES Muhammad daha post office Allahabad tehsil liaquat pur</t>
  </si>
  <si>
    <t>GGES CHOUBARA</t>
  </si>
  <si>
    <t>Jiway Wala</t>
  </si>
  <si>
    <t>Allied school near punjab bank</t>
  </si>
  <si>
    <t>Khush Bakht Shujat</t>
  </si>
  <si>
    <t>GMPS 104/15-L, MIAN CHANNU</t>
  </si>
  <si>
    <t>104/15l</t>
  </si>
  <si>
    <t>104/15.l</t>
  </si>
  <si>
    <t>102/15l</t>
  </si>
  <si>
    <t>Irum Hussain</t>
  </si>
  <si>
    <t>25413</t>
  </si>
  <si>
    <t>GPS MC WEAVING FACTORY SHAHDARA</t>
  </si>
  <si>
    <t>cdgbpsweavingfactoryshahdara Lahore</t>
  </si>
  <si>
    <t>Fatima Maqsood</t>
  </si>
  <si>
    <t>GPS CHAK NO 112/1-L</t>
  </si>
  <si>
    <t>Chak No. 112/1-L Khanpur</t>
  </si>
  <si>
    <t>Sarfraz Khan Sadozai</t>
  </si>
  <si>
    <t>25416</t>
  </si>
  <si>
    <t>GHS MIRAN PUR</t>
  </si>
  <si>
    <t>Meeran pur</t>
  </si>
  <si>
    <t>meeran pur khas tehsil and distt.M garh</t>
  </si>
  <si>
    <t>SaJad Hussain Jafri</t>
  </si>
  <si>
    <t>25419</t>
  </si>
  <si>
    <t>45316</t>
  </si>
  <si>
    <t>GGCMES KAPAHI</t>
  </si>
  <si>
    <t>GGCME School kapahi</t>
  </si>
  <si>
    <t>Gohr Wala</t>
  </si>
  <si>
    <t>Saira Yousaf</t>
  </si>
  <si>
    <t>35451</t>
  </si>
  <si>
    <t>25421</t>
  </si>
  <si>
    <t>39416</t>
  </si>
  <si>
    <t>GGPS DHOK MALIK</t>
  </si>
  <si>
    <t>ggps dk malik nilhad</t>
  </si>
  <si>
    <t>Nabeela Banaras</t>
  </si>
  <si>
    <t>37723</t>
  </si>
  <si>
    <t>25422</t>
  </si>
  <si>
    <t>27528</t>
  </si>
  <si>
    <t>GGPS DHAPAR SAPRANWAN</t>
  </si>
  <si>
    <t>DHAPAR SAPRAWAN</t>
  </si>
  <si>
    <t>dhapar saprawan</t>
  </si>
  <si>
    <t>DHAPER SAPRANWAN</t>
  </si>
  <si>
    <t>Zunaira Ahmed</t>
  </si>
  <si>
    <t>47447</t>
  </si>
  <si>
    <t>25425</t>
  </si>
  <si>
    <t>47536</t>
  </si>
  <si>
    <t>GGPS CHAH ABBAS KHAN WALA</t>
  </si>
  <si>
    <t>Kot Belian</t>
  </si>
  <si>
    <t>Government  Girls  P/S Chah Abbas Khan wala</t>
  </si>
  <si>
    <t>25426</t>
  </si>
  <si>
    <t>GGES WADHAWAN</t>
  </si>
  <si>
    <t>Wadhawan</t>
  </si>
  <si>
    <t>wadhawan</t>
  </si>
  <si>
    <t>26052</t>
  </si>
  <si>
    <t>39955</t>
  </si>
  <si>
    <t>25434</t>
  </si>
  <si>
    <t>GES SALKHATER</t>
  </si>
  <si>
    <t>Salkhater</t>
  </si>
  <si>
    <t>village and post office salkhater</t>
  </si>
  <si>
    <t>Azam Ali Khan</t>
  </si>
  <si>
    <t>27261</t>
  </si>
  <si>
    <t>34453</t>
  </si>
  <si>
    <t>GPS 1T SHUMALI P/O 7T</t>
  </si>
  <si>
    <t>1t</t>
  </si>
  <si>
    <t>Chak no 1t shmali P.O. Chak no 7 t Multan</t>
  </si>
  <si>
    <t>Chattha</t>
  </si>
  <si>
    <t>Sajid Maqbool</t>
  </si>
  <si>
    <t>114345</t>
  </si>
  <si>
    <t>25436</t>
  </si>
  <si>
    <t>GPS CHAK 215 I-L</t>
  </si>
  <si>
    <t>215/1L</t>
  </si>
  <si>
    <t>chak no 215/1L</t>
  </si>
  <si>
    <t>225/1L</t>
  </si>
  <si>
    <t>25437</t>
  </si>
  <si>
    <t>GGPS CHAK NO 107/NP</t>
  </si>
  <si>
    <t>107np</t>
  </si>
  <si>
    <t>Ggps chak 107np</t>
  </si>
  <si>
    <t>Chak 107np</t>
  </si>
  <si>
    <t>Nasreen Hameed</t>
  </si>
  <si>
    <t>Village &amp;Post Office Roda Tehsil District Khushsb</t>
  </si>
  <si>
    <t>28177</t>
  </si>
  <si>
    <t>GPS CHAK NO. 2 NORTH</t>
  </si>
  <si>
    <t>Chak North</t>
  </si>
  <si>
    <t>chak no 2 north</t>
  </si>
  <si>
    <t>Chak No 2north</t>
  </si>
  <si>
    <t>29931</t>
  </si>
  <si>
    <t>GGCMES SANDHU KALAN</t>
  </si>
  <si>
    <t>Sandhu Kalan</t>
  </si>
  <si>
    <t>G G H/S (Second shift) Sindhu Kalan</t>
  </si>
  <si>
    <t>Sindhu</t>
  </si>
  <si>
    <t>Kot Akbar Abad</t>
  </si>
  <si>
    <t>Attiya Ishaq</t>
  </si>
  <si>
    <t>25444</t>
  </si>
  <si>
    <t>48017</t>
  </si>
  <si>
    <t>GGPS JHOK REHMAN WALI</t>
  </si>
  <si>
    <t>GGPS JHOK REHMAN WALI, TEH PIPLAN, DISTT MIANWALI</t>
  </si>
  <si>
    <t>Jhok Rehman Wali</t>
  </si>
  <si>
    <t>GGPS RAILWAY COLONY RAJANPUR</t>
  </si>
  <si>
    <t>RajanPur No1</t>
  </si>
  <si>
    <t>khalil a bad colony aqil pur road rajanpur</t>
  </si>
  <si>
    <t>Rajanpur  No1</t>
  </si>
  <si>
    <t>MC rajanpur</t>
  </si>
  <si>
    <t>Irsa Bashir</t>
  </si>
  <si>
    <t>51638</t>
  </si>
  <si>
    <t>GGPS CHAK SOMA</t>
  </si>
  <si>
    <t>Soma</t>
  </si>
  <si>
    <t>chack soma pakpattan</t>
  </si>
  <si>
    <t>37 sp</t>
  </si>
  <si>
    <t>GPS CHAK NO. 35/P</t>
  </si>
  <si>
    <t>Dera Faiz Ahmed chak 35p P/o Bagho Bahar</t>
  </si>
  <si>
    <t>35/P</t>
  </si>
  <si>
    <t>Muhammad Tayub Anwar</t>
  </si>
  <si>
    <t>GHS MALAK WAL</t>
  </si>
  <si>
    <t>BHERA ROAD, MALAKWAL, DISTT. M.B.DIN</t>
  </si>
  <si>
    <t>HAFEEZ AHMED</t>
  </si>
  <si>
    <t>9576</t>
  </si>
  <si>
    <t>GPS PLAHGRAN</t>
  </si>
  <si>
    <t>Plahgran</t>
  </si>
  <si>
    <t>Village Plahgran p/o Achh district Gujarat Tehsil Kharian</t>
  </si>
  <si>
    <t>Achh</t>
  </si>
  <si>
    <t>Aqsa Noreen</t>
  </si>
  <si>
    <t>25464</t>
  </si>
  <si>
    <t>45156</t>
  </si>
  <si>
    <t>GGHS DHINGANA</t>
  </si>
  <si>
    <t>GGHS DHINGANA, TEHSIL MANKERA, DISTRICT BHAKKAR</t>
  </si>
  <si>
    <t>Sidrah Saeedi</t>
  </si>
  <si>
    <t>GPS SAID ABAD</t>
  </si>
  <si>
    <t>Village Said Abad Post Office Nawan Tehsil and District Mianwali</t>
  </si>
  <si>
    <t>Riaz Ahmad Sajid</t>
  </si>
  <si>
    <t>GGPS CHAK NO.90/1-L</t>
  </si>
  <si>
    <t>bhatta sheikhan</t>
  </si>
  <si>
    <t>chack 90 1l</t>
  </si>
  <si>
    <t>Najma akram</t>
  </si>
  <si>
    <t>GPS JORKI HASHMAT</t>
  </si>
  <si>
    <t>Jorki Hashmat</t>
  </si>
  <si>
    <t>Jorki hashmat</t>
  </si>
  <si>
    <t>Geriya Abad</t>
  </si>
  <si>
    <t>Muhammad Khair Shah</t>
  </si>
  <si>
    <t>GPS SHEIKH PURA KOHNA</t>
  </si>
  <si>
    <t>sheikh pura kohn p/b mahalam kalan tehsil and district kasur</t>
  </si>
  <si>
    <t>mirza majid shahzad</t>
  </si>
  <si>
    <t>27254</t>
  </si>
  <si>
    <t>GHS THATHA KHERU MUTMAL</t>
  </si>
  <si>
    <t>That ha Kheru Mutmal</t>
  </si>
  <si>
    <t>GHS Thatha Kheru Mutmal</t>
  </si>
  <si>
    <t>51510</t>
  </si>
  <si>
    <t>GPS CHAK NO. 99 D</t>
  </si>
  <si>
    <t>99/D</t>
  </si>
  <si>
    <t>Chak No. 99/D</t>
  </si>
  <si>
    <t>45108</t>
  </si>
  <si>
    <t>47029</t>
  </si>
  <si>
    <t>GHS ROKHARI</t>
  </si>
  <si>
    <t>p/o rokhari,mianwali</t>
  </si>
  <si>
    <t>Hizb_Ullah Khan</t>
  </si>
  <si>
    <t>26918</t>
  </si>
  <si>
    <t>38193</t>
  </si>
  <si>
    <t>GGPS BASTI AAHEER</t>
  </si>
  <si>
    <t>chah waryam wala moza aheer p/o gailywala lodhran</t>
  </si>
  <si>
    <t>Chah Waryam Wala</t>
  </si>
  <si>
    <t>Lohori</t>
  </si>
  <si>
    <t>26925</t>
  </si>
  <si>
    <t>GPS WARA NARIAN SINGH</t>
  </si>
  <si>
    <t>wara narain singh nankana sahib</t>
  </si>
  <si>
    <t>5479</t>
  </si>
  <si>
    <t>31619</t>
  </si>
  <si>
    <t>GPS DERA JAMKE BHATTIAN</t>
  </si>
  <si>
    <t>Dera Jamke Bhattian</t>
  </si>
  <si>
    <t>Dera Jamke Bhattian, Muridkr</t>
  </si>
  <si>
    <t>Zulfiqar Ali Bhatti</t>
  </si>
  <si>
    <t>37224</t>
  </si>
  <si>
    <t>GGPS MC 8-G, JAMIA ABAD KHANEWAL</t>
  </si>
  <si>
    <t>Jammiabad</t>
  </si>
  <si>
    <t>bewa colony near nadra office  jammiabad khanwal</t>
  </si>
  <si>
    <t>Jammibad</t>
  </si>
  <si>
    <t>Khanewl</t>
  </si>
  <si>
    <t>Nusrat Shamim</t>
  </si>
  <si>
    <t>GMPS CHAK NO.3</t>
  </si>
  <si>
    <t>Chak3</t>
  </si>
  <si>
    <t>village chak3 teh pindi bhattian distthafizabad</t>
  </si>
  <si>
    <t>Tahira Shagufta</t>
  </si>
  <si>
    <t>GGPS BASTI KHAKHI WALA</t>
  </si>
  <si>
    <t>Moza Dogar Klassara sanawan</t>
  </si>
  <si>
    <t>Chah Patti Machi</t>
  </si>
  <si>
    <t>6114</t>
  </si>
  <si>
    <t>26547</t>
  </si>
  <si>
    <t>GGPS MALAY SHAH</t>
  </si>
  <si>
    <t>shabaz pur</t>
  </si>
  <si>
    <t>maly Shah</t>
  </si>
  <si>
    <t>Malay  shah</t>
  </si>
  <si>
    <t>Ghulam Rabia Basri</t>
  </si>
  <si>
    <t>46284</t>
  </si>
  <si>
    <t>GPS DHOK MUZAFFAR</t>
  </si>
  <si>
    <t>dhok muzafar</t>
  </si>
  <si>
    <t>Dhok Muzafar</t>
  </si>
  <si>
    <t>Jaura Klan</t>
  </si>
  <si>
    <t>Ahmed Hayat</t>
  </si>
  <si>
    <t>GPS CHAK 3/A</t>
  </si>
  <si>
    <t>Chak 3/a</t>
  </si>
  <si>
    <t>chak 3/a</t>
  </si>
  <si>
    <t>Chak 10/a</t>
  </si>
  <si>
    <t>GES BOHAR</t>
  </si>
  <si>
    <t>Thul Bohar</t>
  </si>
  <si>
    <t>Govt ES Bohar mailsi vehari</t>
  </si>
  <si>
    <t>Varsi Wahin</t>
  </si>
  <si>
    <t>M Rafiq</t>
  </si>
  <si>
    <t>21808</t>
  </si>
  <si>
    <t>37945</t>
  </si>
  <si>
    <t>28039</t>
  </si>
  <si>
    <t>GES KOTHA UTRA</t>
  </si>
  <si>
    <t>Kotha Utera</t>
  </si>
  <si>
    <t>basti Kotha Utera</t>
  </si>
  <si>
    <t>Rana Riaz Ahmad</t>
  </si>
  <si>
    <t>GPS MAYYO DATA</t>
  </si>
  <si>
    <t>Mayyodata</t>
  </si>
  <si>
    <t>Govt P/s mayyodata markaz domala t/d narowal</t>
  </si>
  <si>
    <t>Thillaykalan</t>
  </si>
  <si>
    <t>GGHS PIPLAN</t>
  </si>
  <si>
    <t>near jerneli road piplan</t>
  </si>
  <si>
    <t>RASHIDA GHIAS</t>
  </si>
  <si>
    <t>43744</t>
  </si>
  <si>
    <t>33823</t>
  </si>
  <si>
    <t>GMPS MUHAMMAD PUR GHOTA MULTAN</t>
  </si>
  <si>
    <t>Muhammad Pur Ghota Multan</t>
  </si>
  <si>
    <t>Muhammad Pur  Ghota Multan</t>
  </si>
  <si>
    <t>Muhammad Pur Ghota</t>
  </si>
  <si>
    <t>Samar  Ara Firdous</t>
  </si>
  <si>
    <t>10511</t>
  </si>
  <si>
    <t>GHS BAHAWAL BHAND WALA</t>
  </si>
  <si>
    <t>bhand nasheb</t>
  </si>
  <si>
    <t>basti bhand wala p/O shah pur tehsil and district layyah</t>
  </si>
  <si>
    <t>bhand wala</t>
  </si>
  <si>
    <t>19630</t>
  </si>
  <si>
    <t>27397</t>
  </si>
  <si>
    <t>17431</t>
  </si>
  <si>
    <t>GGPS SHARBAGA</t>
  </si>
  <si>
    <t>Sharbaga</t>
  </si>
  <si>
    <t>sharbga</t>
  </si>
  <si>
    <t>Sharabaga</t>
  </si>
  <si>
    <t>Nudrat Nayab Rasheed</t>
  </si>
  <si>
    <t>GPS KLAKAN</t>
  </si>
  <si>
    <t>GPS Kalkan</t>
  </si>
  <si>
    <t>Abdul-shakoor</t>
  </si>
  <si>
    <t>51704</t>
  </si>
  <si>
    <t>GPS QADIR PUR</t>
  </si>
  <si>
    <t>qadir pur kalyana pakpattan</t>
  </si>
  <si>
    <t>Kalyana</t>
  </si>
  <si>
    <t>Ali Afzal</t>
  </si>
  <si>
    <t>GGPS MC ZADEY KHEL</t>
  </si>
  <si>
    <t>MIANWALI URBAN-FEMALE</t>
  </si>
  <si>
    <t>g.g.mc.PS moh zaday khal</t>
  </si>
  <si>
    <t>Zaday Khal</t>
  </si>
  <si>
    <t>27454</t>
  </si>
  <si>
    <t>GGPS BOON FAZAL</t>
  </si>
  <si>
    <t>Bhoon Fazal</t>
  </si>
  <si>
    <t>village bhoon fazal p/o jlalpur bhattian tehsil pindi bhattian district hafizabad</t>
  </si>
  <si>
    <t>Khittey Shah</t>
  </si>
  <si>
    <t>53868</t>
  </si>
  <si>
    <t>GPS RURKI KALAN</t>
  </si>
  <si>
    <t>Rurky Kalan</t>
  </si>
  <si>
    <t>Rurky Kalan P.O.Same tehsil pasrur district Sialkot</t>
  </si>
  <si>
    <t>Bajra Gari</t>
  </si>
  <si>
    <t>Mohammad Abbas</t>
  </si>
  <si>
    <t>GPS RAM KALI, BASTI DERA MUHAMMADI</t>
  </si>
  <si>
    <t>Basti Dera Muhammad I near bahawalpur bipass chok Multan</t>
  </si>
  <si>
    <t>26065</t>
  </si>
  <si>
    <t>GES 13/SP P.O PAKPATTAN</t>
  </si>
  <si>
    <t>CHAKBEDI 1 - MALE</t>
  </si>
  <si>
    <t>Chak No 13/sp</t>
  </si>
  <si>
    <t>Ges 13/sp pakpattan</t>
  </si>
  <si>
    <t>Chak No 13sp</t>
  </si>
  <si>
    <t>Chak No 17/Sp</t>
  </si>
  <si>
    <t>muhammad azhar iqbal</t>
  </si>
  <si>
    <t>25531</t>
  </si>
  <si>
    <t>26073</t>
  </si>
  <si>
    <t>GPS SHAH GARH</t>
  </si>
  <si>
    <t>p/o mondka basti shah garh</t>
  </si>
  <si>
    <t>Nohan Wali</t>
  </si>
  <si>
    <t>37414</t>
  </si>
  <si>
    <t>GHS 84/15-L, MIAN CHANNU</t>
  </si>
  <si>
    <t>Chak no 84/15L Mian Channu District Khanewal</t>
  </si>
  <si>
    <t>84/15L</t>
  </si>
  <si>
    <t>Chak No 84/15L</t>
  </si>
  <si>
    <t>RIAZ AHMAD SIDDIQI</t>
  </si>
  <si>
    <t>20322</t>
  </si>
  <si>
    <t>34602</t>
  </si>
  <si>
    <t>GGPS JUNGLE RANG ALI WALA  P/O LAR</t>
  </si>
  <si>
    <t>Hasla Wala</t>
  </si>
  <si>
    <t>GGPS Jungle Rung Ali Wala Lar</t>
  </si>
  <si>
    <t>5-Faiz</t>
  </si>
  <si>
    <t>Shajila Faiz Mughal</t>
  </si>
  <si>
    <t>GMPS ISLAM KHAN ABBASI</t>
  </si>
  <si>
    <t>GGMPS Ä°sam khan Abbasi</t>
  </si>
  <si>
    <t>Islam Khan Abassi</t>
  </si>
  <si>
    <t>Naw en Araen</t>
  </si>
  <si>
    <t>sumaira perveen</t>
  </si>
  <si>
    <t>28131</t>
  </si>
  <si>
    <t>25940</t>
  </si>
  <si>
    <t>46592</t>
  </si>
  <si>
    <t>GES DHOK MEER AHMED</t>
  </si>
  <si>
    <t>Dhok Meer Ahmed</t>
  </si>
  <si>
    <t>dhok meer Ahmed village and post office jabbi</t>
  </si>
  <si>
    <t>GGPS SIHOUR</t>
  </si>
  <si>
    <t>Sioure</t>
  </si>
  <si>
    <t>Village siour</t>
  </si>
  <si>
    <t>35378</t>
  </si>
  <si>
    <t>26092</t>
  </si>
  <si>
    <t>6402</t>
  </si>
  <si>
    <t>GPS PASSON WALI</t>
  </si>
  <si>
    <t>GPS passan wali p/Iqbal abad Rahim yar khan</t>
  </si>
  <si>
    <t>Passan Wali</t>
  </si>
  <si>
    <t>24339</t>
  </si>
  <si>
    <t>GPS CHAH MASSU</t>
  </si>
  <si>
    <t>Chah Massu</t>
  </si>
  <si>
    <t>chah massu</t>
  </si>
  <si>
    <t>26098</t>
  </si>
  <si>
    <t>47189</t>
  </si>
  <si>
    <t>GPS KHAN BAIG KHELAN WALA</t>
  </si>
  <si>
    <t>Waan Bhachran Shumali</t>
  </si>
  <si>
    <t>GPS khan baig khelanwala nari Muhammad khel</t>
  </si>
  <si>
    <t>Waan Bhachran</t>
  </si>
  <si>
    <t>Muhammad Baksh</t>
  </si>
  <si>
    <t>GHS WIG</t>
  </si>
  <si>
    <t>ghs wig tehsil mankera district bhakkar</t>
  </si>
  <si>
    <t>wig</t>
  </si>
  <si>
    <t>litten</t>
  </si>
  <si>
    <t>mehboob hussain</t>
  </si>
  <si>
    <t>29917</t>
  </si>
  <si>
    <t>GMPS CHEELA WALA CHAK 49</t>
  </si>
  <si>
    <t>Cheela Chak 49</t>
  </si>
  <si>
    <t>cheela chk 49</t>
  </si>
  <si>
    <t>Beenish Aslam</t>
  </si>
  <si>
    <t>GGPS HASAN PUR TRAND</t>
  </si>
  <si>
    <t>Mouza hassan pur trund p/o har palo</t>
  </si>
  <si>
    <t>Khojay Wala</t>
  </si>
  <si>
    <t>Shahana Bibi</t>
  </si>
  <si>
    <t>25957</t>
  </si>
  <si>
    <t>GGHS CHAK BHATTI</t>
  </si>
  <si>
    <t>chak bhatti</t>
  </si>
  <si>
    <t>Husna Noreen</t>
  </si>
  <si>
    <t>29189</t>
  </si>
  <si>
    <t>28232</t>
  </si>
  <si>
    <t>GGES CHAK NO. 44</t>
  </si>
  <si>
    <t>Vpo CHAK 44</t>
  </si>
  <si>
    <t>Vpo CHAK 44 TEHSIL PHALIA DISTRICT MANDI</t>
  </si>
  <si>
    <t>Mumdana</t>
  </si>
  <si>
    <t>Maryam Nadir</t>
  </si>
  <si>
    <t>GGPS BAIT GUJJI</t>
  </si>
  <si>
    <t>Bait gujji</t>
  </si>
  <si>
    <t>Ggps bait gujji</t>
  </si>
  <si>
    <t>Basti Machi bait gujji</t>
  </si>
  <si>
    <t>50676</t>
  </si>
  <si>
    <t>GES HAMID PUR</t>
  </si>
  <si>
    <t>Hamidpur</t>
  </si>
  <si>
    <t>Hamidpur  Rahim yar khan</t>
  </si>
  <si>
    <t>Rais Shafiq Ahmad Aasi</t>
  </si>
  <si>
    <t>25502</t>
  </si>
  <si>
    <t>GES BASTI RANA MUHAMMAD HUSSAIN SHARKIR</t>
  </si>
  <si>
    <t>chaudry</t>
  </si>
  <si>
    <t>basti rana muhammad hussain shakir</t>
  </si>
  <si>
    <t>basti rana shakir</t>
  </si>
  <si>
    <t>Waqar ul Hassan Raja</t>
  </si>
  <si>
    <t>33108</t>
  </si>
  <si>
    <t>GGES CHAK WATTOOWAN 638/GB</t>
  </si>
  <si>
    <t>Chak Wattowan</t>
  </si>
  <si>
    <t>chak wattowan</t>
  </si>
  <si>
    <t>5 Chak Kalan</t>
  </si>
  <si>
    <t>Mukhtar Kauaar</t>
  </si>
  <si>
    <t>14071</t>
  </si>
  <si>
    <t>GGPS DHUNDI NO. 1</t>
  </si>
  <si>
    <t>M/C FAZIL PUR</t>
  </si>
  <si>
    <t>GGPS DHUNDI NO.1 FAZIL PUR</t>
  </si>
  <si>
    <t>Uzma Azhar</t>
  </si>
  <si>
    <t>25976</t>
  </si>
  <si>
    <t>40438</t>
  </si>
  <si>
    <t>GGMPS KHOTHIAN JALIP</t>
  </si>
  <si>
    <t>Khothian Jalip</t>
  </si>
  <si>
    <t>Village Khothian Jalip,post office Dharyala Jalip,Tehsil Pind Dadan Khan,District Jhelum.</t>
  </si>
  <si>
    <t>Beenash Muzaffar</t>
  </si>
  <si>
    <t>45513</t>
  </si>
  <si>
    <t>39408</t>
  </si>
  <si>
    <t>GGPS DHOK INAYAT (MAIRA SHARIF)</t>
  </si>
  <si>
    <t>Ggps dhok inayat(dakhli prani)</t>
  </si>
  <si>
    <t>Dhok Inayat</t>
  </si>
  <si>
    <t>KAINAT HUSSAIN</t>
  </si>
  <si>
    <t>GHS YARAY KI</t>
  </si>
  <si>
    <t>Yaraykay</t>
  </si>
  <si>
    <t>Yaray Kay P/O Sangra Tehsil Lalian Distt. Chiniot</t>
  </si>
  <si>
    <t>SARFRAZ KHAN</t>
  </si>
  <si>
    <t>43590</t>
  </si>
  <si>
    <t>25981</t>
  </si>
  <si>
    <t>GGPS CHAK NO. 7 KB</t>
  </si>
  <si>
    <t>7 K B</t>
  </si>
  <si>
    <t>govt girls primary school chak 7 k b  tehsil &amp; district pakpattan</t>
  </si>
  <si>
    <t>Chak 7 kb</t>
  </si>
  <si>
    <t>15kb</t>
  </si>
  <si>
    <t>Anam Fatema Niazi</t>
  </si>
  <si>
    <t>GMPS KHALIS KHURD</t>
  </si>
  <si>
    <t>govt model primary School khalis khurd</t>
  </si>
  <si>
    <t>Akbar Madi Nehal</t>
  </si>
  <si>
    <t>23348</t>
  </si>
  <si>
    <t>GGPS RUKHDAND</t>
  </si>
  <si>
    <t>Rukhdand</t>
  </si>
  <si>
    <t>GMPS Rukhdand Tehsill kharian District Gujrat</t>
  </si>
  <si>
    <t>SHAHLA YOUNUS</t>
  </si>
  <si>
    <t>38086</t>
  </si>
  <si>
    <t>47971</t>
  </si>
  <si>
    <t>GMPS 14 DB</t>
  </si>
  <si>
    <t>14 Db</t>
  </si>
  <si>
    <t>p/o chak 15 db chak 14 db</t>
  </si>
  <si>
    <t>Chak No 14 Db</t>
  </si>
  <si>
    <t>33889</t>
  </si>
  <si>
    <t>GPS CHOKIDARAN MOUZA KOTLA MULTAN</t>
  </si>
  <si>
    <t>kotla matarban</t>
  </si>
  <si>
    <t>Gps chowkidaran Near BZU Multan</t>
  </si>
  <si>
    <t>Chowkidaran</t>
  </si>
  <si>
    <t>Durana lingana</t>
  </si>
  <si>
    <t>51530</t>
  </si>
  <si>
    <t>5790</t>
  </si>
  <si>
    <t>GGPS CHAK JANO KHURD</t>
  </si>
  <si>
    <t>CHAK JANO KALAN- FEMALE</t>
  </si>
  <si>
    <t>Chak Jano Khurd</t>
  </si>
  <si>
    <t>chak Jano Khurd tehsil phalia district mandi bhaudin,</t>
  </si>
  <si>
    <t>Rizwana Nazar</t>
  </si>
  <si>
    <t>50183</t>
  </si>
  <si>
    <t>26002</t>
  </si>
  <si>
    <t>29313</t>
  </si>
  <si>
    <t>GPS SHEIKH SAD KALU WALA</t>
  </si>
  <si>
    <t>Sheikh Sad kalu wala</t>
  </si>
  <si>
    <t>Thathi Usmsn</t>
  </si>
  <si>
    <t>GMPS NAWADAY MALIAN</t>
  </si>
  <si>
    <t>Nawady</t>
  </si>
  <si>
    <t>Nawady malian</t>
  </si>
  <si>
    <t>Sonia Aslam</t>
  </si>
  <si>
    <t>GPS CHAK 15/A</t>
  </si>
  <si>
    <t>Chak No 15/A Tehsil Liaquatpur</t>
  </si>
  <si>
    <t>Chak No 15/A</t>
  </si>
  <si>
    <t>Arshad Ali Asif</t>
  </si>
  <si>
    <t>51102</t>
  </si>
  <si>
    <t>GPS SOUNTRA</t>
  </si>
  <si>
    <t>Sountra</t>
  </si>
  <si>
    <t>Village Sountra P.o. Kotla Arab Ali Khan</t>
  </si>
  <si>
    <t>Tooba Nisar</t>
  </si>
  <si>
    <t>GGES KOT SHER MOHAMMAD</t>
  </si>
  <si>
    <t>kot sher Muhammad moza mondi lar p.o mari Allah bachaya khanpur disst.RYK</t>
  </si>
  <si>
    <t>Samra Javed</t>
  </si>
  <si>
    <t>GGHS DHQ MIANWALI</t>
  </si>
  <si>
    <t>MIANWALI GITY</t>
  </si>
  <si>
    <t>GOVT GIRLS HIGH SCHOOL DHQ MIANWALI</t>
  </si>
  <si>
    <t>SHAMSHAD BIBI</t>
  </si>
  <si>
    <t>GGES THIND KALAN</t>
  </si>
  <si>
    <t>moza thind kalan.layyah</t>
  </si>
  <si>
    <t>Sumra Nashaib</t>
  </si>
  <si>
    <t>Tallat jabeen</t>
  </si>
  <si>
    <t>48639</t>
  </si>
  <si>
    <t>GPS DHEEDIAN WALA</t>
  </si>
  <si>
    <t>Dheedian Wala Roda Tehsil &amp;District Khushab</t>
  </si>
  <si>
    <t>GMPS KINGAR WALI</t>
  </si>
  <si>
    <t>Kingerwali</t>
  </si>
  <si>
    <t>kingerwali p.o box ghumanwala teh noshehra virkan distt Gujranwala</t>
  </si>
  <si>
    <t>Ghumanwala</t>
  </si>
  <si>
    <t>Saiqa dilawar</t>
  </si>
  <si>
    <t>46301</t>
  </si>
  <si>
    <t>GES TAHLA</t>
  </si>
  <si>
    <t>Tahla</t>
  </si>
  <si>
    <t>vpo tahla tahsil noorpur thal district khushab</t>
  </si>
  <si>
    <t>Muhammad Arshad ur Rehman</t>
  </si>
  <si>
    <t>12304</t>
  </si>
  <si>
    <t>GGPS CHAH HAMID WALA</t>
  </si>
  <si>
    <t>Chah Hamidwala</t>
  </si>
  <si>
    <t>Humaira Bano</t>
  </si>
  <si>
    <t>11274</t>
  </si>
  <si>
    <t>35790</t>
  </si>
  <si>
    <t>GPS MAMOOR WASEER</t>
  </si>
  <si>
    <t>Mamoor Waseer</t>
  </si>
  <si>
    <t>GPS Mamroor Maseer post office karam pur</t>
  </si>
  <si>
    <t>26037</t>
  </si>
  <si>
    <t>29323</t>
  </si>
  <si>
    <t>GPS RODAY</t>
  </si>
  <si>
    <t>roday p/o usman wala t/d kasur</t>
  </si>
  <si>
    <t>Usman wala</t>
  </si>
  <si>
    <t>Imtiaz Arshad</t>
  </si>
  <si>
    <t>49379</t>
  </si>
  <si>
    <t>26047</t>
  </si>
  <si>
    <t>14094</t>
  </si>
  <si>
    <t>MEHREY WALA</t>
  </si>
  <si>
    <t>Sidra Farhat</t>
  </si>
  <si>
    <t>GPS WARYIAT</t>
  </si>
  <si>
    <t>Waryait</t>
  </si>
  <si>
    <t>V Waryait p/o Miana Gondal.Markus Miana Gondal        Teh.Malarial Dost Mandi Bahaudin</t>
  </si>
  <si>
    <t>Muhammad  Asghar</t>
  </si>
  <si>
    <t>43794</t>
  </si>
  <si>
    <t>GPS CHAK NO 92 P</t>
  </si>
  <si>
    <t>92/p</t>
  </si>
  <si>
    <t>GBPS 92/P</t>
  </si>
  <si>
    <t>GGPS KOT AHMAD SHAH</t>
  </si>
  <si>
    <t>Kot Ahmad Shah</t>
  </si>
  <si>
    <t>Kot Ahmed Shah</t>
  </si>
  <si>
    <t>MBDIN3</t>
  </si>
  <si>
    <t>Asma Naeem</t>
  </si>
  <si>
    <t>5992</t>
  </si>
  <si>
    <t>GGPS CHAK NO.278/TDA NIAZI ABAD</t>
  </si>
  <si>
    <t>278/Tda Niazi Abad</t>
  </si>
  <si>
    <t>45284</t>
  </si>
  <si>
    <t>GGPS SHAH WALA MOUZA DHINGANA</t>
  </si>
  <si>
    <t>25247</t>
  </si>
  <si>
    <t>GPS GAFOOR ABAD</t>
  </si>
  <si>
    <t>Basti Ghafoor abad mouza Zaffar abad p/o Khan bela Teh.Liaqat pur Distt.R.Y.Khan</t>
  </si>
  <si>
    <t>Basti Ghafoor Abad</t>
  </si>
  <si>
    <t>Mohammad Mazhar</t>
  </si>
  <si>
    <t>32773</t>
  </si>
  <si>
    <t>GPS THABEL</t>
  </si>
  <si>
    <t>Thabel</t>
  </si>
  <si>
    <t>thabel</t>
  </si>
  <si>
    <t>Jawaher Pur</t>
  </si>
  <si>
    <t>GGHS PADHANA CHAK NO 45</t>
  </si>
  <si>
    <t>padhana chak 45 tehsil pattoki district kasur</t>
  </si>
  <si>
    <t>padhana chak 45</t>
  </si>
  <si>
    <t>Shazia waheed</t>
  </si>
  <si>
    <t>30406</t>
  </si>
  <si>
    <t>40333</t>
  </si>
  <si>
    <t>GGHS KANDWAL</t>
  </si>
  <si>
    <t>VPO Kandwal</t>
  </si>
  <si>
    <t>khanum zahra</t>
  </si>
  <si>
    <t>GPS HINDO DOGAR</t>
  </si>
  <si>
    <t>Hindke Dogar</t>
  </si>
  <si>
    <t>hindke dogar narowal</t>
  </si>
  <si>
    <t>Ransee Wal</t>
  </si>
  <si>
    <t>Malk  Ijaz  Ahmd</t>
  </si>
  <si>
    <t>25254</t>
  </si>
  <si>
    <t>GPS ADLANA FAREEDKA</t>
  </si>
  <si>
    <t>Adlana Dhudhi</t>
  </si>
  <si>
    <t>adlana fareedka</t>
  </si>
  <si>
    <t>Sajid Hassan</t>
  </si>
  <si>
    <t>25257</t>
  </si>
  <si>
    <t>54342</t>
  </si>
  <si>
    <t>GHS TURKISH MODEL VILLAGE RAKH FAZIL PUR</t>
  </si>
  <si>
    <t>Rakh Fazilpur</t>
  </si>
  <si>
    <t>Turkish model village Rakh fazilpur</t>
  </si>
  <si>
    <t>GPS THUL HUSSAN KHAN</t>
  </si>
  <si>
    <t>Taaj Pur Peer Wala</t>
  </si>
  <si>
    <t>basti Zawar Allah dewaya SANGI, mouza taaj pur peerwala, p/o Rukan Pur, markaz Shah Pur, Tehsil &amp; distt. Rahim year khan</t>
  </si>
  <si>
    <t>Zawar Allah Dewaya Sangi</t>
  </si>
  <si>
    <t>GMPS 3/9-R, KACHA KHUH</t>
  </si>
  <si>
    <t>3/9r</t>
  </si>
  <si>
    <t>Chak no 3/9-r shekhanewala</t>
  </si>
  <si>
    <t>Shekhanewala</t>
  </si>
  <si>
    <t>Easter Nasreen</t>
  </si>
  <si>
    <t>25269</t>
  </si>
  <si>
    <t>45721</t>
  </si>
  <si>
    <t>GPS WAHEER SHARQI</t>
  </si>
  <si>
    <t>waheer</t>
  </si>
  <si>
    <t>GPS Waheer Sharqi vpo waheer tehsil and Distt Khushab</t>
  </si>
  <si>
    <t>25266</t>
  </si>
  <si>
    <t>37978</t>
  </si>
  <si>
    <t>GPS MODEL NO. 1 LODHRAN WAR NO. 9</t>
  </si>
  <si>
    <t>THADA THAHEEM</t>
  </si>
  <si>
    <t>WARD NO.9 LIAQATABAD COLONY LODHRAN</t>
  </si>
  <si>
    <t>GANGAY WALA</t>
  </si>
  <si>
    <t>Rao Muhammad Wakeel Ahmad</t>
  </si>
  <si>
    <t>25271</t>
  </si>
  <si>
    <t>27964</t>
  </si>
  <si>
    <t>GPS JASIK</t>
  </si>
  <si>
    <t>jasik</t>
  </si>
  <si>
    <t>vill jasik p/o chorund teh &amp; distt mandi bahauddin</t>
  </si>
  <si>
    <t>Arshad Iqbal</t>
  </si>
  <si>
    <t>GGPS CHAK NO.30/A JADEED</t>
  </si>
  <si>
    <t>Chak 30/A 30A 30a Jadeed</t>
  </si>
  <si>
    <t>Chak 30/A jadeed liaquatpur</t>
  </si>
  <si>
    <t>Chak 30/A Jadeed</t>
  </si>
  <si>
    <t>GGPS CHAK CHOT</t>
  </si>
  <si>
    <t>chot dheeran tehsil malakwal district Mandi Bahauddin</t>
  </si>
  <si>
    <t>Sadia Yasin</t>
  </si>
  <si>
    <t>GGES UMARPUR</t>
  </si>
  <si>
    <t>Umarpur</t>
  </si>
  <si>
    <t>vill. umarpur po bhand gran teh kharian distt gujrat</t>
  </si>
  <si>
    <t>Sara Zaitoon</t>
  </si>
  <si>
    <t>28565</t>
  </si>
  <si>
    <t>28508</t>
  </si>
  <si>
    <t>GPS HAFIZ WALA</t>
  </si>
  <si>
    <t>Pelowance</t>
  </si>
  <si>
    <t>v.p.o pelowance</t>
  </si>
  <si>
    <t>Amir Bakhsh</t>
  </si>
  <si>
    <t>47188</t>
  </si>
  <si>
    <t>23382</t>
  </si>
  <si>
    <t>25283</t>
  </si>
  <si>
    <t>32721</t>
  </si>
  <si>
    <t>GGES MACHRALA</t>
  </si>
  <si>
    <t>Qaisra Sajjad</t>
  </si>
  <si>
    <t>25287</t>
  </si>
  <si>
    <t>54574</t>
  </si>
  <si>
    <t>GPS KOTLA ANANDAN</t>
  </si>
  <si>
    <t>Kotla Anandan</t>
  </si>
  <si>
    <t>kotla an and an p/o jalalpur bhatian</t>
  </si>
  <si>
    <t>35679</t>
  </si>
  <si>
    <t>53741</t>
  </si>
  <si>
    <t>GPS GADAI SHAH</t>
  </si>
  <si>
    <t>Gadaye Shah</t>
  </si>
  <si>
    <t>Gadaye Shah Jallah Jeem Mailsi</t>
  </si>
  <si>
    <t>Warsi Wahn</t>
  </si>
  <si>
    <t>GPS BASTI RAJRAN</t>
  </si>
  <si>
    <t>Mundo Wala</t>
  </si>
  <si>
    <t>Basti Rajran moza mondu Wala tehsil Minchan Abad district Bahawal nagar</t>
  </si>
  <si>
    <t>Basti Rajran</t>
  </si>
  <si>
    <t>Muhammad Waryam</t>
  </si>
  <si>
    <t>25291</t>
  </si>
  <si>
    <t>GGES LALOO WALA NO. 1</t>
  </si>
  <si>
    <t>basti Fareed Nagar tehsil khan pur district  RYKhan</t>
  </si>
  <si>
    <t>Basti Fareed Nagar</t>
  </si>
  <si>
    <t>28493</t>
  </si>
  <si>
    <t>25292</t>
  </si>
  <si>
    <t>GGPS FAZILPUR NO. 5</t>
  </si>
  <si>
    <t>near elementary school fazilpur</t>
  </si>
  <si>
    <t>Armish Zahra</t>
  </si>
  <si>
    <t>6205</t>
  </si>
  <si>
    <t>GPS CHAK NO. 94/P</t>
  </si>
  <si>
    <t>Chak No 94P</t>
  </si>
  <si>
    <t>25294</t>
  </si>
  <si>
    <t>GPS CHAK 27/A</t>
  </si>
  <si>
    <t>chak 27/A tahsil Liaquat pur</t>
  </si>
  <si>
    <t>Chak 27/A</t>
  </si>
  <si>
    <t>4942</t>
  </si>
  <si>
    <t>26320</t>
  </si>
  <si>
    <t>31554</t>
  </si>
  <si>
    <t>GES DALA WAHGA</t>
  </si>
  <si>
    <t>Dala Wahga</t>
  </si>
  <si>
    <t>Dala wahga, Police Station Narang Mandi</t>
  </si>
  <si>
    <t>26493</t>
  </si>
  <si>
    <t>14478</t>
  </si>
  <si>
    <t>GPS CHAK NO. 41</t>
  </si>
  <si>
    <t>Chak No 41</t>
  </si>
  <si>
    <t>Chak no.41 Dist/The M.b.
din</t>
  </si>
  <si>
    <t>Chak No 40</t>
  </si>
  <si>
    <t>36683</t>
  </si>
  <si>
    <t>11723</t>
  </si>
  <si>
    <t>GPS DEINGAN WALA</t>
  </si>
  <si>
    <t>Noorshah Talai Gharbi</t>
  </si>
  <si>
    <t>chhah dheingan wala mouza noorshah talai gharbi tehsil kot addu dist Muzaffar Garh</t>
  </si>
  <si>
    <t>Dheingan Wala</t>
  </si>
  <si>
    <t>24567</t>
  </si>
  <si>
    <t>25304</t>
  </si>
  <si>
    <t>GGPS CHAK NO. 46</t>
  </si>
  <si>
    <t>chak no 46 tehsil malakwal district mandibahauddin</t>
  </si>
  <si>
    <t>Chak No 46</t>
  </si>
  <si>
    <t>Iram Shahzad</t>
  </si>
  <si>
    <t>21193</t>
  </si>
  <si>
    <t>GGPS SODIWAL</t>
  </si>
  <si>
    <t>ggps sodiwal p/o usmanwala</t>
  </si>
  <si>
    <t>Rajowal Nou</t>
  </si>
  <si>
    <t>Anila Jabin</t>
  </si>
  <si>
    <t>25306</t>
  </si>
  <si>
    <t>GGPS DADOO WALA</t>
  </si>
  <si>
    <t>Daduwala</t>
  </si>
  <si>
    <t>daduwala</t>
  </si>
  <si>
    <t>GGPS LALOO WALA NO. 2</t>
  </si>
  <si>
    <t>ggps laloo wala no.2</t>
  </si>
  <si>
    <t>Saima Zakir</t>
  </si>
  <si>
    <t>GPS THATHA NOOR SHAH</t>
  </si>
  <si>
    <t>village Thatha Noor Shah , The. Pindi Bhattian, District Hafizabad</t>
  </si>
  <si>
    <t>Matteke</t>
  </si>
  <si>
    <t>25310</t>
  </si>
  <si>
    <t>GPS BEROLI YARU KHEL</t>
  </si>
  <si>
    <t>Shehbaz Khel</t>
  </si>
  <si>
    <t>beroli yarukhel tehsil&amp;district mianwali</t>
  </si>
  <si>
    <t>Beroli Yarukhel</t>
  </si>
  <si>
    <t>Shehbazkhel</t>
  </si>
  <si>
    <t>Muhammad Mudassir</t>
  </si>
  <si>
    <t>GGPS BILLU WALA</t>
  </si>
  <si>
    <t>ggps billu wala</t>
  </si>
  <si>
    <t>Billu Wala</t>
  </si>
  <si>
    <t>Nusrat Rashid</t>
  </si>
  <si>
    <t>46084</t>
  </si>
  <si>
    <t>GES KURAR</t>
  </si>
  <si>
    <t>V P O  KURAR DIST.&amp; TEH.KHUSHAB</t>
  </si>
  <si>
    <t>Muhammad Muddassir</t>
  </si>
  <si>
    <t>50175</t>
  </si>
  <si>
    <t>47917</t>
  </si>
  <si>
    <t>GMES JALL JANUBI</t>
  </si>
  <si>
    <t>jall janobi p/o jall shomali teh piplan district mainwali</t>
  </si>
  <si>
    <t>Jall janobi</t>
  </si>
  <si>
    <t>Salma Perveen</t>
  </si>
  <si>
    <t>GES AHMED NAGAR</t>
  </si>
  <si>
    <t>Taj Garh Road Thalwari</t>
  </si>
  <si>
    <t>M Ajmal Khan</t>
  </si>
  <si>
    <t>32962</t>
  </si>
  <si>
    <t>GMPS CHINDPUR</t>
  </si>
  <si>
    <t>chaindpur</t>
  </si>
  <si>
    <t>Kaneez Zahra</t>
  </si>
  <si>
    <t>58355</t>
  </si>
  <si>
    <t>28032</t>
  </si>
  <si>
    <t>GPS GHURRAH HASHAM SHAH</t>
  </si>
  <si>
    <t>Gurrah Hashim Gurrah Hashim Shah</t>
  </si>
  <si>
    <t>gurrah hashim shah</t>
  </si>
  <si>
    <t>Gurrah Hashim Shah</t>
  </si>
  <si>
    <t>Syed Kashif Ali Naqvi</t>
  </si>
  <si>
    <t>18192</t>
  </si>
  <si>
    <t>49387</t>
  </si>
  <si>
    <t>25339</t>
  </si>
  <si>
    <t>GGPS ADOKAY</t>
  </si>
  <si>
    <t>Adokey</t>
  </si>
  <si>
    <t>village adoky tehseel pasrur district adokey</t>
  </si>
  <si>
    <t>Fatima Noor</t>
  </si>
  <si>
    <t>29149</t>
  </si>
  <si>
    <t>GGES MC QASIM PUR COLONY MULTAN</t>
  </si>
  <si>
    <t>Kotla Baka</t>
  </si>
  <si>
    <t>Qasimpur colony multan</t>
  </si>
  <si>
    <t>Shumaila Ghaffar</t>
  </si>
  <si>
    <t>47185</t>
  </si>
  <si>
    <t>GPS MIAN DEEN WALA</t>
  </si>
  <si>
    <t>Wan Bhachran Jonobi</t>
  </si>
  <si>
    <t>Mian deen wala p/o wan bhachran distt. Mianwali</t>
  </si>
  <si>
    <t>Mian Deen Wala</t>
  </si>
  <si>
    <t>Muhammad Faheem Shahzad</t>
  </si>
  <si>
    <t>GGPS LOCO WALA BASTI AZIZ ABAD</t>
  </si>
  <si>
    <t>basti Aziz Abad locowala</t>
  </si>
  <si>
    <t>Shagufta Raza</t>
  </si>
  <si>
    <t>GPS CHAK NO 286 TDA</t>
  </si>
  <si>
    <t>Chak No 286 TDA</t>
  </si>
  <si>
    <t>Chak No.286 TDA Tehsil &amp; District  Layyah</t>
  </si>
  <si>
    <t>Muhammad Aslam Javed</t>
  </si>
  <si>
    <t>36284</t>
  </si>
  <si>
    <t>54321</t>
  </si>
  <si>
    <t>GGPS DHIDO DUGGAL</t>
  </si>
  <si>
    <t>Dheedo Duggal</t>
  </si>
  <si>
    <t>village dheedo duggal post office qila didar singh dist grw</t>
  </si>
  <si>
    <t>Chahal Klan</t>
  </si>
  <si>
    <t>GPS CHAK NO. 430 TDA</t>
  </si>
  <si>
    <t>chak 430</t>
  </si>
  <si>
    <t>11871</t>
  </si>
  <si>
    <t>34526</t>
  </si>
  <si>
    <t>GMPS KHERA QADEEM CHAH SYED WALA</t>
  </si>
  <si>
    <t>Khaira Abad</t>
  </si>
  <si>
    <t>chah syed wala mouza khera abad</t>
  </si>
  <si>
    <t>Chah Syed Wala</t>
  </si>
  <si>
    <t>Qadir Pur Ran Gharbi</t>
  </si>
  <si>
    <t>30561</t>
  </si>
  <si>
    <t>GPS CHAK NO. 77 /D</t>
  </si>
  <si>
    <t>77/D</t>
  </si>
  <si>
    <t>chak77 D</t>
  </si>
  <si>
    <t>Chak77 D</t>
  </si>
  <si>
    <t>37148</t>
  </si>
  <si>
    <t>GPS 6/AH, KHANEWAL</t>
  </si>
  <si>
    <t>6AH</t>
  </si>
  <si>
    <t>Chak No.6AH Khanewal</t>
  </si>
  <si>
    <t>6/AH</t>
  </si>
  <si>
    <t>10/AH</t>
  </si>
  <si>
    <t>Mazhar Hussain Shad</t>
  </si>
  <si>
    <t>26117</t>
  </si>
  <si>
    <t>47639</t>
  </si>
  <si>
    <t>30053</t>
  </si>
  <si>
    <t>GMPS BAN HAFIZ JEE CHAKRALA</t>
  </si>
  <si>
    <t>Wandhi Bhamgeran Wali</t>
  </si>
  <si>
    <t>GMPS Ban Hafiz Gee</t>
  </si>
  <si>
    <t>Ban Hafiz Gee</t>
  </si>
  <si>
    <t>Yasmeen Fatima</t>
  </si>
  <si>
    <t>GGPS KASHMIR COLONY MBDIN</t>
  </si>
  <si>
    <t>near rescue 1122 office  kashmir colonyM  B Din</t>
  </si>
  <si>
    <t>Saima Shafique</t>
  </si>
  <si>
    <t>30726</t>
  </si>
  <si>
    <t>GPS GORGIG</t>
  </si>
  <si>
    <t>Qabil Lar</t>
  </si>
  <si>
    <t>GPS Gurgage</t>
  </si>
  <si>
    <t>Ghorkian</t>
  </si>
  <si>
    <t>muhammad ajmal</t>
  </si>
  <si>
    <t>GES KISHAN GARH</t>
  </si>
  <si>
    <t>P/O Kishan Garh. Teh.Pindi Bhattian.Distt.Hafizabad</t>
  </si>
  <si>
    <t>26131</t>
  </si>
  <si>
    <t>GGPS MEHDI NANO</t>
  </si>
  <si>
    <t>Miadi Nano</t>
  </si>
  <si>
    <t>Bushra Shahbaz</t>
  </si>
  <si>
    <t>26133</t>
  </si>
  <si>
    <t>GES SHAHID ABAD</t>
  </si>
  <si>
    <t>P/O shahid a bad mouza chohan Tehsil liaquat pur dist Rahim Yar Khan</t>
  </si>
  <si>
    <t>Shahid Abad</t>
  </si>
  <si>
    <t>29555</t>
  </si>
  <si>
    <t>GGPS KOT ATTA ULLAH PUR</t>
  </si>
  <si>
    <t>kot Atta ullah Pur</t>
  </si>
  <si>
    <t>Kot Atta Ullah Pur</t>
  </si>
  <si>
    <t>34521</t>
  </si>
  <si>
    <t>47215</t>
  </si>
  <si>
    <t>GHS MUSA KHEL</t>
  </si>
  <si>
    <t>P/O MUSA KHEL TEHSEEL &amp; DISTRICT MIANWALI</t>
  </si>
  <si>
    <t>sajjad khan</t>
  </si>
  <si>
    <t>41333</t>
  </si>
  <si>
    <t>GES TALOOT</t>
  </si>
  <si>
    <t>Ocha</t>
  </si>
  <si>
    <t>pobox rewat teh murree district rawalpindi</t>
  </si>
  <si>
    <t>Rewat</t>
  </si>
  <si>
    <t>Nadeem Hussain</t>
  </si>
  <si>
    <t>25827</t>
  </si>
  <si>
    <t>51388</t>
  </si>
  <si>
    <t>GPS 48/SP P.O 8/S.P PAKPATTAN</t>
  </si>
  <si>
    <t>CHAK NOOR MUHAMMAD - MALE</t>
  </si>
  <si>
    <t>Pertaba</t>
  </si>
  <si>
    <t>chak 48sp</t>
  </si>
  <si>
    <t>20134</t>
  </si>
  <si>
    <t>GGHSS LALIAN</t>
  </si>
  <si>
    <t>GOVT.GIRLS HIGHER SECONDARY SCHOOL LALIAN.</t>
  </si>
  <si>
    <t>GMPS BASTI JISKANI</t>
  </si>
  <si>
    <t>Kotlan Naseer</t>
  </si>
  <si>
    <t>Bastie awan kotlan naseer</t>
  </si>
  <si>
    <t>Bastie Awan</t>
  </si>
  <si>
    <t>27581</t>
  </si>
  <si>
    <t>GMPS MANJWAN</t>
  </si>
  <si>
    <t>Manjwan</t>
  </si>
  <si>
    <t>village manjwan hafizabad</t>
  </si>
  <si>
    <t>Afshan Batool</t>
  </si>
  <si>
    <t>32006</t>
  </si>
  <si>
    <t>46542</t>
  </si>
  <si>
    <t>29872</t>
  </si>
  <si>
    <t>GGPS KAWAIN MALIAN</t>
  </si>
  <si>
    <t>Kawain Malian</t>
  </si>
  <si>
    <t>Kanwain Mallian p/o box baghyana kalan tehsil pattoki</t>
  </si>
  <si>
    <t>Kawen Malian</t>
  </si>
  <si>
    <t>33144</t>
  </si>
  <si>
    <t>25833</t>
  </si>
  <si>
    <t>GGPS CHAK NO. 26/P</t>
  </si>
  <si>
    <t>Has so Wala</t>
  </si>
  <si>
    <t>chao no 26p bagho bhar</t>
  </si>
  <si>
    <t>Chak No 26p</t>
  </si>
  <si>
    <t>Mare Allha Bachia</t>
  </si>
  <si>
    <t>Nazia Siddique</t>
  </si>
  <si>
    <t>18958</t>
  </si>
  <si>
    <t>GES LOHARKA</t>
  </si>
  <si>
    <t>Nazd adda loharka Minchinabad bahawalnagar</t>
  </si>
  <si>
    <t>Loharka</t>
  </si>
  <si>
    <t>Mohammad Javed Khan</t>
  </si>
  <si>
    <t>45241</t>
  </si>
  <si>
    <t>GPS NALKA DILDAR WALA</t>
  </si>
  <si>
    <t>Jhangi raam</t>
  </si>
  <si>
    <t>Gps nalka dildar wala tehsil mankera and district bhakkar</t>
  </si>
  <si>
    <t>Nalaka dildar wala</t>
  </si>
  <si>
    <t>Patti blunda</t>
  </si>
  <si>
    <t>28928</t>
  </si>
  <si>
    <t>10517</t>
  </si>
  <si>
    <t>GHS CHAK NO.137 TDA</t>
  </si>
  <si>
    <t>CHAK NO 137 TDA</t>
  </si>
  <si>
    <t>P.O HEERA MAINNER CHAK NO.137 TDA LAYYAH</t>
  </si>
  <si>
    <t>CHAK NO.137 TDA</t>
  </si>
  <si>
    <t>ABDUL WAHID</t>
  </si>
  <si>
    <t>GGPS DERA JALAL</t>
  </si>
  <si>
    <t>GGPS:Dera jalal</t>
  </si>
  <si>
    <t>Nageen Kanwal</t>
  </si>
  <si>
    <t>11306</t>
  </si>
  <si>
    <t>25854</t>
  </si>
  <si>
    <t>37605</t>
  </si>
  <si>
    <t>GGES 89/15-L, P/O 87/15-L, MIAN CHANNU</t>
  </si>
  <si>
    <t>89/15L mian channu district khanewal</t>
  </si>
  <si>
    <t>Warda Taj</t>
  </si>
  <si>
    <t>51443</t>
  </si>
  <si>
    <t>GPS 38 SP</t>
  </si>
  <si>
    <t>38 sp</t>
  </si>
  <si>
    <t>chak no 38sp p.o 39 sp pakpattan</t>
  </si>
  <si>
    <t>38sp</t>
  </si>
  <si>
    <t>Musay Wal</t>
  </si>
  <si>
    <t>Muhammad Shahid Hussain</t>
  </si>
  <si>
    <t>25871</t>
  </si>
  <si>
    <t>GGPS CHAK NO 98 WB</t>
  </si>
  <si>
    <t>98/wb</t>
  </si>
  <si>
    <t>ggps98/wb</t>
  </si>
  <si>
    <t>98/Wb</t>
  </si>
  <si>
    <t>Ameena Bibi</t>
  </si>
  <si>
    <t>25874</t>
  </si>
  <si>
    <t>47483</t>
  </si>
  <si>
    <t>GGPS ALLAH DAD KHELAN WALA</t>
  </si>
  <si>
    <t>Sultan Wala sharqi</t>
  </si>
  <si>
    <t>Ggps Allah dad khelanwala P/O Hathi khan wala moza sultan wala sharqi mianwali</t>
  </si>
  <si>
    <t>ABBA Khel</t>
  </si>
  <si>
    <t>Rabia Rasheed Khan</t>
  </si>
  <si>
    <t>GPS ATHEEL PUR</t>
  </si>
  <si>
    <t>Atheel Pur</t>
  </si>
  <si>
    <t>Village &amp; Post office Atheel Pur Tehsil &amp; District Kasur</t>
  </si>
  <si>
    <t>Amjad Ali Dogar</t>
  </si>
  <si>
    <t>33065</t>
  </si>
  <si>
    <t>GGPS CHANDI KOT</t>
  </si>
  <si>
    <t>Chandikot</t>
  </si>
  <si>
    <t>chandikot</t>
  </si>
  <si>
    <t>29190</t>
  </si>
  <si>
    <t>46241</t>
  </si>
  <si>
    <t>GES SIDHA WALA</t>
  </si>
  <si>
    <t>Village Sidha Tehsil Noor Pur Thal District Khushab</t>
  </si>
  <si>
    <t>20224</t>
  </si>
  <si>
    <t>GPS PIR CHARAGH SHAH</t>
  </si>
  <si>
    <t>khizar Kay tehsil lalian district chiniot</t>
  </si>
  <si>
    <t>Khizar Kay</t>
  </si>
  <si>
    <t>31826</t>
  </si>
  <si>
    <t>GGCMES DALA WAHGA</t>
  </si>
  <si>
    <t>Dala wahga</t>
  </si>
  <si>
    <t>50344</t>
  </si>
  <si>
    <t>10327</t>
  </si>
  <si>
    <t>27526</t>
  </si>
  <si>
    <t>GGPS THATHA GAJU</t>
  </si>
  <si>
    <t>Dohata Thatta Gajju t</t>
  </si>
  <si>
    <t>Post Office Rasulpur,Village Thatha Gajju</t>
  </si>
  <si>
    <t>Thatha Gajju</t>
  </si>
  <si>
    <t>Sadrish Younas</t>
  </si>
  <si>
    <t>25894</t>
  </si>
  <si>
    <t>GPS CHAK 41/A</t>
  </si>
  <si>
    <t>chak no 41/a tehsil liaquatpur district rahimyarkhan</t>
  </si>
  <si>
    <t>Chak No 41/a</t>
  </si>
  <si>
    <t>GGPS BASTI JUMMAY KHAN</t>
  </si>
  <si>
    <t>Basti Jummy Khan</t>
  </si>
  <si>
    <t>basti jummy khan</t>
  </si>
  <si>
    <t>Lakhny Ki</t>
  </si>
  <si>
    <t>Nusrat Shahzadi</t>
  </si>
  <si>
    <t>GGPS CHAK NO 91/1-L</t>
  </si>
  <si>
    <t>Chak 91 1-L</t>
  </si>
  <si>
    <t>chak no 91 1L tehsil Khanpur distt rahim yar Khan</t>
  </si>
  <si>
    <t>91 1L</t>
  </si>
  <si>
    <t>Sheikhan Bhutan</t>
  </si>
  <si>
    <t>Samina yasmen</t>
  </si>
  <si>
    <t>14062</t>
  </si>
  <si>
    <t>GGPS CHAK LASSA</t>
  </si>
  <si>
    <t>basti azeem khan sohrani chak lassa fazilpur</t>
  </si>
  <si>
    <t>AZEEM KHAN SOHRANI</t>
  </si>
  <si>
    <t>Naheed Anjum</t>
  </si>
  <si>
    <t>45870</t>
  </si>
  <si>
    <t>GPS DOST MUHAMMAD AWAN</t>
  </si>
  <si>
    <t>VPO RODA TEHSIL AND DISTT KHUSHAB</t>
  </si>
  <si>
    <t>MUHAMMAD KAZIM</t>
  </si>
  <si>
    <t>47003</t>
  </si>
  <si>
    <t>GPS THARU KHELAN WALA</t>
  </si>
  <si>
    <t>Muzaffar pur Shumali</t>
  </si>
  <si>
    <t>dera tharu khelan wala muzaffar pur shumali Mianwali</t>
  </si>
  <si>
    <t>Dera tharu Khelan  Wala</t>
  </si>
  <si>
    <t>47996</t>
  </si>
  <si>
    <t>GGPS CHAH MIRZAY WALA</t>
  </si>
  <si>
    <t>chahmirzaywala. khanka sirajia post office  wapda colony chashma tehsil piplan district mianwali</t>
  </si>
  <si>
    <t>Sultana Shaheen</t>
  </si>
  <si>
    <t>25911</t>
  </si>
  <si>
    <t>GPS CHAK NO 132 TDA</t>
  </si>
  <si>
    <t>chak no 132/TDA Layyah</t>
  </si>
  <si>
    <t>Chak No 132/TDA</t>
  </si>
  <si>
    <t>GPS KHAPAR KAY</t>
  </si>
  <si>
    <t>Khappar Key</t>
  </si>
  <si>
    <t>moza khapar kay</t>
  </si>
  <si>
    <t>Imran asghar</t>
  </si>
  <si>
    <t>GES DOHATTA AZMAT</t>
  </si>
  <si>
    <t>dohatta azmat p/o sukheki mandi distt hafizabad</t>
  </si>
  <si>
    <t>Nouthen</t>
  </si>
  <si>
    <t>28533</t>
  </si>
  <si>
    <t>GGPS BHEKHO MORE</t>
  </si>
  <si>
    <t>G G P S Bhekho More Teh Phalia Disst M B DIN</t>
  </si>
  <si>
    <t>Bhekho More</t>
  </si>
  <si>
    <t>Rizwana Akhtar</t>
  </si>
  <si>
    <t>GPS AHMAD KHAN WALA</t>
  </si>
  <si>
    <t>Ghazanarfar garh</t>
  </si>
  <si>
    <t>basti and moza Ghazanfar garh</t>
  </si>
  <si>
    <t>34332</t>
  </si>
  <si>
    <t>Zakirabad</t>
  </si>
  <si>
    <t>p/o zakirabad teh/distt khushab</t>
  </si>
  <si>
    <t>GGPS NOOR WAH BASTI HAJI ALI BUKHSH</t>
  </si>
  <si>
    <t>Noorwah</t>
  </si>
  <si>
    <t>GGPS Noorwah basti haji ali bukhush</t>
  </si>
  <si>
    <t>Basti Haji Ali Bukhush</t>
  </si>
  <si>
    <t>GGPS DERA QASIM WALA</t>
  </si>
  <si>
    <t>Bakhhra</t>
  </si>
  <si>
    <t>GGPS DERA QASIMWALA</t>
  </si>
  <si>
    <t>GGPS GOPANG WALA</t>
  </si>
  <si>
    <t>Bastii Darkhan Fazilpur District Rajanpur</t>
  </si>
  <si>
    <t>Tatheer Batool Bukhari</t>
  </si>
  <si>
    <t>51649</t>
  </si>
  <si>
    <t>GGPS 41 SP P.O 39 SP</t>
  </si>
  <si>
    <t>41 Sp</t>
  </si>
  <si>
    <t>govt.girls primary school 41 sp po box 39 sp</t>
  </si>
  <si>
    <t>Pir Ghni</t>
  </si>
  <si>
    <t>Zaib Ilahi</t>
  </si>
  <si>
    <t>40311</t>
  </si>
  <si>
    <t>GHS ATHER</t>
  </si>
  <si>
    <t>Athar</t>
  </si>
  <si>
    <t>VPO ATHER TEHSIL PIND DADAN KHAN District JHELUM</t>
  </si>
  <si>
    <t>46363</t>
  </si>
  <si>
    <t>GGHS SATH SHAHANI</t>
  </si>
  <si>
    <t>Sath Shahani</t>
  </si>
  <si>
    <t>village sath shahani tehsil nurpur district khushab</t>
  </si>
  <si>
    <t>Iram Saba Majoka</t>
  </si>
  <si>
    <t>11094</t>
  </si>
  <si>
    <t>GPS BORING IRSHAD SHAH WALA</t>
  </si>
  <si>
    <t>Shah wala</t>
  </si>
  <si>
    <t>shah Wall</t>
  </si>
  <si>
    <t>25942</t>
  </si>
  <si>
    <t>GGPS MUGHLIAN WALI</t>
  </si>
  <si>
    <t>Mughlianwali</t>
  </si>
  <si>
    <t>vill: Mughlianwali, P.O: Gunja, Kharian, Gujrat</t>
  </si>
  <si>
    <t>Shamim Naz</t>
  </si>
  <si>
    <t>GHS MAHMOOD SHAHEED</t>
  </si>
  <si>
    <t>Mehmood shaheed</t>
  </si>
  <si>
    <t>Mehmood shaheed District khushab</t>
  </si>
  <si>
    <t>Habibabad</t>
  </si>
  <si>
    <t>Gulshan nasir colomy fazilpur</t>
  </si>
  <si>
    <t>Ghareeb Abad Colony</t>
  </si>
  <si>
    <t>26142</t>
  </si>
  <si>
    <t>47113</t>
  </si>
  <si>
    <t>GGES NAWAN CHAKRALA MIANWALI</t>
  </si>
  <si>
    <t>GGES NAWAN PO Nawan</t>
  </si>
  <si>
    <t>Thamay Wali</t>
  </si>
  <si>
    <t>Rabia Nausheen</t>
  </si>
  <si>
    <t>29658</t>
  </si>
  <si>
    <t>GPS FATEH PUR ARAIN</t>
  </si>
  <si>
    <t>Fateh Pur Arain Post Office Taj Garh Tehsil And District Rahim Yar Khan</t>
  </si>
  <si>
    <t>Kot Mehdi Shah</t>
  </si>
  <si>
    <t>MUHAMMAD ARSHAD  ANJUM</t>
  </si>
  <si>
    <t>25862</t>
  </si>
  <si>
    <t>GGPS MAHIS BOBAY WALI</t>
  </si>
  <si>
    <t>Mahais Bobay Wali</t>
  </si>
  <si>
    <t>mahais bobay wali</t>
  </si>
  <si>
    <t>Dharag Miyana</t>
  </si>
  <si>
    <t>34388</t>
  </si>
  <si>
    <t>GPS CHPRAN WALA MOZA CHAPRAN WALA P/O TATAY PUR</t>
  </si>
  <si>
    <t>Allah Dad Wala chappran wala</t>
  </si>
  <si>
    <t>Allah Dad Wala</t>
  </si>
  <si>
    <t>Muhammad  Suleman</t>
  </si>
  <si>
    <t>26151</t>
  </si>
  <si>
    <t>GPS CHANDA SINGH WALA</t>
  </si>
  <si>
    <t>Chanda singh wala</t>
  </si>
  <si>
    <t>Village chanda singh wala.tehsil and district kasur</t>
  </si>
  <si>
    <t>Sejhra</t>
  </si>
  <si>
    <t>26153</t>
  </si>
  <si>
    <t>GPS GHAON WALA</t>
  </si>
  <si>
    <t>Bait Ruk</t>
  </si>
  <si>
    <t>Moza Bait Ruk P/o sheikh umer</t>
  </si>
  <si>
    <t>Abdul Razaq Khan</t>
  </si>
  <si>
    <t>44543</t>
  </si>
  <si>
    <t>26155</t>
  </si>
  <si>
    <t>45158</t>
  </si>
  <si>
    <t>GGHS CHAK NO 71 ML</t>
  </si>
  <si>
    <t>CHAK NO 71 ML MANKERA BHAKKAR</t>
  </si>
  <si>
    <t>71 ML</t>
  </si>
  <si>
    <t>Sabrina Asmat</t>
  </si>
  <si>
    <t>26156</t>
  </si>
  <si>
    <t>GGPS CHAK IKHLAS</t>
  </si>
  <si>
    <t>Chak Ikhlas</t>
  </si>
  <si>
    <t>GGPS Chak Ikhlas</t>
  </si>
  <si>
    <t>Zarina</t>
  </si>
  <si>
    <t>54568</t>
  </si>
  <si>
    <t>GPS KANWAN WALI</t>
  </si>
  <si>
    <t>village kanwanwali p/o rattian arrian teh pindibhattian distt hafizabad</t>
  </si>
  <si>
    <t>Gulzar hussain</t>
  </si>
  <si>
    <t>51348</t>
  </si>
  <si>
    <t>GGES 68 D PO CHWANT</t>
  </si>
  <si>
    <t>68d</t>
  </si>
  <si>
    <t>68d post office chanwant</t>
  </si>
  <si>
    <t>Sadaf Bint -e-Zainab</t>
  </si>
  <si>
    <t>GPS HABBIBA SIAL BASTI KOT RAB NAWAZ</t>
  </si>
  <si>
    <t>Habiba Sial</t>
  </si>
  <si>
    <t>Kot Rabnwaz vehari road Multan</t>
  </si>
  <si>
    <t>Bhani</t>
  </si>
  <si>
    <t>MUHAMMAD ASIF MUSHTAQ</t>
  </si>
  <si>
    <t>37302</t>
  </si>
  <si>
    <t>GCMPS 17/9-R P/O JANNAT PUR KACHA KHUH</t>
  </si>
  <si>
    <t>19/9R</t>
  </si>
  <si>
    <t>chak no 17/9.R kacha khuh</t>
  </si>
  <si>
    <t>16/9R</t>
  </si>
  <si>
    <t>Saleen Samuel</t>
  </si>
  <si>
    <t>28970</t>
  </si>
  <si>
    <t>GGES MC JUNIOR MODEL BHATI GATE</t>
  </si>
  <si>
    <t>GGES MC JUNIOR MODEL BHATTI GATE</t>
  </si>
  <si>
    <t>29673</t>
  </si>
  <si>
    <t>GGES GHARIALA CHAK NO. 28</t>
  </si>
  <si>
    <t>GGCMES Gharyala Waltoha chak 28</t>
  </si>
  <si>
    <t>Gharyala Waltoha Chak 28</t>
  </si>
  <si>
    <t>Rukhsana Munawar</t>
  </si>
  <si>
    <t>30846</t>
  </si>
  <si>
    <t>34530</t>
  </si>
  <si>
    <t>GMPS ABBAS PUR</t>
  </si>
  <si>
    <t>Karpal Pur</t>
  </si>
  <si>
    <t>khaniwal road near training centre wapda</t>
  </si>
  <si>
    <t>37149</t>
  </si>
  <si>
    <t>GGPS ROOSAY</t>
  </si>
  <si>
    <t>Rossay</t>
  </si>
  <si>
    <t>rossay</t>
  </si>
  <si>
    <t>Ganaish Pur</t>
  </si>
  <si>
    <t>maryam nawaz</t>
  </si>
  <si>
    <t>GGPS DERA NOOR HUSSAIN SHAH</t>
  </si>
  <si>
    <t>govt girls p s dera noor hassan shah</t>
  </si>
  <si>
    <t>Dille Wali</t>
  </si>
  <si>
    <t>26178</t>
  </si>
  <si>
    <t>GPS FARUKH PUR</t>
  </si>
  <si>
    <t>Furakhpur</t>
  </si>
  <si>
    <t>village farukhpur post office bazurgawal Tehsil kharian District Gujarat</t>
  </si>
  <si>
    <t>Farukhpur</t>
  </si>
  <si>
    <t>Bazurgawal</t>
  </si>
  <si>
    <t>11644</t>
  </si>
  <si>
    <t>GPS WESO WALA</t>
  </si>
  <si>
    <t>Ladha Langer</t>
  </si>
  <si>
    <t>chah wesoo wala mauza ladh langer</t>
  </si>
  <si>
    <t>Wesoo Wala</t>
  </si>
  <si>
    <t>Shaista Zaib</t>
  </si>
  <si>
    <t>26127</t>
  </si>
  <si>
    <t>GPS THATHA MUHAMMAD DIN</t>
  </si>
  <si>
    <t>Chak Thatta Muhammad Din</t>
  </si>
  <si>
    <t>Thatta Muhammad  Din</t>
  </si>
  <si>
    <t>26578</t>
  </si>
  <si>
    <t>22954</t>
  </si>
  <si>
    <t>GGES SHORIAN</t>
  </si>
  <si>
    <t>shorian</t>
  </si>
  <si>
    <t>village Shorian post office Lamay Tehsil Kharian Distt gujrat</t>
  </si>
  <si>
    <t>Shorian</t>
  </si>
  <si>
    <t>bhagwal</t>
  </si>
  <si>
    <t>Nagina Kouser</t>
  </si>
  <si>
    <t>39863</t>
  </si>
  <si>
    <t>26582</t>
  </si>
  <si>
    <t>47053</t>
  </si>
  <si>
    <t>GES SALEEM KHEL/KHABARAN WALA</t>
  </si>
  <si>
    <t>Saleem khel p o Ahmad Khan wala teh. distt Mian wali</t>
  </si>
  <si>
    <t>Saleem khel</t>
  </si>
  <si>
    <t>Arif Khan</t>
  </si>
  <si>
    <t>26583</t>
  </si>
  <si>
    <t>GPS BASTI GUJRAN</t>
  </si>
  <si>
    <t>Rajan pur kalan Road Rahim yar khan</t>
  </si>
  <si>
    <t>Basti Gujran</t>
  </si>
  <si>
    <t>44701</t>
  </si>
  <si>
    <t>GPS MOADIB GAHANA LAR</t>
  </si>
  <si>
    <t>basti karam shah sb</t>
  </si>
  <si>
    <t>Basti Karam Shah</t>
  </si>
  <si>
    <t>Gehnalar</t>
  </si>
  <si>
    <t>45147</t>
  </si>
  <si>
    <t>GPS CHAK 55/A</t>
  </si>
  <si>
    <t>Chak 55A</t>
  </si>
  <si>
    <t>chak 55A liaquat pur</t>
  </si>
  <si>
    <t>Chak 10A</t>
  </si>
  <si>
    <t>Ikram Ali Nadeem</t>
  </si>
  <si>
    <t>18529</t>
  </si>
  <si>
    <t>7047</t>
  </si>
  <si>
    <t>29309</t>
  </si>
  <si>
    <t>GPS KOT SARDAR M. SIDDIQUE</t>
  </si>
  <si>
    <t>kot sardar m siddique (salamat  pura) markaz usman wala</t>
  </si>
  <si>
    <t>Muhammad Arshad Sajid</t>
  </si>
  <si>
    <t>10166</t>
  </si>
  <si>
    <t>26598</t>
  </si>
  <si>
    <t>GPS CHAK LASSA</t>
  </si>
  <si>
    <t>railway colony fazilpur</t>
  </si>
  <si>
    <t>Kausarhussain</t>
  </si>
  <si>
    <t>28075</t>
  </si>
  <si>
    <t>govt.girls.iqra.primary school manzoorabad</t>
  </si>
  <si>
    <t>Shabana Anjum</t>
  </si>
  <si>
    <t>47190</t>
  </si>
  <si>
    <t>47178</t>
  </si>
  <si>
    <t>GPS MODEL CHAK NO. 4 MB</t>
  </si>
  <si>
    <t>1 Mb</t>
  </si>
  <si>
    <t>government   primary  school  model chak  no 4 mb mianwali</t>
  </si>
  <si>
    <t>Chak No 4 Mb</t>
  </si>
  <si>
    <t>51226</t>
  </si>
  <si>
    <t>49515</t>
  </si>
  <si>
    <t>GGPS BASTI GHOUS BUX</t>
  </si>
  <si>
    <t>GGPSGhous bux</t>
  </si>
  <si>
    <t>Ghous Bux</t>
  </si>
  <si>
    <t>Mari ALLAH BACHYA</t>
  </si>
  <si>
    <t>GHS PADHANA CHAK NO. 45</t>
  </si>
  <si>
    <t>Padhana chak #45</t>
  </si>
  <si>
    <t>GHS padhana chak no 45 Teh.Pattoki Distt.Kasur</t>
  </si>
  <si>
    <t>padhana chak no 45</t>
  </si>
  <si>
    <t>GPS CHAK 139/A</t>
  </si>
  <si>
    <t>Govt primary School 139/A</t>
  </si>
  <si>
    <t>chak No.139/A</t>
  </si>
  <si>
    <t>Chak No.46/A</t>
  </si>
  <si>
    <t>Ahmed Saleem</t>
  </si>
  <si>
    <t>GGCMES CHAK NO.32 SP TABAR</t>
  </si>
  <si>
    <t>Tabar</t>
  </si>
  <si>
    <t>32 sp, Tabar</t>
  </si>
  <si>
    <t>32 Sp</t>
  </si>
  <si>
    <t>20 Sp</t>
  </si>
  <si>
    <t>Noureen Zia</t>
  </si>
  <si>
    <t>GGHS SEHJA</t>
  </si>
  <si>
    <t>sehja</t>
  </si>
  <si>
    <t>GGHS SEHJA TEHSIL KHANPUR DISTRICT RAHIM YAR KHAN</t>
  </si>
  <si>
    <t>SEHJA</t>
  </si>
  <si>
    <t>Fozia Zafar</t>
  </si>
  <si>
    <t>GPS JHUGI MANDAY</t>
  </si>
  <si>
    <t>botala</t>
  </si>
  <si>
    <t>GGPS CHAK NO 89/A</t>
  </si>
  <si>
    <t>CHAK NO 89/A</t>
  </si>
  <si>
    <t>GGPS CHAK NO 89/A TEHSIL LIAQUAT PUR DISTRICT RAHIM YAR KHAN</t>
  </si>
  <si>
    <t>CHAK NO 42/A</t>
  </si>
  <si>
    <t>22275</t>
  </si>
  <si>
    <t>GGPS BOHAR BHOGAY SHAH</t>
  </si>
  <si>
    <t>BOHAR BHOGAY SHAH</t>
  </si>
  <si>
    <t>GOVT GIRLS PRIMARY SCHOOL BOHAR BHOGAY SHAH</t>
  </si>
  <si>
    <t>mEERAN pUR</t>
  </si>
  <si>
    <t>14238</t>
  </si>
  <si>
    <t>GPS CHAK AHMDANI</t>
  </si>
  <si>
    <t>Chak Ahmedani</t>
  </si>
  <si>
    <t>moza chak ahmedani fazil pur, tehsil &amp; district rajanpur</t>
  </si>
  <si>
    <t>Sher Saleem</t>
  </si>
  <si>
    <t>GES QILA MASHMOOLA</t>
  </si>
  <si>
    <t>Qila chadhran</t>
  </si>
  <si>
    <t>Qila Chadhran</t>
  </si>
  <si>
    <t>Mudassar Bilal</t>
  </si>
  <si>
    <t>32814</t>
  </si>
  <si>
    <t>GPS NARO KI MORE KHUNDA</t>
  </si>
  <si>
    <t>Naroki</t>
  </si>
  <si>
    <t>Naroki More khunda</t>
  </si>
  <si>
    <t>Kot Bini Das</t>
  </si>
  <si>
    <t>GGPS BASTI HAZARA SINGH</t>
  </si>
  <si>
    <t>Hazara Singh</t>
  </si>
  <si>
    <t>basti sukhanand moza hazara Singh</t>
  </si>
  <si>
    <t>Sukhanand</t>
  </si>
  <si>
    <t>Musarat</t>
  </si>
  <si>
    <t>GGHSS CHOWK SARWAR SHAHEED</t>
  </si>
  <si>
    <t>layyah road chowk sarwar shaheed</t>
  </si>
  <si>
    <t>Friha Naz</t>
  </si>
  <si>
    <t>31851</t>
  </si>
  <si>
    <t>GGES JEETO GALA</t>
  </si>
  <si>
    <t>Jeeto Gala</t>
  </si>
  <si>
    <t>jeeto gala narang</t>
  </si>
  <si>
    <t>Memoona Iftikhar</t>
  </si>
  <si>
    <t>GGPS CHAK NO.48/A</t>
  </si>
  <si>
    <t>Chak 48/A</t>
  </si>
  <si>
    <t>GPS chak 48/A</t>
  </si>
  <si>
    <t>13655</t>
  </si>
  <si>
    <t>37129</t>
  </si>
  <si>
    <t>GGeS 33/10-R, KACHA KHUH (high level sne /notification not received yet )</t>
  </si>
  <si>
    <t>Chak No.33/10-r Kacha Khuh</t>
  </si>
  <si>
    <t>33/10-r</t>
  </si>
  <si>
    <t>30/10-r</t>
  </si>
  <si>
    <t>Shagufta Rana</t>
  </si>
  <si>
    <t>6123</t>
  </si>
  <si>
    <t>GES CHAK NO. 143 P</t>
  </si>
  <si>
    <t>Chak No 143-P</t>
  </si>
  <si>
    <t>Chak No 143-P  Rahim Yar Khan</t>
  </si>
  <si>
    <t>Chak No 139-P</t>
  </si>
  <si>
    <t>Khaliq Mehmood</t>
  </si>
  <si>
    <t>Hand pump and electric water pmp</t>
  </si>
  <si>
    <t>GMPS RARIAN WALA</t>
  </si>
  <si>
    <t>RARIAN WALA</t>
  </si>
  <si>
    <t>rarianwala tehsil noshehra virkan</t>
  </si>
  <si>
    <t>Rarian Wala</t>
  </si>
  <si>
    <t>Karyak Kalan</t>
  </si>
  <si>
    <t>Khursheed Akhtar</t>
  </si>
  <si>
    <t>GPS WALEKE</t>
  </si>
  <si>
    <t>Walleke</t>
  </si>
  <si>
    <t>GGPS KOTLA AIZAD YAR KHAN</t>
  </si>
  <si>
    <t>kotla aizad yar khan</t>
  </si>
  <si>
    <t>Basti Molabakhsh</t>
  </si>
  <si>
    <t>Jamila Bano</t>
  </si>
  <si>
    <t>dhoke saydhen p/o laham</t>
  </si>
  <si>
    <t>Dhoke Saydhen</t>
  </si>
  <si>
    <t>GHS BHOE ASAL</t>
  </si>
  <si>
    <t>bhoe asal</t>
  </si>
  <si>
    <t>46399</t>
  </si>
  <si>
    <t>GHS OBHAL</t>
  </si>
  <si>
    <t>Obhal</t>
  </si>
  <si>
    <t>vpo obhal tehsil noor pur thal district khushab</t>
  </si>
  <si>
    <t>Shajar Abbas Khan</t>
  </si>
  <si>
    <t>GPS MUHALLAH JALOTION BHATI GATE LAHORE</t>
  </si>
  <si>
    <t>Bhatti gate</t>
  </si>
  <si>
    <t>Muhallah jalotia Bhatti gate Lahore</t>
  </si>
  <si>
    <t>mazhar ul haq</t>
  </si>
  <si>
    <t>33998</t>
  </si>
  <si>
    <t>GGPS PROCHRAN SHARIF</t>
  </si>
  <si>
    <t>p/o Basti prochran shareef</t>
  </si>
  <si>
    <t>Basti Prochran Shareef</t>
  </si>
  <si>
    <t>Jajjah Abbasian</t>
  </si>
  <si>
    <t>RAFIA RAFIQ</t>
  </si>
  <si>
    <t>GGPS THAMMAY WALI CHAKRALA</t>
  </si>
  <si>
    <t>Thammay Wali</t>
  </si>
  <si>
    <t>GGPS Thammay wali,chakrala</t>
  </si>
  <si>
    <t>Zerghona</t>
  </si>
  <si>
    <t>purchased water tanker is stored in underground water tank</t>
  </si>
  <si>
    <t>GHS RUKKAN</t>
  </si>
  <si>
    <t>Muhammad Afzal Khan</t>
  </si>
  <si>
    <t>53288</t>
  </si>
  <si>
    <t>26481</t>
  </si>
  <si>
    <t>GGES BASTI MOND</t>
  </si>
  <si>
    <t>Mond</t>
  </si>
  <si>
    <t>GGES BASTI MOND P/O KHAN GARH DISTT, MUZAFFAR GARH</t>
  </si>
  <si>
    <t>Basti Mond</t>
  </si>
  <si>
    <t>Gairay Wahin</t>
  </si>
  <si>
    <t>Fouzia Noor</t>
  </si>
  <si>
    <t>GPS BUAA PUR KHANEWAL ROAD</t>
  </si>
  <si>
    <t>Buaapur</t>
  </si>
  <si>
    <t>cHah Sherwala Moza Buaapur</t>
  </si>
  <si>
    <t>Sherwala</t>
  </si>
  <si>
    <t>Liaqat Ali Tahir</t>
  </si>
  <si>
    <t>26488</t>
  </si>
  <si>
    <t>53505</t>
  </si>
  <si>
    <t>GGES KOT SULTAN PUR</t>
  </si>
  <si>
    <t>Kot Sultan Pur</t>
  </si>
  <si>
    <t>kot sultan pur</t>
  </si>
  <si>
    <t>37274</t>
  </si>
  <si>
    <t>GMPS 172/10-R, KHANEWAL</t>
  </si>
  <si>
    <t>172/10-R</t>
  </si>
  <si>
    <t>GMPS172/10-R,Markaz Meharshah, tehsil Khanewal</t>
  </si>
  <si>
    <t>Mehar Shah</t>
  </si>
  <si>
    <t>CHAK NO170/10-R</t>
  </si>
  <si>
    <t>Komal Sajid</t>
  </si>
  <si>
    <t>GPS WASUANA</t>
  </si>
  <si>
    <t>Marak</t>
  </si>
  <si>
    <t>gps wasuana moza mark tehsil lalian dist chiniot</t>
  </si>
  <si>
    <t>Wasuana</t>
  </si>
  <si>
    <t>Imdad Haider Shah</t>
  </si>
  <si>
    <t>GHS KASSESAY</t>
  </si>
  <si>
    <t>GPS CHAK 201-A/1-L</t>
  </si>
  <si>
    <t>Chak 201/2-R</t>
  </si>
  <si>
    <t>chak no 201/2-R Tehsil Liaquatpur District RYK</t>
  </si>
  <si>
    <t>GES BAIG PUR</t>
  </si>
  <si>
    <t>Govt. E/S Baig Pur</t>
  </si>
  <si>
    <t>Syed Abdul Mannan</t>
  </si>
  <si>
    <t>39261</t>
  </si>
  <si>
    <t>GES MALHOWALI</t>
  </si>
  <si>
    <t>VPO MALHOWALI</t>
  </si>
  <si>
    <t>25712</t>
  </si>
  <si>
    <t>GPS JAM GILL</t>
  </si>
  <si>
    <t>Jamgill</t>
  </si>
  <si>
    <t>jamgill</t>
  </si>
  <si>
    <t>Ghuchli Virk</t>
  </si>
  <si>
    <t>Muhammad Shahid Ashraf</t>
  </si>
  <si>
    <t>14712</t>
  </si>
  <si>
    <t>25715</t>
  </si>
  <si>
    <t>34328</t>
  </si>
  <si>
    <t>GGES 3 KMR MULTAN</t>
  </si>
  <si>
    <t>3KMR</t>
  </si>
  <si>
    <t>3KMR Multan P.O. Kot Abbas Shaheed</t>
  </si>
  <si>
    <t>Kot Mela Raam</t>
  </si>
  <si>
    <t>Khadija Shaukat</t>
  </si>
  <si>
    <t>20032</t>
  </si>
  <si>
    <t>53551</t>
  </si>
  <si>
    <t>GPS BONGA KHARAK SINGH</t>
  </si>
  <si>
    <t>Bunga Kharak Singh</t>
  </si>
  <si>
    <t>village bounga kharak Singh. tehsil and district okara</t>
  </si>
  <si>
    <t>30320</t>
  </si>
  <si>
    <t>45772</t>
  </si>
  <si>
    <t>GPS HYDERABAD</t>
  </si>
  <si>
    <t>Muhallah Bakht ali khan</t>
  </si>
  <si>
    <t>Bakht Ali Khan</t>
  </si>
  <si>
    <t>Khawaja Muhammad Ishaq</t>
  </si>
  <si>
    <t>GGPS FAZAL MODEL BAHAWAL PUR ROAD MULTAN</t>
  </si>
  <si>
    <t>Ramkali</t>
  </si>
  <si>
    <t>basti shorkot fazal model bahawalpur road multan</t>
  </si>
  <si>
    <t>Bastishorkot</t>
  </si>
  <si>
    <t>25722</t>
  </si>
  <si>
    <t>GGPS KHAIR SHAH HITTAR</t>
  </si>
  <si>
    <t>khairshahhithar</t>
  </si>
  <si>
    <t>khair shahhithar</t>
  </si>
  <si>
    <t>GGCMS NAWAN SAGGU</t>
  </si>
  <si>
    <t>Nawan Sagu</t>
  </si>
  <si>
    <t>nawan sagu tehsil noorpur thal distt khushab</t>
  </si>
  <si>
    <t>Naheed Iqbal</t>
  </si>
  <si>
    <t>27376</t>
  </si>
  <si>
    <t>GGPS CHUKARIAN</t>
  </si>
  <si>
    <t>Chukerian</t>
  </si>
  <si>
    <t>chokerian pindi bhattian</t>
  </si>
  <si>
    <t>Chokerian</t>
  </si>
  <si>
    <t>Madiha Parveen</t>
  </si>
  <si>
    <t>7705</t>
  </si>
  <si>
    <t>GGES CHAK NO. 99/P</t>
  </si>
  <si>
    <t>99 P</t>
  </si>
  <si>
    <t>chak 99p rahim yar khan</t>
  </si>
  <si>
    <t>Chak 99p</t>
  </si>
  <si>
    <t>25730</t>
  </si>
  <si>
    <t>13941</t>
  </si>
  <si>
    <t>GPS BASTI DASTI</t>
  </si>
  <si>
    <t>basti dasti near hazrat wala</t>
  </si>
  <si>
    <t>Basti Dasti</t>
  </si>
  <si>
    <t>25731</t>
  </si>
  <si>
    <t>47822</t>
  </si>
  <si>
    <t>GPS GHANDI PO KUNDIAN</t>
  </si>
  <si>
    <t>Gps Ghandi</t>
  </si>
  <si>
    <t>Rural Kundian</t>
  </si>
  <si>
    <t>mazhar abbas sabir</t>
  </si>
  <si>
    <t>GGHS KANDI WAL</t>
  </si>
  <si>
    <t>GGHS Kandiwal</t>
  </si>
  <si>
    <t>UZMA TAHIR</t>
  </si>
  <si>
    <t>GGHS JANDANWALA</t>
  </si>
  <si>
    <t>V.P.O jandanwala tehsil kharian distt gujrat</t>
  </si>
  <si>
    <t>Marala Gujran</t>
  </si>
  <si>
    <t>GPS DHOK PINDI PO DHOK MUSTAL</t>
  </si>
  <si>
    <t>Wandhi  Bhambjer</t>
  </si>
  <si>
    <t>p/o dhok mustal</t>
  </si>
  <si>
    <t>Dhok Pindi</t>
  </si>
  <si>
    <t>Syed Rafiullah Shah</t>
  </si>
  <si>
    <t>GGES MAKHAN WALA</t>
  </si>
  <si>
    <t>Sandeela</t>
  </si>
  <si>
    <t>Muhallah karim abad, basti sandila, p/o shah jamal</t>
  </si>
  <si>
    <t>BASTI SANDEELA</t>
  </si>
  <si>
    <t>Aalia Muneer</t>
  </si>
  <si>
    <t>28421</t>
  </si>
  <si>
    <t>GGCMS CHAK KAMAL</t>
  </si>
  <si>
    <t>Chak Kamal</t>
  </si>
  <si>
    <t>Sumaira Sipra</t>
  </si>
  <si>
    <t>11722</t>
  </si>
  <si>
    <t>GPS CHAK NO.607 TDA</t>
  </si>
  <si>
    <t>Chak NO 522 TDA</t>
  </si>
  <si>
    <t>Chak NO 522 TDA tehsil kot-addu</t>
  </si>
  <si>
    <t>GGPS CHAK NO.9 JANUBI</t>
  </si>
  <si>
    <t>Chak No 9 Janubi</t>
  </si>
  <si>
    <t>GGP/S chak no9 janubi</t>
  </si>
  <si>
    <t>GPS MIAN AZHAR IQBAL KOT BADAR DIN</t>
  </si>
  <si>
    <t>Kot Badar Din</t>
  </si>
  <si>
    <t>Kot Badar Din Post Office And Tehsil Pindi Bhattian District Hafizabad</t>
  </si>
  <si>
    <t>Badar ali</t>
  </si>
  <si>
    <t>25755</t>
  </si>
  <si>
    <t>GGPS KOUCHA SHREEF CHAKRLA MIANWALI</t>
  </si>
  <si>
    <t>Kalary</t>
  </si>
  <si>
    <t>ggps kocha Sharif</t>
  </si>
  <si>
    <t>KOCHHA SHARIF</t>
  </si>
  <si>
    <t>Thmawali</t>
  </si>
  <si>
    <t>48045</t>
  </si>
  <si>
    <t>GPS DERA BALOCHAN WALA</t>
  </si>
  <si>
    <t>Maly wali</t>
  </si>
  <si>
    <t>GPS Dera Balochan Wala P.O  Shahnawaz wala Teh Piplan  District Mianwalir</t>
  </si>
  <si>
    <t>Dera Balochan wala</t>
  </si>
  <si>
    <t>Kacha gujrat</t>
  </si>
  <si>
    <t>49312</t>
  </si>
  <si>
    <t>GGPS 193 WB</t>
  </si>
  <si>
    <t>Pehlwan ARain</t>
  </si>
  <si>
    <t>193wb</t>
  </si>
  <si>
    <t>Muqadiss Mukhtar</t>
  </si>
  <si>
    <t>31516</t>
  </si>
  <si>
    <t>GMPS HASOO WALA</t>
  </si>
  <si>
    <t>Hasoo Wala</t>
  </si>
  <si>
    <t>hasoo wala</t>
  </si>
  <si>
    <t>Qamar-Un-Nisa</t>
  </si>
  <si>
    <t>GGPS DARKHAN WALA SHER SHAH ROAD</t>
  </si>
  <si>
    <t>Chah Darkhan wala,thathi lal sher shah road multan.</t>
  </si>
  <si>
    <t>Rizwana Umbreen</t>
  </si>
  <si>
    <t>22503</t>
  </si>
  <si>
    <t>37054</t>
  </si>
  <si>
    <t>GHS 72/10-R, SHANTI NAGAR, KHANEWAL</t>
  </si>
  <si>
    <t>72/10r</t>
  </si>
  <si>
    <t>chak no 72/10r</t>
  </si>
  <si>
    <t>Shantinagar</t>
  </si>
  <si>
    <t>HABIBULLAH KHAN</t>
  </si>
  <si>
    <t>48912</t>
  </si>
  <si>
    <t>GPS BASTI GUNJAN</t>
  </si>
  <si>
    <t>gps basti gunjan lqp</t>
  </si>
  <si>
    <t>Basti Gunjan</t>
  </si>
  <si>
    <t>City98 Lqp</t>
  </si>
  <si>
    <t>Syed Shahid Hussain</t>
  </si>
  <si>
    <t>GMPS JARRA</t>
  </si>
  <si>
    <t>Jarra</t>
  </si>
  <si>
    <t>jarra</t>
  </si>
  <si>
    <t>25776</t>
  </si>
  <si>
    <t>GMPS KOT HARY CHAND</t>
  </si>
  <si>
    <t>Kot Hari Chand</t>
  </si>
  <si>
    <t>kot hari chanc</t>
  </si>
  <si>
    <t>Radheer</t>
  </si>
  <si>
    <t>Tooba Kiran</t>
  </si>
  <si>
    <t>GPS KILCHAMA DONA</t>
  </si>
  <si>
    <t>kilchamadona kasur</t>
  </si>
  <si>
    <t>Mubarak Ullah Anjum</t>
  </si>
  <si>
    <t>50215</t>
  </si>
  <si>
    <t>25786</t>
  </si>
  <si>
    <t>GPS BUMBLY</t>
  </si>
  <si>
    <t>Bumbly</t>
  </si>
  <si>
    <t>Ali Ahmed Sulamani</t>
  </si>
  <si>
    <t>50199</t>
  </si>
  <si>
    <t>31798</t>
  </si>
  <si>
    <t>GGPS KOT BHAILAN</t>
  </si>
  <si>
    <t>Kot bhelan</t>
  </si>
  <si>
    <t>kot bhelan</t>
  </si>
  <si>
    <t>Ladhake</t>
  </si>
  <si>
    <t>Fehmida Abbas</t>
  </si>
  <si>
    <t>GGPS GHARIB ABAD</t>
  </si>
  <si>
    <t>basti ghariab abad</t>
  </si>
  <si>
    <t>Taleri</t>
  </si>
  <si>
    <t>GGPS DERA MUHAMMAD BAKHSH HUJJAN</t>
  </si>
  <si>
    <t>miana gondal</t>
  </si>
  <si>
    <t>vpo miana gondal teh malakwal distt m.bdin</t>
  </si>
  <si>
    <t>dera m.b hujjan</t>
  </si>
  <si>
    <t>25796</t>
  </si>
  <si>
    <t>GHS KOT NAKKA</t>
  </si>
  <si>
    <t>Kot Naka</t>
  </si>
  <si>
    <t>Kot  nakka</t>
  </si>
  <si>
    <t>Mudassar Ahmad</t>
  </si>
  <si>
    <t>25797</t>
  </si>
  <si>
    <t>GGPS MUHAMMAD FAZIL</t>
  </si>
  <si>
    <t>basti kulyar sahan wala</t>
  </si>
  <si>
    <t>29424</t>
  </si>
  <si>
    <t>GGPS NO. 2 MUSTAFA ABAD</t>
  </si>
  <si>
    <t>Christian colony Mustafa Abad kasur</t>
  </si>
  <si>
    <t>Mustafbad</t>
  </si>
  <si>
    <t>Bushra Zahid</t>
  </si>
  <si>
    <t>25801</t>
  </si>
  <si>
    <t>54094</t>
  </si>
  <si>
    <t>GPS 97/M</t>
  </si>
  <si>
    <t>Chak No 97/m</t>
  </si>
  <si>
    <t>basti Ghareeb abad chak no 97/M lodhran</t>
  </si>
  <si>
    <t>New Adam Wahen</t>
  </si>
  <si>
    <t>25802</t>
  </si>
  <si>
    <t>11861</t>
  </si>
  <si>
    <t>GGPS CHAK NO. 532 TDA</t>
  </si>
  <si>
    <t>chak no 532 T.d.a p/o riaz abad tehsil kotadu</t>
  </si>
  <si>
    <t>chak no 532</t>
  </si>
  <si>
    <t>riaz abad</t>
  </si>
  <si>
    <t>25805</t>
  </si>
  <si>
    <t>GPS KOTLI BANGLA</t>
  </si>
  <si>
    <t>Kotli Bangla</t>
  </si>
  <si>
    <t>kotli bangla p/o ghuchli virk thesil muridke distt sheikhupura</t>
  </si>
  <si>
    <t>Mohammad Afzaal</t>
  </si>
  <si>
    <t>GGPS DHER</t>
  </si>
  <si>
    <t>Dher</t>
  </si>
  <si>
    <t>Post office &amp; village DHER' Tehsil Kharian District Gujarat</t>
  </si>
  <si>
    <t>Punjan Kisana</t>
  </si>
  <si>
    <t>48077</t>
  </si>
  <si>
    <t>25806</t>
  </si>
  <si>
    <t>40499</t>
  </si>
  <si>
    <t>GGHS DHUDHI PHAPHRA</t>
  </si>
  <si>
    <t>vill &amp; p/o box dhudhi phaphra tehsil pind dadan khan district jhelum</t>
  </si>
  <si>
    <t>Sody Gujjar</t>
  </si>
  <si>
    <t>Saklan Zahra</t>
  </si>
  <si>
    <t>25818</t>
  </si>
  <si>
    <t>GPS NO. 2 HERNOLI</t>
  </si>
  <si>
    <t>MOHALLAH FAROOQA ABAD HARNOLI TEHSIL PIPLAN DISTRICT MIANWALI</t>
  </si>
  <si>
    <t>Urban Harnoli</t>
  </si>
  <si>
    <t>408375</t>
  </si>
  <si>
    <t>GGPS MUD ILYAS KHANPUR BASTI MIAN ABDUL KHALIQ</t>
  </si>
  <si>
    <t>Mudilyas</t>
  </si>
  <si>
    <t>mudilyas</t>
  </si>
  <si>
    <t>Mian Abdul Khaliq</t>
  </si>
  <si>
    <t>Rozina Khanum</t>
  </si>
  <si>
    <t>25822</t>
  </si>
  <si>
    <t>28098</t>
  </si>
  <si>
    <t>GGPS DERA MAIRA</t>
  </si>
  <si>
    <t>Dera Mera</t>
  </si>
  <si>
    <t>Dera mera chak basawa</t>
  </si>
  <si>
    <t>Samira Shaheen</t>
  </si>
  <si>
    <t>32668</t>
  </si>
  <si>
    <t>37725</t>
  </si>
  <si>
    <t>GPS MANOKAAN WALA</t>
  </si>
  <si>
    <t>MANOKIAN WALA</t>
  </si>
  <si>
    <t>MANOKIAN WALA KHO</t>
  </si>
  <si>
    <t>NOORI SOHAG</t>
  </si>
  <si>
    <t>Syeda Uzma Sajjad</t>
  </si>
  <si>
    <t>10601</t>
  </si>
  <si>
    <t>GGES CHANDRAIN</t>
  </si>
  <si>
    <t>Sharishta Than Jandi</t>
  </si>
  <si>
    <t>housing colony #2</t>
  </si>
  <si>
    <t>Chandrain</t>
  </si>
  <si>
    <t>Sarista Thal</t>
  </si>
  <si>
    <t>Kalsoom Faiz Sial</t>
  </si>
  <si>
    <t>GGES CHAK NO. 94/NP</t>
  </si>
  <si>
    <t>Chak No 94/np</t>
  </si>
  <si>
    <t>GGES CHAK NO.94/P</t>
  </si>
  <si>
    <t>Chak No 94/NP</t>
  </si>
  <si>
    <t>Zahra Iqbal</t>
  </si>
  <si>
    <t>12154</t>
  </si>
  <si>
    <t>GPS HAYAT KHAN WALI</t>
  </si>
  <si>
    <t>Chah Mochani Wala..Moza Hala.Kot Adu.</t>
  </si>
  <si>
    <t>Mochani Wala</t>
  </si>
  <si>
    <t>Daregh</t>
  </si>
  <si>
    <t>Gulam Akbar</t>
  </si>
  <si>
    <t>GGHSS RAJA JANG KASUR</t>
  </si>
  <si>
    <t>Raja jang</t>
  </si>
  <si>
    <t>Govt.girls higher secondary school raja jang</t>
  </si>
  <si>
    <t>Nagina akhtar</t>
  </si>
  <si>
    <t>23139</t>
  </si>
  <si>
    <t>pum</t>
  </si>
  <si>
    <t>39074</t>
  </si>
  <si>
    <t>26515</t>
  </si>
  <si>
    <t>GGPS SHAH SIR MUST</t>
  </si>
  <si>
    <t>shahsirmast</t>
  </si>
  <si>
    <t>gunja</t>
  </si>
  <si>
    <t>Aniqa Jabeen</t>
  </si>
  <si>
    <t>38116</t>
  </si>
  <si>
    <t>37943</t>
  </si>
  <si>
    <t>GGPS TALWANDI DIAL PUR</t>
  </si>
  <si>
    <t>Talwandi Dial pur</t>
  </si>
  <si>
    <t>GGPS TALWADIDIALPUR</t>
  </si>
  <si>
    <t>9748</t>
  </si>
  <si>
    <t>26521</t>
  </si>
  <si>
    <t>51321</t>
  </si>
  <si>
    <t>GGHS 37 SP PAKPATTAN</t>
  </si>
  <si>
    <t>37/SP</t>
  </si>
  <si>
    <t>GOVT. GIRLS HIGH SCHOOL 37/SP,PAKPATTAN</t>
  </si>
  <si>
    <t>CHAK 37SP</t>
  </si>
  <si>
    <t>37/sp</t>
  </si>
  <si>
    <t>nusrat naheed</t>
  </si>
  <si>
    <t>26522</t>
  </si>
  <si>
    <t>GGPS Basti tibba</t>
  </si>
  <si>
    <t>basti tibba</t>
  </si>
  <si>
    <t>Khalida Shafi</t>
  </si>
  <si>
    <t>GPS PILOWAL SYEDAN</t>
  </si>
  <si>
    <t>Pillowal Syedn</t>
  </si>
  <si>
    <t>pillowal syedan dist chiniot</t>
  </si>
  <si>
    <t>Pillowal Syedan</t>
  </si>
  <si>
    <t>26527</t>
  </si>
  <si>
    <t>5467</t>
  </si>
  <si>
    <t>GPS NOOR PUR GACHAL</t>
  </si>
  <si>
    <t>Umer Wada Gachal</t>
  </si>
  <si>
    <t>basti NOOR Pur gachal</t>
  </si>
  <si>
    <t>Noor  Pur Gachal</t>
  </si>
  <si>
    <t>M Altaf Khan</t>
  </si>
  <si>
    <t>32866</t>
  </si>
  <si>
    <t>GPS THATHA NOORKA</t>
  </si>
  <si>
    <t>Thatha Noor Ka</t>
  </si>
  <si>
    <t>Thatha Noorka , Syedwala</t>
  </si>
  <si>
    <t>Meharpur</t>
  </si>
  <si>
    <t>GPS KANIA</t>
  </si>
  <si>
    <t>village kanian , post office dilawarpur Teh kharian Dist Gujrat</t>
  </si>
  <si>
    <t>29443</t>
  </si>
  <si>
    <t>GGPS KALIAN</t>
  </si>
  <si>
    <t>kalian</t>
  </si>
  <si>
    <t>26619</t>
  </si>
  <si>
    <t>GPS RUSTAM ALI</t>
  </si>
  <si>
    <t>basti Rustam Ali</t>
  </si>
  <si>
    <t>Allah Ditta Sangi</t>
  </si>
  <si>
    <t>39422</t>
  </si>
  <si>
    <t>GPS WADHAYA ABAD</t>
  </si>
  <si>
    <t>Dunia Pur</t>
  </si>
  <si>
    <t>Basti wadhaya abad markaz Latki tehsil Khanpur</t>
  </si>
  <si>
    <t>Wadhaya Abad</t>
  </si>
  <si>
    <t>Rab Nawaz Khan</t>
  </si>
  <si>
    <t>32720</t>
  </si>
  <si>
    <t>GES ABDUL REHMAN WALA</t>
  </si>
  <si>
    <t>Bait Lomar Wala</t>
  </si>
  <si>
    <t>siper no 3 mouza bait Lomar Wala kot adu</t>
  </si>
  <si>
    <t>Lomar Wala</t>
  </si>
  <si>
    <t>Muhammad Athar</t>
  </si>
  <si>
    <t>GPS YOUNGSON ABAD CHAK NO. 371</t>
  </si>
  <si>
    <t>Village young son Abad Chak No 371</t>
  </si>
  <si>
    <t>Young son Abad</t>
  </si>
  <si>
    <t>Mohsin Khan</t>
  </si>
  <si>
    <t>35943</t>
  </si>
  <si>
    <t>GGPS FADDAH</t>
  </si>
  <si>
    <t>fadda tehsil mailsi district vehari</t>
  </si>
  <si>
    <t>maria saeed</t>
  </si>
  <si>
    <t>26629</t>
  </si>
  <si>
    <t>GPS HASSAN ABAD</t>
  </si>
  <si>
    <t>Kondi</t>
  </si>
  <si>
    <t>gps hassan abad moza kondi</t>
  </si>
  <si>
    <t>Sami Ud Din Awan</t>
  </si>
  <si>
    <t>GPS KOLIAN HABIB</t>
  </si>
  <si>
    <t>Kolian Habib</t>
  </si>
  <si>
    <t>VPO Kolian Habib Teh Kharian Distt Gujrat Punjab</t>
  </si>
  <si>
    <t>Mirza Tahir</t>
  </si>
  <si>
    <t>Qasim Hussain</t>
  </si>
  <si>
    <t>47751</t>
  </si>
  <si>
    <t>GHS KATCHA GUJRAT TEH PIPLAN</t>
  </si>
  <si>
    <t>Muhammad Akmal khan</t>
  </si>
  <si>
    <t>32945</t>
  </si>
  <si>
    <t>26634</t>
  </si>
  <si>
    <t>Kotla Merran</t>
  </si>
  <si>
    <t>GPS BORS ABAD</t>
  </si>
  <si>
    <t>Malik Zari Faram</t>
  </si>
  <si>
    <t>53563</t>
  </si>
  <si>
    <t>GGHS AKBAR OKARA</t>
  </si>
  <si>
    <t>moaza Akbar</t>
  </si>
  <si>
    <t>TALAT FARDOUS</t>
  </si>
  <si>
    <t>28444</t>
  </si>
  <si>
    <t>GG BBS ES KOT MULTANIAN WALA</t>
  </si>
  <si>
    <t>Chak Manu</t>
  </si>
  <si>
    <t>Ansar Naareen</t>
  </si>
  <si>
    <t>40589</t>
  </si>
  <si>
    <t>26641</t>
  </si>
  <si>
    <t>GHS AMEER PUR KANAKA</t>
  </si>
  <si>
    <t>kiri Ali mardan</t>
  </si>
  <si>
    <t>mouza kiri ali mardan u/c chak farazi p/o rangpur</t>
  </si>
  <si>
    <t>jarian wala</t>
  </si>
  <si>
    <t>chak farazi</t>
  </si>
  <si>
    <t>32959</t>
  </si>
  <si>
    <t>GGPS LURKA</t>
  </si>
  <si>
    <t>ggpslurka</t>
  </si>
  <si>
    <t>26649</t>
  </si>
  <si>
    <t>GGPS SOHMAL NASHAIB</t>
  </si>
  <si>
    <t>GGPS SEHMAL NASHAIB</t>
  </si>
  <si>
    <t>Basti merani</t>
  </si>
  <si>
    <t>Lohanch nashaib</t>
  </si>
  <si>
    <t>Anees umber</t>
  </si>
  <si>
    <t>GPS HAYAT ULLAH LAGHARI</t>
  </si>
  <si>
    <t>laghari</t>
  </si>
  <si>
    <t>village&amp;post office laghari</t>
  </si>
  <si>
    <t>jaurakalan</t>
  </si>
  <si>
    <t>Tehseen Ahmad</t>
  </si>
  <si>
    <t>51207</t>
  </si>
  <si>
    <t>29430</t>
  </si>
  <si>
    <t>GGPS BHOJA</t>
  </si>
  <si>
    <t>GGP/S Bhoja p/o sarhali kalan markaz mustafabad</t>
  </si>
  <si>
    <t>Sadaf</t>
  </si>
  <si>
    <t>26655</t>
  </si>
  <si>
    <t>GGPS QADIRA TALAI</t>
  </si>
  <si>
    <t>Qadra Tali</t>
  </si>
  <si>
    <t>GGPS QADRA TALLAI</t>
  </si>
  <si>
    <t>Dhengun</t>
  </si>
  <si>
    <t>Fozia Irshad</t>
  </si>
  <si>
    <t>24655</t>
  </si>
  <si>
    <t>GPS KALAYWALI</t>
  </si>
  <si>
    <t>Kalaywali</t>
  </si>
  <si>
    <t>kalaywali post office chawinda tehsil pasrur distt sialkot</t>
  </si>
  <si>
    <t>Asif Bashir</t>
  </si>
  <si>
    <t>GMPS BASTI GHULAM</t>
  </si>
  <si>
    <t>Bati Ghulam on fathpur road</t>
  </si>
  <si>
    <t>Basti Ghulam</t>
  </si>
  <si>
    <t>GGPS HUJJAN</t>
  </si>
  <si>
    <t>Hujjan</t>
  </si>
  <si>
    <t>GGPS Hujjan</t>
  </si>
  <si>
    <t>Tayyba Khalid</t>
  </si>
  <si>
    <t>GPS NAZAR MUHAMMAD JHULAN</t>
  </si>
  <si>
    <t>Bait Soi</t>
  </si>
  <si>
    <t>Adda 22 wala mouza bait soi P/O Thul Hamza Teh liquat Pur Dist RYK</t>
  </si>
  <si>
    <t>Basti Gul Muhammad</t>
  </si>
  <si>
    <t>Jhok Ghulab Shah</t>
  </si>
  <si>
    <t>Fatumal</t>
  </si>
  <si>
    <t>Basti Kanday wala mouza Fatumal Tehsil Kot Adu District Muzaffar Garh</t>
  </si>
  <si>
    <t>Kanday Wala</t>
  </si>
  <si>
    <t>Hafiz Muhammad Yousuf</t>
  </si>
  <si>
    <t>38021</t>
  </si>
  <si>
    <t>GPS MOOSA WALA</t>
  </si>
  <si>
    <t>Saadullah pur</t>
  </si>
  <si>
    <t>basti qabool wala moza saadullah pur p/o qureshi wala Teh /distt Lodhran</t>
  </si>
  <si>
    <t>basti qabool wala</t>
  </si>
  <si>
    <t>saadullah pur</t>
  </si>
  <si>
    <t>26949</t>
  </si>
  <si>
    <t>GPS ALLU WALI</t>
  </si>
  <si>
    <t>GPS Alluwali Gpo Nawan teh&amp;distt mianwali</t>
  </si>
  <si>
    <t>Thammewali</t>
  </si>
  <si>
    <t>26952</t>
  </si>
  <si>
    <t>12770</t>
  </si>
  <si>
    <t>GGPS DERA MUHAMMAD HAYAT</t>
  </si>
  <si>
    <t>Kodiwal</t>
  </si>
  <si>
    <t>kodiwal disst.and teh. m.garh</t>
  </si>
  <si>
    <t>11097</t>
  </si>
  <si>
    <t>GPS MAVAY WALA</t>
  </si>
  <si>
    <t>Jhorar Thal Jandi</t>
  </si>
  <si>
    <t>Chah missi wala ,jhorar thal jandi p/o kot sultan,District Layyah</t>
  </si>
  <si>
    <t>Missi Riaz Abad</t>
  </si>
  <si>
    <t>Sonhara Wasawa</t>
  </si>
  <si>
    <t>26957</t>
  </si>
  <si>
    <t>GGPS NAWAN MANKIA KHURD</t>
  </si>
  <si>
    <t>Nawan Manika Khurad</t>
  </si>
  <si>
    <t>Nawan mankia khurd</t>
  </si>
  <si>
    <t>Nawan Mankia Khurd</t>
  </si>
  <si>
    <t>Hafiza Humaira Ali</t>
  </si>
  <si>
    <t>31625</t>
  </si>
  <si>
    <t>GPS CHAK 34 MURIDKE</t>
  </si>
  <si>
    <t>Chak # 34</t>
  </si>
  <si>
    <t>chak # 34</t>
  </si>
  <si>
    <t>Attique Ahmad</t>
  </si>
  <si>
    <t>26961</t>
  </si>
  <si>
    <t>21981</t>
  </si>
  <si>
    <t>GGPS HARDO UDDAY</t>
  </si>
  <si>
    <t>Hardo Udday</t>
  </si>
  <si>
    <t>hardo udday</t>
  </si>
  <si>
    <t>43109</t>
  </si>
  <si>
    <t>GGPS ABDUL AZIZ BALOCH</t>
  </si>
  <si>
    <t>Arif Baloch</t>
  </si>
  <si>
    <t>GGPS Abdul Aziz Baloch Moza Arif Baloch basti salvani</t>
  </si>
  <si>
    <t>Basti Salvani</t>
  </si>
  <si>
    <t>Naumana FAzeel</t>
  </si>
  <si>
    <t>GMES BASTI LAL KAMAL</t>
  </si>
  <si>
    <t>Lal Kamal</t>
  </si>
  <si>
    <t>GMES Basti Lal Kamal</t>
  </si>
  <si>
    <t>Chamber Kulyar</t>
  </si>
  <si>
    <t>Syeda Qamar In Nisa</t>
  </si>
  <si>
    <t>29630</t>
  </si>
  <si>
    <t>GES JAMSHER 24</t>
  </si>
  <si>
    <t>Jamsher Chak No 24</t>
  </si>
  <si>
    <t>Jadmsher Chak no 24</t>
  </si>
  <si>
    <t>Awan Chak No 39</t>
  </si>
  <si>
    <t>11876</t>
  </si>
  <si>
    <t>GPS DIAL SINGH</t>
  </si>
  <si>
    <t>Dial Singh</t>
  </si>
  <si>
    <t>Jhoru khoh Moza Dial Singh</t>
  </si>
  <si>
    <t>Jhoro Khoh</t>
  </si>
  <si>
    <t>35308</t>
  </si>
  <si>
    <t>26304</t>
  </si>
  <si>
    <t>GPS WARIS ABAD BASTI KHAR MUHAMMAD KHAN</t>
  </si>
  <si>
    <t>GPS Warisabad</t>
  </si>
  <si>
    <t>33601</t>
  </si>
  <si>
    <t>GHSS BHAINI BUDHLA ROAD MULTAN</t>
  </si>
  <si>
    <t>BUDHLA ROAD MAUZA BHAINI MULTAN POST OFFICE KHAD FACTORY MULTAN</t>
  </si>
  <si>
    <t>Muhammd Rashid</t>
  </si>
  <si>
    <t>GGPS ALAWAL KAY</t>
  </si>
  <si>
    <t>Alawalkay</t>
  </si>
  <si>
    <t>alawalkay</t>
  </si>
  <si>
    <t>No or Ahmad</t>
  </si>
  <si>
    <t>28186</t>
  </si>
  <si>
    <t>GPS DERA ISMAIL KHAN</t>
  </si>
  <si>
    <t>Teh&amp;Distt,M.B.DIN V&amp;P.O Nain Ranjha</t>
  </si>
  <si>
    <t>Muhammad Azmat</t>
  </si>
  <si>
    <t>27025</t>
  </si>
  <si>
    <t>26312</t>
  </si>
  <si>
    <t>GMPS KHAMB KALAN</t>
  </si>
  <si>
    <t>Khamb Kalan</t>
  </si>
  <si>
    <t>khamb kalan Thi phalia dis m. .b din</t>
  </si>
  <si>
    <t>39266</t>
  </si>
  <si>
    <t>GPS SAPIALA</t>
  </si>
  <si>
    <t>Sipiala</t>
  </si>
  <si>
    <t>v Sipiala teh pindi gheb</t>
  </si>
  <si>
    <t>26317</t>
  </si>
  <si>
    <t>24273</t>
  </si>
  <si>
    <t>GGPS CM BHEELOKAY</t>
  </si>
  <si>
    <t>bheloke</t>
  </si>
  <si>
    <t>Shama Bashir</t>
  </si>
  <si>
    <t>GHS KHARANA</t>
  </si>
  <si>
    <t>Kharana</t>
  </si>
  <si>
    <t>village and post office kharana tehsil kharian district gujrat</t>
  </si>
  <si>
    <t>Saqib Shahzad</t>
  </si>
  <si>
    <t>GMPS WALGAN BAKHSHA</t>
  </si>
  <si>
    <t>Walgan Bakhsha</t>
  </si>
  <si>
    <t>walgan bakhsha sukheke mandi hafiz abad</t>
  </si>
  <si>
    <t>17050</t>
  </si>
  <si>
    <t>46296</t>
  </si>
  <si>
    <t>GPS RAKH JAURA KALAN</t>
  </si>
  <si>
    <t>Gps Rakh Jaura kalan</t>
  </si>
  <si>
    <t>29907</t>
  </si>
  <si>
    <t>GMPS SIDDU CHAK 51</t>
  </si>
  <si>
    <t>sursing</t>
  </si>
  <si>
    <t>sidoo chak 51</t>
  </si>
  <si>
    <t>megha</t>
  </si>
  <si>
    <t>Maryam Sabir</t>
  </si>
  <si>
    <t>26338</t>
  </si>
  <si>
    <t>GPS BANKA</t>
  </si>
  <si>
    <t>adda Qasim wala jajjah abbasian</t>
  </si>
  <si>
    <t>Adda Qasim Wala</t>
  </si>
  <si>
    <t>GPS KOT GHUMMAN</t>
  </si>
  <si>
    <t>village kot ghuman p/o baddomalhi teh/dist narrowal</t>
  </si>
  <si>
    <t>Gps Kot Ghuman</t>
  </si>
  <si>
    <t>12264</t>
  </si>
  <si>
    <t>39283</t>
  </si>
  <si>
    <t>GPS NITHIAL</t>
  </si>
  <si>
    <t>Nithial</t>
  </si>
  <si>
    <t>Village Nithial Teh Pindi Gheb District  Attock</t>
  </si>
  <si>
    <t>23811</t>
  </si>
  <si>
    <t>47099</t>
  </si>
  <si>
    <t>GMES TAYYAB KHEL NANGINI</t>
  </si>
  <si>
    <t>MUZAFAR PUR SHUMALI</t>
  </si>
  <si>
    <t>TAYAB KHEL NANGNI MOZA MUZAFAR PUR DISTRICT MIANWALI</t>
  </si>
  <si>
    <t>11163</t>
  </si>
  <si>
    <t>GPS CHAK NO. 148-B TDA</t>
  </si>
  <si>
    <t>Darboli</t>
  </si>
  <si>
    <t>chak 148 b tda</t>
  </si>
  <si>
    <t>Chak 148 B</t>
  </si>
  <si>
    <t>36113</t>
  </si>
  <si>
    <t>43635</t>
  </si>
  <si>
    <t>GPS MEHMOOD NAGAR</t>
  </si>
  <si>
    <t>Wahid Bux sial</t>
  </si>
  <si>
    <t>GBPS mehmood nager basti langah Wahid Bux sail Allah Abad</t>
  </si>
  <si>
    <t>Basti Langah</t>
  </si>
  <si>
    <t>26345</t>
  </si>
  <si>
    <t>GES CHAK NO.7 - 8 FAIZ P/O LAR</t>
  </si>
  <si>
    <t>Chak  No 7 FAIZ</t>
  </si>
  <si>
    <t>chak No 7-8  Faiz</t>
  </si>
  <si>
    <t>Chak No 7 FAIZ</t>
  </si>
  <si>
    <t>Muhammad Jamil Hussain</t>
  </si>
  <si>
    <t>11878</t>
  </si>
  <si>
    <t>GGPS CHAK NO. 541 TDA</t>
  </si>
  <si>
    <t>ARAIN GHARBI</t>
  </si>
  <si>
    <t>CHAK NO 541 TDA</t>
  </si>
  <si>
    <t>Ismat Shaheen</t>
  </si>
  <si>
    <t>GOVT. ALI ABASS SHAHEED HIGHER SECONDARY SCHOOL MURIDKE</t>
  </si>
  <si>
    <t>G.T.ROAD MURIDKE NEAR CITY POLICE STATION MURIDKE</t>
  </si>
  <si>
    <t>40838</t>
  </si>
  <si>
    <t>25342</t>
  </si>
  <si>
    <t>GPS GULAY WALI</t>
  </si>
  <si>
    <t>Gullaywali</t>
  </si>
  <si>
    <t>gullaywali,p.o.wadianawala. pasrur.sialkot</t>
  </si>
  <si>
    <t>Muhammad Asif Butt</t>
  </si>
  <si>
    <t>21942</t>
  </si>
  <si>
    <t>GMPS SAICH</t>
  </si>
  <si>
    <t>Saich</t>
  </si>
  <si>
    <t>saich</t>
  </si>
  <si>
    <t>Manaza Anwar</t>
  </si>
  <si>
    <t>26367</t>
  </si>
  <si>
    <t>GGPS MC RIALWAY ROAD MULTAN</t>
  </si>
  <si>
    <t>railway road multan</t>
  </si>
  <si>
    <t>Multan City</t>
  </si>
  <si>
    <t>Anayat Shah Bukhari</t>
  </si>
  <si>
    <t>Safia Nisar</t>
  </si>
  <si>
    <t>26369</t>
  </si>
  <si>
    <t>47997</t>
  </si>
  <si>
    <t>GGPS CHASHMA BERAJ</t>
  </si>
  <si>
    <t>CHASHMA-FEMALE</t>
  </si>
  <si>
    <t>khanqah sirajia moh. allo khel</t>
  </si>
  <si>
    <t>Khanqah Sirrajia</t>
  </si>
  <si>
    <t>SHAGHUFTA  GULNAR</t>
  </si>
  <si>
    <t>46405</t>
  </si>
  <si>
    <t>GGHS JAMALI</t>
  </si>
  <si>
    <t>Jamali Balochan</t>
  </si>
  <si>
    <t>Government Girls High School Jamali Balochan</t>
  </si>
  <si>
    <t>53472</t>
  </si>
  <si>
    <t>GGES CHAK NO.50/3R</t>
  </si>
  <si>
    <t>50 /3r</t>
  </si>
  <si>
    <t>chak no 50/3r 0kara</t>
  </si>
  <si>
    <t>50/3r</t>
  </si>
  <si>
    <t>45 /gd</t>
  </si>
  <si>
    <t>Gulshan Rehman</t>
  </si>
  <si>
    <t>GGPS RAIS KHAMISA</t>
  </si>
  <si>
    <t>Marri Allah Bachya</t>
  </si>
  <si>
    <t>basti rais khamisa marri Allah  bachya</t>
  </si>
  <si>
    <t>Basti Rais Khamisa</t>
  </si>
  <si>
    <t>Jabeen Akhtar</t>
  </si>
  <si>
    <t>29372</t>
  </si>
  <si>
    <t>GGPS HAVELI TEEKHIAN WALI</t>
  </si>
  <si>
    <t>Teekhina Wali</t>
  </si>
  <si>
    <t>rode Radha kishan havli teekhina wali</t>
  </si>
  <si>
    <t>Hardu Shari</t>
  </si>
  <si>
    <t>ZUBAIDA KOUSER</t>
  </si>
  <si>
    <t>26386</t>
  </si>
  <si>
    <t>GGPS LEHLIAN</t>
  </si>
  <si>
    <t>Lehlian</t>
  </si>
  <si>
    <t>GGPS Lehlian</t>
  </si>
  <si>
    <t>Erum Naz</t>
  </si>
  <si>
    <t>17024</t>
  </si>
  <si>
    <t>GGES CHAMB KULYAR</t>
  </si>
  <si>
    <t>chumb kulyar</t>
  </si>
  <si>
    <t>chumb kulyar lodhran</t>
  </si>
  <si>
    <t>Syeda Shaheena Rizvi</t>
  </si>
  <si>
    <t>45142</t>
  </si>
  <si>
    <t>GGHS MANKERA</t>
  </si>
  <si>
    <t>BHAKKAR JHANG ROAD MANKERA</t>
  </si>
  <si>
    <t>M.C. MANKERA</t>
  </si>
  <si>
    <t>Fouzia Jabeen</t>
  </si>
  <si>
    <t>18014</t>
  </si>
  <si>
    <t>GES ALLAH BAKASH LALEY KA</t>
  </si>
  <si>
    <t>Allah Bakhsh Laleka</t>
  </si>
  <si>
    <t>moza Allah Bux Laleka Tehsil Minchinabad District Bahawalnagar</t>
  </si>
  <si>
    <t>29689</t>
  </si>
  <si>
    <t>GGES TARA GARH CHAK NO 44</t>
  </si>
  <si>
    <t>Tara Garh</t>
  </si>
  <si>
    <t>taragarh chak44</t>
  </si>
  <si>
    <t>Anila Bano</t>
  </si>
  <si>
    <t>27249</t>
  </si>
  <si>
    <t>GHS TAHILI GORAYA</t>
  </si>
  <si>
    <t>V&amp; P/O Tahli goraya</t>
  </si>
  <si>
    <t>QAZI TANVEER AHMAD</t>
  </si>
  <si>
    <t>19628</t>
  </si>
  <si>
    <t>13854</t>
  </si>
  <si>
    <t>GHS KOTLA NASEER</t>
  </si>
  <si>
    <t>Imtiaz Rasool</t>
  </si>
  <si>
    <t>31822</t>
  </si>
  <si>
    <t>GGPS BHOOL CHAK</t>
  </si>
  <si>
    <t>Bhool chak</t>
  </si>
  <si>
    <t>Bhool chak P/O gharyal kalan teh.muridkay Dist..SKP</t>
  </si>
  <si>
    <t>Gharyal kalan</t>
  </si>
  <si>
    <t>Sanam Riaz</t>
  </si>
  <si>
    <t>34531</t>
  </si>
  <si>
    <t>GGPS BHATTI WALA QADIR PUR RAWAN MULTAN</t>
  </si>
  <si>
    <t>Dehar</t>
  </si>
  <si>
    <t>GGPS Chah Bhatti Wala PO Bohar Tatypur</t>
  </si>
  <si>
    <t>Chah Bhatti Wala Multan</t>
  </si>
  <si>
    <t>Rehana  Kousar</t>
  </si>
  <si>
    <t>7387</t>
  </si>
  <si>
    <t>46382</t>
  </si>
  <si>
    <t>GGHS ADHI SARGAL</t>
  </si>
  <si>
    <t>gghs adhi sargal teh noorpur thal distt khushab</t>
  </si>
  <si>
    <t>Nahid Raza</t>
  </si>
  <si>
    <t>37111</t>
  </si>
  <si>
    <t>GGES 164/10-R, KHANEWAL</t>
  </si>
  <si>
    <t>Chak No 164/10r</t>
  </si>
  <si>
    <t>chak no 164/10.r</t>
  </si>
  <si>
    <t>Chak No 170/10r</t>
  </si>
  <si>
    <t>Bushra Nazneen</t>
  </si>
  <si>
    <t>47334</t>
  </si>
  <si>
    <t>53212</t>
  </si>
  <si>
    <t>GPS CHAK 35/4L</t>
  </si>
  <si>
    <t>Chak No.35/4L p/o same Dusty.  Okara</t>
  </si>
  <si>
    <t>36A4L</t>
  </si>
  <si>
    <t>Waqar Kaleem</t>
  </si>
  <si>
    <t>GGPS LOLA BASTI</t>
  </si>
  <si>
    <t>Lolay</t>
  </si>
  <si>
    <t>Lolay p/o kandiwal teh lalian distt chiniot</t>
  </si>
  <si>
    <t>19799</t>
  </si>
  <si>
    <t>GPS Faiz abad p/o thul Hamza  Tehsil liaqat pur district Rahim yar khan.</t>
  </si>
  <si>
    <t>Munshi Kamaal Din</t>
  </si>
  <si>
    <t>M Ahmed Siddiqi</t>
  </si>
  <si>
    <t>GPS WIG</t>
  </si>
  <si>
    <t>Mochi Wali</t>
  </si>
  <si>
    <t>mochi wali basti wig</t>
  </si>
  <si>
    <t>Shakeel Haider</t>
  </si>
  <si>
    <t>Mouza Haji Pur Tehsil and District Rahim Yar Khan</t>
  </si>
  <si>
    <t>GHS DABB</t>
  </si>
  <si>
    <t>Muhammad Sami Ullah Malik</t>
  </si>
  <si>
    <t>50638</t>
  </si>
  <si>
    <t>26983</t>
  </si>
  <si>
    <t>GMES KHAIRAY</t>
  </si>
  <si>
    <t>Khairey</t>
  </si>
  <si>
    <t>khairey p/o kalaswala Pasrour Sialkot</t>
  </si>
  <si>
    <t>34020</t>
  </si>
  <si>
    <t>51915</t>
  </si>
  <si>
    <t>34756</t>
  </si>
  <si>
    <t>GGPS NO.1 HANAS PATTI</t>
  </si>
  <si>
    <t>1 Hans</t>
  </si>
  <si>
    <t>chak 1 hans puthi p/o kot abbas shaheed</t>
  </si>
  <si>
    <t>1 Hans Puthi Puthi</t>
  </si>
  <si>
    <t>Shakeela Khanum</t>
  </si>
  <si>
    <t>26589</t>
  </si>
  <si>
    <t>33093</t>
  </si>
  <si>
    <t>GGPS JHALAR BULAQA SINGH</t>
  </si>
  <si>
    <t>Jhallar Balaqa Jhallar Bulaqa Singh</t>
  </si>
  <si>
    <t>GGPS Jhallar Balaqa Singh tehsil &amp;District Nankana Sahib</t>
  </si>
  <si>
    <t>Jhallar Balaqa Singh</t>
  </si>
  <si>
    <t>Fouzia Shahnaz</t>
  </si>
  <si>
    <t>GPS MAHAR ABDULLAH SIAL</t>
  </si>
  <si>
    <t>GPS mahar Abdullah sial mouza choudhry</t>
  </si>
  <si>
    <t>Basti Abdullah Sial</t>
  </si>
  <si>
    <t>GGES MARI KHURD</t>
  </si>
  <si>
    <t>mari khurd tehsil noshera virkan district gujranwala</t>
  </si>
  <si>
    <t>Rabail Kousar</t>
  </si>
  <si>
    <t>27611</t>
  </si>
  <si>
    <t>GGPS PATLI KHARAL</t>
  </si>
  <si>
    <t>Patli Kharal</t>
  </si>
  <si>
    <t>village patli kharal post office rasulpur tarar</t>
  </si>
  <si>
    <t>Solangi  Kharal</t>
  </si>
  <si>
    <t>Zahra Anees Awan</t>
  </si>
  <si>
    <t>GGES KOT JEHANA NAUL</t>
  </si>
  <si>
    <t>Jehana Noul</t>
  </si>
  <si>
    <t>kot jehana noul</t>
  </si>
  <si>
    <t>Kot Jehana Noul</t>
  </si>
  <si>
    <t>Farzana Asmat</t>
  </si>
  <si>
    <t>GES MC NO.4 MIAN CHANNU</t>
  </si>
  <si>
    <t>G .T ROAD NEAR CITY POLICE STATION MIAN CHANNU</t>
  </si>
  <si>
    <t>Ch Shah Muhammad Shahid</t>
  </si>
  <si>
    <t>34487</t>
  </si>
  <si>
    <t>GGPS BASTI WIGHAR BOSAN HITTAR P.BOX MULTAN</t>
  </si>
  <si>
    <t>Anayt  Pur   Mahota</t>
  </si>
  <si>
    <t>anayt  Pur  Mahota  basti  wighar  nazad  peer  nahra</t>
  </si>
  <si>
    <t>Basti  Weghair</t>
  </si>
  <si>
    <t>Anayt  Pur  Mahota</t>
  </si>
  <si>
    <t>Saima Raza</t>
  </si>
  <si>
    <t>GGHS CIVIL STATION CANAL COLONY MIANWALI</t>
  </si>
  <si>
    <t>humera Yssmin</t>
  </si>
  <si>
    <t>GGPS ALLAH WALI</t>
  </si>
  <si>
    <t>Matwani Wala</t>
  </si>
  <si>
    <t>Head Taunsa Barrage Basti Allah Wali</t>
  </si>
  <si>
    <t>Basti Allah Wali</t>
  </si>
  <si>
    <t>Rifat Shaheen</t>
  </si>
  <si>
    <t>GES ASIM ABAD</t>
  </si>
  <si>
    <t>GES Asim Abad Basti Allah Bhx</t>
  </si>
  <si>
    <t>Muhammad Jameel</t>
  </si>
  <si>
    <t>GHS CHAK NO.87/A</t>
  </si>
  <si>
    <t>Chak 87//A</t>
  </si>
  <si>
    <t>Chak 87/A, liaquatpur</t>
  </si>
  <si>
    <t>Chak 87/A</t>
  </si>
  <si>
    <t>GGPS CHAH ALFOO WALA</t>
  </si>
  <si>
    <t>Chah Alfo Wala</t>
  </si>
  <si>
    <t>chah alfo Wala t,/d Kasur  P/o Khudian khas</t>
  </si>
  <si>
    <t>Beroon Khudian Khad</t>
  </si>
  <si>
    <t>Tuba Arshad</t>
  </si>
  <si>
    <t>GGPS REHSIAN</t>
  </si>
  <si>
    <t>Rehsian</t>
  </si>
  <si>
    <t>vill.rehsian p/o kotla arab ali khan teh kharian dist gujrat</t>
  </si>
  <si>
    <t>Attia Noreen</t>
  </si>
  <si>
    <t>GPS KAKOWAL</t>
  </si>
  <si>
    <t>kakowal post office kuthiala sheikhan</t>
  </si>
  <si>
    <t>Sonia Zulfiqar</t>
  </si>
  <si>
    <t>27173</t>
  </si>
  <si>
    <t>GPS CHAIT SINGH</t>
  </si>
  <si>
    <t>gps chait singh tehsil minchinabad</t>
  </si>
  <si>
    <t>GGPS DERA HAJI SARDAR ALI KHAN</t>
  </si>
  <si>
    <t>Tally Wala</t>
  </si>
  <si>
    <t>dera haji sardar khan</t>
  </si>
  <si>
    <t>Dera Hajjisardar Khan</t>
  </si>
  <si>
    <t>Shakeela Bibi</t>
  </si>
  <si>
    <t>27428</t>
  </si>
  <si>
    <t>GGPS NAROWAL</t>
  </si>
  <si>
    <t>Kalsoom Tahira</t>
  </si>
  <si>
    <t>25614</t>
  </si>
  <si>
    <t>GHS DHARAG MIANA</t>
  </si>
  <si>
    <t>mirak pur</t>
  </si>
  <si>
    <t>mirak pur tehsil and district narowal</t>
  </si>
  <si>
    <t>dharag miana</t>
  </si>
  <si>
    <t>Major Zulfiqar Ali</t>
  </si>
  <si>
    <t>28473</t>
  </si>
  <si>
    <t>GG BBS ES SHEIKH ALI PUR</t>
  </si>
  <si>
    <t>Chk Jano Kalan</t>
  </si>
  <si>
    <t>sheikh ali pur.P/O Helan.Teh.Phalia.Dist.M.B.Din</t>
  </si>
  <si>
    <t>Iram Tahira</t>
  </si>
  <si>
    <t>43953</t>
  </si>
  <si>
    <t>38953</t>
  </si>
  <si>
    <t>GGPS HERDO KE MUHAMMAD</t>
  </si>
  <si>
    <t>Herdo Muhammad Ke Muhammad Ke</t>
  </si>
  <si>
    <t>village Herdo Muhammad ke p.o khudian khas t/d kasur</t>
  </si>
  <si>
    <t>Herdo  Muhammad Ke</t>
  </si>
  <si>
    <t>Fozia Bashir</t>
  </si>
  <si>
    <t>15658</t>
  </si>
  <si>
    <t>34227</t>
  </si>
  <si>
    <t>GHS CHAK NO 8 MR MAKHDOOM RASHID (MULTAN)</t>
  </si>
  <si>
    <t>8MR</t>
  </si>
  <si>
    <t>chak no 8mr makhdoom rasheed multan</t>
  </si>
  <si>
    <t>8 MR</t>
  </si>
  <si>
    <t>khan pur marra</t>
  </si>
  <si>
    <t>fazal hussain shah</t>
  </si>
  <si>
    <t>GPS GHULLAM MUHAMMAD</t>
  </si>
  <si>
    <t>Chodhry</t>
  </si>
  <si>
    <t>basti Khosa mouza Choudhry p/ HEAD lanjiwar tensile khan pur</t>
  </si>
  <si>
    <t>GHULM MOH UD DIN</t>
  </si>
  <si>
    <t>GGHS REVAZ ABAD</t>
  </si>
  <si>
    <t>sehjowal ch # 11</t>
  </si>
  <si>
    <t>Sehjowal Ch # 11</t>
  </si>
  <si>
    <t>Bhopa Wal</t>
  </si>
  <si>
    <t>Mumtaz Qasim</t>
  </si>
  <si>
    <t>27171</t>
  </si>
  <si>
    <t>GES CHAK NO. 144/P</t>
  </si>
  <si>
    <t>Chak No 144/p</t>
  </si>
  <si>
    <t>Chak no 144/p East</t>
  </si>
  <si>
    <t>Chak 144/p East</t>
  </si>
  <si>
    <t>Chak 139/p</t>
  </si>
  <si>
    <t>M Adnan Shahid</t>
  </si>
  <si>
    <t>GHS PIR PUNJA</t>
  </si>
  <si>
    <t>Pir Punja tehsil Lalian District Chiniot</t>
  </si>
  <si>
    <t>Muhammad Abdul Jalil</t>
  </si>
  <si>
    <t>48941</t>
  </si>
  <si>
    <t>GGPS MELAY WALI</t>
  </si>
  <si>
    <t>Melay Wali</t>
  </si>
  <si>
    <t>Moza Melay wali Tehsil piplan District Mianwali</t>
  </si>
  <si>
    <t>Sidra Nazish</t>
  </si>
  <si>
    <t>13946</t>
  </si>
  <si>
    <t>GPS KALAN PUR</t>
  </si>
  <si>
    <t>RATTAN THAIR</t>
  </si>
  <si>
    <t>BASTI KALANPUR PIR  BUX EAST</t>
  </si>
  <si>
    <t>BASTI KALANPUR</t>
  </si>
  <si>
    <t>27473</t>
  </si>
  <si>
    <t>GPS CHAH DOHATTA</t>
  </si>
  <si>
    <t>Chah Dohatta</t>
  </si>
  <si>
    <t>Chah Dohatta near Sadva Tarrar P/o jalalpor Bhattian</t>
  </si>
  <si>
    <t>Chah dohatta</t>
  </si>
  <si>
    <t>Mattayki</t>
  </si>
  <si>
    <t>GMPS DERA TARARAN</t>
  </si>
  <si>
    <t>Dera Tararan</t>
  </si>
  <si>
    <t>dera Tararan tehsil phalia distt m.b.din</t>
  </si>
  <si>
    <t>Farkhanda Arjumand</t>
  </si>
  <si>
    <t>19763</t>
  </si>
  <si>
    <t>GPS MEERAN GHAZI</t>
  </si>
  <si>
    <t>Basti meeran qadir pur p/ o fateh pur kamal tehsil khan put dist.rahim yar khan</t>
  </si>
  <si>
    <t>M Makki</t>
  </si>
  <si>
    <t>GPS GULAANI</t>
  </si>
  <si>
    <t>Basti Shareef Shah Tehsil Liaquat Pur District Rahim Yar khan</t>
  </si>
  <si>
    <t>Basti Shareef Shah</t>
  </si>
  <si>
    <t>Dur Muhammad</t>
  </si>
  <si>
    <t>GPS CHAK NO. 400 TDA</t>
  </si>
  <si>
    <t>Lohnch Thalklan</t>
  </si>
  <si>
    <t>Chak No 400/tda</t>
  </si>
  <si>
    <t>Chak No 393 Tda</t>
  </si>
  <si>
    <t>Muhammad Aslam Dullu</t>
  </si>
  <si>
    <t>14648</t>
  </si>
  <si>
    <t>GGPS QABAR KOT</t>
  </si>
  <si>
    <t>ggps qabar kot Khudian khas</t>
  </si>
  <si>
    <t>GHS KUNDIAN</t>
  </si>
  <si>
    <t>ghs kundian jernaili road kundian</t>
  </si>
  <si>
    <t>MASOOD AHMAD</t>
  </si>
  <si>
    <t>32972</t>
  </si>
  <si>
    <t>GGPS REHAN WALA</t>
  </si>
  <si>
    <t>GGPS Rehanwala</t>
  </si>
  <si>
    <t>Shakila Rafiq</t>
  </si>
  <si>
    <t>14070</t>
  </si>
  <si>
    <t>GGPS BASTI DRESHAK</t>
  </si>
  <si>
    <t>Rakh Fazil Pur</t>
  </si>
  <si>
    <t>Govt girls primary school basti dreshak kori wala.</t>
  </si>
  <si>
    <t>Basti Drashak</t>
  </si>
  <si>
    <t>31773</t>
  </si>
  <si>
    <t>GGCMHS NOON</t>
  </si>
  <si>
    <t>village noon tehsil muridke</t>
  </si>
  <si>
    <t>shabana shahnaz</t>
  </si>
  <si>
    <t>GGPS ABDUL GHAFOOR SIAL WALA</t>
  </si>
  <si>
    <t>Layyah 2</t>
  </si>
  <si>
    <t>Abdul ghafoor sial wala P/O head mehboob chack#121TDA</t>
  </si>
  <si>
    <t>Chack#121TDA</t>
  </si>
  <si>
    <t>34213</t>
  </si>
  <si>
    <t>27216</t>
  </si>
  <si>
    <t>GPS NO. 1 JALAL PUR BHATTIAN</t>
  </si>
  <si>
    <t>Alum Pura</t>
  </si>
  <si>
    <t>mohala alum pura</t>
  </si>
  <si>
    <t>Mc Jpb</t>
  </si>
  <si>
    <t>Umair Maqsood</t>
  </si>
  <si>
    <t>GPS CHOHAN</t>
  </si>
  <si>
    <t>village chohan pasrur</t>
  </si>
  <si>
    <t>Balaggan</t>
  </si>
  <si>
    <t>MUHAMMAD SHAFAQAT</t>
  </si>
  <si>
    <t>40439</t>
  </si>
  <si>
    <t>Nohenwali</t>
  </si>
  <si>
    <t>GPS Adam wala</t>
  </si>
  <si>
    <t>Adamwala</t>
  </si>
  <si>
    <t>GPS DORTAH</t>
  </si>
  <si>
    <t>mouza Kotha Utera Hasoo wale marle</t>
  </si>
  <si>
    <t>Hasoo Wale  Marle</t>
  </si>
  <si>
    <t>Muhammad Ramzan Shahid</t>
  </si>
  <si>
    <t>27230</t>
  </si>
  <si>
    <t>GPS CHAK NO. 49/SP</t>
  </si>
  <si>
    <t>49/sp</t>
  </si>
  <si>
    <t>49sp</t>
  </si>
  <si>
    <t>Abdul Basit Gill</t>
  </si>
  <si>
    <t>9618</t>
  </si>
  <si>
    <t>44705</t>
  </si>
  <si>
    <t>24392</t>
  </si>
  <si>
    <t>GMPS PANWANA</t>
  </si>
  <si>
    <t>Panwana</t>
  </si>
  <si>
    <t>panwana teh pasrur distt sialkot p/0 panwana</t>
  </si>
  <si>
    <t>Rizwana Abid</t>
  </si>
  <si>
    <t>GHS THAMEY WALI</t>
  </si>
  <si>
    <t>Thamaywali</t>
  </si>
  <si>
    <t>PO thamaywali</t>
  </si>
  <si>
    <t>Malik Akhlaq Ahmed</t>
  </si>
  <si>
    <t>GHS CHAK NO. 23/P</t>
  </si>
  <si>
    <t>Chak No 23/p</t>
  </si>
  <si>
    <t>CHAK NO 23/P P/O SAME</t>
  </si>
  <si>
    <t>CHAK NO 23/P</t>
  </si>
  <si>
    <t>MUD BHOURA</t>
  </si>
  <si>
    <t>6194</t>
  </si>
  <si>
    <t>28223</t>
  </si>
  <si>
    <t>GHS LASURI KALAN</t>
  </si>
  <si>
    <t>LASURI KALAN</t>
  </si>
  <si>
    <t>VPO LASURI KALAN TEH.PHALIA  M.B.DIN</t>
  </si>
  <si>
    <t>47199</t>
  </si>
  <si>
    <t>GPS CHAK 139 NP</t>
  </si>
  <si>
    <t>CHAK 139 NP</t>
  </si>
  <si>
    <t>chak 139/NP tehsil liaquat pur</t>
  </si>
  <si>
    <t>Mohammad Yuousaf</t>
  </si>
  <si>
    <t>GGES DERA SHAMAS</t>
  </si>
  <si>
    <t>KLPRoad , RYK</t>
  </si>
  <si>
    <t>Kot Mahdi Shah</t>
  </si>
  <si>
    <t>29399</t>
  </si>
  <si>
    <t>GPS CHAK NO 134 TDA</t>
  </si>
  <si>
    <t>chack #134/TDA</t>
  </si>
  <si>
    <t>Chack #134/TDa</t>
  </si>
  <si>
    <t>Mondi TOWN</t>
  </si>
  <si>
    <t>Muhammad Parvaiz Akhter</t>
  </si>
  <si>
    <t>16331</t>
  </si>
  <si>
    <t>46133</t>
  </si>
  <si>
    <t>GHS JOUHAR MEMORIAL JUHARABAD</t>
  </si>
  <si>
    <t>Jbd</t>
  </si>
  <si>
    <t>block 12th jbd</t>
  </si>
  <si>
    <t>Jbf</t>
  </si>
  <si>
    <t>Urban Jbf</t>
  </si>
  <si>
    <t>MUHAMMAD HASSAN</t>
  </si>
  <si>
    <t>GES DHUDY KHAZAN SINGH</t>
  </si>
  <si>
    <t>Dhadi Khazan Singh</t>
  </si>
  <si>
    <t>GES Dhadi Khazan Singh P/O Dolat Pur Tehsil Minchin Abad District Bahawal Nagar</t>
  </si>
  <si>
    <t>Peer Bakhsh Musla</t>
  </si>
  <si>
    <t>52215</t>
  </si>
  <si>
    <t>GHS CHAK NO.34/4-L</t>
  </si>
  <si>
    <t>34/4 L</t>
  </si>
  <si>
    <t>Chak # 34/ 4.L Okara</t>
  </si>
  <si>
    <t>MUHAMMAD USMAN ALI</t>
  </si>
  <si>
    <t>28169</t>
  </si>
  <si>
    <t>GGHS SUFI PURA M.B.DIN</t>
  </si>
  <si>
    <t>SUFI PURA</t>
  </si>
  <si>
    <t>MOH, SUFI PURA BUGHY SHAH ROAD MANDI BAHAUDDIN</t>
  </si>
  <si>
    <t>12354</t>
  </si>
  <si>
    <t>26184</t>
  </si>
  <si>
    <t>41057</t>
  </si>
  <si>
    <t>BAHODIPUR QURESHIAN-FEMALE</t>
  </si>
  <si>
    <t>karim abad near adda sheikhwahan</t>
  </si>
  <si>
    <t>NUSRAT BEGUM</t>
  </si>
  <si>
    <t>29455</t>
  </si>
  <si>
    <t>GMPS ILLOANA</t>
  </si>
  <si>
    <t>Illo Ana</t>
  </si>
  <si>
    <t>moza illo ana</t>
  </si>
  <si>
    <t>naseem ameen</t>
  </si>
  <si>
    <t>GHS ASSRAN WALA</t>
  </si>
  <si>
    <t>assran wala village tehsil piplan district mianwali</t>
  </si>
  <si>
    <t>Asran Wala</t>
  </si>
  <si>
    <t>GES CHAK 186/7R</t>
  </si>
  <si>
    <t>chak no 186/7R</t>
  </si>
  <si>
    <t>Muhammmad Raheel</t>
  </si>
  <si>
    <t>GPS KIRI KAPTAN</t>
  </si>
  <si>
    <t>Banni Afghan</t>
  </si>
  <si>
    <t>banniafghan teh district Mianwali</t>
  </si>
  <si>
    <t>Syed Wajid Hussain Shah</t>
  </si>
  <si>
    <t>26192</t>
  </si>
  <si>
    <t>GES MATTO BHAIKE</t>
  </si>
  <si>
    <t>Mattu Bhaike</t>
  </si>
  <si>
    <t>MATTU BHAIKE TEHSIL NOWSHERA VIRKAN DISTRICT GUJRANWALA</t>
  </si>
  <si>
    <t>EJAZ AHMED BHATTI</t>
  </si>
  <si>
    <t>GGHS RAHDARI</t>
  </si>
  <si>
    <t>GPS CHAH SANDILAN WALA</t>
  </si>
  <si>
    <t>goherwala</t>
  </si>
  <si>
    <t>gps chah sandeelan wala</t>
  </si>
  <si>
    <t>chah sandilan wala</t>
  </si>
  <si>
    <t>goher wala</t>
  </si>
  <si>
    <t>GGPS BASTI GHARIB ABAD NO.1</t>
  </si>
  <si>
    <t>basti ghareeb abad near grass mundi chock multan</t>
  </si>
  <si>
    <t>ghareeb abad</t>
  </si>
  <si>
    <t>GGPS ALLAH ABAD</t>
  </si>
  <si>
    <t>Muhammad Ali Colony</t>
  </si>
  <si>
    <t>M ali colony Rajan Pur</t>
  </si>
  <si>
    <t>Shahida  Perveen</t>
  </si>
  <si>
    <t>28257</t>
  </si>
  <si>
    <t>GGHS BHEROWAL</t>
  </si>
  <si>
    <t>Govt Girls H/S Bherowal tehsil phalia district M.B.Din</t>
  </si>
  <si>
    <t>Sidra bashir</t>
  </si>
  <si>
    <t>27384</t>
  </si>
  <si>
    <t>GGPS LUNDA WALA</t>
  </si>
  <si>
    <t>Lundawala</t>
  </si>
  <si>
    <t>village lundawala post office same tehsil Pindibhattian distt hafizabad</t>
  </si>
  <si>
    <t>Khurram Chorera</t>
  </si>
  <si>
    <t>26211</t>
  </si>
  <si>
    <t>GGPS KULLIANWALA</t>
  </si>
  <si>
    <t>kalianwala</t>
  </si>
  <si>
    <t>mukhtar akhtar</t>
  </si>
  <si>
    <t>32921</t>
  </si>
  <si>
    <t>25761</t>
  </si>
  <si>
    <t>GGPS SAHDOKEY</t>
  </si>
  <si>
    <t>Sahdoke</t>
  </si>
  <si>
    <t>Sahdoke Markaz Domala Teh. &amp; Distt.Narowal</t>
  </si>
  <si>
    <t>23479</t>
  </si>
  <si>
    <t>22959</t>
  </si>
  <si>
    <t>GGES SANATPURA</t>
  </si>
  <si>
    <t>KHARIAN I - FEMALE</t>
  </si>
  <si>
    <t>gges sanat pura</t>
  </si>
  <si>
    <t>Azra Aslam</t>
  </si>
  <si>
    <t>37154</t>
  </si>
  <si>
    <t>GPS 83-85/10-R, KHANEWAL</t>
  </si>
  <si>
    <t>83-85/10-R</t>
  </si>
  <si>
    <t>chak 83-85/10-R</t>
  </si>
  <si>
    <t>Chak83-85/10-R</t>
  </si>
  <si>
    <t>86/10R</t>
  </si>
  <si>
    <t>Mukhtar Masih</t>
  </si>
  <si>
    <t>38342</t>
  </si>
  <si>
    <t>26219</t>
  </si>
  <si>
    <t>54682</t>
  </si>
  <si>
    <t>GPS JASLANI KALAN</t>
  </si>
  <si>
    <t>JASLANI KHURD -  MALE</t>
  </si>
  <si>
    <t>Jaslani</t>
  </si>
  <si>
    <t>26222</t>
  </si>
  <si>
    <t>GGPS KATAR MALL</t>
  </si>
  <si>
    <t>Katar Mal</t>
  </si>
  <si>
    <t>katar mal  trail pattoki</t>
  </si>
  <si>
    <t>Nazia Raza</t>
  </si>
  <si>
    <t>9725</t>
  </si>
  <si>
    <t>27963</t>
  </si>
  <si>
    <t>GPS DERA HAJI SARDAR KHAN</t>
  </si>
  <si>
    <t>Dhoke Kasib</t>
  </si>
  <si>
    <t>government p/s dera  haji sardar khan</t>
  </si>
  <si>
    <t>Muhammad Ilyas Saqib</t>
  </si>
  <si>
    <t>46288</t>
  </si>
  <si>
    <t>GPS KAKA</t>
  </si>
  <si>
    <t>Village kaka p/o box jaura kalan tehsil noor pur thal district khushab</t>
  </si>
  <si>
    <t>Zia Muhammad</t>
  </si>
  <si>
    <t>47132</t>
  </si>
  <si>
    <t>GPS CHAH BAHADUR WALA</t>
  </si>
  <si>
    <t>Nortullah</t>
  </si>
  <si>
    <t>village chah bahadar wala mianwali</t>
  </si>
  <si>
    <t>Chah Bahadar Wala</t>
  </si>
  <si>
    <t>Gulmire</t>
  </si>
  <si>
    <t>Hadayat Ullah</t>
  </si>
  <si>
    <t>37255</t>
  </si>
  <si>
    <t>29328</t>
  </si>
  <si>
    <t>GPS ADDA DHING SHAH</t>
  </si>
  <si>
    <t>Adda Dhing Shah</t>
  </si>
  <si>
    <t>adda Dhing Shah</t>
  </si>
  <si>
    <t>GPS KOTLA SAID KHAN</t>
  </si>
  <si>
    <t>Kotla Said Khan</t>
  </si>
  <si>
    <t>moaza kotla said khan</t>
  </si>
  <si>
    <t>26236</t>
  </si>
  <si>
    <t>12612</t>
  </si>
  <si>
    <t>GPS SALTI</t>
  </si>
  <si>
    <t>Kacha Sarein</t>
  </si>
  <si>
    <t>p/o sharif chagra basti kacha sarein tehsil o distt. muzaffargarh</t>
  </si>
  <si>
    <t>Sharif chagra</t>
  </si>
  <si>
    <t>M Faheem Akhtar</t>
  </si>
  <si>
    <t>7994</t>
  </si>
  <si>
    <t>GHS HAFIZ WALA</t>
  </si>
  <si>
    <t>GHS Hafizwala Tehsil Piplan distt. Mianwali</t>
  </si>
  <si>
    <t>ALAM SHER</t>
  </si>
  <si>
    <t>26243</t>
  </si>
  <si>
    <t>54665</t>
  </si>
  <si>
    <t>GGPS Dhangri Wala</t>
  </si>
  <si>
    <t>Dhengri Wala</t>
  </si>
  <si>
    <t>Dhengri wala  u/c Alpa kalan, Teh:Patoki,Disst Kasur</t>
  </si>
  <si>
    <t>Kahkashan Aslam</t>
  </si>
  <si>
    <t>G G P S Bhagian</t>
  </si>
  <si>
    <t>27238</t>
  </si>
  <si>
    <t>GGHSS PINDI BHATTAN</t>
  </si>
  <si>
    <t>pindi bhattian</t>
  </si>
  <si>
    <t>Pindi bhattian</t>
  </si>
  <si>
    <t>37358</t>
  </si>
  <si>
    <t>26249</t>
  </si>
  <si>
    <t>GPS CHAK 150 A</t>
  </si>
  <si>
    <t>Chak 150/A</t>
  </si>
  <si>
    <t>chak no 150/A tehsil liaquat pur district rahim yar khan</t>
  </si>
  <si>
    <t>26251</t>
  </si>
  <si>
    <t>37266</t>
  </si>
  <si>
    <t>GPS MODEL PEROWAL, KHANEWAL</t>
  </si>
  <si>
    <t>Perowal</t>
  </si>
  <si>
    <t>Jinnah colony perowal</t>
  </si>
  <si>
    <t>14/9R</t>
  </si>
  <si>
    <t>farzana Rafiq</t>
  </si>
  <si>
    <t>26253</t>
  </si>
  <si>
    <t>GGES MATTO BHAIKE</t>
  </si>
  <si>
    <t>Mattu Bhaikey</t>
  </si>
  <si>
    <t>mattu bhaikey tehsil nowshere  virkan district gujranwala</t>
  </si>
  <si>
    <t>26256</t>
  </si>
  <si>
    <t>Mustaqil Sharqi</t>
  </si>
  <si>
    <t>chah bann wala tibba mustaqil sharqi</t>
  </si>
  <si>
    <t>Chah Bann Wala</t>
  </si>
  <si>
    <t>38520</t>
  </si>
  <si>
    <t>26257</t>
  </si>
  <si>
    <t>GES MAKEY WAL</t>
  </si>
  <si>
    <t>makeywal</t>
  </si>
  <si>
    <t>PO Rattowal, village makeywal, Tehsil and district mBDin</t>
  </si>
  <si>
    <t>Makeywal</t>
  </si>
  <si>
    <t>54287</t>
  </si>
  <si>
    <t>GGPS CHAH KILLIAN WALA</t>
  </si>
  <si>
    <t>Chahkillianwala</t>
  </si>
  <si>
    <t>GGPS Chahkillian  Wala  Noor pur thal</t>
  </si>
  <si>
    <t>Shamsa Tanveer</t>
  </si>
  <si>
    <t>29436</t>
  </si>
  <si>
    <t>GGPS KUTLOOHI KALAN</t>
  </si>
  <si>
    <t>village Katlohi kalan</t>
  </si>
  <si>
    <t>Zareena Shaheen</t>
  </si>
  <si>
    <t>45618</t>
  </si>
  <si>
    <t>GGPS MIRALI</t>
  </si>
  <si>
    <t>Mirali</t>
  </si>
  <si>
    <t>Ggps mirali</t>
  </si>
  <si>
    <t>Norba</t>
  </si>
  <si>
    <t>kousar Khan</t>
  </si>
  <si>
    <t>49114</t>
  </si>
  <si>
    <t>31711</t>
  </si>
  <si>
    <t>GPS KOT AHDIAN</t>
  </si>
  <si>
    <t>kot ahdian</t>
  </si>
  <si>
    <t>GPS Kot Ahdian tehsil muridke distt.skp</t>
  </si>
  <si>
    <t>ahdian</t>
  </si>
  <si>
    <t>GGES SAIDA BRAHIM</t>
  </si>
  <si>
    <t>govt girls elementary school saida braham lalamusa</t>
  </si>
  <si>
    <t>maryam raffaq</t>
  </si>
  <si>
    <t>47995</t>
  </si>
  <si>
    <t>GGPS CHASHMA COLONY</t>
  </si>
  <si>
    <t>Bhakra</t>
  </si>
  <si>
    <t>near chashma barriadge</t>
  </si>
  <si>
    <t>Katcha Kalo</t>
  </si>
  <si>
    <t>Saima Malik</t>
  </si>
  <si>
    <t>26276</t>
  </si>
  <si>
    <t>37701</t>
  </si>
  <si>
    <t>GPS 106/15-L, BHENI TARA SINGH, MIAN CHANNU</t>
  </si>
  <si>
    <t>Bheni Tara Singh</t>
  </si>
  <si>
    <t>chak 106/15-L BT</t>
  </si>
  <si>
    <t>106/15-L BT</t>
  </si>
  <si>
    <t>105/15-L</t>
  </si>
  <si>
    <t>43470</t>
  </si>
  <si>
    <t>12584</t>
  </si>
  <si>
    <t>33571</t>
  </si>
  <si>
    <t>GES HASSAN PUR KACHA</t>
  </si>
  <si>
    <t>Hassan Pur Kach</t>
  </si>
  <si>
    <t>hassan pur kacha p/o mahra city</t>
  </si>
  <si>
    <t>Muhammad Inam Ullah</t>
  </si>
  <si>
    <t>GPS JAMIA MUZAFARIA</t>
  </si>
  <si>
    <t>moh. Muhammad kheL Bhacherl Wan Bhachran Mianwali</t>
  </si>
  <si>
    <t>GPS CHANAN DIN</t>
  </si>
  <si>
    <t>Mushtarka Mushtarka Mehraywala</t>
  </si>
  <si>
    <t>GPS SAHDOKE</t>
  </si>
  <si>
    <t>village sahdoke p/o nonar tehsil and district narowal</t>
  </si>
  <si>
    <t>Muhammad Javid</t>
  </si>
  <si>
    <t>41369</t>
  </si>
  <si>
    <t>26288</t>
  </si>
  <si>
    <t>GHS SANBHAL P/O JHOKE WAINS MULTAN</t>
  </si>
  <si>
    <t>sanbhal</t>
  </si>
  <si>
    <t>P/O Jhoke wains Tehsil and DIstrict Multan</t>
  </si>
  <si>
    <t>jhoke wans</t>
  </si>
  <si>
    <t>26291</t>
  </si>
  <si>
    <t>27534</t>
  </si>
  <si>
    <t>GGPS CHONTHRA</t>
  </si>
  <si>
    <t>Chontra</t>
  </si>
  <si>
    <t>Chontra post office sukheki Mandi tehsil pindi bhattian district Hafizabad</t>
  </si>
  <si>
    <t>Robina Kausar</t>
  </si>
  <si>
    <t>GGPS PAWLI WALA</t>
  </si>
  <si>
    <t>Pirhar Gjarbi</t>
  </si>
  <si>
    <t>mauza pirhar gharbi ghair mustaqil</t>
  </si>
  <si>
    <t>Dari 29000</t>
  </si>
  <si>
    <t>Rukhsana Faiz</t>
  </si>
  <si>
    <t>32930</t>
  </si>
  <si>
    <t>GPS KOT HAYAT</t>
  </si>
  <si>
    <t>Kot Hayat</t>
  </si>
  <si>
    <t>Kot Hayat Warburton</t>
  </si>
  <si>
    <t>37571</t>
  </si>
  <si>
    <t>GGPS KOTHI NAND SINGH, MIAN CHANNU</t>
  </si>
  <si>
    <t>Ggps kothi nand singh mian channu,tehsil mian channu,district khanewal.</t>
  </si>
  <si>
    <t>47970</t>
  </si>
  <si>
    <t>GGPS SULTAN AHMAD WALA</t>
  </si>
  <si>
    <t>Vichven</t>
  </si>
  <si>
    <t>ggps sultan Ahmad wala vichven</t>
  </si>
  <si>
    <t>19db</t>
  </si>
  <si>
    <t>Sabiha Barkat</t>
  </si>
  <si>
    <t>26784</t>
  </si>
  <si>
    <t>GGPS CHOHAN KALAN</t>
  </si>
  <si>
    <t>Chohan Kalan</t>
  </si>
  <si>
    <t>village chohan kalan</t>
  </si>
  <si>
    <t>Kulewal Syeda</t>
  </si>
  <si>
    <t>Fouzia Khanum</t>
  </si>
  <si>
    <t>33869</t>
  </si>
  <si>
    <t>GGPS MC NAWAN SHAHAR MULTAN</t>
  </si>
  <si>
    <t>Traf Ismail</t>
  </si>
  <si>
    <t>Muhalah kaat cup Nawan Shahar,near Regional Tax office, Multan.</t>
  </si>
  <si>
    <t>Nawan Shahar</t>
  </si>
  <si>
    <t>Baghban</t>
  </si>
  <si>
    <t>26088</t>
  </si>
  <si>
    <t>24794</t>
  </si>
  <si>
    <t>Zafar Abaf</t>
  </si>
  <si>
    <t>Gps rasheed abad jadeed markaz zafar abad teh lisquat pur ryk</t>
  </si>
  <si>
    <t>Rasheed Abad Chanjni</t>
  </si>
  <si>
    <t>40151</t>
  </si>
  <si>
    <t>23329</t>
  </si>
  <si>
    <t>GMPS ALI CHAK</t>
  </si>
  <si>
    <t>alichak</t>
  </si>
  <si>
    <t>Nasira Anwar</t>
  </si>
  <si>
    <t>21595</t>
  </si>
  <si>
    <t>26802</t>
  </si>
  <si>
    <t>34219</t>
  </si>
  <si>
    <t>GHS NAWAB PUR MULTAN</t>
  </si>
  <si>
    <t>nawab pur</t>
  </si>
  <si>
    <t>nawab pur multan</t>
  </si>
  <si>
    <t>muhammad ahmed</t>
  </si>
  <si>
    <t>53514</t>
  </si>
  <si>
    <t>GGPS CHAK NO. 15/1-R</t>
  </si>
  <si>
    <t>chak no. 15\1.R</t>
  </si>
  <si>
    <t>Riffat Sajida</t>
  </si>
  <si>
    <t>GGPS KOTLA KABEER</t>
  </si>
  <si>
    <t>Bakho</t>
  </si>
  <si>
    <t>Moza kotla bakho Rajanpur</t>
  </si>
  <si>
    <t>Kotla Bakho</t>
  </si>
  <si>
    <t>Shahnaz Aziz</t>
  </si>
  <si>
    <t>GPS GUJJAN DHUDY</t>
  </si>
  <si>
    <t>Gujjan Dhudi</t>
  </si>
  <si>
    <t>gujjan dhudi</t>
  </si>
  <si>
    <t>37659</t>
  </si>
  <si>
    <t>GMPS BOORA KOTLA, TULAMBA</t>
  </si>
  <si>
    <t>Boora Kotla</t>
  </si>
  <si>
    <t>Boora kotla tula a mianchanu khanewal</t>
  </si>
  <si>
    <t>Mubashra Khaliq</t>
  </si>
  <si>
    <t>26821</t>
  </si>
  <si>
    <t>GGPS CHAK NO.111/1-L</t>
  </si>
  <si>
    <t>chak no 111/1-L khan pur</t>
  </si>
  <si>
    <t>111/1-L Khanpur</t>
  </si>
  <si>
    <t>Azra Yasmeen</t>
  </si>
  <si>
    <t>45558</t>
  </si>
  <si>
    <t>GGPS DUABA</t>
  </si>
  <si>
    <t>POboxjassar,Dwaba,Narowal.</t>
  </si>
  <si>
    <t>Abida  Qammar</t>
  </si>
  <si>
    <t>29946</t>
  </si>
  <si>
    <t>GGHS BHOE ASAL</t>
  </si>
  <si>
    <t>Govt. Girls High School Bhoe Asal Tehsil Pattoki ( Kasur)</t>
  </si>
  <si>
    <t>bushra akhtar</t>
  </si>
  <si>
    <t>61650</t>
  </si>
  <si>
    <t>GGPS BAGHALI</t>
  </si>
  <si>
    <t>Bagh Ali Wala p,o.usman Wala dist.kasur.</t>
  </si>
  <si>
    <t>Usmanwala</t>
  </si>
  <si>
    <t>Tahira Khalid</t>
  </si>
  <si>
    <t>GPS NOWSHERA VIRKAN NO.3</t>
  </si>
  <si>
    <t>Moh. Bath Nowshera Virkan</t>
  </si>
  <si>
    <t>Moh. Bath</t>
  </si>
  <si>
    <t>33419</t>
  </si>
  <si>
    <t>GGHS BHAGWAL</t>
  </si>
  <si>
    <t>saiqa malik</t>
  </si>
  <si>
    <t>GPS DHUB WALI</t>
  </si>
  <si>
    <t>Dubwali</t>
  </si>
  <si>
    <t>Mozah Dubwali Mandi Sadiq Gunj</t>
  </si>
  <si>
    <t>Ata Ur Rahman</t>
  </si>
  <si>
    <t>54903</t>
  </si>
  <si>
    <t>GPS ALAUDINWAL</t>
  </si>
  <si>
    <t>Alludinwal</t>
  </si>
  <si>
    <t>alludinwal</t>
  </si>
  <si>
    <t>GES KOTLA AYYUB</t>
  </si>
  <si>
    <t>Kotla Ayoub Khan</t>
  </si>
  <si>
    <t>basti dara jamal  rahim yar khan</t>
  </si>
  <si>
    <t>Dara Jamal</t>
  </si>
  <si>
    <t>GPS RAKH BAULI</t>
  </si>
  <si>
    <t>RAKH BOLI</t>
  </si>
  <si>
    <t>14022</t>
  </si>
  <si>
    <t>37583</t>
  </si>
  <si>
    <t>GMPS 126/15-L PULL WALI, MIAN CHANNU</t>
  </si>
  <si>
    <t>126-B /15-L</t>
  </si>
  <si>
    <t>GMPS 126.B/15-L MIAN CHANNU</t>
  </si>
  <si>
    <t>126-B/15-L</t>
  </si>
  <si>
    <t>Mamoona Asghar</t>
  </si>
  <si>
    <t>GGPS NAI MANDI SUKHEKI</t>
  </si>
  <si>
    <t>Nai Mandi</t>
  </si>
  <si>
    <t>Nai Mandi Sukheke</t>
  </si>
  <si>
    <t>Kiran Habiba</t>
  </si>
  <si>
    <t>12410</t>
  </si>
  <si>
    <t>49008</t>
  </si>
  <si>
    <t>45262</t>
  </si>
  <si>
    <t>GES JORKI SIKAAN</t>
  </si>
  <si>
    <t>Jorki Sikhan</t>
  </si>
  <si>
    <t>moza jorki sikhan</t>
  </si>
  <si>
    <t>Abdul Kareem</t>
  </si>
  <si>
    <t>GMPS MATTO</t>
  </si>
  <si>
    <t>Matto</t>
  </si>
  <si>
    <t>matto</t>
  </si>
  <si>
    <t>Bhoha Hasan</t>
  </si>
  <si>
    <t>Ghazala   Sarwari</t>
  </si>
  <si>
    <t>26878</t>
  </si>
  <si>
    <t>GHS BRAHAM WALI</t>
  </si>
  <si>
    <t>IBRAHIM WALI</t>
  </si>
  <si>
    <t>P/O BRAHIMWALI TEHSIL AND DISTRICT MUZAFFARGARH</t>
  </si>
  <si>
    <t>26879</t>
  </si>
  <si>
    <t>29667</t>
  </si>
  <si>
    <t>GGES KANI VIRD CHAK NO. 2</t>
  </si>
  <si>
    <t>kani</t>
  </si>
  <si>
    <t>kani virid ch 2 tehsil pattoki.distt kasur</t>
  </si>
  <si>
    <t>kani virid</t>
  </si>
  <si>
    <t>mawra kaleem</t>
  </si>
  <si>
    <t>GPS BHEDAN WALI</t>
  </si>
  <si>
    <t>Hinjrai Ghair Mustaqil Drmiyani</t>
  </si>
  <si>
    <t>bhedan wali</t>
  </si>
  <si>
    <t>Bnhidan Wali</t>
  </si>
  <si>
    <t>26885</t>
  </si>
  <si>
    <t>GPS BASTI BATWANI</t>
  </si>
  <si>
    <t>BASTI BATWANI, RAJANPUR</t>
  </si>
  <si>
    <t>BASTI BATWANI</t>
  </si>
  <si>
    <t>GMMS BASTI SAMAJAH</t>
  </si>
  <si>
    <t>GMMS BASTI SAMEJA,  BASTI SAMEJAH</t>
  </si>
  <si>
    <t>Basti Samajha</t>
  </si>
  <si>
    <t>Muhammad Iqbal Tabassum</t>
  </si>
  <si>
    <t>51569</t>
  </si>
  <si>
    <t>GGPS SALEEM KOT</t>
  </si>
  <si>
    <t>Saleem  Kot</t>
  </si>
  <si>
    <t>Saleem Kot</t>
  </si>
  <si>
    <t>Gulnaz Sarwar</t>
  </si>
  <si>
    <t>53822</t>
  </si>
  <si>
    <t>GES BAHAR KHAKHI</t>
  </si>
  <si>
    <t>BAHAR KHAKHI</t>
  </si>
  <si>
    <t>BAHAR KHAKHI TEH:LQP DISTT:RYK</t>
  </si>
  <si>
    <t>BBAHAR KHAKHI</t>
  </si>
  <si>
    <t>GPS KHALIQ ABAD, P/O 11-A/8R, TULAMBA</t>
  </si>
  <si>
    <t>Dangra</t>
  </si>
  <si>
    <t>Basti Khaliqabad Teh. Mian Channu Distt. Khanewal</t>
  </si>
  <si>
    <t>Khaliqabad</t>
  </si>
  <si>
    <t>9-B/8-R</t>
  </si>
  <si>
    <t>GGES 106/15-L, MIAN CHANNU</t>
  </si>
  <si>
    <t>106/15L</t>
  </si>
  <si>
    <t>chak no106/ 105L</t>
  </si>
  <si>
    <t>Qudsia Sattar</t>
  </si>
  <si>
    <t>33441</t>
  </si>
  <si>
    <t>GPS CHAK NO.513 TDA</t>
  </si>
  <si>
    <t>Rakh Patti Siyal</t>
  </si>
  <si>
    <t>Chak#513/TDA</t>
  </si>
  <si>
    <t>CHAK #513/TDA</t>
  </si>
  <si>
    <t>MUHAMMAD ASHIQ</t>
  </si>
  <si>
    <t>20352</t>
  </si>
  <si>
    <t>33442</t>
  </si>
  <si>
    <t>GGES 2/AH, KHANEWAL</t>
  </si>
  <si>
    <t>Chak #2/ah</t>
  </si>
  <si>
    <t>GGES 2/ah kwl</t>
  </si>
  <si>
    <t>Chak # 2/ah</t>
  </si>
  <si>
    <t>4ah</t>
  </si>
  <si>
    <t>Nayyer Afzal</t>
  </si>
  <si>
    <t>53421</t>
  </si>
  <si>
    <t>GGPS 36/4-L</t>
  </si>
  <si>
    <t>GGPS36/4L</t>
  </si>
  <si>
    <t>36A/4L</t>
  </si>
  <si>
    <t>Aqsa Afaq</t>
  </si>
  <si>
    <t>GES BITTIAN</t>
  </si>
  <si>
    <t>GES bittian</t>
  </si>
  <si>
    <t>Bittian</t>
  </si>
  <si>
    <t>Muhammad Hayat Khan</t>
  </si>
  <si>
    <t>GPS BASTI CHANDIA</t>
  </si>
  <si>
    <t>basti chandia moza dolat pour teh and dist m garh</t>
  </si>
  <si>
    <t>Muhammad SABIR</t>
  </si>
  <si>
    <t>32645</t>
  </si>
  <si>
    <t>GGHS 20 SP</t>
  </si>
  <si>
    <t>20/SP</t>
  </si>
  <si>
    <t>chak no 20/sp pakpattan</t>
  </si>
  <si>
    <t>Chak 20/SP</t>
  </si>
  <si>
    <t>hina choudhary</t>
  </si>
  <si>
    <t>GGPS DOABA</t>
  </si>
  <si>
    <t>Alihdah</t>
  </si>
  <si>
    <t>G.GPS DOABA</t>
  </si>
  <si>
    <t>Basti Mondran</t>
  </si>
  <si>
    <t>FARHA AMBREEN</t>
  </si>
  <si>
    <t>GGPS SHER MUHAMMAD MIRANI</t>
  </si>
  <si>
    <t>Ghanalar</t>
  </si>
  <si>
    <t>Basti Sher Muhammad.Mirani</t>
  </si>
  <si>
    <t>SherMuhammadMirani</t>
  </si>
  <si>
    <t>Adida Shaheen</t>
  </si>
  <si>
    <t>33464</t>
  </si>
  <si>
    <t>37242</t>
  </si>
  <si>
    <t>GGPS 61/10-R, KHANEWAL</t>
  </si>
  <si>
    <t>61/10r Colony</t>
  </si>
  <si>
    <t>chak no 61/10r dakhana chak no 57/10r khanewal</t>
  </si>
  <si>
    <t>61/10r Khanewal</t>
  </si>
  <si>
    <t>33466</t>
  </si>
  <si>
    <t>GGPS GURAH MANTAN</t>
  </si>
  <si>
    <t>Gurah Mantan</t>
  </si>
  <si>
    <t>village gurah mantan p.o achh teh kharian district gujrat</t>
  </si>
  <si>
    <t>33469</t>
  </si>
  <si>
    <t>53275</t>
  </si>
  <si>
    <t>GPS CHAK 34/2-L</t>
  </si>
  <si>
    <t>34/2L</t>
  </si>
  <si>
    <t>chak number 34/2L okara</t>
  </si>
  <si>
    <t>Shah Faisal</t>
  </si>
  <si>
    <t>18533</t>
  </si>
  <si>
    <t>GPS DEWALA</t>
  </si>
  <si>
    <t>Maoza Jhoke, Ghulab Shah P /O Thul Hamza Tehsil Liaquat Pur</t>
  </si>
  <si>
    <t>Muhammad Aslam Malik</t>
  </si>
  <si>
    <t>33477</t>
  </si>
  <si>
    <t>GGPS KOT ABDULLAH, KHANEWAL</t>
  </si>
  <si>
    <t>Kot Abdullah</t>
  </si>
  <si>
    <t>kot abdullah mukhdum pur</t>
  </si>
  <si>
    <t>Mukhdum Pur 2</t>
  </si>
  <si>
    <t>Mehwish Anam</t>
  </si>
  <si>
    <t>31418</t>
  </si>
  <si>
    <t>44812</t>
  </si>
  <si>
    <t>GPS TAKHTI</t>
  </si>
  <si>
    <t>Takhti</t>
  </si>
  <si>
    <t>village and post office takhti</t>
  </si>
  <si>
    <t>Asma Perveen</t>
  </si>
  <si>
    <t>GES HALQA NO 4</t>
  </si>
  <si>
    <t>Lalobazir khanpur</t>
  </si>
  <si>
    <t>Azhar qadeer</t>
  </si>
  <si>
    <t>GPS DILSHAD WALA</t>
  </si>
  <si>
    <t>Kharlazimnashib</t>
  </si>
  <si>
    <t>gpsdilshadwala moza kharl azim nashaib</t>
  </si>
  <si>
    <t>ABDUL QUYOM</t>
  </si>
  <si>
    <t>41184</t>
  </si>
  <si>
    <t>GMPS 5-T SHUMALI</t>
  </si>
  <si>
    <t>5/t</t>
  </si>
  <si>
    <t>5/t shumali p/o 1mr multan</t>
  </si>
  <si>
    <t>5/t Shumali</t>
  </si>
  <si>
    <t>2 M R</t>
  </si>
  <si>
    <t>GPS GHUMMAN KE</t>
  </si>
  <si>
    <t>kot radha kishan road Phool Nagar teh. pattoki Distt.  Kasur</t>
  </si>
  <si>
    <t>Gulzar Ahmed</t>
  </si>
  <si>
    <t>44546</t>
  </si>
  <si>
    <t>GGES NO 2 NOROWAL</t>
  </si>
  <si>
    <t>Gunj Hussainabad</t>
  </si>
  <si>
    <t>GGES gunj hussainabad. narowal</t>
  </si>
  <si>
    <t>Shakeela Firdous</t>
  </si>
  <si>
    <t>GGPS JOUT ALI</t>
  </si>
  <si>
    <t>basti darbar Ahmed sheer</t>
  </si>
  <si>
    <t>Darbar Ahmed sheer</t>
  </si>
  <si>
    <t>Zahirpir</t>
  </si>
  <si>
    <t>Raeesa Khalil</t>
  </si>
  <si>
    <t>GPS LANGO</t>
  </si>
  <si>
    <t>Longo</t>
  </si>
  <si>
    <t>village Longo P.O.Bhau Ghaseet Pur Teh: Kharian District Gujrat</t>
  </si>
  <si>
    <t>Saqib Ali</t>
  </si>
  <si>
    <t>GES CHAK NO. 2 MB</t>
  </si>
  <si>
    <t>Chak 2mb</t>
  </si>
  <si>
    <t>Govt elementary school chak no 2mb</t>
  </si>
  <si>
    <t>Ahmed Sher</t>
  </si>
  <si>
    <t>46297</t>
  </si>
  <si>
    <t>GGPS MEHMOOD KOT</t>
  </si>
  <si>
    <t>Banglow Mori Nawan Kot Road</t>
  </si>
  <si>
    <t>Naheed Mushtaq</t>
  </si>
  <si>
    <t>36107</t>
  </si>
  <si>
    <t>53299</t>
  </si>
  <si>
    <t>GPS CHAK NO. 39 / 3-R</t>
  </si>
  <si>
    <t>39/3r okara</t>
  </si>
  <si>
    <t>chak no 39/3r okara</t>
  </si>
  <si>
    <t>Chak no 39/3r</t>
  </si>
  <si>
    <t>Mohammad Rafique</t>
  </si>
  <si>
    <t>28374</t>
  </si>
  <si>
    <t>GHS CHHOKAR KALAN</t>
  </si>
  <si>
    <t>Chhokar Kalan</t>
  </si>
  <si>
    <t>village &amp; p.o chhokar kalan, teh kharian , district gujrat</t>
  </si>
  <si>
    <t>GES SHEENAY SAGGAL</t>
  </si>
  <si>
    <t>Cheenay Saggal</t>
  </si>
  <si>
    <t>GES. Cheenay Saggal P/O Dhadiala Narowal</t>
  </si>
  <si>
    <t>Tariq Anwar</t>
  </si>
  <si>
    <t>40775</t>
  </si>
  <si>
    <t>14359</t>
  </si>
  <si>
    <t>31489</t>
  </si>
  <si>
    <t>GGPS NASEER KHAN JAMALI</t>
  </si>
  <si>
    <t>Musa Kanjoo</t>
  </si>
  <si>
    <t>basti Allah Wasiya jamali</t>
  </si>
  <si>
    <t>Basti Allah Wasiya</t>
  </si>
  <si>
    <t>Kalsoom Nawaz</t>
  </si>
  <si>
    <t>31493</t>
  </si>
  <si>
    <t>GGPS BASTI MIRANI DULO NASHAIB</t>
  </si>
  <si>
    <t>Dulo Nashaib</t>
  </si>
  <si>
    <t>govt girls p/s basti  mirani dulo nashibdu</t>
  </si>
  <si>
    <t>Basti Merani</t>
  </si>
  <si>
    <t>35602</t>
  </si>
  <si>
    <t>GGES CHAK MUBARAK ALI</t>
  </si>
  <si>
    <t>Haleem Khachi</t>
  </si>
  <si>
    <t>gges chak mubarak</t>
  </si>
  <si>
    <t>Jhan Pur</t>
  </si>
  <si>
    <t>29718</t>
  </si>
  <si>
    <t>GPS KOT NANAK SINGH</t>
  </si>
  <si>
    <t>Kot Nanak Singh</t>
  </si>
  <si>
    <t>KOT NANAK SINGH P/O CHANGA MANGA TESIL PATTOKI DISTT: KASUR</t>
  </si>
  <si>
    <t>Kot NanakSingh P/O Changa Manga Teh: Pattoki Distt</t>
  </si>
  <si>
    <t>JUMBER KALA</t>
  </si>
  <si>
    <t>muhammad ashfaq</t>
  </si>
  <si>
    <t>GGPS KARAM KHELAN WALA</t>
  </si>
  <si>
    <t>wandha Karam khelan</t>
  </si>
  <si>
    <t>Karamkhelanwala</t>
  </si>
  <si>
    <t>Yarukhelpakka</t>
  </si>
  <si>
    <t>Rabia Jabeen</t>
  </si>
  <si>
    <t>GPS NIZAM DIRIG</t>
  </si>
  <si>
    <t>basti nizam drigh mouza Dashti p/o thull hamza tehsil liaquatpur district rahim yar khan</t>
  </si>
  <si>
    <t>Basti nizam Drigh</t>
  </si>
  <si>
    <t>Ghazipur Dasti</t>
  </si>
  <si>
    <t>basti bitharh maoza Ghazi pur dasti Muzaffargarh</t>
  </si>
  <si>
    <t>Bitharh</t>
  </si>
  <si>
    <t>Tauqeer Ahmad</t>
  </si>
  <si>
    <t>12122</t>
  </si>
  <si>
    <t>GPS KHAGAY WALI</t>
  </si>
  <si>
    <t>basti khagh mouza bait sohni p/o qasba Gujarat Teshil kot adu Dist. m.garh</t>
  </si>
  <si>
    <t>Qasba Gujrat</t>
  </si>
  <si>
    <t>9674</t>
  </si>
  <si>
    <t>46814</t>
  </si>
  <si>
    <t>30953</t>
  </si>
  <si>
    <t>51698</t>
  </si>
  <si>
    <t>GPS MAQSOOD PUR CHHINA</t>
  </si>
  <si>
    <t>Maqsood Pur Chhina</t>
  </si>
  <si>
    <t>Chak Noor M</t>
  </si>
  <si>
    <t>Muhammad Islam Babar</t>
  </si>
  <si>
    <t>GMPS CHAK NO. 112/NP BASTI DIN MUHAMMAD</t>
  </si>
  <si>
    <t>Chak112 Np</t>
  </si>
  <si>
    <t>GGPS 112 n.p Basti Din Muhammad</t>
  </si>
  <si>
    <t>Chak No 112NP</t>
  </si>
  <si>
    <t>GPS DALLAY PUR</t>
  </si>
  <si>
    <t>Dallay Pur</t>
  </si>
  <si>
    <t>dullay pur</t>
  </si>
  <si>
    <t>Mahar Sharief</t>
  </si>
  <si>
    <t>Nafeesa Tabassam</t>
  </si>
  <si>
    <t>GHS HANJAR WAL CHAK NO 31</t>
  </si>
  <si>
    <t>Hanjar Walk Chak 31</t>
  </si>
  <si>
    <t>hanjarwal chak 31 pattoki, kasur</t>
  </si>
  <si>
    <t>Hanjar Wal</t>
  </si>
  <si>
    <t>Fazal Ahmad Wazir</t>
  </si>
  <si>
    <t>GMPS BAGHDAD NO.3 TULAMBA</t>
  </si>
  <si>
    <t>Bagdad Sharif</t>
  </si>
  <si>
    <t>bagdad Sharif no 3 near darbar have shah</t>
  </si>
  <si>
    <t>Bagdad Sharif No 3</t>
  </si>
  <si>
    <t>Maham Khalid</t>
  </si>
  <si>
    <t>24374</t>
  </si>
  <si>
    <t>GGPS KOT DINA</t>
  </si>
  <si>
    <t>Kot Dina</t>
  </si>
  <si>
    <t>Village kot dina</t>
  </si>
  <si>
    <t>Humaira Arif</t>
  </si>
  <si>
    <t>GGPS MONDAN</t>
  </si>
  <si>
    <t>ggpsmondon pÃ³ jallah jeem teh mailsi dist vehari</t>
  </si>
  <si>
    <t>Moza Mondon</t>
  </si>
  <si>
    <t>Wersiwahen</t>
  </si>
  <si>
    <t>Bushra Tul Madina</t>
  </si>
  <si>
    <t>30475</t>
  </si>
  <si>
    <t>GPS 12/SP P.O 8.S.P PAKPATTAN</t>
  </si>
  <si>
    <t>12/sp</t>
  </si>
  <si>
    <t>GPS 12sp</t>
  </si>
  <si>
    <t>38523</t>
  </si>
  <si>
    <t>GES KUL BAJWA</t>
  </si>
  <si>
    <t>Kul Bajwa</t>
  </si>
  <si>
    <t>VPO Kul Bajwa Tehsil Pasrur District Sialkot</t>
  </si>
  <si>
    <t>basti Miani mehray wala</t>
  </si>
  <si>
    <t>BASTI Miani</t>
  </si>
  <si>
    <t>30490</t>
  </si>
  <si>
    <t>34579</t>
  </si>
  <si>
    <t>GGPS JUMMAY WALA</t>
  </si>
  <si>
    <t>Gulzarpur</t>
  </si>
  <si>
    <t>jumma wala post office gulzarpur</t>
  </si>
  <si>
    <t>Jumma wala</t>
  </si>
  <si>
    <t>Saba Noreen</t>
  </si>
  <si>
    <t>49484</t>
  </si>
  <si>
    <t>29771</t>
  </si>
  <si>
    <t>GPS CHAH FATEH WALA</t>
  </si>
  <si>
    <t>Chah Fathy Wala</t>
  </si>
  <si>
    <t>chah fathy wala</t>
  </si>
  <si>
    <t>Fahim Aslam</t>
  </si>
  <si>
    <t>33665</t>
  </si>
  <si>
    <t>GGES 9/V, KHANEWAL</t>
  </si>
  <si>
    <t>9/vkwl</t>
  </si>
  <si>
    <t>chak no 9/v kwl</t>
  </si>
  <si>
    <t>9/v Kwl</t>
  </si>
  <si>
    <t>10/ah Kwl</t>
  </si>
  <si>
    <t>Syeda Fareeha Sabir</t>
  </si>
  <si>
    <t>GPS BASTI GUJJAR KUNNAL NASHEB</t>
  </si>
  <si>
    <t>Kunal Nashib</t>
  </si>
  <si>
    <t>chah ghallo wala Kunal nashib</t>
  </si>
  <si>
    <t>Chah Ghalo Wala Kunal Nashib</t>
  </si>
  <si>
    <t>Rashid Abbas</t>
  </si>
  <si>
    <t>24189</t>
  </si>
  <si>
    <t>GGPS BASTI DEWAN WALA</t>
  </si>
  <si>
    <t>Dewan wala</t>
  </si>
  <si>
    <t>35902</t>
  </si>
  <si>
    <t>GGPS LALI PUR</t>
  </si>
  <si>
    <t>Lali pur</t>
  </si>
  <si>
    <t>Tehmeena Jaffar</t>
  </si>
  <si>
    <t>23253</t>
  </si>
  <si>
    <t>GGPS ROPAIRI</t>
  </si>
  <si>
    <t>Ropairi</t>
  </si>
  <si>
    <t>vill&amp; post office ropairi tehsile kharian district gujrat</t>
  </si>
  <si>
    <t>Robina Imtiaz</t>
  </si>
  <si>
    <t>44592</t>
  </si>
  <si>
    <t>GGPS SHAFQAT ABAD</t>
  </si>
  <si>
    <t>shafqatabad</t>
  </si>
  <si>
    <t>Nuzhat Begum</t>
  </si>
  <si>
    <t>30142</t>
  </si>
  <si>
    <t>51743</t>
  </si>
  <si>
    <t>GGPS BAHUKAY DOGAR</t>
  </si>
  <si>
    <t>Bahu K Dogar</t>
  </si>
  <si>
    <t>bahu k dogar</t>
  </si>
  <si>
    <t>Memoona Kausar</t>
  </si>
  <si>
    <t>30121</t>
  </si>
  <si>
    <t>30009</t>
  </si>
  <si>
    <t>GPS THALI MOHANA</t>
  </si>
  <si>
    <t>False Wali</t>
  </si>
  <si>
    <t>Thalli Mohana</t>
  </si>
  <si>
    <t>Thali Mohana</t>
  </si>
  <si>
    <t>Mianwali Qureshian</t>
  </si>
  <si>
    <t>GGPS SHAHBAZ COLONY</t>
  </si>
  <si>
    <t>shahbaz colony mianwali</t>
  </si>
  <si>
    <t>Gorangi Wala</t>
  </si>
  <si>
    <t>Yard khelanwala Pakka</t>
  </si>
  <si>
    <t>Zakia Shaheen</t>
  </si>
  <si>
    <t>25766</t>
  </si>
  <si>
    <t>GGPS NAWADAY</t>
  </si>
  <si>
    <t>Nawaday</t>
  </si>
  <si>
    <t>GGPS Nawaday</t>
  </si>
  <si>
    <t>GGHS BHOA HASAN</t>
  </si>
  <si>
    <t>bhoa hassan</t>
  </si>
  <si>
    <t>Gghs  BHOA HASSAN p/o same teh phalia distt m,b,din</t>
  </si>
  <si>
    <t>37254</t>
  </si>
  <si>
    <t>GMPS 7/V, KHANEWAL</t>
  </si>
  <si>
    <t>7v</t>
  </si>
  <si>
    <t>chak.no.7v khanewal</t>
  </si>
  <si>
    <t>7v Khanewal</t>
  </si>
  <si>
    <t>10Ah Khanewal</t>
  </si>
  <si>
    <t>GMPS KOTLA MURTAZA SHAH</t>
  </si>
  <si>
    <t>Kotla Murtaza Shah</t>
  </si>
  <si>
    <t>Kotla murtaza shah</t>
  </si>
  <si>
    <t>Farida  Khanm</t>
  </si>
  <si>
    <t>30025</t>
  </si>
  <si>
    <t>47666</t>
  </si>
  <si>
    <t>GGPS KANJRA CHAKRALA MIANWALI</t>
  </si>
  <si>
    <t>Ggps dhok kanjra chakrala</t>
  </si>
  <si>
    <t>Dhok Kanjra</t>
  </si>
  <si>
    <t>Ban Hafiz Ji</t>
  </si>
  <si>
    <t>Samina Parveen</t>
  </si>
  <si>
    <t>24034</t>
  </si>
  <si>
    <t>GMHSS CHAWINDA</t>
  </si>
  <si>
    <t>zafarwal road chawinda</t>
  </si>
  <si>
    <t>SHAGUFTA BATOOL</t>
  </si>
  <si>
    <t>33816</t>
  </si>
  <si>
    <t>GGPS CHAH GAHNAY WALA NO 2 SHARIF CHOWK NEAR SURAJ KUND</t>
  </si>
  <si>
    <t>ggps chah ghanay wala no2 near rangeel pur</t>
  </si>
  <si>
    <t>Basti Thaeem</t>
  </si>
  <si>
    <t>Altaf Begum</t>
  </si>
  <si>
    <t>GPS THILLA KHURD</t>
  </si>
  <si>
    <t>Thilley Khurd</t>
  </si>
  <si>
    <t>30035</t>
  </si>
  <si>
    <t>53058</t>
  </si>
  <si>
    <t>GHS CHAK NO. 1/4-L</t>
  </si>
  <si>
    <t>chak no 1/4L okata</t>
  </si>
  <si>
    <t>Chak No 1/4L</t>
  </si>
  <si>
    <t>Akhtar Hussain Javaid</t>
  </si>
  <si>
    <t>GGPS KOTLI BAKSHU MULTAN</t>
  </si>
  <si>
    <t>kotli baxue</t>
  </si>
  <si>
    <t>kotli baxue khan</t>
  </si>
  <si>
    <t>kotli baxu</t>
  </si>
  <si>
    <t>jhok wains</t>
  </si>
  <si>
    <t>Khalida Yasmeen</t>
  </si>
  <si>
    <t>47082</t>
  </si>
  <si>
    <t>GES DHOK BHARTAL</t>
  </si>
  <si>
    <t>Peer Pihae</t>
  </si>
  <si>
    <t>post office dhoke bharthal distt and tehsil mianwali</t>
  </si>
  <si>
    <t>Dhoke Bharthal</t>
  </si>
  <si>
    <t>Muhammad Akram Khan</t>
  </si>
  <si>
    <t>55050</t>
  </si>
  <si>
    <t>43714</t>
  </si>
  <si>
    <t>34528</t>
  </si>
  <si>
    <t>GGPS AQIQA</t>
  </si>
  <si>
    <t>Aqiqa</t>
  </si>
  <si>
    <t>village haqiqa tehsil kharian district Gujrat</t>
  </si>
  <si>
    <t>8051</t>
  </si>
  <si>
    <t>GGPS BASTI SONI</t>
  </si>
  <si>
    <t>GGP/s basti soni moza mahmood abad p/o Chak Abbas t/d r.y.khan</t>
  </si>
  <si>
    <t>Basti Soni</t>
  </si>
  <si>
    <t>Zaib-un-Nisa</t>
  </si>
  <si>
    <t>30045</t>
  </si>
  <si>
    <t>46135</t>
  </si>
  <si>
    <t>GHSS KHALIQ ABAD</t>
  </si>
  <si>
    <t>KHALIQABAD</t>
  </si>
  <si>
    <t>POST OFFICE KHALIQABAD TEHSIL AND DISTRICT KHUSHAB</t>
  </si>
  <si>
    <t>ALAMGIR RAZA</t>
  </si>
  <si>
    <t>14057</t>
  </si>
  <si>
    <t>GGES NOUSHEHRA SHARQI</t>
  </si>
  <si>
    <t>Mud Gasora</t>
  </si>
  <si>
    <t>rung pur road noshera sharki</t>
  </si>
  <si>
    <t>Noshera Sharki</t>
  </si>
  <si>
    <t>51546</t>
  </si>
  <si>
    <t>GPS 56/D</t>
  </si>
  <si>
    <t>56/D</t>
  </si>
  <si>
    <t>chak # 56/D, Pakpattan</t>
  </si>
  <si>
    <t>Aamir Rasool</t>
  </si>
  <si>
    <t>GGPS KHEETAY</t>
  </si>
  <si>
    <t>Kheetay</t>
  </si>
  <si>
    <t>ggps kheetay</t>
  </si>
  <si>
    <t>Rayya Khass</t>
  </si>
  <si>
    <t>Kiran Iftikhar</t>
  </si>
  <si>
    <t>17477</t>
  </si>
  <si>
    <t>Dogarklsra</t>
  </si>
  <si>
    <t>jhokwala p/o sanawan</t>
  </si>
  <si>
    <t>Jhokwala</t>
  </si>
  <si>
    <t>Dogarclassra</t>
  </si>
  <si>
    <t>Aisha Siddiqah</t>
  </si>
  <si>
    <t>30546</t>
  </si>
  <si>
    <t>37131</t>
  </si>
  <si>
    <t>GGES 13/9-R NO.2, KACHA KHUH</t>
  </si>
  <si>
    <t>Dangrawala</t>
  </si>
  <si>
    <t>dakkhana khas mukhdumpur chak dangrawala</t>
  </si>
  <si>
    <t>Chak No 13/9-r</t>
  </si>
  <si>
    <t>Fakhra Zaman</t>
  </si>
  <si>
    <t>26070</t>
  </si>
  <si>
    <t>26659</t>
  </si>
  <si>
    <t>GES CHANDER</t>
  </si>
  <si>
    <t>CHANDHAR,P.O BHIRI KHURAD TEH.NOSHERA VIRKAN DISTT.GUJRANWALA.</t>
  </si>
  <si>
    <t>50845</t>
  </si>
  <si>
    <t>GGPS LOHARKA</t>
  </si>
  <si>
    <t>ggps kabotri minchin abad</t>
  </si>
  <si>
    <t>Sajidaperveen</t>
  </si>
  <si>
    <t>GPS GADHU SULTAN</t>
  </si>
  <si>
    <t>Gadhu Sultan</t>
  </si>
  <si>
    <t>Gadhu sultan Post  office pahranwali</t>
  </si>
  <si>
    <t>Pahranwali</t>
  </si>
  <si>
    <t>adnan sarwar</t>
  </si>
  <si>
    <t>23268</t>
  </si>
  <si>
    <t>GMPS CHIMBER</t>
  </si>
  <si>
    <t>Chimber</t>
  </si>
  <si>
    <t>Village chimber p /o bhao gasset pur Tehsil kharian District gujrat</t>
  </si>
  <si>
    <t>Bhao Ghaseet Pur</t>
  </si>
  <si>
    <t>45245</t>
  </si>
  <si>
    <t>26693</t>
  </si>
  <si>
    <t>GES MALKA HANS</t>
  </si>
  <si>
    <t>mohalla hansanwala malka hans</t>
  </si>
  <si>
    <t>46154</t>
  </si>
  <si>
    <t>GPS NAUTHEEN STATION</t>
  </si>
  <si>
    <t>jinnah colony Nautheen station, nautheen, Tehsil pindi bhattian District Hafizabad</t>
  </si>
  <si>
    <t>Jinnah Colony Nautheen Station</t>
  </si>
  <si>
    <t>Rai Nazir Ahmad</t>
  </si>
  <si>
    <t>33896</t>
  </si>
  <si>
    <t>GPS DARBAR CHATTEN SHAH</t>
  </si>
  <si>
    <t>Wan Chatah</t>
  </si>
  <si>
    <t>gps darbar chattan shah Multan</t>
  </si>
  <si>
    <t>Ahmad Baksh</t>
  </si>
  <si>
    <t>51107</t>
  </si>
  <si>
    <t>31792</t>
  </si>
  <si>
    <t>GGPS JAY SINGH WALA</t>
  </si>
  <si>
    <t>Jaysinghwala</t>
  </si>
  <si>
    <t>jaysinghwala.narang mandi</t>
  </si>
  <si>
    <t>Mahtasoja</t>
  </si>
  <si>
    <t>Sobia Firdous</t>
  </si>
  <si>
    <t>GGCMS BASTI JOIYA</t>
  </si>
  <si>
    <t>GGCMS BASTI JOIYA LAYYAH</t>
  </si>
  <si>
    <t>Amna Ahmad</t>
  </si>
  <si>
    <t>26682</t>
  </si>
  <si>
    <t>GPS DUBAR</t>
  </si>
  <si>
    <t>Dubar</t>
  </si>
  <si>
    <t>village dubar tehsile pindi bhattian district hafizabad</t>
  </si>
  <si>
    <t>10522</t>
  </si>
  <si>
    <t>24769</t>
  </si>
  <si>
    <t>26685</t>
  </si>
  <si>
    <t>GGPS BAKHAL LAR</t>
  </si>
  <si>
    <t>basti haji rahim bux</t>
  </si>
  <si>
    <t>Basti Haji Rahim Bux</t>
  </si>
  <si>
    <t>Sadia Zahoor</t>
  </si>
  <si>
    <t>GHS BASTI SAHOO</t>
  </si>
  <si>
    <t>Sahu</t>
  </si>
  <si>
    <t>BASTI SAHOO MULTAN</t>
  </si>
  <si>
    <t>Basti Sahu</t>
  </si>
  <si>
    <t>Ghulam Mustafa Bhutta</t>
  </si>
  <si>
    <t>GMPS ICHERWAL-2</t>
  </si>
  <si>
    <t>Icherwal</t>
  </si>
  <si>
    <t>Saeed sultan</t>
  </si>
  <si>
    <t>26996</t>
  </si>
  <si>
    <t>26851</t>
  </si>
  <si>
    <t>26691</t>
  </si>
  <si>
    <t>21773</t>
  </si>
  <si>
    <t>GES BOOPRA KALAN</t>
  </si>
  <si>
    <t>Mohammad Mubasher</t>
  </si>
  <si>
    <t>26692</t>
  </si>
  <si>
    <t>GPS BANGLA RASHEED ABAD</t>
  </si>
  <si>
    <t>basti bhatiyan markaz Dufli Kabir Khan P/O khan Bela.Tehsil LQP.</t>
  </si>
  <si>
    <t>Bhatiyan</t>
  </si>
  <si>
    <t>Faiz Ahmad Sajid</t>
  </si>
  <si>
    <t>26694</t>
  </si>
  <si>
    <t>GGPS NANDWAL</t>
  </si>
  <si>
    <t>Nandwal</t>
  </si>
  <si>
    <t>village nandwal p.o sarsal teh kharian distt gujrat</t>
  </si>
  <si>
    <t>Maryam Asghar</t>
  </si>
  <si>
    <t>GGPS KOTLA GAMOON</t>
  </si>
  <si>
    <t>G.G.P/S kotla Gamoon Rajanpur</t>
  </si>
  <si>
    <t>Qudsia Kaleem</t>
  </si>
  <si>
    <t>28109</t>
  </si>
  <si>
    <t>GMPS KHANANA</t>
  </si>
  <si>
    <t>KUTHIALA SHEIKHAN -II- FEMALE</t>
  </si>
  <si>
    <t>Khanana</t>
  </si>
  <si>
    <t>P.O Box khanana Teh Dist M.B.Din</t>
  </si>
  <si>
    <t>25734</t>
  </si>
  <si>
    <t>28413</t>
  </si>
  <si>
    <t>GES CHAK SHAHBAZ</t>
  </si>
  <si>
    <t>ges chak shahbaz</t>
  </si>
  <si>
    <t>26707</t>
  </si>
  <si>
    <t>GGES SHEIKH MALKA</t>
  </si>
  <si>
    <t>basti sheikh malka</t>
  </si>
  <si>
    <t>Farzana Kauser</t>
  </si>
  <si>
    <t>30681</t>
  </si>
  <si>
    <t>50633</t>
  </si>
  <si>
    <t>GGPS SUI WALA</t>
  </si>
  <si>
    <t>p/o qureshi wala lodhran</t>
  </si>
  <si>
    <t>Sui Wala</t>
  </si>
  <si>
    <t>Wahi Imam Bux</t>
  </si>
  <si>
    <t>47343</t>
  </si>
  <si>
    <t>GGPS MC YASRIB STREET</t>
  </si>
  <si>
    <t>GGMC P/S Yasrab street</t>
  </si>
  <si>
    <t>26712</t>
  </si>
  <si>
    <t>Phuliani</t>
  </si>
  <si>
    <t>dhoop sari phuliani</t>
  </si>
  <si>
    <t>Parveen Farooq</t>
  </si>
  <si>
    <t>44718</t>
  </si>
  <si>
    <t>GPS DODA ARAIN</t>
  </si>
  <si>
    <t>bast I doda arain the khan pur</t>
  </si>
  <si>
    <t>Doda Arain</t>
  </si>
  <si>
    <t>A BDUL RAHIM</t>
  </si>
  <si>
    <t>23247</t>
  </si>
  <si>
    <t>GGPS BAZURAGWAL</t>
  </si>
  <si>
    <t>BAZURGWAL</t>
  </si>
  <si>
    <t>GGPS BAZURGWAL TEHSIL KHARIAN DISTRICT GUJRAT</t>
  </si>
  <si>
    <t>Nazish Asif</t>
  </si>
  <si>
    <t>40415</t>
  </si>
  <si>
    <t>20301</t>
  </si>
  <si>
    <t>GGPS BAHIWAL NO 2</t>
  </si>
  <si>
    <t>Abadi Muhammad Wala tehsil lalian dist chiniot</t>
  </si>
  <si>
    <t>Muhamad wala</t>
  </si>
  <si>
    <t>Saweera Mubeen</t>
  </si>
  <si>
    <t>GGHS RASOOL PUR TARAR</t>
  </si>
  <si>
    <t>Rasulpurtarar</t>
  </si>
  <si>
    <t>GGPS RANG-E-PUR LUDHAR</t>
  </si>
  <si>
    <t>Ludhar</t>
  </si>
  <si>
    <t>Govt girls primary school,Range pur ludher</t>
  </si>
  <si>
    <t>Range Pur Ludher</t>
  </si>
  <si>
    <t>Shughufta Yaseen</t>
  </si>
  <si>
    <t>water pump ,Hand pump</t>
  </si>
  <si>
    <t>30451</t>
  </si>
  <si>
    <t>35680</t>
  </si>
  <si>
    <t>GPS KIKRI KHURD</t>
  </si>
  <si>
    <t>kikri khurd</t>
  </si>
  <si>
    <t>Muhammad Hassan Hussaini</t>
  </si>
  <si>
    <t>GES MATRAIN</t>
  </si>
  <si>
    <t>Matrain</t>
  </si>
  <si>
    <t>basti @ mouza matrain</t>
  </si>
  <si>
    <t>Koundy</t>
  </si>
  <si>
    <t>46523</t>
  </si>
  <si>
    <t>GPS SATRA KAWAD</t>
  </si>
  <si>
    <t>p/o jabbi tehsil distric khushab</t>
  </si>
  <si>
    <t>Kawad</t>
  </si>
  <si>
    <t>Athar Bilal</t>
  </si>
  <si>
    <t>37245</t>
  </si>
  <si>
    <t>GGPS 63/10-R, KHANEWAL</t>
  </si>
  <si>
    <t>63/10R</t>
  </si>
  <si>
    <t>chak no 63/10R khanewal</t>
  </si>
  <si>
    <t>63/19R</t>
  </si>
  <si>
    <t>43/10R</t>
  </si>
  <si>
    <t>Kulsoom Fatima</t>
  </si>
  <si>
    <t>GGHS HUSSIAN KHAN WALA HITTAR</t>
  </si>
  <si>
    <t>HussainKhanwala</t>
  </si>
  <si>
    <t>HussainKhanwala hithar</t>
  </si>
  <si>
    <t>HussainKhanwala hi</t>
  </si>
  <si>
    <t>GGPS SOHAWA WARRIACHAN</t>
  </si>
  <si>
    <t>SOHAWA warrichan</t>
  </si>
  <si>
    <t>vpo SOHAWA warrichan TAH PHALIA DISTRICT M.B.DIN</t>
  </si>
  <si>
    <t>Pahrianwali</t>
  </si>
  <si>
    <t>Madiha Asghar</t>
  </si>
  <si>
    <t>24813</t>
  </si>
  <si>
    <t>GGPS BASTI SHORKOT BAHAWALPUR ROAD</t>
  </si>
  <si>
    <t>BASTI SHOR KOT</t>
  </si>
  <si>
    <t>GGPS BASTI SHOR KOT MULTAN</t>
  </si>
  <si>
    <t>18064</t>
  </si>
  <si>
    <t>GGHS MADRASA-TUL-BINAT MISRI SHAH AZIZ ROAD</t>
  </si>
  <si>
    <t>MISRI SHAH</t>
  </si>
  <si>
    <t>GGHS MADRASA-TUL-BINAT MISRI SHAH, AZIZ ROAD, LHR</t>
  </si>
  <si>
    <t>Mrs.Majida Khatoon</t>
  </si>
  <si>
    <t>32947</t>
  </si>
  <si>
    <t>GGPS CHAK NO. 1/51</t>
  </si>
  <si>
    <t>Chak no1/51</t>
  </si>
  <si>
    <t>6603</t>
  </si>
  <si>
    <t>26762</t>
  </si>
  <si>
    <t>GPS JOSHAN JATTAN</t>
  </si>
  <si>
    <t>Joshan Jattan post office khas teh pasrur dist sialkot</t>
  </si>
  <si>
    <t>Mohammad Amjad Son  Of  Bagh Din</t>
  </si>
  <si>
    <t>42269</t>
  </si>
  <si>
    <t>GGHS KIRTO SHARIF</t>
  </si>
  <si>
    <t>tanveer akhtar</t>
  </si>
  <si>
    <t>49576</t>
  </si>
  <si>
    <t>46383</t>
  </si>
  <si>
    <t>GGHS BILAND</t>
  </si>
  <si>
    <t>Sidrah Rehman</t>
  </si>
  <si>
    <t>GMPS HAMOON WALA</t>
  </si>
  <si>
    <t>Chak Hamoon Wala</t>
  </si>
  <si>
    <t>Hamoon wala</t>
  </si>
  <si>
    <t>Noreen Akhtar Bukhari</t>
  </si>
  <si>
    <t>37389</t>
  </si>
  <si>
    <t>GGPS 80/15-L NO.2 LAT, KACHA KHUH</t>
  </si>
  <si>
    <t>Lot2</t>
  </si>
  <si>
    <t>80/15.L lot2</t>
  </si>
  <si>
    <t>80/15 L Lot 2</t>
  </si>
  <si>
    <t>MUNAZZA AISHA</t>
  </si>
  <si>
    <t>28561</t>
  </si>
  <si>
    <t>GGPS QILA JAGGO</t>
  </si>
  <si>
    <t>Qila Jaggu</t>
  </si>
  <si>
    <t>ggps qila jaggu noshra virkan Gujranwala</t>
  </si>
  <si>
    <t>GPS TARKHANA WALA</t>
  </si>
  <si>
    <t>Tarkhan Wala</t>
  </si>
  <si>
    <t>Tarkhan Wala nankana sahib</t>
  </si>
  <si>
    <t>19473</t>
  </si>
  <si>
    <t>GPS MERO BHADIAR</t>
  </si>
  <si>
    <t>Bhadiar</t>
  </si>
  <si>
    <t>Mero Bhadiar, Pasrur, Sialkot</t>
  </si>
  <si>
    <t>Mero Bhadiar</t>
  </si>
  <si>
    <t>46353</t>
  </si>
  <si>
    <t>28569</t>
  </si>
  <si>
    <t>GGPS MANDI SADIQ GUNJ</t>
  </si>
  <si>
    <t>mandi sadiq gunj</t>
  </si>
  <si>
    <t>Mandi Sadiq Gunj</t>
  </si>
  <si>
    <t>GGPS MAHMOOD PUR</t>
  </si>
  <si>
    <t>WARIS SHAH - FEMALE</t>
  </si>
  <si>
    <t>mehmood pur</t>
  </si>
  <si>
    <t>Shazia Hameed</t>
  </si>
  <si>
    <t>53930</t>
  </si>
  <si>
    <t>GPS BALOCH WALA</t>
  </si>
  <si>
    <t>Near Basti Hussain Khan Wali Moza Doaba M.Garh</t>
  </si>
  <si>
    <t>Basti Hussain Khan</t>
  </si>
  <si>
    <t>safdar hussain</t>
  </si>
  <si>
    <t>44152</t>
  </si>
  <si>
    <t>GGHS HASSAN PATHAN</t>
  </si>
  <si>
    <t>VPO HASSAN PATHAN TEHSAIL KHARAIN DISTRICT GUJRAT</t>
  </si>
  <si>
    <t>GES SAHOKE VIRKAN</t>
  </si>
  <si>
    <t>Village Sahoke Virkan Tensil Nowshehra Virkan District Gujranwala</t>
  </si>
  <si>
    <t>Sher Muhammad Khan</t>
  </si>
  <si>
    <t>43757</t>
  </si>
  <si>
    <t>28584</t>
  </si>
  <si>
    <t>GGPS 16/69</t>
  </si>
  <si>
    <t>Chak No 16/69 Markaz Syedwala Nns</t>
  </si>
  <si>
    <t>Noor Fatima</t>
  </si>
  <si>
    <t>25168</t>
  </si>
  <si>
    <t>28585</t>
  </si>
  <si>
    <t>GGPS DOLOWALI</t>
  </si>
  <si>
    <t>Village:  Dolowali P.O Dhoda, Tehsil Pasrur, Dist. Sialkot</t>
  </si>
  <si>
    <t>DOLOWALI</t>
  </si>
  <si>
    <t>Maria Gulzar</t>
  </si>
  <si>
    <t>10712</t>
  </si>
  <si>
    <t>GPS KHAJIAN SHARIF DIN</t>
  </si>
  <si>
    <t>Gps khajian sharf din moza bait Dewan P/O kot sulatn</t>
  </si>
  <si>
    <t>Khajian Sharf Din</t>
  </si>
  <si>
    <t>Rehan - Ul- Din</t>
  </si>
  <si>
    <t>25693</t>
  </si>
  <si>
    <t>GPS SHAH ABDEKE</t>
  </si>
  <si>
    <t>Village Shahabdike</t>
  </si>
  <si>
    <t>35512</t>
  </si>
  <si>
    <t>28512</t>
  </si>
  <si>
    <t>28592</t>
  </si>
  <si>
    <t>GHS SHORI MANIKA</t>
  </si>
  <si>
    <t>SHORI MANIKA</t>
  </si>
  <si>
    <t>VILLAGE SHORI MANIKA P/O THATTA KHERU MATMAL TEH.PINDI BHATTIAN DIST.HAFIZABAD</t>
  </si>
  <si>
    <t>GHS BHORANI</t>
  </si>
  <si>
    <t>Bhorani</t>
  </si>
  <si>
    <t>village Bhorani tehsil Lalian District chiniot</t>
  </si>
  <si>
    <t>GMPS KOT CHAND</t>
  </si>
  <si>
    <t>Kot  Chand</t>
  </si>
  <si>
    <t>kot chand</t>
  </si>
  <si>
    <t>Kot Chand</t>
  </si>
  <si>
    <t>Tehamina Prveen</t>
  </si>
  <si>
    <t>17007</t>
  </si>
  <si>
    <t>53416</t>
  </si>
  <si>
    <t>GGCMS 16/4.L</t>
  </si>
  <si>
    <t>chak:11/4L okara</t>
  </si>
  <si>
    <t>GMPS IQBAL NAGAR</t>
  </si>
  <si>
    <t>GUJAR WALI</t>
  </si>
  <si>
    <t>Basti GuGAR WALi UC SAHAN WALA</t>
  </si>
  <si>
    <t>BASTI GUGAR WALI</t>
  </si>
  <si>
    <t>SAHAN WALI</t>
  </si>
  <si>
    <t>Ansa Tehreem</t>
  </si>
  <si>
    <t>47539</t>
  </si>
  <si>
    <t>GGPS MANKA BHUTTA</t>
  </si>
  <si>
    <t>p/o dewala teh/distt.m.garh</t>
  </si>
  <si>
    <t>Saifullah Malik</t>
  </si>
  <si>
    <t>GGHS USMAN WALA</t>
  </si>
  <si>
    <t>usman wala P/o usman wala kasur</t>
  </si>
  <si>
    <t>usman wala</t>
  </si>
  <si>
    <t>Shumaila Shafi</t>
  </si>
  <si>
    <t>25812</t>
  </si>
  <si>
    <t>28103</t>
  </si>
  <si>
    <t>21938</t>
  </si>
  <si>
    <t>GGES KOT MARI</t>
  </si>
  <si>
    <t>Kot Mari</t>
  </si>
  <si>
    <t>kot mari p/o lala pur tehsil noshera virkan</t>
  </si>
  <si>
    <t>Chak Chaudry</t>
  </si>
  <si>
    <t>Tabah Arshad</t>
  </si>
  <si>
    <t>GMPS CHAK KHAWAJA</t>
  </si>
  <si>
    <t>Chak Khawaja</t>
  </si>
  <si>
    <t>Chak Khawaja P.O Noor jamal Janubi Tehsil Phalia dis!trict M.B.Din</t>
  </si>
  <si>
    <t>Tehmina Kousar</t>
  </si>
  <si>
    <t>53602</t>
  </si>
  <si>
    <t>GHS CHAK NO. 25/2-R</t>
  </si>
  <si>
    <t>ghs chak no 25/2r okara</t>
  </si>
  <si>
    <t>chak no 25/2r</t>
  </si>
  <si>
    <t>ABDUL SHAKOOR SAJID</t>
  </si>
  <si>
    <t>GHS PAKISTAN LALA MUSA</t>
  </si>
  <si>
    <t>ghspaklalamgrt@gmail.com Pakistan lalamusa</t>
  </si>
  <si>
    <t>Asif Mehmood Qureshi</t>
  </si>
  <si>
    <t>28111</t>
  </si>
  <si>
    <t>37286</t>
  </si>
  <si>
    <t>GPS MODEL 44/10-R , KHANEWAL</t>
  </si>
  <si>
    <t>44/10-R</t>
  </si>
  <si>
    <t>Benish Saleem</t>
  </si>
  <si>
    <t>GGPS GAZRAN</t>
  </si>
  <si>
    <t>Gazran</t>
  </si>
  <si>
    <t>Shahbazpur</t>
  </si>
  <si>
    <t>Asia Sharif</t>
  </si>
  <si>
    <t>36026</t>
  </si>
  <si>
    <t>GGPS CHAK NO. 125/WB NORTH</t>
  </si>
  <si>
    <t>125wb</t>
  </si>
  <si>
    <t>125wb North</t>
  </si>
  <si>
    <t>28115</t>
  </si>
  <si>
    <t>54199</t>
  </si>
  <si>
    <t>GES MOAN BHATTIAN</t>
  </si>
  <si>
    <t>Mowan</t>
  </si>
  <si>
    <t>mowan bhattian p/o sukheke mandi</t>
  </si>
  <si>
    <t>Mohammad Iftekhar</t>
  </si>
  <si>
    <t>28118</t>
  </si>
  <si>
    <t>12891</t>
  </si>
  <si>
    <t>GGPS AALI WALA</t>
  </si>
  <si>
    <t>MOUZA TARAF MASSU BASTI HASSU BASTI DRIGH</t>
  </si>
  <si>
    <t>MOUZA TARAF MASSU</t>
  </si>
  <si>
    <t>iffat manzoor</t>
  </si>
  <si>
    <t>28121</t>
  </si>
  <si>
    <t>37665</t>
  </si>
  <si>
    <t>GGPS 1/8-AR, TULAMBA</t>
  </si>
  <si>
    <t>1/8AR</t>
  </si>
  <si>
    <t>GGPS 1/8-AR chak no 1/8-AR Tehsil Mian Channu District Khanewal</t>
  </si>
  <si>
    <t>Madeha Suleman</t>
  </si>
  <si>
    <t>50746</t>
  </si>
  <si>
    <t>48373</t>
  </si>
  <si>
    <t>27966</t>
  </si>
  <si>
    <t>33143</t>
  </si>
  <si>
    <t>GPS CHAK NO.23/76 SYED WALA</t>
  </si>
  <si>
    <t>Chak #23/76</t>
  </si>
  <si>
    <t>Chak #24/77 p/o syedwala Teh &amp;Distt Nankana sahib</t>
  </si>
  <si>
    <t>Chak #23/76 #23/76syedwala</t>
  </si>
  <si>
    <t>7939</t>
  </si>
  <si>
    <t>27967</t>
  </si>
  <si>
    <t>GPS BEHRAAM SAR</t>
  </si>
  <si>
    <t>Behram sar</t>
  </si>
  <si>
    <t>Ali Raza Sajid</t>
  </si>
  <si>
    <t>GGES NEW TIBBI LARRAN</t>
  </si>
  <si>
    <t>pursan</t>
  </si>
  <si>
    <t>GGES NewTibbi Laran near Qabristan Rahim yar khan</t>
  </si>
  <si>
    <t>Tibbi laran</t>
  </si>
  <si>
    <t>Nafees Fatima</t>
  </si>
  <si>
    <t>GES LOHARKAY</t>
  </si>
  <si>
    <t>Loharkay</t>
  </si>
  <si>
    <t>village loharkay post office noul tehsil pasrur distt. sialkot</t>
  </si>
  <si>
    <t>Muhammad Shafaqat Ali</t>
  </si>
  <si>
    <t>44780</t>
  </si>
  <si>
    <t>27972</t>
  </si>
  <si>
    <t>GPS KHAIR PUR BHUTTA CANTT P/O QASIM BELLA</t>
  </si>
  <si>
    <t>Tibba Masood Pur</t>
  </si>
  <si>
    <t>Main road Khair Pur Bhutta. Post office Qasim Bela Multan</t>
  </si>
  <si>
    <t>Khair Pur Bhutta</t>
  </si>
  <si>
    <t>Abdul Sattar Awan</t>
  </si>
  <si>
    <t>GPS CHAK HAKIM</t>
  </si>
  <si>
    <t>Chak Hakim</t>
  </si>
  <si>
    <t>Village Chak Hakim P/o Thekrian Monian Tehsil Kharian District Gujrat</t>
  </si>
  <si>
    <t>17954</t>
  </si>
  <si>
    <t>22047</t>
  </si>
  <si>
    <t>GGPS MAIKY WALI</t>
  </si>
  <si>
    <t>Maiky Wali</t>
  </si>
  <si>
    <t>Maiky wali, tehsil Noshera Virkan</t>
  </si>
  <si>
    <t>Arfa Mubeen</t>
  </si>
  <si>
    <t>GHS BASTI CHEENA</t>
  </si>
  <si>
    <t>basti cheena</t>
  </si>
  <si>
    <t>27996</t>
  </si>
  <si>
    <t>29267</t>
  </si>
  <si>
    <t>GPS MAMMAN WALA</t>
  </si>
  <si>
    <t>Syed Rafaqat Ali Shah</t>
  </si>
  <si>
    <t>GPS JHUGIAAN DANA SINGH</t>
  </si>
  <si>
    <t>Jhugian Dhana  Singh</t>
  </si>
  <si>
    <t>Jhugian Dhana singh , Tehsil pattoki district kasur markaz phool nager city</t>
  </si>
  <si>
    <t>Jhugian Dhana Singh</t>
  </si>
  <si>
    <t>Oulakh Bonga</t>
  </si>
  <si>
    <t>GPS KARTAR PUR GANDIAN</t>
  </si>
  <si>
    <t>Gps Kartar Pur Gandian p/o kalyana teh&amp;Distt Pakpattan</t>
  </si>
  <si>
    <t>Kartar Pur Gandian</t>
  </si>
  <si>
    <t>11081</t>
  </si>
  <si>
    <t>51311</t>
  </si>
  <si>
    <t>27987</t>
  </si>
  <si>
    <t>GMPS CHAK 3/53</t>
  </si>
  <si>
    <t>chak no 3/53</t>
  </si>
  <si>
    <t>chak no 3/53 post office Bucheki Tehsil and district Nankana sahib</t>
  </si>
  <si>
    <t>Lurks</t>
  </si>
  <si>
    <t>6734</t>
  </si>
  <si>
    <t>GPS CHAH MITHA</t>
  </si>
  <si>
    <t>Dhok Nawan Lok</t>
  </si>
  <si>
    <t>VPO Dhok Nawan Lok Tehsil and District M.B.Din</t>
  </si>
  <si>
    <t>Chah Mitha</t>
  </si>
  <si>
    <t>Mazhar Quyyoom</t>
  </si>
  <si>
    <t>53554</t>
  </si>
  <si>
    <t>GGHS REHMAN COLONY OKARA</t>
  </si>
  <si>
    <t>Rehman Colony Okara</t>
  </si>
  <si>
    <t>GGHS Rehman Colony G.T Road Okara</t>
  </si>
  <si>
    <t>Rehman Colony</t>
  </si>
  <si>
    <t>Sadaf Iqbal</t>
  </si>
  <si>
    <t>49208</t>
  </si>
  <si>
    <t>GGES CHAK NO. 63/P</t>
  </si>
  <si>
    <t>chak 63p</t>
  </si>
  <si>
    <t>Sammia Khalil</t>
  </si>
  <si>
    <t>GGPS MUMTAZ ABAD</t>
  </si>
  <si>
    <t>Ahly wala</t>
  </si>
  <si>
    <t>mumtazabad Teh . lalian District Chiniot</t>
  </si>
  <si>
    <t>Waly</t>
  </si>
  <si>
    <t>Zahida Sardar</t>
  </si>
  <si>
    <t>47513</t>
  </si>
  <si>
    <t>GGPS BERULI CHHIDRU</t>
  </si>
  <si>
    <t>beruli chidru post office chidru district and Tehsil Mianwali</t>
  </si>
  <si>
    <t>39743</t>
  </si>
  <si>
    <t>27493</t>
  </si>
  <si>
    <t>28096</t>
  </si>
  <si>
    <t>GGPS CHAK NO. 37</t>
  </si>
  <si>
    <t>Chak 37</t>
  </si>
  <si>
    <t>GGPS Chak 37. M.B.Din</t>
  </si>
  <si>
    <t>Nighat Anyat</t>
  </si>
  <si>
    <t>GGHS CHAHOOR</t>
  </si>
  <si>
    <t>Village &amp; P/O Chahoor Tehsil Pasrur, District Sialkot</t>
  </si>
  <si>
    <t>Dogree Harian</t>
  </si>
  <si>
    <t>Filtered Water</t>
  </si>
  <si>
    <t>GES VIJHALKAY</t>
  </si>
  <si>
    <t>lalian jhang road vijhalkay</t>
  </si>
  <si>
    <t>Hafiz Allahdita</t>
  </si>
  <si>
    <t>GMPS BASTI LAL KHAN</t>
  </si>
  <si>
    <t>basti lal khan</t>
  </si>
  <si>
    <t>Sahrish Rahmat</t>
  </si>
  <si>
    <t>37490</t>
  </si>
  <si>
    <t>GGES 46/15-L, MIAN CHANNU</t>
  </si>
  <si>
    <t>chak# 46 15L</t>
  </si>
  <si>
    <t>46 15L</t>
  </si>
  <si>
    <t>124 15L</t>
  </si>
  <si>
    <t>Mrs Shahnaz Jabbar</t>
  </si>
  <si>
    <t>10748</t>
  </si>
  <si>
    <t>27506</t>
  </si>
  <si>
    <t>GGPS BASTI JAHANGIR</t>
  </si>
  <si>
    <t>moza Bulaqi wali Basti Kala Dhora p/o chak Abbas Rahim Yar Khan</t>
  </si>
  <si>
    <t>Kala Dhora</t>
  </si>
  <si>
    <t>Mussrat Rasheed</t>
  </si>
  <si>
    <t>27510</t>
  </si>
  <si>
    <t>29427</t>
  </si>
  <si>
    <t>GGES MOHALLAH BAGICHI</t>
  </si>
  <si>
    <t>muhallah bagichi mustafa abad kasur</t>
  </si>
  <si>
    <t>BUSHRA NASREEN</t>
  </si>
  <si>
    <t>37342</t>
  </si>
  <si>
    <t>27511</t>
  </si>
  <si>
    <t>GGPS MAHI BLOCH</t>
  </si>
  <si>
    <t>shaman</t>
  </si>
  <si>
    <t>GMPS Mahi baloch</t>
  </si>
  <si>
    <t>mahi baloch</t>
  </si>
  <si>
    <t>sargana</t>
  </si>
  <si>
    <t>shakila bibi</t>
  </si>
  <si>
    <t>GPS CHAH ABBAS KHAN WALA</t>
  </si>
  <si>
    <t>Belian</t>
  </si>
  <si>
    <t>Gps chah abbas khan wala</t>
  </si>
  <si>
    <t>Chah Abbas Khan  Wala</t>
  </si>
  <si>
    <t>abdul Qayyum</t>
  </si>
  <si>
    <t>11027</t>
  </si>
  <si>
    <t>GES MATTEKE</t>
  </si>
  <si>
    <t>Muhammad Asghar Sajid</t>
  </si>
  <si>
    <t>GGES CHAK NO. 154-A/TDA LAYYAH</t>
  </si>
  <si>
    <t>Chak No 154A</t>
  </si>
  <si>
    <t>Chak no 154A</t>
  </si>
  <si>
    <t>Shahina Yasmeen</t>
  </si>
  <si>
    <t>1 Water pump 2 hand pump</t>
  </si>
  <si>
    <t>GPS KOT SYEDAN</t>
  </si>
  <si>
    <t>kot syedan p/o hanjarni kalan,tehsil pattoki,district kasur</t>
  </si>
  <si>
    <t>Hanjrani Kalan</t>
  </si>
  <si>
    <t>Hanjarni Kalan</t>
  </si>
  <si>
    <t>35430</t>
  </si>
  <si>
    <t>GMPS MITHAN KOT NO. 3</t>
  </si>
  <si>
    <t>near darbar road kot mithan</t>
  </si>
  <si>
    <t>Rizwana Nazir</t>
  </si>
  <si>
    <t>27536</t>
  </si>
  <si>
    <t>47141</t>
  </si>
  <si>
    <t>GPS GHALBALIAN WALA</t>
  </si>
  <si>
    <t>Teh/Dist Mwi village Ghalballian wala</t>
  </si>
  <si>
    <t>Ghalballian Wala</t>
  </si>
  <si>
    <t>GHS UMER PUR JANUBI</t>
  </si>
  <si>
    <t>Umer Pur Janubi</t>
  </si>
  <si>
    <t>ghs umer pur janubi</t>
  </si>
  <si>
    <t>Arif Mahmood Khan</t>
  </si>
  <si>
    <t>54806</t>
  </si>
  <si>
    <t>GPS CHANDAY WALA</t>
  </si>
  <si>
    <t>Khar  Gharbi</t>
  </si>
  <si>
    <t>chah candy wala Moza khar Gharbi po sanawan teh kotadu distance  m garh</t>
  </si>
  <si>
    <t>CHAH CHANDIA  WALa</t>
  </si>
  <si>
    <t>Doghar Klassra</t>
  </si>
  <si>
    <t>Hafiz Ghulam Akbar</t>
  </si>
  <si>
    <t>27941</t>
  </si>
  <si>
    <t>GGES CHAK NO. 3</t>
  </si>
  <si>
    <t>Chak 3</t>
  </si>
  <si>
    <t>chak 3</t>
  </si>
  <si>
    <t>Tasnim Kouser</t>
  </si>
  <si>
    <t>39684</t>
  </si>
  <si>
    <t>GPS BASTI SAMNAY KHAN</t>
  </si>
  <si>
    <t>Basti samanay khan markaz kandani teh liaquat pur dist ryk</t>
  </si>
  <si>
    <t>Basti Samanany Khan</t>
  </si>
  <si>
    <t>Ghulam fareed</t>
  </si>
  <si>
    <t>47543</t>
  </si>
  <si>
    <t>27553</t>
  </si>
  <si>
    <t>GGPS BASTI JAM MUHAMMAD NAWAZ</t>
  </si>
  <si>
    <t>Basti jam Muhammed nawaz sahja</t>
  </si>
  <si>
    <t>Mrs Naseem Akhtar</t>
  </si>
  <si>
    <t>16237</t>
  </si>
  <si>
    <t>27538</t>
  </si>
  <si>
    <t>GPS GHARRAT 37000</t>
  </si>
  <si>
    <t>Ghurrat</t>
  </si>
  <si>
    <t>GHURRAT 37000</t>
  </si>
  <si>
    <t>Ghurrat 37000</t>
  </si>
  <si>
    <t>Asmat Taufiq</t>
  </si>
  <si>
    <t>23818</t>
  </si>
  <si>
    <t>10677</t>
  </si>
  <si>
    <t>GPS CHAK NO 133 TDA</t>
  </si>
  <si>
    <t>Chak no 133/tda layyah</t>
  </si>
  <si>
    <t>Chak No 133/tda</t>
  </si>
  <si>
    <t>Iqbal Ahmad</t>
  </si>
  <si>
    <t>29697</t>
  </si>
  <si>
    <t>GGES LAKHO DHER CHAK NO. 48</t>
  </si>
  <si>
    <t>Lakho Dher ch 48</t>
  </si>
  <si>
    <t>Lakho Dher Ch48</t>
  </si>
  <si>
    <t>Zahida Fardoos</t>
  </si>
  <si>
    <t>GMPS MUD AHMED BUX BOHAR</t>
  </si>
  <si>
    <t>basti bohar maoza rakh raikh</t>
  </si>
  <si>
    <t>Pir Ba Sharki</t>
  </si>
  <si>
    <t>Sabira Hafeez</t>
  </si>
  <si>
    <t>GHS SEELWAN</t>
  </si>
  <si>
    <t>Kundian Urban 1</t>
  </si>
  <si>
    <t>Dr Sher Afgan Khan</t>
  </si>
  <si>
    <t>17889</t>
  </si>
  <si>
    <t>GGPS SEER KHARAK NEAR GULSHAT COLONY</t>
  </si>
  <si>
    <t>seer kharak</t>
  </si>
  <si>
    <t>seer kharak nawab pur road multan</t>
  </si>
  <si>
    <t>chah neem wala</t>
  </si>
  <si>
    <t>neel kot</t>
  </si>
  <si>
    <t>GGPS DHAMO ANA</t>
  </si>
  <si>
    <t>Demon Ana</t>
  </si>
  <si>
    <t>ggps demon wala kalan</t>
  </si>
  <si>
    <t>Demon Wala Kalan</t>
  </si>
  <si>
    <t>Arazi Bucheki</t>
  </si>
  <si>
    <t>Aneeqa Shaheen</t>
  </si>
  <si>
    <t>27569</t>
  </si>
  <si>
    <t>37968</t>
  </si>
  <si>
    <t>GGHS CHAK HIMTA</t>
  </si>
  <si>
    <t>Chak himta  TEHSIL and district lodhran</t>
  </si>
  <si>
    <t>ZARA BATOOL</t>
  </si>
  <si>
    <t>34457</t>
  </si>
  <si>
    <t>GPS RAJA PUR P/O MUZAFARABAD CHAH AMIR SHAH WALA</t>
  </si>
  <si>
    <t>Chah Amir Shah wala, near walvat mor, Pul Mmuzaffarabad, Multan</t>
  </si>
  <si>
    <t>Chah Amir Shah Wala</t>
  </si>
  <si>
    <t>51355</t>
  </si>
  <si>
    <t>GGES FARID PUR DOGRAN</t>
  </si>
  <si>
    <t>Farid Pur Dogran</t>
  </si>
  <si>
    <t>farid pur dogran</t>
  </si>
  <si>
    <t>Zahida Saif</t>
  </si>
  <si>
    <t>GGPS DEDHAY LAL</t>
  </si>
  <si>
    <t>Harplu</t>
  </si>
  <si>
    <t>basti dedhay LAL muza harplu</t>
  </si>
  <si>
    <t>Dedhay Lal</t>
  </si>
  <si>
    <t>Shafqat Naheed Kousar</t>
  </si>
  <si>
    <t>29521</t>
  </si>
  <si>
    <t>GGPS RAJO WAL NAU</t>
  </si>
  <si>
    <t>Rajo wal nou</t>
  </si>
  <si>
    <t>Rajo Wal nou</t>
  </si>
  <si>
    <t>GGHS WAZIRAKHAN BAZURGWAL</t>
  </si>
  <si>
    <t>VPO BAZURGWAL TEHSIL KHARIAN DISTRICT GUJRAT</t>
  </si>
  <si>
    <t>safina kousar</t>
  </si>
  <si>
    <t>GMPS PIND BAGGA</t>
  </si>
  <si>
    <t>pind Bagga</t>
  </si>
  <si>
    <t>chimmon</t>
  </si>
  <si>
    <t>Nuzhat Walyat</t>
  </si>
  <si>
    <t>51124</t>
  </si>
  <si>
    <t>27583</t>
  </si>
  <si>
    <t>GHS PHALORA</t>
  </si>
  <si>
    <t>philora</t>
  </si>
  <si>
    <t>vill philora</t>
  </si>
  <si>
    <t>khanan wali</t>
  </si>
  <si>
    <t>imtiaz ali</t>
  </si>
  <si>
    <t>47419</t>
  </si>
  <si>
    <t>27586</t>
  </si>
  <si>
    <t>GPS KHAN MOHAMMAD KAT</t>
  </si>
  <si>
    <t>Moza Ghulam Nabi Lar</t>
  </si>
  <si>
    <t>Gps khan muhammad kat markaz garhi ikhtiar khan.</t>
  </si>
  <si>
    <t>Bast Khan M Kat</t>
  </si>
  <si>
    <t>m.shafiq Khan</t>
  </si>
  <si>
    <t>54451</t>
  </si>
  <si>
    <t>GPS WARA ANDHIAN (UMAR KOT)</t>
  </si>
  <si>
    <t>Wara Andhian</t>
  </si>
  <si>
    <t>Wara Andhian (Umar Kot) Tehsil &amp; District Nankana Sahib.</t>
  </si>
  <si>
    <t>Irfan Tauheed</t>
  </si>
  <si>
    <t>14271</t>
  </si>
  <si>
    <t>GGCMS BASTI MULTANI</t>
  </si>
  <si>
    <t>Kotla Ahmad</t>
  </si>
  <si>
    <t>Basti multani Rajanpur</t>
  </si>
  <si>
    <t>Basti Multani</t>
  </si>
  <si>
    <t>Koala Naseer</t>
  </si>
  <si>
    <t>Abida   Shaheen</t>
  </si>
  <si>
    <t>21958</t>
  </si>
  <si>
    <t>GGPS HARPAL BHATTI</t>
  </si>
  <si>
    <t>Harpal Bhatti</t>
  </si>
  <si>
    <t>GGPS Harpal Bhatti Tehsil Nowsehra Virkan, Gujranwala</t>
  </si>
  <si>
    <t>Ratali Kalan</t>
  </si>
  <si>
    <t>Maria Arshad</t>
  </si>
  <si>
    <t>GGPS KOTLA ABUL FATEH BHAKAR ARBI</t>
  </si>
  <si>
    <t>Kotla Abul Fateh</t>
  </si>
  <si>
    <t>GGPS KOTLA ABUL FATEH</t>
  </si>
  <si>
    <t>Chah Naseem Wala</t>
  </si>
  <si>
    <t>Aalim Gir</t>
  </si>
  <si>
    <t>Fouzia Naseer</t>
  </si>
  <si>
    <t>47026</t>
  </si>
  <si>
    <t>GHS PAKKI SHAH MARDAN</t>
  </si>
  <si>
    <t>vpo pakki shah mardan.mianwali.</t>
  </si>
  <si>
    <t>JAVED IQBAL MALIK</t>
  </si>
  <si>
    <t>GPS MOJOKE DARAP</t>
  </si>
  <si>
    <t>mojokay</t>
  </si>
  <si>
    <t>mojokay darap</t>
  </si>
  <si>
    <t>dongian</t>
  </si>
  <si>
    <t>Zahd Iqbal</t>
  </si>
  <si>
    <t>45941</t>
  </si>
  <si>
    <t>GPS BASTI HAJI M. ESSA</t>
  </si>
  <si>
    <t>Kanday Wali</t>
  </si>
  <si>
    <t>Gbps Basti haji Muhammad  Essa</t>
  </si>
  <si>
    <t>Basti Haji Muhammad Essa</t>
  </si>
  <si>
    <t>Majeed Hussain Ammar</t>
  </si>
  <si>
    <t>GPS KOT KARAM DIN</t>
  </si>
  <si>
    <t>Kot Karm Din</t>
  </si>
  <si>
    <t>kot karm din district nankana</t>
  </si>
  <si>
    <t>Wrbrton Chak575</t>
  </si>
  <si>
    <t>GPS 40 SP</t>
  </si>
  <si>
    <t>40sp</t>
  </si>
  <si>
    <t>Chak NO 40sp</t>
  </si>
  <si>
    <t>40 sp</t>
  </si>
  <si>
    <t>Pirghani</t>
  </si>
  <si>
    <t>MUHAMMAD LIAQAT ALI</t>
  </si>
  <si>
    <t>17370</t>
  </si>
  <si>
    <t>GGPS CHAKORI SHER GHAZI</t>
  </si>
  <si>
    <t>Chakori Sher</t>
  </si>
  <si>
    <t>ggps chakori sher ghazi</t>
  </si>
  <si>
    <t>Maryam Saddique</t>
  </si>
  <si>
    <t>36172</t>
  </si>
  <si>
    <t>36051</t>
  </si>
  <si>
    <t>GGES 171/WB</t>
  </si>
  <si>
    <t>Mitroo</t>
  </si>
  <si>
    <t>171WB Tehsil Mailsi vehari</t>
  </si>
  <si>
    <t>171WB</t>
  </si>
  <si>
    <t>Sobia Bibi</t>
  </si>
  <si>
    <t>54193</t>
  </si>
  <si>
    <t>31572</t>
  </si>
  <si>
    <t>GGES PANDORI NARANG</t>
  </si>
  <si>
    <t>pandori tehsil muridky district sheikhupura</t>
  </si>
  <si>
    <t>Sana Ghani</t>
  </si>
  <si>
    <t>GPS KOT ASLAM</t>
  </si>
  <si>
    <t>Kot Aslam</t>
  </si>
  <si>
    <t>village Kot Aslam tehsil kharian district Gujarat</t>
  </si>
  <si>
    <t>Kolian Shah Husain</t>
  </si>
  <si>
    <t>Muhammad LUQMAN Shabir</t>
  </si>
  <si>
    <t>13292</t>
  </si>
  <si>
    <t>GGPS DHERO MANGRAH</t>
  </si>
  <si>
    <t>Dheero Mangrah</t>
  </si>
  <si>
    <t>GGPS Dheero Mangrah</t>
  </si>
  <si>
    <t>Dheero Mangrag</t>
  </si>
  <si>
    <t>43120</t>
  </si>
  <si>
    <t>35324</t>
  </si>
  <si>
    <t>GGPS AHMAD YAR RID</t>
  </si>
  <si>
    <t>Ahmad Yarrid</t>
  </si>
  <si>
    <t>ahmad yarrid</t>
  </si>
  <si>
    <t>Nabila Sadiq</t>
  </si>
  <si>
    <t>GGPS MC JINDY BRANCH</t>
  </si>
  <si>
    <t>Sirajan Wala</t>
  </si>
  <si>
    <t>Govt Mc G p school jandi branch andron bohar Gate multan</t>
  </si>
  <si>
    <t>Bazar Umer-e-farooq</t>
  </si>
  <si>
    <t>alia zahra</t>
  </si>
  <si>
    <t>GPS BALLOKE VIRKAN</t>
  </si>
  <si>
    <t>Ballo ki virkan</t>
  </si>
  <si>
    <t>ballo ki virkan post office / tehsil nowshera virkan district gujranwala</t>
  </si>
  <si>
    <t>Artali Virkan</t>
  </si>
  <si>
    <t>Muzafar Ali</t>
  </si>
  <si>
    <t>GGPS KHANA BHATTIAN</t>
  </si>
  <si>
    <t>Khana Bhattian</t>
  </si>
  <si>
    <t>Khana bhattian</t>
  </si>
  <si>
    <t>Khety Shah</t>
  </si>
  <si>
    <t>27403</t>
  </si>
  <si>
    <t>GPS MANGNAN WALA</t>
  </si>
  <si>
    <t>MONGNAN WALA</t>
  </si>
  <si>
    <t>Viillage Mongna Wala</t>
  </si>
  <si>
    <t>Mongnan Wala</t>
  </si>
  <si>
    <t>Shoaib Ahmad</t>
  </si>
  <si>
    <t>Filter water in village</t>
  </si>
  <si>
    <t>51211</t>
  </si>
  <si>
    <t>GPS TAPIALA</t>
  </si>
  <si>
    <t>TAPYALA</t>
  </si>
  <si>
    <t>Gps tapyala tehsil kharian district Gujrat</t>
  </si>
  <si>
    <t>Kotlikhudai</t>
  </si>
  <si>
    <t>basti mashori</t>
  </si>
  <si>
    <t>Bastimashori</t>
  </si>
  <si>
    <t>Farhat Aslam</t>
  </si>
  <si>
    <t>29357</t>
  </si>
  <si>
    <t>27409</t>
  </si>
  <si>
    <t>GGPS FASEEH PUR</t>
  </si>
  <si>
    <t>Faseeh Pur</t>
  </si>
  <si>
    <t>GGPS Faseeh Pur P/O jassar teh./dist. narowal</t>
  </si>
  <si>
    <t>Fasih Pur</t>
  </si>
  <si>
    <t>Riffat Ara</t>
  </si>
  <si>
    <t>12788</t>
  </si>
  <si>
    <t>GGPS BASTI NACHING</t>
  </si>
  <si>
    <t>Chatwain</t>
  </si>
  <si>
    <t>basti naching</t>
  </si>
  <si>
    <t>Bastion Naching</t>
  </si>
  <si>
    <t>GPS KOTLA RAIE QABOOL</t>
  </si>
  <si>
    <t>Kotla Raie Qabool</t>
  </si>
  <si>
    <t>Basti Ablani chachar Kotla Raie Qabool.</t>
  </si>
  <si>
    <t>Basti Ablani Chachar</t>
  </si>
  <si>
    <t>Mianwali Sheikhan</t>
  </si>
  <si>
    <t>Mumtaz Mohsin</t>
  </si>
  <si>
    <t>GHS JANDOKE</t>
  </si>
  <si>
    <t>jandoke</t>
  </si>
  <si>
    <t>Vijwan</t>
  </si>
  <si>
    <t>Khalil Ur Rehman Anjum</t>
  </si>
  <si>
    <t>28389</t>
  </si>
  <si>
    <t>GPS LOKRI MARDAN SHAH QADIRABAD</t>
  </si>
  <si>
    <t>Gps lokri mardan shah p.o Qadir Abad Teh.Phalia Dist.M.B.Din</t>
  </si>
  <si>
    <t>Muhammad younas iyaz</t>
  </si>
  <si>
    <t>29301</t>
  </si>
  <si>
    <t>GPS VEERAM HITHAR</t>
  </si>
  <si>
    <t>Veeram Hitther</t>
  </si>
  <si>
    <t>GPS Veeram Hithar P/O khudian Khas kasur</t>
  </si>
  <si>
    <t>Amir Shehzad</t>
  </si>
  <si>
    <t>GPS 14 KB P.O KALYANA</t>
  </si>
  <si>
    <t>14/kb</t>
  </si>
  <si>
    <t>Hafiz Shahzad Ali Attar</t>
  </si>
  <si>
    <t>15337</t>
  </si>
  <si>
    <t>30965</t>
  </si>
  <si>
    <t>14372</t>
  </si>
  <si>
    <t>27430</t>
  </si>
  <si>
    <t>GPS NASIR ABAD BASTI KHATRAN</t>
  </si>
  <si>
    <t>Gps naseer abad basti khetran</t>
  </si>
  <si>
    <t>Basti Khetran</t>
  </si>
  <si>
    <t>Muhammad Ahamd</t>
  </si>
  <si>
    <t>44720</t>
  </si>
  <si>
    <t>14086</t>
  </si>
  <si>
    <t>GGPS MOUZA THAIRI</t>
  </si>
  <si>
    <t>mehray wala</t>
  </si>
  <si>
    <t>Narjiis Batool</t>
  </si>
  <si>
    <t>45963</t>
  </si>
  <si>
    <t>GGPS HASNIAN ABAD</t>
  </si>
  <si>
    <t>Hassanpur Tiwana</t>
  </si>
  <si>
    <t>Rani Shaheen Kousar</t>
  </si>
  <si>
    <t>33668</t>
  </si>
  <si>
    <t>23012</t>
  </si>
  <si>
    <t>GPS SEHNA</t>
  </si>
  <si>
    <t>sehna</t>
  </si>
  <si>
    <t>V.P.O Sehna tehsi kharian district Gujrat</t>
  </si>
  <si>
    <t>33607</t>
  </si>
  <si>
    <t>27439</t>
  </si>
  <si>
    <t>G ZABS PS KOT KAKKAY SHAH</t>
  </si>
  <si>
    <t>Kot Kakkay Shah</t>
  </si>
  <si>
    <t>po box Thatha Alia village Kot Kakkay Shah</t>
  </si>
  <si>
    <t>Qamar Abbas Tahir</t>
  </si>
  <si>
    <t>30502</t>
  </si>
  <si>
    <t>25396</t>
  </si>
  <si>
    <t>27441</t>
  </si>
  <si>
    <t>GHS TAUNSA BERAJ</t>
  </si>
  <si>
    <t>PATTAL GHAIR MUSTAKIL</t>
  </si>
  <si>
    <t>Taunsa Barrage Colony tehsil Kot Addu, District Muzaffargarh</t>
  </si>
  <si>
    <t>Taunsa barrage Colony</t>
  </si>
  <si>
    <t>Zaffar Abbas</t>
  </si>
  <si>
    <t>27443</t>
  </si>
  <si>
    <t>GGPS JOYA</t>
  </si>
  <si>
    <t>joya</t>
  </si>
  <si>
    <t>village joya  p.o khan por sayeda  Teh. pasror Dist. sialkot</t>
  </si>
  <si>
    <t>kingra</t>
  </si>
  <si>
    <t>38293</t>
  </si>
  <si>
    <t>GGPS MOZA QADIRA</t>
  </si>
  <si>
    <t>QADRA</t>
  </si>
  <si>
    <t>G GPS MOZA QADIRA</t>
  </si>
  <si>
    <t>BASTI ASLAMABAD</t>
  </si>
  <si>
    <t>Kalsoom Baloch</t>
  </si>
  <si>
    <t>29194</t>
  </si>
  <si>
    <t>GPS DOST PURA</t>
  </si>
  <si>
    <t>Dost Pura</t>
  </si>
  <si>
    <t>dost pura p/o same teh. and distt. kasur</t>
  </si>
  <si>
    <t>GES 145 WB</t>
  </si>
  <si>
    <t>145/ WB</t>
  </si>
  <si>
    <t>Chak No 145/w.b.P/O Dokota ,Tehsil mailsi</t>
  </si>
  <si>
    <t>Chak No 145/wb</t>
  </si>
  <si>
    <t>1-M</t>
  </si>
  <si>
    <t>31785</t>
  </si>
  <si>
    <t>GGPS DHEENGRAN WALI</t>
  </si>
  <si>
    <t>Shahida Sanaullah</t>
  </si>
  <si>
    <t>GGES ZAFAR ABAD</t>
  </si>
  <si>
    <t>ggeszafarabad</t>
  </si>
  <si>
    <t>Najma Siddiqui</t>
  </si>
  <si>
    <t>33452</t>
  </si>
  <si>
    <t>28381</t>
  </si>
  <si>
    <t>GHS CHAK JANO KALAN</t>
  </si>
  <si>
    <t>chak Jano kalan teh phalia distt M.B.Din</t>
  </si>
  <si>
    <t>31344</t>
  </si>
  <si>
    <t>GGES CHAKOKI</t>
  </si>
  <si>
    <t>Chakoki</t>
  </si>
  <si>
    <t>chakoki</t>
  </si>
  <si>
    <t>Bhoneyki</t>
  </si>
  <si>
    <t>Sumera Yaseen</t>
  </si>
  <si>
    <t>35886</t>
  </si>
  <si>
    <t>GGPS MURAD PUR</t>
  </si>
  <si>
    <t>post office sardar our jhandir moza murad pur tehsil mailsi district vehari</t>
  </si>
  <si>
    <t>Farheen Iqbal</t>
  </si>
  <si>
    <t>47427</t>
  </si>
  <si>
    <t>GPS BASTI SAIDAN</t>
  </si>
  <si>
    <t>Ladha Langar</t>
  </si>
  <si>
    <t>Basti saidan,ladha langar</t>
  </si>
  <si>
    <t>Basti Saidan</t>
  </si>
  <si>
    <t>Zahid Shabbir</t>
  </si>
  <si>
    <t>51191</t>
  </si>
  <si>
    <t>CHAK GABOOL JAHANPUR</t>
  </si>
  <si>
    <t>GGPS JAHANPUR</t>
  </si>
  <si>
    <t>JAHANPUR</t>
  </si>
  <si>
    <t>GPS TARI WALA</t>
  </si>
  <si>
    <t>Tariwala</t>
  </si>
  <si>
    <t>tariwa!a district Gujranwala</t>
  </si>
  <si>
    <t>GGPS CHAK NO.11/A</t>
  </si>
  <si>
    <t>GGPS CHAK NO 11/A</t>
  </si>
  <si>
    <t>CHAK NO 11/A</t>
  </si>
  <si>
    <t>Iram Fatima</t>
  </si>
  <si>
    <t>GGES NAZIR WALA</t>
  </si>
  <si>
    <t>GGES NAZEER WALA chah mapal waka</t>
  </si>
  <si>
    <t>Mapal Wala</t>
  </si>
  <si>
    <t>GGES WALLAYKAY</t>
  </si>
  <si>
    <t>Tehmina Afzal</t>
  </si>
  <si>
    <t>GGPS CHAK NO 102/1-L</t>
  </si>
  <si>
    <t>102/1L</t>
  </si>
  <si>
    <t>Saima Tabassum</t>
  </si>
  <si>
    <t>GPS JAND WALA PO PAKPATTAN</t>
  </si>
  <si>
    <t>Moza jand wala pakpattan</t>
  </si>
  <si>
    <t>15Sp</t>
  </si>
  <si>
    <t>49987</t>
  </si>
  <si>
    <t>GPS NABOO WALA</t>
  </si>
  <si>
    <t>moza rakh khokhar wala</t>
  </si>
  <si>
    <t>Basti Noo</t>
  </si>
  <si>
    <t>Haji Ghulam Shabbir Nasir</t>
  </si>
  <si>
    <t>35895</t>
  </si>
  <si>
    <t>GGPS 205 WB</t>
  </si>
  <si>
    <t>205/wb</t>
  </si>
  <si>
    <t>Ggps 205/Wb post office Dokota mailsi</t>
  </si>
  <si>
    <t>151/wb</t>
  </si>
  <si>
    <t>Humaira Anwar</t>
  </si>
  <si>
    <t>GHS BEHERWAL KALAN</t>
  </si>
  <si>
    <t>GHS Beherwal Kalan</t>
  </si>
  <si>
    <t>jamil ahmad</t>
  </si>
  <si>
    <t>27337</t>
  </si>
  <si>
    <t>GES KOT KHUSHAL</t>
  </si>
  <si>
    <t>Kot Khushakl</t>
  </si>
  <si>
    <t>Kot Khushal</t>
  </si>
  <si>
    <t>GES NANGLIAN</t>
  </si>
  <si>
    <t>Nanglian</t>
  </si>
  <si>
    <t>govt. elementry school nanglian pasrur district sialkot</t>
  </si>
  <si>
    <t>GPS BASTI KABIR SANPAL, TULAMBA</t>
  </si>
  <si>
    <t>Pakka Haji Majeed</t>
  </si>
  <si>
    <t>Basti Kabir  Sunpal Moza Pakka Haji Majeed P/O Jarrahi Tehseel Mian Chunnu District Khanewal</t>
  </si>
  <si>
    <t>Basti Kabir Sunpal</t>
  </si>
  <si>
    <t>Muhammad Shaukat</t>
  </si>
  <si>
    <t>22022</t>
  </si>
  <si>
    <t>GGPS JEUNA</t>
  </si>
  <si>
    <t>Jeuna</t>
  </si>
  <si>
    <t>ggps jeuna tehsil noshehra distt grw</t>
  </si>
  <si>
    <t>Muzzamil Yasmeen</t>
  </si>
  <si>
    <t>38200</t>
  </si>
  <si>
    <t>GPS CHAK NO 337 TDA</t>
  </si>
  <si>
    <t>337/TDA</t>
  </si>
  <si>
    <t>chak No.337/TDA</t>
  </si>
  <si>
    <t>337TDA</t>
  </si>
  <si>
    <t>17391</t>
  </si>
  <si>
    <t>38609</t>
  </si>
  <si>
    <t>GGPS BUGREE</t>
  </si>
  <si>
    <t>village bugri</t>
  </si>
  <si>
    <t>Manawar Sultana</t>
  </si>
  <si>
    <t>28456</t>
  </si>
  <si>
    <t>GGHS DHAL</t>
  </si>
  <si>
    <t>Ammara Farooq</t>
  </si>
  <si>
    <t>GES CHAK NO. 59 MB</t>
  </si>
  <si>
    <t>59mb</t>
  </si>
  <si>
    <t>chak No 59MB Khushab</t>
  </si>
  <si>
    <t>Chak No 59 MB</t>
  </si>
  <si>
    <t>Chak No 63MB</t>
  </si>
  <si>
    <t>GHS GOCHH</t>
  </si>
  <si>
    <t>Gochh</t>
  </si>
  <si>
    <t>village gochh post office aach tehsil kharian district gujrat</t>
  </si>
  <si>
    <t>Aach</t>
  </si>
  <si>
    <t>27429</t>
  </si>
  <si>
    <t>Mehmood pur</t>
  </si>
  <si>
    <t>Chack Bhtti</t>
  </si>
  <si>
    <t>Kubra Batool</t>
  </si>
  <si>
    <t>GGPS BAIT DIWAN QADEEM</t>
  </si>
  <si>
    <t>Bait Dewan Qadeem Khajian Sharf Din</t>
  </si>
  <si>
    <t>Saima Jehangir</t>
  </si>
  <si>
    <t>5567</t>
  </si>
  <si>
    <t>38981</t>
  </si>
  <si>
    <t>GPS GARIAN WALA</t>
  </si>
  <si>
    <t>dera garianwala p/o garmula virkan Tehsil Nowshera Virkan</t>
  </si>
  <si>
    <t>Garianwala</t>
  </si>
  <si>
    <t>Nasir Ali Khan</t>
  </si>
  <si>
    <t>53128</t>
  </si>
  <si>
    <t>GGHS 23/A-GD</t>
  </si>
  <si>
    <t>23-A/GD</t>
  </si>
  <si>
    <t>gghs23agd  okara</t>
  </si>
  <si>
    <t>23A GD</t>
  </si>
  <si>
    <t>38GD</t>
  </si>
  <si>
    <t>Amtul Javed</t>
  </si>
  <si>
    <t>GGPS BASTI YASEEN</t>
  </si>
  <si>
    <t>Peer Chanun Punun</t>
  </si>
  <si>
    <t>basti peer chanun punun 24/p</t>
  </si>
  <si>
    <t>Mud Bhura</t>
  </si>
  <si>
    <t>27664</t>
  </si>
  <si>
    <t>GGHSS MCLEOD GUNJ</t>
  </si>
  <si>
    <t>ahmad pur</t>
  </si>
  <si>
    <t>govt.girls higher secondary school mecleodgunj tehsil minchinabad</t>
  </si>
  <si>
    <t>ahmad pur mecleodgunj</t>
  </si>
  <si>
    <t>Shahida Hafeez</t>
  </si>
  <si>
    <t>34826</t>
  </si>
  <si>
    <t>12017</t>
  </si>
  <si>
    <t>GGPS RAMZAN WALA</t>
  </si>
  <si>
    <t>basti kand moza bhubhar kot adu</t>
  </si>
  <si>
    <t>Basti Kand</t>
  </si>
  <si>
    <t>Sumia Sardar</t>
  </si>
  <si>
    <t>GGPS TAMBO GHALIB SHAH</t>
  </si>
  <si>
    <t>Village Tanmbu</t>
  </si>
  <si>
    <t>tanbu ghalib shah tehsil pasrur district Sialkot</t>
  </si>
  <si>
    <t>Tanmbu Ghalib Shah</t>
  </si>
  <si>
    <t>Naila</t>
  </si>
  <si>
    <t>GGES PILOWAL SIDDIQA</t>
  </si>
  <si>
    <t>Pilowal Siddiqa</t>
  </si>
  <si>
    <t>GGES PILOWAL SIDDIQA TEH LALIAN DISTT CHINIOT</t>
  </si>
  <si>
    <t>TEHMINA UMAR</t>
  </si>
  <si>
    <t>34578</t>
  </si>
  <si>
    <t>GMPS GAHNAY WALA P/O GULZAR</t>
  </si>
  <si>
    <t>sheikh pur</t>
  </si>
  <si>
    <t>Sheikpur</t>
  </si>
  <si>
    <t>Amina Raza</t>
  </si>
  <si>
    <t>47775</t>
  </si>
  <si>
    <t>GGHS ALI WALI PO ALI WALI</t>
  </si>
  <si>
    <t>GGHS ALIWALI, P/O KUNDIAN, TEH. PIPLAN, MIANWALI</t>
  </si>
  <si>
    <t>SHAFFAQ YOUSAF</t>
  </si>
  <si>
    <t>GGPS CHAK NO 106/1-L</t>
  </si>
  <si>
    <t>106/1L</t>
  </si>
  <si>
    <t>chak no 106/1.L</t>
  </si>
  <si>
    <t>Rehana Munir</t>
  </si>
  <si>
    <t>35568</t>
  </si>
  <si>
    <t>37715</t>
  </si>
  <si>
    <t>GGCMES 105/15-L VANJARI, MIAN CHANNU</t>
  </si>
  <si>
    <t>105/15L</t>
  </si>
  <si>
    <t>chak no 105/15L Vanjari</t>
  </si>
  <si>
    <t>GHS NOUSHEHRA EAST</t>
  </si>
  <si>
    <t>Noushehra East</t>
  </si>
  <si>
    <t>Noushehra sharqi tehsil and district rajan pur</t>
  </si>
  <si>
    <t>Muhammad Ahsan Riaz</t>
  </si>
  <si>
    <t>GPS 88/D</t>
  </si>
  <si>
    <t>88/D</t>
  </si>
  <si>
    <t>88/D Pakpattan</t>
  </si>
  <si>
    <t>Noor Ahmad Naeem</t>
  </si>
  <si>
    <t>28296</t>
  </si>
  <si>
    <t>GPS KOT SATTAR GHARBI</t>
  </si>
  <si>
    <t>Kot Sattar Gharbi</t>
  </si>
  <si>
    <t>village Kot sattar Gharbi Teh phalia distt.M.b.din</t>
  </si>
  <si>
    <t>Muhammad Fahad Mukhtar</t>
  </si>
  <si>
    <t>32961</t>
  </si>
  <si>
    <t>GGPS QILA ROOP SINGH</t>
  </si>
  <si>
    <t>po box bucheki village qila roop singh</t>
  </si>
  <si>
    <t>Maryam Aslam</t>
  </si>
  <si>
    <t>54915</t>
  </si>
  <si>
    <t>GPS DERA ALLAH YAR</t>
  </si>
  <si>
    <t>dera Allah Yar</t>
  </si>
  <si>
    <t>Dera Allah Yar</t>
  </si>
  <si>
    <t>SAJAWAL KHAN</t>
  </si>
  <si>
    <t>GGPS DEHREJA NAGAR</t>
  </si>
  <si>
    <t>Moosa Kanju</t>
  </si>
  <si>
    <t>dhareja nagar teh khanpur distt ryk</t>
  </si>
  <si>
    <t>Dhareja Nagar</t>
  </si>
  <si>
    <t>Nazia Shakoor</t>
  </si>
  <si>
    <t>GPS CHAHAR BAJWA</t>
  </si>
  <si>
    <t>village and p/o chahar bajwa tehseel pasrur distt.sialkot</t>
  </si>
  <si>
    <t>Fayyaz Ahmad Bajwa</t>
  </si>
  <si>
    <t>47764</t>
  </si>
  <si>
    <t>GGHS CHAK NO. 10 ML</t>
  </si>
  <si>
    <t>chak no10ml</t>
  </si>
  <si>
    <t>Govt.Girls High School Chak 10ml .piplan .mianwali</t>
  </si>
  <si>
    <t>chak No10ml</t>
  </si>
  <si>
    <t>Qaisra Sultana</t>
  </si>
  <si>
    <t>41927</t>
  </si>
  <si>
    <t>41435</t>
  </si>
  <si>
    <t>27711</t>
  </si>
  <si>
    <t>GPS SUHAIL SINGH</t>
  </si>
  <si>
    <t>basti usman khera</t>
  </si>
  <si>
    <t>Usman Khera</t>
  </si>
  <si>
    <t>GES HELAN</t>
  </si>
  <si>
    <t>Syed Imran Abbas</t>
  </si>
  <si>
    <t>27492</t>
  </si>
  <si>
    <t>GMPS BHOON RATTA</t>
  </si>
  <si>
    <t>Bhoon Ratta</t>
  </si>
  <si>
    <t>GMPS Bhoon Ratta p/o Jalalpur bhattian Teh pindi bhattian Disst Hafizabad</t>
  </si>
  <si>
    <t>Khitty Shah</t>
  </si>
  <si>
    <t>Muhammad Munawar Khan</t>
  </si>
  <si>
    <t>73712</t>
  </si>
  <si>
    <t>GPS CHAK MUNDA</t>
  </si>
  <si>
    <t>615 Tda</t>
  </si>
  <si>
    <t>chak no 615 Tda kot addu district Muzaffargarh</t>
  </si>
  <si>
    <t>Muhammad Naeem Abbas</t>
  </si>
  <si>
    <t>34367</t>
  </si>
  <si>
    <t>GPS BIBI PUR MARDAN PUR MULTAN</t>
  </si>
  <si>
    <t>Murdan Pur</t>
  </si>
  <si>
    <t>chah jamalwala p.o jhoke waince multan</t>
  </si>
  <si>
    <t>Jamalwala</t>
  </si>
  <si>
    <t>Ailum Pur</t>
  </si>
  <si>
    <t>bashir ahmad</t>
  </si>
  <si>
    <t>28009</t>
  </si>
  <si>
    <t>GMPS CHAK NO. 3 MB</t>
  </si>
  <si>
    <t>Govt Model praimry School Chak no 3/MB SHADIA</t>
  </si>
  <si>
    <t>chak 3/mb</t>
  </si>
  <si>
    <t>Asia Nasir</t>
  </si>
  <si>
    <t>17330</t>
  </si>
  <si>
    <t>47729</t>
  </si>
  <si>
    <t>GGHS CHAK NO. 1 ML</t>
  </si>
  <si>
    <t>GGHS Chak1ml, piplan, mianwali</t>
  </si>
  <si>
    <t>Chak1ml</t>
  </si>
  <si>
    <t>GPS KHUDA BAKHSH WALA</t>
  </si>
  <si>
    <t>Hinjri Ghair Mustaqil Darmiyani</t>
  </si>
  <si>
    <t>khuda bux wala</t>
  </si>
  <si>
    <t>Deera Peer Fida Hussain Shah</t>
  </si>
  <si>
    <t>GGPS CHAK NO. 71/P</t>
  </si>
  <si>
    <t>CHAK 71-P</t>
  </si>
  <si>
    <t>CHAK 71-P, P.O. SAHJA</t>
  </si>
  <si>
    <t>40786</t>
  </si>
  <si>
    <t>34459</t>
  </si>
  <si>
    <t>GPS JHOKE BALOO JHOKE BALOO</t>
  </si>
  <si>
    <t>Binda Sindeela</t>
  </si>
  <si>
    <t>basti jhoke ballo multan</t>
  </si>
  <si>
    <t>Jhoke Ballo</t>
  </si>
  <si>
    <t>28030</t>
  </si>
  <si>
    <t>GPS KHAKHAN WALA</t>
  </si>
  <si>
    <t>Near Dera Dulay Wala Roda District Khushab</t>
  </si>
  <si>
    <t>Dera Dulay Wala Roda</t>
  </si>
  <si>
    <t>Hasnain Raza</t>
  </si>
  <si>
    <t>18214</t>
  </si>
  <si>
    <t>14066</t>
  </si>
  <si>
    <t>GGES NIZAM ABAD</t>
  </si>
  <si>
    <t>BASTI NIZAMABAD ABAD NEAR KUT UB NALA</t>
  </si>
  <si>
    <t>NIZAMABAD ABAD</t>
  </si>
  <si>
    <t>GGPS KHORIAN DAKHLI</t>
  </si>
  <si>
    <t>Chak Sakndar</t>
  </si>
  <si>
    <t>Khorian Dakhli</t>
  </si>
  <si>
    <t>Ali Chk</t>
  </si>
  <si>
    <t>17541</t>
  </si>
  <si>
    <t>GGPS CHAK NO. 110/1-L</t>
  </si>
  <si>
    <t>110/1L</t>
  </si>
  <si>
    <t>28036</t>
  </si>
  <si>
    <t>27928</t>
  </si>
  <si>
    <t>GGHS CHORUND</t>
  </si>
  <si>
    <t>vpo chorund tehsil and district mandi bahuudin</t>
  </si>
  <si>
    <t>KHURSHEED NOOR</t>
  </si>
  <si>
    <t>GPS TAHIR KHEL</t>
  </si>
  <si>
    <t>g.p.s tahir khel wan bhachran mianwali</t>
  </si>
  <si>
    <t>Wan Bhachran 1</t>
  </si>
  <si>
    <t>GHS AHMAD NAGAR</t>
  </si>
  <si>
    <t>aHMAD NAGAR</t>
  </si>
  <si>
    <t>GOVT H/S ahmad nagar</t>
  </si>
  <si>
    <t>RIZWAN AKHTAR</t>
  </si>
  <si>
    <t>25969</t>
  </si>
  <si>
    <t>GPS HARI CHAND PURA</t>
  </si>
  <si>
    <t>Hari  Chand Pura</t>
  </si>
  <si>
    <t>Hari chand pura</t>
  </si>
  <si>
    <t>Hari Chand Pura</t>
  </si>
  <si>
    <t>GGPS JATRIA KHURD</t>
  </si>
  <si>
    <t>Jatria khurd</t>
  </si>
  <si>
    <t>jatria khurd p/o chak rajadi tehsil kharian distt.gujrat</t>
  </si>
  <si>
    <t>Shamim Asma</t>
  </si>
  <si>
    <t>51526</t>
  </si>
  <si>
    <t>GPS CHAK NO. 55 SP</t>
  </si>
  <si>
    <t>55/sp</t>
  </si>
  <si>
    <t>chak no 55/sp po dhapai pakpatan</t>
  </si>
  <si>
    <t>GGPS GODHA</t>
  </si>
  <si>
    <t>Godha</t>
  </si>
  <si>
    <t>Village Godha P.O Chabba Sanduwan Tehsil Noshera Virkan District Gujranwala</t>
  </si>
  <si>
    <t>Kot Laddha</t>
  </si>
  <si>
    <t>Summara Noreen</t>
  </si>
  <si>
    <t>GGPS WALGUN SOHAIL</t>
  </si>
  <si>
    <t>Walgun sohail</t>
  </si>
  <si>
    <t>GGP school Walgun sohail</t>
  </si>
  <si>
    <t>27267</t>
  </si>
  <si>
    <t>GES MILLAT KOT ADU</t>
  </si>
  <si>
    <t>Pirharsharqi</t>
  </si>
  <si>
    <t>noor shah road near millo wali masjid kot adu</t>
  </si>
  <si>
    <t>GPS BAKNA WALI</t>
  </si>
  <si>
    <t>Bhaknanwali</t>
  </si>
  <si>
    <t>GOVT.PRIMARY SCHOOL VILLAGE  BHAKNANWALI POST OFFICE DINGA TEH KHARIAN DISTRICT GUJRAT</t>
  </si>
  <si>
    <t>Warriachanwala</t>
  </si>
  <si>
    <t>27281</t>
  </si>
  <si>
    <t>GGHS KHATIALA VIRKAN</t>
  </si>
  <si>
    <t>Khutiala Virkam</t>
  </si>
  <si>
    <t>GGHS  khutiala virkan</t>
  </si>
  <si>
    <t>Khutiala  Virkan</t>
  </si>
  <si>
    <t>Samina Salamat</t>
  </si>
  <si>
    <t>54279</t>
  </si>
  <si>
    <t>GPS BANSI</t>
  </si>
  <si>
    <t>Bansi</t>
  </si>
  <si>
    <t>Bansi post office Dhak</t>
  </si>
  <si>
    <t>GPS CHAK NO 3 GB</t>
  </si>
  <si>
    <t>Chak No 3GB</t>
  </si>
  <si>
    <t>chak no 3 GB Itanwali tehsil and district nankana sahib</t>
  </si>
  <si>
    <t>Ittanwali</t>
  </si>
  <si>
    <t>Ghulam Faried</t>
  </si>
  <si>
    <t>35605</t>
  </si>
  <si>
    <t>GGHS UMAR KHICHI</t>
  </si>
  <si>
    <t>mouza Umar Khichi mailsi</t>
  </si>
  <si>
    <t>dhamakki</t>
  </si>
  <si>
    <t>Tahira Amin</t>
  </si>
  <si>
    <t>25893</t>
  </si>
  <si>
    <t>GGPS KHOKHAR WALI</t>
  </si>
  <si>
    <t>Khokhar Wali</t>
  </si>
  <si>
    <t>GGPS Khokhar Wali Tehsil and district Narowal</t>
  </si>
  <si>
    <t>Mangolay</t>
  </si>
  <si>
    <t>Razia Tabassam</t>
  </si>
  <si>
    <t>GGPS 15-KB WEST</t>
  </si>
  <si>
    <t>15kb West</t>
  </si>
  <si>
    <t>15kb post office pir sader din pakpattan</t>
  </si>
  <si>
    <t>15 Kb West</t>
  </si>
  <si>
    <t>Arshan Begum</t>
  </si>
  <si>
    <t>GMPS ARKI</t>
  </si>
  <si>
    <t>Arki</t>
  </si>
  <si>
    <t>Government Model Primary School Arki Dogran</t>
  </si>
  <si>
    <t>Arki Dogran</t>
  </si>
  <si>
    <t>Saima Aslam</t>
  </si>
  <si>
    <t>54245</t>
  </si>
  <si>
    <t>27298</t>
  </si>
  <si>
    <t>GMPS MATTEY HATTI</t>
  </si>
  <si>
    <t>GGPS matty hati near adda bund bosan</t>
  </si>
  <si>
    <t>Nighat Perveen</t>
  </si>
  <si>
    <t>50886</t>
  </si>
  <si>
    <t>GPS SHAH WALA P.O KHOKHAR WALA</t>
  </si>
  <si>
    <t>Mouza shah wala p/o Khokhar wala</t>
  </si>
  <si>
    <t>27304</t>
  </si>
  <si>
    <t>GPS FAQIR MUHAMMAD CHANG</t>
  </si>
  <si>
    <t>CHAK SARI</t>
  </si>
  <si>
    <t>HAJAIPUR ROAD NEAR TELENOR TOWER BASTI FAQEER MUHAMMAD CHANG</t>
  </si>
  <si>
    <t>BASTI CHANG</t>
  </si>
  <si>
    <t>Chak Lasa</t>
  </si>
  <si>
    <t>Snan Ullah Kamran</t>
  </si>
  <si>
    <t>GPS KALAS WALI VILL P/O BADDOMLHI</t>
  </si>
  <si>
    <t>Kalaswali</t>
  </si>
  <si>
    <t>gps kalaswali po baddomalhi tehsil and district narowal</t>
  </si>
  <si>
    <t>44926</t>
  </si>
  <si>
    <t>GGPS MAKU ANA</t>
  </si>
  <si>
    <t>Makuana</t>
  </si>
  <si>
    <t>Sobia Ramzan</t>
  </si>
  <si>
    <t>29416</t>
  </si>
  <si>
    <t>GMPS HAVELI BAGH WALI</t>
  </si>
  <si>
    <t>Haveli Bagh Wali</t>
  </si>
  <si>
    <t>haveli bagh wali (lakho kalam) kasur</t>
  </si>
  <si>
    <t>Theh Sheikhum</t>
  </si>
  <si>
    <t>Meena</t>
  </si>
  <si>
    <t>27391</t>
  </si>
  <si>
    <t>GGPS HARDO BAGH</t>
  </si>
  <si>
    <t>Hardo Bagh</t>
  </si>
  <si>
    <t>Nasira Ramzan</t>
  </si>
  <si>
    <t>14976</t>
  </si>
  <si>
    <t>Rakh Shah  Gharh</t>
  </si>
  <si>
    <t>G/PS Ghulam Qaqir jatoi</t>
  </si>
  <si>
    <t>Basti Ghulam Qader Jatoi</t>
  </si>
  <si>
    <t>Ghulam Muhammad Arshad</t>
  </si>
  <si>
    <t>GES BABA GHARIB SHAH</t>
  </si>
  <si>
    <t>Kot Dareya</t>
  </si>
  <si>
    <t>basti baba ghareeb shah</t>
  </si>
  <si>
    <t>Baba Gharib Shah</t>
  </si>
  <si>
    <t>R Y K  Deh</t>
  </si>
  <si>
    <t>Abdul Rehman Zahid</t>
  </si>
  <si>
    <t>GES CHAK NO 274/TDA</t>
  </si>
  <si>
    <t>Chak No 274 TDA</t>
  </si>
  <si>
    <t>GPS KAMON GIL</t>
  </si>
  <si>
    <t>Kamon Gil</t>
  </si>
  <si>
    <t>kamon gil phool nagar tehsil pattoki kasur</t>
  </si>
  <si>
    <t>21826</t>
  </si>
  <si>
    <t>GPS PHOLAH BANGLA</t>
  </si>
  <si>
    <t>POHLA Bangla</t>
  </si>
  <si>
    <t>7488</t>
  </si>
  <si>
    <t>27341</t>
  </si>
  <si>
    <t>GPS THATTA HAST</t>
  </si>
  <si>
    <t>Thatha Hast</t>
  </si>
  <si>
    <t>Vpo thatha hast tehsil phalia district mandi bahauddin</t>
  </si>
  <si>
    <t>Rukhshandha Mukhtar</t>
  </si>
  <si>
    <t>GPS KHAN PUR LAHORE</t>
  </si>
  <si>
    <t>GPS Khan pur,near Angora Textile pakka meel stop Multan Road Lahore</t>
  </si>
  <si>
    <t>27344</t>
  </si>
  <si>
    <t>34299</t>
  </si>
  <si>
    <t>GGES BASTI JHOKE WAINS MULTAN</t>
  </si>
  <si>
    <t>Jhokewains Warli</t>
  </si>
  <si>
    <t>Basti Jhokewains kalan Multan</t>
  </si>
  <si>
    <t>Basti Jhokewains</t>
  </si>
  <si>
    <t>Jhokewains</t>
  </si>
  <si>
    <t>GMPS NALI MOHAL</t>
  </si>
  <si>
    <t>Nali Mohal</t>
  </si>
  <si>
    <t>GMPS NALI MOHL</t>
  </si>
  <si>
    <t>NALI Mohl</t>
  </si>
  <si>
    <t>GGPS RADAHNIAN WALA</t>
  </si>
  <si>
    <t>Radhanianwala</t>
  </si>
  <si>
    <t>Govt. girls primary school Radhanianwala</t>
  </si>
  <si>
    <t>Noureen Shabnam</t>
  </si>
  <si>
    <t>GPS MASTAYKAY</t>
  </si>
  <si>
    <t>Mastaykey</t>
  </si>
  <si>
    <t>mastaykey</t>
  </si>
  <si>
    <t>52789</t>
  </si>
  <si>
    <t>27354</t>
  </si>
  <si>
    <t>GMPS NAI ABADI KOTLA NASEER</t>
  </si>
  <si>
    <t>NAI ABADI KOTLA NASEER</t>
  </si>
  <si>
    <t>Sumaira Ahmed</t>
  </si>
  <si>
    <t>53045</t>
  </si>
  <si>
    <t>GHS 27/4-L</t>
  </si>
  <si>
    <t>chak no 27/4L okara</t>
  </si>
  <si>
    <t>CHAK  NO 27/4L</t>
  </si>
  <si>
    <t>Javed Asif</t>
  </si>
  <si>
    <t>GPS BHURARI</t>
  </si>
  <si>
    <t>Bhurari</t>
  </si>
  <si>
    <t>village bhurrari tehsil kamoky district gujranwala</t>
  </si>
  <si>
    <t>Faryad Khan</t>
  </si>
  <si>
    <t>GGPS BORAY WALI</t>
  </si>
  <si>
    <t>village booray wali distt. and tehsil narowal</t>
  </si>
  <si>
    <t>Qamer Adrees</t>
  </si>
  <si>
    <t>48523</t>
  </si>
  <si>
    <t>GPS AKHTER WALA</t>
  </si>
  <si>
    <t>Basti, moza sadhari, Thesil kot addu</t>
  </si>
  <si>
    <t>Shaikh umer</t>
  </si>
  <si>
    <t>MUHAMMAD JAVID</t>
  </si>
  <si>
    <t>37042</t>
  </si>
  <si>
    <t>GHS PUBLIC RAILWAY ROAD, KHANEWAL</t>
  </si>
  <si>
    <t>islam park</t>
  </si>
  <si>
    <t>Railway Road Islam Park Khanewal City</t>
  </si>
  <si>
    <t>Islam park</t>
  </si>
  <si>
    <t>liaqat hussain</t>
  </si>
  <si>
    <t>GMPS SHARF PUR SHAH</t>
  </si>
  <si>
    <t>Sharaf Shah</t>
  </si>
  <si>
    <t>moza sharf shah tehsil Minchin Abad</t>
  </si>
  <si>
    <t>Meraj Bibi</t>
  </si>
  <si>
    <t>GPS ALI PARK ICHARAH LHR</t>
  </si>
  <si>
    <t>govt sulemania school bulding, college road samanabad lahore.</t>
  </si>
  <si>
    <t>29417</t>
  </si>
  <si>
    <t>GMPS BULANDI HITHAR</t>
  </si>
  <si>
    <t>Bulandi</t>
  </si>
  <si>
    <t>bulandi hithar kasur</t>
  </si>
  <si>
    <t>Bulandi Hithar</t>
  </si>
  <si>
    <t>Kotly Rai Abu Baker</t>
  </si>
  <si>
    <t>GGPS KHAI CHAK NO 26</t>
  </si>
  <si>
    <t>Khai Chak # 26</t>
  </si>
  <si>
    <t>Khai chak no. 26 tehsil pattoki, distt kasur.</t>
  </si>
  <si>
    <t>Rahila Nazim Hussain</t>
  </si>
  <si>
    <t>28393</t>
  </si>
  <si>
    <t>GPS TAKHAT MAHAL</t>
  </si>
  <si>
    <t>TAKHAT MAHAL</t>
  </si>
  <si>
    <t>village takhat mahal tehsil phalia district mandi baha ud din</t>
  </si>
  <si>
    <t>bhekho</t>
  </si>
  <si>
    <t>48289</t>
  </si>
  <si>
    <t>47642</t>
  </si>
  <si>
    <t>GGES DHOK BAGHA CHAKRALA</t>
  </si>
  <si>
    <t>GGES DHOKE BAGHA MARKAZ BAN HAFIZ GEE</t>
  </si>
  <si>
    <t>Dhoke BAGHA CHAKRALA</t>
  </si>
  <si>
    <t>Atiqa Batool</t>
  </si>
  <si>
    <t>GPS JAMAT-E-ISLAMI FAZILPUR</t>
  </si>
  <si>
    <t>Canal road right side fazilpur</t>
  </si>
  <si>
    <t>MC Fazilpur</t>
  </si>
  <si>
    <t>28065</t>
  </si>
  <si>
    <t>GHS KOTLA ALI DASTI</t>
  </si>
  <si>
    <t>Kotla Ali Dasti</t>
  </si>
  <si>
    <t>Mouza Kotla Ali Dasti Tehsil &amp; District Lodhran</t>
  </si>
  <si>
    <t>Kamalpur Jatial</t>
  </si>
  <si>
    <t>NAFEES AHMAD MALIK</t>
  </si>
  <si>
    <t>GGPS CHAH DHILLOO WALA</t>
  </si>
  <si>
    <t>Jhok Gamu</t>
  </si>
  <si>
    <t>basti shor kot</t>
  </si>
  <si>
    <t>Kasba E Sani</t>
  </si>
  <si>
    <t>Kanwal Firdos Ghouri</t>
  </si>
  <si>
    <t>41258</t>
  </si>
  <si>
    <t>GMPS KUNDBORH</t>
  </si>
  <si>
    <t>Kundborh</t>
  </si>
  <si>
    <t>GMPS KUND BOHAR P/O JANDRAKA DISTRICT OKARA</t>
  </si>
  <si>
    <t>KUND BOHAR</t>
  </si>
  <si>
    <t>GGHS CHAK NO. 100/P</t>
  </si>
  <si>
    <t>Chak No 100/P</t>
  </si>
  <si>
    <t>GGHS Chak No 100/P Rahim Yar Khan</t>
  </si>
  <si>
    <t>SAIMA HABIB ULLAH</t>
  </si>
  <si>
    <t>28083</t>
  </si>
  <si>
    <t>GES CHAK NO. 21/SP</t>
  </si>
  <si>
    <t>Chack No 21-SP</t>
  </si>
  <si>
    <t>Chack No 21-SP pakpattan</t>
  </si>
  <si>
    <t>Chack Noor Muhammad Muhammad Muhammad Muhammad  Muhammad Muhammad Muhammad</t>
  </si>
  <si>
    <t>26430</t>
  </si>
  <si>
    <t>GPS HAKU WARA P/O WARBURTON</t>
  </si>
  <si>
    <t>Haku Wara</t>
  </si>
  <si>
    <t>haku Wara</t>
  </si>
  <si>
    <t>TANVEER ILAHI</t>
  </si>
  <si>
    <t>28125</t>
  </si>
  <si>
    <t>32927</t>
  </si>
  <si>
    <t>GPS CHORA SAGHAR</t>
  </si>
  <si>
    <t>chora saghar</t>
  </si>
  <si>
    <t>chora saghar post office 4 chak rasala tehsil and district nankana sahib</t>
  </si>
  <si>
    <t>miran pur</t>
  </si>
  <si>
    <t>28127</t>
  </si>
  <si>
    <t>GPS MITHAN KOT NO. 3</t>
  </si>
  <si>
    <t>new abadi kot mithan</t>
  </si>
  <si>
    <t>Irfan Yousaf</t>
  </si>
  <si>
    <t>GES KOT BALIAN MIANWALI</t>
  </si>
  <si>
    <t>Kotbelian</t>
  </si>
  <si>
    <t>vpo Kotbelian</t>
  </si>
  <si>
    <t>Hameed Raza</t>
  </si>
  <si>
    <t>28129</t>
  </si>
  <si>
    <t>GPS ABU ZAHBI COLONY NO. 4</t>
  </si>
  <si>
    <t>54p</t>
  </si>
  <si>
    <t>colony 3</t>
  </si>
  <si>
    <t>Colony 3</t>
  </si>
  <si>
    <t>GPS DANRIEN</t>
  </si>
  <si>
    <t>Kallan shah</t>
  </si>
  <si>
    <t>basti kallan shah p /o darien t /d muzzafargerh</t>
  </si>
  <si>
    <t>Ishfaq Hussain Shah</t>
  </si>
  <si>
    <t>27516</t>
  </si>
  <si>
    <t>GGPS DEELAY WALI</t>
  </si>
  <si>
    <t>Deelay Wali</t>
  </si>
  <si>
    <t>deelay wali</t>
  </si>
  <si>
    <t>28141</t>
  </si>
  <si>
    <t>GPS SHUJA ABAD</t>
  </si>
  <si>
    <t>Chanwala</t>
  </si>
  <si>
    <t>Basti Almani p/o Qasba Gujrat Teh. Koto Addu District. Muzaffargarh</t>
  </si>
  <si>
    <t>Basti Almani</t>
  </si>
  <si>
    <t>Glazi Ghat</t>
  </si>
  <si>
    <t>Muhammad Amjad Kareem</t>
  </si>
  <si>
    <t>GGHS LOW INCOME SCHEME KHANPUR</t>
  </si>
  <si>
    <t>GGHS LOW INCOME SCHEME KHAN PUR</t>
  </si>
  <si>
    <t>Fakhra Tabbasum</t>
  </si>
  <si>
    <t>GPS CHAK NO. 82/P</t>
  </si>
  <si>
    <t>82p</t>
  </si>
  <si>
    <t>Chak  No 82/p</t>
  </si>
  <si>
    <t>UBAID UR REHMAN</t>
  </si>
  <si>
    <t>28816</t>
  </si>
  <si>
    <t>28147</t>
  </si>
  <si>
    <t>37225</t>
  </si>
  <si>
    <t>GGPS TARIQ ABAD, KHANEWAL</t>
  </si>
  <si>
    <t>ggps tqriq abad</t>
  </si>
  <si>
    <t>Sumaira Khalid Do Khalid Mehmood</t>
  </si>
  <si>
    <t>17584</t>
  </si>
  <si>
    <t>GPS DHOK GHAZI KHEL</t>
  </si>
  <si>
    <t>p/o chadha village dhoke ghazi khel</t>
  </si>
  <si>
    <t>Dhoke Ghazi Khel</t>
  </si>
  <si>
    <t>28151</t>
  </si>
  <si>
    <t>GGPS KOTLA ANADAN</t>
  </si>
  <si>
    <t>ggps kotla anandan</t>
  </si>
  <si>
    <t>Sadho Ke</t>
  </si>
  <si>
    <t>Sumaira Bashir</t>
  </si>
  <si>
    <t>28152</t>
  </si>
  <si>
    <t>GPS DERMANI</t>
  </si>
  <si>
    <t>Daramari</t>
  </si>
  <si>
    <t>P/O muradabad mouza dermari</t>
  </si>
  <si>
    <t>Dermari</t>
  </si>
  <si>
    <t>Muradabaf</t>
  </si>
  <si>
    <t>28153</t>
  </si>
  <si>
    <t>GES CHAK NO 332 TDA</t>
  </si>
  <si>
    <t>332/tda</t>
  </si>
  <si>
    <t>chak no 332/tda chowk azam tehsil &amp; district layyah</t>
  </si>
  <si>
    <t>Chak No 332/tda</t>
  </si>
  <si>
    <t>Layyah Thal Kallan</t>
  </si>
  <si>
    <t>51582</t>
  </si>
  <si>
    <t>GGPS 57/SP</t>
  </si>
  <si>
    <t>Jhangir</t>
  </si>
  <si>
    <t>GGPS57SP Pakpattn</t>
  </si>
  <si>
    <t>57sp</t>
  </si>
  <si>
    <t>Rubina Yaqub</t>
  </si>
  <si>
    <t>18655</t>
  </si>
  <si>
    <t>32682</t>
  </si>
  <si>
    <t>GES BAGGA CHAK NO. 2/GB</t>
  </si>
  <si>
    <t>Bagga Chak</t>
  </si>
  <si>
    <t>bagga chak</t>
  </si>
  <si>
    <t>M Mansha</t>
  </si>
  <si>
    <t>33550</t>
  </si>
  <si>
    <t>GPS MALLAH KHAIL</t>
  </si>
  <si>
    <t>Moza shah pur p/o box kot mithan district rajan pur.</t>
  </si>
  <si>
    <t>Muhammad Anwer</t>
  </si>
  <si>
    <t>GGPS BASTI GULL MUHAMMAD</t>
  </si>
  <si>
    <t>TIBBI GUL MUHAMMAD-FEMALE</t>
  </si>
  <si>
    <t>Tibbi Gul Muh</t>
  </si>
  <si>
    <t>Basti gul Muhammad</t>
  </si>
  <si>
    <t>27848</t>
  </si>
  <si>
    <t>28391</t>
  </si>
  <si>
    <t>GPS DANDKA GHARBI</t>
  </si>
  <si>
    <t>Dandka</t>
  </si>
  <si>
    <t>dandka gharbi</t>
  </si>
  <si>
    <t>48182</t>
  </si>
  <si>
    <t>27883</t>
  </si>
  <si>
    <t>GHS PUBLIC WASU MB DIN</t>
  </si>
  <si>
    <t>Wasu MB DIN</t>
  </si>
  <si>
    <t>M.Nawaz</t>
  </si>
  <si>
    <t>51736</t>
  </si>
  <si>
    <t>GMPS 75/D</t>
  </si>
  <si>
    <t>75/d</t>
  </si>
  <si>
    <t>chuk#75/d</t>
  </si>
  <si>
    <t>Noorpure 93/d</t>
  </si>
  <si>
    <t>Naveeda iqbal</t>
  </si>
  <si>
    <t>27858</t>
  </si>
  <si>
    <t>37323</t>
  </si>
  <si>
    <t>GGES 19/9-R SHARQI, KACHA KHUH</t>
  </si>
  <si>
    <t>GGES 19/9r sharqi kacha khuh</t>
  </si>
  <si>
    <t>Sumaira Perveen</t>
  </si>
  <si>
    <t>GPS NITHER KAY</t>
  </si>
  <si>
    <t>Nitherkay</t>
  </si>
  <si>
    <t>nitherkay p/o same teh nowshera virkan gujjranwala</t>
  </si>
  <si>
    <t>GPS MACCO WARID</t>
  </si>
  <si>
    <t>Kotla Meran</t>
  </si>
  <si>
    <t>GPS Macco Wareed</t>
  </si>
  <si>
    <t>Jam Sharoo</t>
  </si>
  <si>
    <t>GGCMES DEENA NAATH CHAK NO.66</t>
  </si>
  <si>
    <t>Dena Nanth</t>
  </si>
  <si>
    <t>Government girls community model E/S Dina nath</t>
  </si>
  <si>
    <t>47379</t>
  </si>
  <si>
    <t>MAHARAN WALA-FEMALE</t>
  </si>
  <si>
    <t>maharanwala</t>
  </si>
  <si>
    <t>GPS BASTI BHUTTIAN</t>
  </si>
  <si>
    <t>Basti bhattian chak no.100p RYK</t>
  </si>
  <si>
    <t>Basti Bhattian</t>
  </si>
  <si>
    <t>Chak 100p Ryk</t>
  </si>
  <si>
    <t>52655</t>
  </si>
  <si>
    <t>31054</t>
  </si>
  <si>
    <t>GPS DINA NATH</t>
  </si>
  <si>
    <t>GPS dina nath</t>
  </si>
  <si>
    <t>Farah Khalid</t>
  </si>
  <si>
    <t>GPS DHOLA</t>
  </si>
  <si>
    <t>dhola</t>
  </si>
  <si>
    <t>village and post office dhola tehsil phalia district mandi bahuddin</t>
  </si>
  <si>
    <t>28486</t>
  </si>
  <si>
    <t>GPS TIBI WALA MOZA DURANA LINGANA</t>
  </si>
  <si>
    <t>shalimar colony near model town T chowk</t>
  </si>
  <si>
    <t>Tibbi Wala Shalimar</t>
  </si>
  <si>
    <t>40491</t>
  </si>
  <si>
    <t>27832</t>
  </si>
  <si>
    <t>52848</t>
  </si>
  <si>
    <t>53207</t>
  </si>
  <si>
    <t>GPS CHAK 23/4L</t>
  </si>
  <si>
    <t>chack no 23/4l bhour, teh and district okara</t>
  </si>
  <si>
    <t>31/4l</t>
  </si>
  <si>
    <t>7137</t>
  </si>
  <si>
    <t>25721</t>
  </si>
  <si>
    <t>GES BHANIAN</t>
  </si>
  <si>
    <t>Bhanian</t>
  </si>
  <si>
    <t>GGPS DERA SALHOON</t>
  </si>
  <si>
    <t>Dera Salehoon</t>
  </si>
  <si>
    <t>Dera salehoon,dhok kasib</t>
  </si>
  <si>
    <t>Zakia Anwar</t>
  </si>
  <si>
    <t>51435</t>
  </si>
  <si>
    <t>GPS 20/SP PAKPATTAN</t>
  </si>
  <si>
    <t>Abdul Rashid Ahmad Faisal</t>
  </si>
  <si>
    <t>30510</t>
  </si>
  <si>
    <t>46155</t>
  </si>
  <si>
    <t>GHS WAHEER</t>
  </si>
  <si>
    <t>Vpo Waheer Khushab</t>
  </si>
  <si>
    <t>11109</t>
  </si>
  <si>
    <t>GPS SUMRA NASHAIB</t>
  </si>
  <si>
    <t>Khokhar Wala</t>
  </si>
  <si>
    <t>Moza Rakh Khokhar Wala</t>
  </si>
  <si>
    <t>GMPS DUFLI KABIR KHAN</t>
  </si>
  <si>
    <t>Dufli kabir khan</t>
  </si>
  <si>
    <t>dufli kabir khan</t>
  </si>
  <si>
    <t>Rabia Atta</t>
  </si>
  <si>
    <t>27910</t>
  </si>
  <si>
    <t>GGCMES MOUSA KANJOO</t>
  </si>
  <si>
    <t>Mousa Kanjoo</t>
  </si>
  <si>
    <t>basti shah da khoo moza mousa kanjoo tehsil khanpur district rahim yar khan</t>
  </si>
  <si>
    <t>TOOBA SHAKIL</t>
  </si>
  <si>
    <t>37956</t>
  </si>
  <si>
    <t>GHS MEHR ABAD</t>
  </si>
  <si>
    <t>MEHAR ABAD SHARIF, MOUZA GOGRAN, TEHSIL &amp; DISTRICT LODHRAN</t>
  </si>
  <si>
    <t>MEHAR ABAD SHARIF</t>
  </si>
  <si>
    <t>93150</t>
  </si>
  <si>
    <t>10597</t>
  </si>
  <si>
    <t>53928</t>
  </si>
  <si>
    <t>GPS CHAK NO. 427/TDA</t>
  </si>
  <si>
    <t>chak no 427 TDA</t>
  </si>
  <si>
    <t>Chak No 427TDA</t>
  </si>
  <si>
    <t>Peer Juggi</t>
  </si>
  <si>
    <t>Zatoon Bibi</t>
  </si>
  <si>
    <t>GGPS KHOLA</t>
  </si>
  <si>
    <t>new abadi khola chah lal wala</t>
  </si>
  <si>
    <t>chah lal wala khola</t>
  </si>
  <si>
    <t>maria qibtia</t>
  </si>
  <si>
    <t>53117</t>
  </si>
  <si>
    <t>GGHS CHAK NO.43/GD</t>
  </si>
  <si>
    <t>chak no. 43 GD okara</t>
  </si>
  <si>
    <t>GGHS Chak No. 43 GD Okara</t>
  </si>
  <si>
    <t>Chak No. 43 GD Okara</t>
  </si>
  <si>
    <t>BURJ JIWI KHAN</t>
  </si>
  <si>
    <t>37379</t>
  </si>
  <si>
    <t>GMPS 77/15-L, P/O 67/15-L, KACHA KHUH</t>
  </si>
  <si>
    <t>77/15L</t>
  </si>
  <si>
    <t>chak no.77/15L p/o 67/15L khanewal</t>
  </si>
  <si>
    <t>Razia Bashir</t>
  </si>
  <si>
    <t>46051</t>
  </si>
  <si>
    <t>GGPS NOORI MITHA TIWANA</t>
  </si>
  <si>
    <t>CHAK NO 40/MB (FEMALE)</t>
  </si>
  <si>
    <t>Mithatiwana</t>
  </si>
  <si>
    <t>moh mahlana wala mithatiwana</t>
  </si>
  <si>
    <t>Mc Mithatiwana</t>
  </si>
  <si>
    <t>Ambreen Javaid</t>
  </si>
  <si>
    <t>GGPS FARIDIA</t>
  </si>
  <si>
    <t>rakh kot mithn</t>
  </si>
  <si>
    <t>New Abadii</t>
  </si>
  <si>
    <t>Asma Faheem</t>
  </si>
  <si>
    <t>GGPS FAISAL COLONY</t>
  </si>
  <si>
    <t>Government girls primary school Faisal colony pattoki</t>
  </si>
  <si>
    <t>City Pattoki</t>
  </si>
  <si>
    <t>Sofia Kalsoom</t>
  </si>
  <si>
    <t>25495</t>
  </si>
  <si>
    <t>25811</t>
  </si>
  <si>
    <t>GGES MODEL BAHBAL WALI</t>
  </si>
  <si>
    <t>Behbalwali</t>
  </si>
  <si>
    <t>GGESBehbalwali</t>
  </si>
  <si>
    <t>GGPS DHOK KHANDA</t>
  </si>
  <si>
    <t>Dhok khanda p/o chakda ban hafiz g Tehsil and District Mianwali</t>
  </si>
  <si>
    <t>Dhok Khanda</t>
  </si>
  <si>
    <t>Ban Hafiz G</t>
  </si>
  <si>
    <t>Ishrat Riaz</t>
  </si>
  <si>
    <t>GGPS HAJI KOT</t>
  </si>
  <si>
    <t>Kot Haji</t>
  </si>
  <si>
    <t>Chah Piaray Wala post Office Bahmni Wala lodhran</t>
  </si>
  <si>
    <t>Piaray Wala</t>
  </si>
  <si>
    <t>Sheer Pur</t>
  </si>
  <si>
    <t>Sanam Mehmood</t>
  </si>
  <si>
    <t>12067</t>
  </si>
  <si>
    <t>GGPS TAUNSA BAIRAGE</t>
  </si>
  <si>
    <t>near taunsa barrage colony</t>
  </si>
  <si>
    <t>Kacha Patal</t>
  </si>
  <si>
    <t>Sehrish Amin</t>
  </si>
  <si>
    <t>GMPS BULAR WALI</t>
  </si>
  <si>
    <t>Balarwali</t>
  </si>
  <si>
    <t>village bularwali Po bajra garhi tahsil pasrur dist Sialkot.</t>
  </si>
  <si>
    <t>Sobia Kiran</t>
  </si>
  <si>
    <t>52710</t>
  </si>
  <si>
    <t>32892</t>
  </si>
  <si>
    <t>GPS CHAK NO.12/68 E</t>
  </si>
  <si>
    <t>Chak No 12/68 East</t>
  </si>
  <si>
    <t>GPS Chak No 12/68 East, tehsil and district nankana sahib</t>
  </si>
  <si>
    <t>Ahmed Ali</t>
  </si>
  <si>
    <t>27951</t>
  </si>
  <si>
    <t>GPS CHAK NO 338 TDA</t>
  </si>
  <si>
    <t>338/tda</t>
  </si>
  <si>
    <t>chak no 338/tda</t>
  </si>
  <si>
    <t>Chak No 338/tda</t>
  </si>
  <si>
    <t>Layyah That Klan</t>
  </si>
  <si>
    <t>Raza MUHAMMAD</t>
  </si>
  <si>
    <t>29509</t>
  </si>
  <si>
    <t>GGPS BANGLA CANAL COLONY KHUDIAN</t>
  </si>
  <si>
    <t>Bangla canal Colony khudian khas</t>
  </si>
  <si>
    <t>Bangla Canal Colony</t>
  </si>
  <si>
    <t>GGPS BASTI SOHEEN</t>
  </si>
  <si>
    <t>Sohain</t>
  </si>
  <si>
    <t>kotla Ahmad basti sohain rajanpur</t>
  </si>
  <si>
    <t>Zareena Asif</t>
  </si>
  <si>
    <t>27957</t>
  </si>
  <si>
    <t>GHS CHAK NO. 109/1-L</t>
  </si>
  <si>
    <t>Chak No 109/1-L</t>
  </si>
  <si>
    <t>Chak No.109/1-L Tehsil Khanpur Distt:Rahim Yar khan</t>
  </si>
  <si>
    <t>109/1-L</t>
  </si>
  <si>
    <t>Chak 45/p</t>
  </si>
  <si>
    <t>SHAHID SALEEM</t>
  </si>
  <si>
    <t>27958</t>
  </si>
  <si>
    <t>GGPS CHAK 126/NP</t>
  </si>
  <si>
    <t>Chak 126/NP</t>
  </si>
  <si>
    <t>126/NP</t>
  </si>
  <si>
    <t>Sana Zulfiqar</t>
  </si>
  <si>
    <t>GGHS BARANA</t>
  </si>
  <si>
    <t>Barana lalian tehsil lalian district chiniot</t>
  </si>
  <si>
    <t>barana</t>
  </si>
  <si>
    <t>23084</t>
  </si>
  <si>
    <t>GPS CHAK MEHMOOD</t>
  </si>
  <si>
    <t>VPO Chak Mehmood tehsil kharian district gujrat</t>
  </si>
  <si>
    <t>Zagham Anwar</t>
  </si>
  <si>
    <t>20526</t>
  </si>
  <si>
    <t>GHS MODEL MINCHIN ABAD</t>
  </si>
  <si>
    <t>city mnd</t>
  </si>
  <si>
    <t>College Road Minnchinabad</t>
  </si>
  <si>
    <t>GPS TONGA WALI</t>
  </si>
  <si>
    <t>Tonga Wali</t>
  </si>
  <si>
    <t>village  tonga wali p/o chabba sandwan tehsil N,virkan Distt  Grw</t>
  </si>
  <si>
    <t>25708</t>
  </si>
  <si>
    <t>GPS JAMAN CHANDOWAL</t>
  </si>
  <si>
    <t>Village Saraan</t>
  </si>
  <si>
    <t>Govt Primary School Jaman Chandowal Waqia Saran</t>
  </si>
  <si>
    <t>Saaran</t>
  </si>
  <si>
    <t>33050</t>
  </si>
  <si>
    <t>GGPS ALI JAJ</t>
  </si>
  <si>
    <t>Ali Judge</t>
  </si>
  <si>
    <t>Govt girls primary school ali judge post office syedwala</t>
  </si>
  <si>
    <t>GGPS KACHI WALI</t>
  </si>
  <si>
    <t>KACHI WALI</t>
  </si>
  <si>
    <t>HASSAN PUR TRUND</t>
  </si>
  <si>
    <t>Mehwish Mureed</t>
  </si>
  <si>
    <t>13893</t>
  </si>
  <si>
    <t>GPS RANA JAFFAR ALI</t>
  </si>
  <si>
    <t>Rakh Maari</t>
  </si>
  <si>
    <t>moza rakh maari p/o shikarpur teh &amp; distt. rajanpur</t>
  </si>
  <si>
    <t>Basti Rana Abdul Rahman</t>
  </si>
  <si>
    <t>aamir masood</t>
  </si>
  <si>
    <t>28178</t>
  </si>
  <si>
    <t>GPS SARISHTA BAIROON</t>
  </si>
  <si>
    <t>Sarishta Nashab</t>
  </si>
  <si>
    <t>chah kalar wala</t>
  </si>
  <si>
    <t>Chah Nowa</t>
  </si>
  <si>
    <t>11624</t>
  </si>
  <si>
    <t>GGPS KHANJRI KHEL</t>
  </si>
  <si>
    <t>wandaah khanjri khel P/O Musa Khel</t>
  </si>
  <si>
    <t>Khanjri Khel</t>
  </si>
  <si>
    <t>GGPS GABOOL DHUNDI</t>
  </si>
  <si>
    <t>KOT ZABAIRY</t>
  </si>
  <si>
    <t>GGPS GBOOL DHUNDI</t>
  </si>
  <si>
    <t>BASTI BUDH</t>
  </si>
  <si>
    <t>GGPS PEER KAMAL</t>
  </si>
  <si>
    <t>Peer Kamal</t>
  </si>
  <si>
    <t>Matteky</t>
  </si>
  <si>
    <t>Madiha Akram</t>
  </si>
  <si>
    <t>GES BHAKHO BHATTI</t>
  </si>
  <si>
    <t>Bakho Bhatti</t>
  </si>
  <si>
    <t>Village Bakho Bhatti Tehsil Pasrur District Sialkot</t>
  </si>
  <si>
    <t>Bhakho Bhatti</t>
  </si>
  <si>
    <t>Mubshar Raza</t>
  </si>
  <si>
    <t>27274</t>
  </si>
  <si>
    <t>GGES 9-B/8-R, TULAMBA</t>
  </si>
  <si>
    <t>chak 9b/8r p/o khaliqabad markaz tulamba 1 teh m channu</t>
  </si>
  <si>
    <t>Chak 9b/8r</t>
  </si>
  <si>
    <t>30891</t>
  </si>
  <si>
    <t>GHS ISLAMIA SANT NAGAR LAHORE</t>
  </si>
  <si>
    <t>govt is lamia high school Santa nagar lahore</t>
  </si>
  <si>
    <t>Sant Nagar Islampura</t>
  </si>
  <si>
    <t>SARDAR ALI BHUTTA</t>
  </si>
  <si>
    <t>48007</t>
  </si>
  <si>
    <t>GGPS KUTANAY KHEL KUNDIAN</t>
  </si>
  <si>
    <t>GGPS Kuttanay Khel,Kundian</t>
  </si>
  <si>
    <t>MOH.Hyat Abaad</t>
  </si>
  <si>
    <t>KUNDIAN Rural</t>
  </si>
  <si>
    <t>Samreen Kousar</t>
  </si>
  <si>
    <t>GGES CHAK NO.18 GB</t>
  </si>
  <si>
    <t>Chak 18</t>
  </si>
  <si>
    <t>Chak # 18,GB</t>
  </si>
  <si>
    <t>Chak # 18 GB</t>
  </si>
  <si>
    <t>12 Chak Garmulla</t>
  </si>
  <si>
    <t>Fouzia Liaquat</t>
  </si>
  <si>
    <t>GHS CHIRYA WALA</t>
  </si>
  <si>
    <t>chiryawala</t>
  </si>
  <si>
    <t>village &amp; post office chiryawala, tehsil kharian, district gujrat</t>
  </si>
  <si>
    <t>MUHAMAD SAJJAD</t>
  </si>
  <si>
    <t>GPS DARBAR AHMED SHAH</t>
  </si>
  <si>
    <t>basti khuda baksh gadola</t>
  </si>
  <si>
    <t>khuda baksh gadola</t>
  </si>
  <si>
    <t>fateh Pur</t>
  </si>
  <si>
    <t>GGPS NAROZ PUR</t>
  </si>
  <si>
    <t>Noroz Pur</t>
  </si>
  <si>
    <t>narozpur</t>
  </si>
  <si>
    <t>Narozpur</t>
  </si>
  <si>
    <t>lohar wala matital</t>
  </si>
  <si>
    <t>Matital</t>
  </si>
  <si>
    <t>Jungle Karlan</t>
  </si>
  <si>
    <t>GES SAHAD</t>
  </si>
  <si>
    <t>Sahad</t>
  </si>
  <si>
    <t>sahad T/ Kasur</t>
  </si>
  <si>
    <t>Sahaf</t>
  </si>
  <si>
    <t>Kotli Ray Abubakr</t>
  </si>
  <si>
    <t>Muhammad Siddique Hasrat</t>
  </si>
  <si>
    <t>GPS THATH DIGROCHA</t>
  </si>
  <si>
    <t>Thath Dirgrocha</t>
  </si>
  <si>
    <t>thath dirgrocha</t>
  </si>
  <si>
    <t>Jataoii</t>
  </si>
  <si>
    <t>Malik Muhammad Afzal</t>
  </si>
  <si>
    <t>GGPS NAKHAY</t>
  </si>
  <si>
    <t>Nakhy</t>
  </si>
  <si>
    <t>GGP/S Nakhay</t>
  </si>
  <si>
    <t>54587</t>
  </si>
  <si>
    <t>GPS PAR LAKHAN</t>
  </si>
  <si>
    <t>Par Lakhan</t>
  </si>
  <si>
    <t>GPS par lakhan p/o par ahmad tehsil Pindi Bhattian district hfz.</t>
  </si>
  <si>
    <t>Mian Hifzur Rahman Nasir</t>
  </si>
  <si>
    <t>28464</t>
  </si>
  <si>
    <t>13849</t>
  </si>
  <si>
    <t>GHS CHAK JINDO SHAH</t>
  </si>
  <si>
    <t>Chowk Zohrani Haji pur Road Raja Pur</t>
  </si>
  <si>
    <t>Chak Jindu Shah</t>
  </si>
  <si>
    <t>47748</t>
  </si>
  <si>
    <t>GHS KHOLA SAEED ABAD PO DING VIA CHASHMA BAR</t>
  </si>
  <si>
    <t>GHS  KHOLA SAEEDABAD,  PIPLAN MIANWALI</t>
  </si>
  <si>
    <t>28467</t>
  </si>
  <si>
    <t>GGPS BHAN AHMED WALA</t>
  </si>
  <si>
    <t>Bhan Ahmad Wala   Roda</t>
  </si>
  <si>
    <t>G.G P/S Bhan Ahmad Wala Roda</t>
  </si>
  <si>
    <t>Bhan Ahmad Wala  Roda</t>
  </si>
  <si>
    <t>Hira Ramzan</t>
  </si>
  <si>
    <t>GGES MOONG WADH MULTAN TATEYPUR</t>
  </si>
  <si>
    <t>Mongwadh</t>
  </si>
  <si>
    <t>basti mong wadh dakhna taty pur tasil multan</t>
  </si>
  <si>
    <t>23198</t>
  </si>
  <si>
    <t>15152</t>
  </si>
  <si>
    <t>28470</t>
  </si>
  <si>
    <t>GGPS MC JUMA MOHALLAH MBDIN</t>
  </si>
  <si>
    <t>mbdin</t>
  </si>
  <si>
    <t>near railway hockey ground juma moh mb.din</t>
  </si>
  <si>
    <t>mbdin4</t>
  </si>
  <si>
    <t>Amtal quyyum</t>
  </si>
  <si>
    <t>14091</t>
  </si>
  <si>
    <t>27453</t>
  </si>
  <si>
    <t>GMPS JAG BHATTI</t>
  </si>
  <si>
    <t>Jag Bhatti</t>
  </si>
  <si>
    <t>Jag Bhatti  Tehsil Pindi Bhattian District  Hafizabad</t>
  </si>
  <si>
    <t>Uzma Muzaffar</t>
  </si>
  <si>
    <t>11538</t>
  </si>
  <si>
    <t>47069</t>
  </si>
  <si>
    <t>GES DAUD KHEL</t>
  </si>
  <si>
    <t>Mohalla Lammay Khel Daud Khel</t>
  </si>
  <si>
    <t>mC Daud Khel</t>
  </si>
  <si>
    <t>Naveed Akhter Khan</t>
  </si>
  <si>
    <t>33637</t>
  </si>
  <si>
    <t>GPS MC 5-B KHANEWAL</t>
  </si>
  <si>
    <t>Mohla gareba bad kwl</t>
  </si>
  <si>
    <t>GGHS BOLA BAJWA</t>
  </si>
  <si>
    <t>village bola Bajwa govt girls high school bola Bajwa Narowal</t>
  </si>
  <si>
    <t>Farrukh Majeed</t>
  </si>
  <si>
    <t>35884</t>
  </si>
  <si>
    <t>GGPS MIRAN PUR</t>
  </si>
  <si>
    <t>DilAara Yousaf</t>
  </si>
  <si>
    <t>14913</t>
  </si>
  <si>
    <t>GGPS BASTI BAGHBAN PURA</t>
  </si>
  <si>
    <t>Basti Bagban Pura Khudian Khas</t>
  </si>
  <si>
    <t>basti bagban pura khudian khas</t>
  </si>
  <si>
    <t>Basti Bagban Pura</t>
  </si>
  <si>
    <t>Beron Khudian</t>
  </si>
  <si>
    <t>Hafsa Azeem</t>
  </si>
  <si>
    <t>32914</t>
  </si>
  <si>
    <t>28487</t>
  </si>
  <si>
    <t>GPS NO. 1 JHUGIAN</t>
  </si>
  <si>
    <t>village jhugian p/o Rajar teh &amp;distt khushab</t>
  </si>
  <si>
    <t>Jhugian</t>
  </si>
  <si>
    <t>Waqar Ul Hasnain Shah</t>
  </si>
  <si>
    <t>GPS SARDAR GARH</t>
  </si>
  <si>
    <t>mureed wala</t>
  </si>
  <si>
    <t>ram garh , moza mureed wala  tehseel minchinabad</t>
  </si>
  <si>
    <t>ram garh</t>
  </si>
  <si>
    <t>behkan wala</t>
  </si>
  <si>
    <t>29616</t>
  </si>
  <si>
    <t>GHS DULLO MULTANI P/O BATH KALAN</t>
  </si>
  <si>
    <t>Dullu Multani Tehsil Pattoki District Kasur</t>
  </si>
  <si>
    <t>Dullu Multani</t>
  </si>
  <si>
    <t>Alpa kalan</t>
  </si>
  <si>
    <t>Muhammad Rizwan Hyder</t>
  </si>
  <si>
    <t>39830</t>
  </si>
  <si>
    <t>GGHS PACCA LARAN</t>
  </si>
  <si>
    <t>gghspaccalaran lqp</t>
  </si>
  <si>
    <t>Shahida Masood</t>
  </si>
  <si>
    <t>50760</t>
  </si>
  <si>
    <t>GPS MONDI KALAN</t>
  </si>
  <si>
    <t>Mondi Kalan</t>
  </si>
  <si>
    <t>Gps mondi kalan</t>
  </si>
  <si>
    <t>Mansab Ali</t>
  </si>
  <si>
    <t>GGPS KACHA GUJRAT</t>
  </si>
  <si>
    <t>GGPS  kacha gujrat</t>
  </si>
  <si>
    <t>Saba fatima</t>
  </si>
  <si>
    <t>28498</t>
  </si>
  <si>
    <t>GGES MUGHOKE</t>
  </si>
  <si>
    <t>Mughoki</t>
  </si>
  <si>
    <t>mughoki tehseel pindi bhattian district 
hafizabad</t>
  </si>
  <si>
    <t>Nabila</t>
  </si>
  <si>
    <t>18935</t>
  </si>
  <si>
    <t>GGHS GALLAY WALA</t>
  </si>
  <si>
    <t>Govt. Girls High School Gaily Wala Lodhran</t>
  </si>
  <si>
    <t>Briha Zainab</t>
  </si>
  <si>
    <t>34395</t>
  </si>
  <si>
    <t>GPS BASTI MAAN BASTI JHANDAY WALA</t>
  </si>
  <si>
    <t>Botaywala</t>
  </si>
  <si>
    <t>Basti Janday wala makhdoom Rashed Multan</t>
  </si>
  <si>
    <t>Janday Wala</t>
  </si>
  <si>
    <t>Mazhar Hussain Sundhu</t>
  </si>
  <si>
    <t>47339</t>
  </si>
  <si>
    <t>GGPS MC NASIR ALI STREET</t>
  </si>
  <si>
    <t>Miana Mohalah</t>
  </si>
  <si>
    <t>Miana mohalah Mianwali</t>
  </si>
  <si>
    <t>Mianwali City 2</t>
  </si>
  <si>
    <t>580811</t>
  </si>
  <si>
    <t>GGPS BASTI FATEH MUHAMMAD</t>
  </si>
  <si>
    <t>kot kutab</t>
  </si>
  <si>
    <t>basti fateh muhammad kot kutab chak abbas</t>
  </si>
  <si>
    <t>mao mubarak</t>
  </si>
  <si>
    <t>GMPS THATTI MURID</t>
  </si>
  <si>
    <t>Thatti Mureed</t>
  </si>
  <si>
    <t>post office thatti mureed teh phalia diss M B Din</t>
  </si>
  <si>
    <t>GGPS KHIDAY</t>
  </si>
  <si>
    <t>Khidday</t>
  </si>
  <si>
    <t>khidday</t>
  </si>
  <si>
    <t>Amina Kiran</t>
  </si>
  <si>
    <t>40588</t>
  </si>
  <si>
    <t>37331</t>
  </si>
  <si>
    <t>GPS 42-A/10-R, KHANEWAL</t>
  </si>
  <si>
    <t>chalk no 42-A/10R</t>
  </si>
  <si>
    <t>42-A/10R</t>
  </si>
  <si>
    <t>vpo shahzada</t>
  </si>
  <si>
    <t>Ejaz Hussain KHan</t>
  </si>
  <si>
    <t>29971</t>
  </si>
  <si>
    <t>GGPS SWA E AHNA</t>
  </si>
  <si>
    <t>Basti Swaya Ahna moza kotla mudhu UC jajja abbasian</t>
  </si>
  <si>
    <t>Swaya Ahna</t>
  </si>
  <si>
    <t>Jajja Abbasian</t>
  </si>
  <si>
    <t>Yasmeen Wasti</t>
  </si>
  <si>
    <t>28526</t>
  </si>
  <si>
    <t>GPS MOOT TARAR</t>
  </si>
  <si>
    <t>Moot Tarar</t>
  </si>
  <si>
    <t>Gps Mout tarar post office Rasoolpur tarar Tehsil pindi battian district Hafizabad</t>
  </si>
  <si>
    <t>Dilawar Shemsher</t>
  </si>
  <si>
    <t>GGPS DHOK MIRCHU KHEL</t>
  </si>
  <si>
    <t>Mirchu khel</t>
  </si>
  <si>
    <t>Dhok Mirchu khel p/o Chakda Tehsil and District Mianwali</t>
  </si>
  <si>
    <t>Ban hafiz jee</t>
  </si>
  <si>
    <t>14373</t>
  </si>
  <si>
    <t>GGCMS QASIM PUR</t>
  </si>
  <si>
    <t>BAIG PUR - FEMALE</t>
  </si>
  <si>
    <t>Qasim pur</t>
  </si>
  <si>
    <t>village Qasimpur tehsil Noshehra virkan Distt.gujranwala</t>
  </si>
  <si>
    <t>Herdo ratali</t>
  </si>
  <si>
    <t>Naghmana Aslam</t>
  </si>
  <si>
    <t>GMPS CHAK MIRAN SHAH</t>
  </si>
  <si>
    <t>basti hazrat meran shah</t>
  </si>
  <si>
    <t>Humera  Liaqat</t>
  </si>
  <si>
    <t>9375</t>
  </si>
  <si>
    <t>28540</t>
  </si>
  <si>
    <t>GHS MURGHAI</t>
  </si>
  <si>
    <t>P/O Murghai Tehsil and District Rajanpur</t>
  </si>
  <si>
    <t>47583</t>
  </si>
  <si>
    <t>pakka rokhri</t>
  </si>
  <si>
    <t>ggps shah aalam wala rokhri</t>
  </si>
  <si>
    <t>rokhri</t>
  </si>
  <si>
    <t>28544</t>
  </si>
  <si>
    <t>GES NOOR PUR KATVI</t>
  </si>
  <si>
    <t>Noor Pur Katvi</t>
  </si>
  <si>
    <t>Vill&amp;po noor pur katvi teh phalia dist mbdin</t>
  </si>
  <si>
    <t>28547</t>
  </si>
  <si>
    <t>37318</t>
  </si>
  <si>
    <t>GGPS 78/10-R, KACHA KHUH</t>
  </si>
  <si>
    <t>78 10 R</t>
  </si>
  <si>
    <t>78 10 r</t>
  </si>
  <si>
    <t>76 10 R</t>
  </si>
  <si>
    <t>AasmaFraz</t>
  </si>
  <si>
    <t>40042</t>
  </si>
  <si>
    <t>GGPS MANAK HERAJ, TULAMBA</t>
  </si>
  <si>
    <t>Khichi Wala</t>
  </si>
  <si>
    <t>basti manak haraj tulamba</t>
  </si>
  <si>
    <t>Manak Haraj</t>
  </si>
  <si>
    <t>Naeema Iram</t>
  </si>
  <si>
    <t>37480</t>
  </si>
  <si>
    <t>GPS MONDI LAR</t>
  </si>
  <si>
    <t>Basti Mondi Lar p/o Mari Allah Bachaya Khan pur</t>
  </si>
  <si>
    <t>28552</t>
  </si>
  <si>
    <t>54096</t>
  </si>
  <si>
    <t>GGES RIPAR BHOUNEKEY</t>
  </si>
  <si>
    <t>Beharwal</t>
  </si>
  <si>
    <t>live stock farm Ripar bhounikey</t>
  </si>
  <si>
    <t>Ripar Bhounikey</t>
  </si>
  <si>
    <t>Beharwal Kalan</t>
  </si>
  <si>
    <t>Sumaira Anwar</t>
  </si>
  <si>
    <t>10498</t>
  </si>
  <si>
    <t>GHS CHAK NO. 287 TDA</t>
  </si>
  <si>
    <t>Chak No 287/TDA</t>
  </si>
  <si>
    <t>Chak No 287/TDA Tehsil &amp; Distt Layyah</t>
  </si>
  <si>
    <t>GGPS HAJI PEER BUKHSH</t>
  </si>
  <si>
    <t>Ghulam Nabi Laar</t>
  </si>
  <si>
    <t>basti Haji Peer bukhsh Laar mouza ghulam nabi laar</t>
  </si>
  <si>
    <t>Basti Haji Peer BUkhsh</t>
  </si>
  <si>
    <t>Garhi Ikhtiar khan</t>
  </si>
  <si>
    <t>GHS CHAK 96/P</t>
  </si>
  <si>
    <t>Sadar  A</t>
  </si>
  <si>
    <t>chak no.96/p</t>
  </si>
  <si>
    <t>Chak No 96/p</t>
  </si>
  <si>
    <t>Chak No 93/p</t>
  </si>
  <si>
    <t>GPS GILL KHURD</t>
  </si>
  <si>
    <t>Gill</t>
  </si>
  <si>
    <t>Mouza gill p/o makhdoom rasheed multan</t>
  </si>
  <si>
    <t>Gill Khurd</t>
  </si>
  <si>
    <t>14215</t>
  </si>
  <si>
    <t>GGPS KOTLA AHMED</t>
  </si>
  <si>
    <t>commerce college road kotla Ahmad  Rajanpur</t>
  </si>
  <si>
    <t>Haseeb Un Nisa</t>
  </si>
  <si>
    <t>GHS THEKRIAN MONIAN</t>
  </si>
  <si>
    <t>Thekrian Monian</t>
  </si>
  <si>
    <t>thekrian Monian</t>
  </si>
  <si>
    <t>Chakori Belowal</t>
  </si>
  <si>
    <t>27745</t>
  </si>
  <si>
    <t>51655</t>
  </si>
  <si>
    <t>GGPS QADIR PUR MUNSHIAN</t>
  </si>
  <si>
    <t>Qadir Purmunshian</t>
  </si>
  <si>
    <t>Chack Qadir Purmunshian</t>
  </si>
  <si>
    <t>Fahmida Liaqat</t>
  </si>
  <si>
    <t>9053</t>
  </si>
  <si>
    <t>21766</t>
  </si>
  <si>
    <t>GES CHAK DOONI CHAND</t>
  </si>
  <si>
    <t>chak doni chand</t>
  </si>
  <si>
    <t>GES chak doni chand</t>
  </si>
  <si>
    <t>abid abad</t>
  </si>
  <si>
    <t>Amjid Ali Hunjra</t>
  </si>
  <si>
    <t>53430</t>
  </si>
  <si>
    <t>12051</t>
  </si>
  <si>
    <t>GGPS RAZZAQ ABAD</t>
  </si>
  <si>
    <t>Tibba Mustaqil Darmiani</t>
  </si>
  <si>
    <t>Ward no. 5 Basti jamali d d panah</t>
  </si>
  <si>
    <t>Basti Jamali</t>
  </si>
  <si>
    <t>Humaira Parveen</t>
  </si>
  <si>
    <t>GES KHAIR SHAH OTTAR</t>
  </si>
  <si>
    <t>Khair Shah Uttar</t>
  </si>
  <si>
    <t>moza khair shah uttar</t>
  </si>
  <si>
    <t>Sayyed M Maqsood Shah</t>
  </si>
  <si>
    <t>27754</t>
  </si>
  <si>
    <t>GGPS JAJU PUR</t>
  </si>
  <si>
    <t>Jajo Pur</t>
  </si>
  <si>
    <t>Govt p/s jajo Pur  p o  Chawinda Tehsil  Pasrur  Sialkot</t>
  </si>
  <si>
    <t>Kapor Pur</t>
  </si>
  <si>
    <t>GPS QILA WASU</t>
  </si>
  <si>
    <t>Qila Gujran</t>
  </si>
  <si>
    <t>Qila wasu ,
District and tehseel M.B.Din</t>
  </si>
  <si>
    <t>32975</t>
  </si>
  <si>
    <t>GGPS JAWAHER PUR</t>
  </si>
  <si>
    <t>Jawarpur p/o mandi faiza abad</t>
  </si>
  <si>
    <t>Naveeda Akhter</t>
  </si>
  <si>
    <t>34210</t>
  </si>
  <si>
    <t>GHSS KOT MELA RAM RAILWAY STATION MULTAN</t>
  </si>
  <si>
    <t>GHSS Kot Mela Ram P/o Kot Abbas Shaheed Multan</t>
  </si>
  <si>
    <t>125779</t>
  </si>
  <si>
    <t>GPS SANAT PURA</t>
  </si>
  <si>
    <t>sanat Pura teh kharian dist gujrat</t>
  </si>
  <si>
    <t>Hunain Raza</t>
  </si>
  <si>
    <t>19682</t>
  </si>
  <si>
    <t>27784</t>
  </si>
  <si>
    <t>GMPS JAHAN SHAH</t>
  </si>
  <si>
    <t>Jahan shah p/o kot Jay singh</t>
  </si>
  <si>
    <t>Jahan shah</t>
  </si>
  <si>
    <t>10916</t>
  </si>
  <si>
    <t>GGPS BAIT DIWAN JADEED</t>
  </si>
  <si>
    <t>bait diwan</t>
  </si>
  <si>
    <t>bait diwan bakhri Ahmad khan</t>
  </si>
  <si>
    <t>bakhri ahmad khan</t>
  </si>
  <si>
    <t>Azra Batool</t>
  </si>
  <si>
    <t>35112</t>
  </si>
  <si>
    <t>GGHS FATEH PUR KAMAL</t>
  </si>
  <si>
    <t>government girls high school fateh pur kamal</t>
  </si>
  <si>
    <t>Tabinda Anjum</t>
  </si>
  <si>
    <t>27778</t>
  </si>
  <si>
    <t>GPS GHUGIAN KAMBOKI</t>
  </si>
  <si>
    <t>jhugian kambokian</t>
  </si>
  <si>
    <t>Jhugian Kambokian</t>
  </si>
  <si>
    <t>Balila 28</t>
  </si>
  <si>
    <t>Adil Abbas</t>
  </si>
  <si>
    <t>GGPS FATEH GARH</t>
  </si>
  <si>
    <t>village fateh garh p.o. and tehsil kharian district gujrat</t>
  </si>
  <si>
    <t>Kashraf Jabeen</t>
  </si>
  <si>
    <t>45903</t>
  </si>
  <si>
    <t>GGES KAEESASY</t>
  </si>
  <si>
    <t>GGES kassesay</t>
  </si>
  <si>
    <t>iffat ara</t>
  </si>
  <si>
    <t>GGPS KUMHAR WALA</t>
  </si>
  <si>
    <t>Chabukpur</t>
  </si>
  <si>
    <t>kumharwala</t>
  </si>
  <si>
    <t>Kumharwala</t>
  </si>
  <si>
    <t>Meherpur</t>
  </si>
  <si>
    <t>Rafiaiqbal</t>
  </si>
  <si>
    <t>14054</t>
  </si>
  <si>
    <t>GGPS REIKH BAGH WALA NO. 1</t>
  </si>
  <si>
    <t>Rakh Reikh</t>
  </si>
  <si>
    <t>fazilpur</t>
  </si>
  <si>
    <t>Reikh Bagh Wala</t>
  </si>
  <si>
    <t>Pir Bakhsh Sharqi</t>
  </si>
  <si>
    <t>Bilqees Bibi</t>
  </si>
  <si>
    <t>GPS LOBEN</t>
  </si>
  <si>
    <t>Loben</t>
  </si>
  <si>
    <t>village Loben p.o Eino bajwa teh&amp;dist Narowal</t>
  </si>
  <si>
    <t>NIDDOKE</t>
  </si>
  <si>
    <t>27797</t>
  </si>
  <si>
    <t>27503</t>
  </si>
  <si>
    <t>GGPS WARD NO.2 PINDI BHATTIAN</t>
  </si>
  <si>
    <t>Ward No2</t>
  </si>
  <si>
    <t>Ggps ward no.2 pindi bhattian</t>
  </si>
  <si>
    <t>MC PINDI HATTIAN</t>
  </si>
  <si>
    <t>Bisma Safdar</t>
  </si>
  <si>
    <t>16471</t>
  </si>
  <si>
    <t>GPS BIDDER MARJAN</t>
  </si>
  <si>
    <t>Bidder Marjan</t>
  </si>
  <si>
    <t>Farooq Hussain</t>
  </si>
  <si>
    <t>watar supply village</t>
  </si>
  <si>
    <t>30137</t>
  </si>
  <si>
    <t>45886</t>
  </si>
  <si>
    <t>GPS RAMZAN RODA</t>
  </si>
  <si>
    <t>V  &amp; p/ o Roda</t>
  </si>
  <si>
    <t>ZAFAR  HUSSAIN</t>
  </si>
  <si>
    <t>GGPS RERKA ZAREEN</t>
  </si>
  <si>
    <t>Rerka Bala</t>
  </si>
  <si>
    <t>po Rerka Bala village Rerka Zareen</t>
  </si>
  <si>
    <t>Rerka Zareen</t>
  </si>
  <si>
    <t>Rerka bala</t>
  </si>
  <si>
    <t>Sumaira Muzammal</t>
  </si>
  <si>
    <t>GES RATTI RAM</t>
  </si>
  <si>
    <t>Ratti ram</t>
  </si>
  <si>
    <t>Ratti ram mandi sadaq gunj</t>
  </si>
  <si>
    <t>Sami Ullah Majid</t>
  </si>
  <si>
    <t>GMPS KAIR WALA</t>
  </si>
  <si>
    <t>KAIR WALA</t>
  </si>
  <si>
    <t>GMPSKAIRWALA NoSHERA VIRKAN</t>
  </si>
  <si>
    <t>KARYAL KALAN</t>
  </si>
  <si>
    <t>49299</t>
  </si>
  <si>
    <t>29119</t>
  </si>
  <si>
    <t>GGHS SATTO KI</t>
  </si>
  <si>
    <t>sattoki</t>
  </si>
  <si>
    <t>GHULAM BATOOL</t>
  </si>
  <si>
    <t>GHS T.I.CHAWINDA</t>
  </si>
  <si>
    <t>Boarding house chawinda,</t>
  </si>
  <si>
    <t>Dr Zulfiqar Ali Mohal</t>
  </si>
  <si>
    <t>53081</t>
  </si>
  <si>
    <t>GGHS MC LADY PARK OKARA</t>
  </si>
  <si>
    <t>E-BLOCK okara</t>
  </si>
  <si>
    <t>SAMINA NISAR</t>
  </si>
  <si>
    <t>GPS GOTH HAYAT</t>
  </si>
  <si>
    <t>Goth Hayyat</t>
  </si>
  <si>
    <t>Chok Kalhora Mouza Rais Pathan</t>
  </si>
  <si>
    <t>Kotla Nawb</t>
  </si>
  <si>
    <t>Niaz Ahmed</t>
  </si>
  <si>
    <t>37293</t>
  </si>
  <si>
    <t>GMPS 24/10-R, KACHA KHUH</t>
  </si>
  <si>
    <t>24/10-r</t>
  </si>
  <si>
    <t>24/10-r kacha khu</t>
  </si>
  <si>
    <t>23/10-r</t>
  </si>
  <si>
    <t>27824</t>
  </si>
  <si>
    <t>47698</t>
  </si>
  <si>
    <t>GGPS DERA MEHBOOB WALA</t>
  </si>
  <si>
    <t>Paie Khe Paka</t>
  </si>
  <si>
    <t>Dera Mehboob wala paie khel paka</t>
  </si>
  <si>
    <t>Maharan Wala</t>
  </si>
  <si>
    <t>Paie Khel</t>
  </si>
  <si>
    <t>Maqbool Fatima</t>
  </si>
  <si>
    <t>41934</t>
  </si>
  <si>
    <t>27483</t>
  </si>
  <si>
    <t>GPS MEELAK</t>
  </si>
  <si>
    <t>Meelak</t>
  </si>
  <si>
    <t>GGHS CHAK NO. 16 ML</t>
  </si>
  <si>
    <t>chak no 16 ml piplan mianwali</t>
  </si>
  <si>
    <t>Chak No 16ml</t>
  </si>
  <si>
    <t>Shamim Karamit</t>
  </si>
  <si>
    <t>48688</t>
  </si>
  <si>
    <t>GGHS REHMOKA</t>
  </si>
  <si>
    <t>BehramkaHittar</t>
  </si>
  <si>
    <t>GOVT Girls High school Rehmonka</t>
  </si>
  <si>
    <t>Rehmonka</t>
  </si>
  <si>
    <t>Aneela Riaz</t>
  </si>
  <si>
    <t>13727</t>
  </si>
  <si>
    <t>25652</t>
  </si>
  <si>
    <t>GGHS KHAN KHASA</t>
  </si>
  <si>
    <t>GGHS khankhasa Narowal</t>
  </si>
  <si>
    <t>Khankhasa</t>
  </si>
  <si>
    <t>GGPS DHOK SAHUWAL CHAKRALA MIANWALI</t>
  </si>
  <si>
    <t>sahuwall</t>
  </si>
  <si>
    <t>Sahuwall</t>
  </si>
  <si>
    <t>Thammey Wali</t>
  </si>
  <si>
    <t>Aamina Bibi</t>
  </si>
  <si>
    <t>27838</t>
  </si>
  <si>
    <t>GPS ROJAN MAACHI</t>
  </si>
  <si>
    <t>Gps rojan machi p/o thul hamza muza dashti teh.liaquat pur ryk</t>
  </si>
  <si>
    <t>Basti Ayaz Abad</t>
  </si>
  <si>
    <t>Muhammad Arshad Farooq</t>
  </si>
  <si>
    <t>GMPS KOT GHAR MUKH RAI</t>
  </si>
  <si>
    <t>Kot Gurmukh Rai</t>
  </si>
  <si>
    <t>GMPS kot gurmukh rai</t>
  </si>
  <si>
    <t>11977</t>
  </si>
  <si>
    <t>26705</t>
  </si>
  <si>
    <t>54083</t>
  </si>
  <si>
    <t>GGPS KHUSHAB CITY BADLI WALA</t>
  </si>
  <si>
    <t>sarfraz Town khushab</t>
  </si>
  <si>
    <t>Farida Naz</t>
  </si>
  <si>
    <t>GHSS MODEL LAB (GCET) NAROWAL</t>
  </si>
  <si>
    <t>Govt lab model higher secondary school Narowal</t>
  </si>
  <si>
    <t>Mohala Ghosia</t>
  </si>
  <si>
    <t>Doctor Mahmood Ahmad Kawish</t>
  </si>
  <si>
    <t>28559</t>
  </si>
  <si>
    <t>16931</t>
  </si>
  <si>
    <t>GPS NAROWAL</t>
  </si>
  <si>
    <t>po Chak Bhatti tehsil Pindi Bhattian Dis.Hafizabad</t>
  </si>
  <si>
    <t>GPS KHAN WALA JADEED</t>
  </si>
  <si>
    <t>Khokhar Wala Packa</t>
  </si>
  <si>
    <t>mouza khokhar wala packa p.o box khas tehsil&amp; district layyah</t>
  </si>
  <si>
    <t>Jakharr</t>
  </si>
  <si>
    <t>18812</t>
  </si>
  <si>
    <t>GHS CHAK NO.107/P</t>
  </si>
  <si>
    <t>Chak No.107/P Rahim Yar Khan</t>
  </si>
  <si>
    <t>Chak 107/p</t>
  </si>
  <si>
    <t>Chak 105/P</t>
  </si>
  <si>
    <t>GPS RODAN WALA</t>
  </si>
  <si>
    <t>Rodan wala</t>
  </si>
  <si>
    <t>gps rodan wala mouza rodan wala</t>
  </si>
  <si>
    <t>Fazil kalroo</t>
  </si>
  <si>
    <t>Mohammad Razaq</t>
  </si>
  <si>
    <t>GGPS DULLO MULTANI</t>
  </si>
  <si>
    <t>GGPS dullu multani</t>
  </si>
  <si>
    <t>32977</t>
  </si>
  <si>
    <t>GGPS MIRAJ COLONY</t>
  </si>
  <si>
    <t>govt girls primary school mairaj colony</t>
  </si>
  <si>
    <t>Mairaj Colony</t>
  </si>
  <si>
    <t>Chachky Gill</t>
  </si>
  <si>
    <t>Rubina Latif</t>
  </si>
  <si>
    <t>17501</t>
  </si>
  <si>
    <t>GGPS PACCA SADHAR</t>
  </si>
  <si>
    <t>Razia Ramzan</t>
  </si>
  <si>
    <t>35806</t>
  </si>
  <si>
    <t>GGPS BAGHANWALA</t>
  </si>
  <si>
    <t>KHARIAN-VI-FEMALE</t>
  </si>
  <si>
    <t>Baghanwala</t>
  </si>
  <si>
    <t>vpo baghanwala tehsil kharian distt gujrat</t>
  </si>
  <si>
    <t>Baharwal</t>
  </si>
  <si>
    <t>Hajra Nawaz</t>
  </si>
  <si>
    <t>GES CHAK NO 283 TDA</t>
  </si>
  <si>
    <t>Chak No 283 Tda</t>
  </si>
  <si>
    <t>chak no 283 tda</t>
  </si>
  <si>
    <t>Faiz Bux</t>
  </si>
  <si>
    <t>34322</t>
  </si>
  <si>
    <t>GGES 2-MR P/O MAKHDOOM RASHEED</t>
  </si>
  <si>
    <t>2mr</t>
  </si>
  <si>
    <t>G g e s 2mr makhdoom rasheed multan</t>
  </si>
  <si>
    <t>GHS MALI PUR</t>
  </si>
  <si>
    <t>village mali pur tehsil pasrur district sialkot</t>
  </si>
  <si>
    <t>RANA ABDUR REHMAN</t>
  </si>
  <si>
    <t>49020</t>
  </si>
  <si>
    <t>GPS MC RAHIMABAD MULTAN</t>
  </si>
  <si>
    <t>muhallah raheem a bad multan</t>
  </si>
  <si>
    <t>M. khalid</t>
  </si>
  <si>
    <t>25921</t>
  </si>
  <si>
    <t>GGPS SHEIKHU PURA</t>
  </si>
  <si>
    <t>Village Sheikhupura P/o Talwandi Bhindran Tehsil &amp; Dist. Narowal</t>
  </si>
  <si>
    <t>23004</t>
  </si>
  <si>
    <t>GPS DHER</t>
  </si>
  <si>
    <t>LALAMUSA-II-MALE</t>
  </si>
  <si>
    <t>v.p.o dher teh kharian Gujrat</t>
  </si>
  <si>
    <t>Panjan Kisana</t>
  </si>
  <si>
    <t>28630</t>
  </si>
  <si>
    <t>GHS CHAK NO 7/P KHANPUR</t>
  </si>
  <si>
    <t>CHAK 7/P</t>
  </si>
  <si>
    <t>CHAK 7/P TEHSIL KHANPUR DISTRICT RAHIM YAR KHAN</t>
  </si>
  <si>
    <t>muhammad mushtaq</t>
  </si>
  <si>
    <t>GPS KHUDA BAKHSH SOUNTRA</t>
  </si>
  <si>
    <t>Chak Khas Rakh Fazil Pur</t>
  </si>
  <si>
    <t>basti sountra chak khas rakh fazil pur dist.rajan pur</t>
  </si>
  <si>
    <t>Basti Sountra</t>
  </si>
  <si>
    <t>Mc Fazilpur Ward No 03</t>
  </si>
  <si>
    <t>53477</t>
  </si>
  <si>
    <t>GGPS CHAK NO.44/3R</t>
  </si>
  <si>
    <t>chak #44/3r Shadi pur okara</t>
  </si>
  <si>
    <t>44/3r</t>
  </si>
  <si>
    <t>Sunbal Ali</t>
  </si>
  <si>
    <t>707851</t>
  </si>
  <si>
    <t>10426</t>
  </si>
  <si>
    <t>GPS GHARNAJ</t>
  </si>
  <si>
    <t>Gharnaj</t>
  </si>
  <si>
    <t>gharnaj p/o hotta  tehsil and district pakpattan</t>
  </si>
  <si>
    <t>Muhammad Umar Manzoor</t>
  </si>
  <si>
    <t>18146</t>
  </si>
  <si>
    <t>fidhy shah road basti ali pur</t>
  </si>
  <si>
    <t>33732</t>
  </si>
  <si>
    <t>30776</t>
  </si>
  <si>
    <t>GPS MC RAMZAN ABAD MULTAN</t>
  </si>
  <si>
    <t>Govt.MC boys primary school ramzanabad</t>
  </si>
  <si>
    <t>gulnar colony</t>
  </si>
  <si>
    <t>49120</t>
  </si>
  <si>
    <t>21980</t>
  </si>
  <si>
    <t>GMPS HARDO KULLAY WAL</t>
  </si>
  <si>
    <t>Herdo kullay Wal</t>
  </si>
  <si>
    <t>village herdo kullay wal P.O tatlay aali tehsil nowshera virkan dist. gujranwala</t>
  </si>
  <si>
    <t>Herdo Kullay Wal</t>
  </si>
  <si>
    <t>fozia kousar</t>
  </si>
  <si>
    <t>11971</t>
  </si>
  <si>
    <t>GGPS KOT SARDAR KAHAN SING</t>
  </si>
  <si>
    <t>gs kot sardar kahan singh</t>
  </si>
  <si>
    <t>Kot Sardar Kahan Singg</t>
  </si>
  <si>
    <t>Akbarabad Kot Sardar Kahan Singh</t>
  </si>
  <si>
    <t>Nazia jaffar</t>
  </si>
  <si>
    <t>14455</t>
  </si>
  <si>
    <t>28330</t>
  </si>
  <si>
    <t>25876</t>
  </si>
  <si>
    <t>GGPS KOTLI NATHO MALHI</t>
  </si>
  <si>
    <t>Kotli Natho Malhi</t>
  </si>
  <si>
    <t>kotli natho malhi</t>
  </si>
  <si>
    <t>Gidhain</t>
  </si>
  <si>
    <t>14505</t>
  </si>
  <si>
    <t>36678</t>
  </si>
  <si>
    <t>10662</t>
  </si>
  <si>
    <t>GPS CHAK NO 335 TDA</t>
  </si>
  <si>
    <t>chak. no.335 tda</t>
  </si>
  <si>
    <t>Chak No335</t>
  </si>
  <si>
    <t>Zareef Khan</t>
  </si>
  <si>
    <t>28333</t>
  </si>
  <si>
    <t>27291</t>
  </si>
  <si>
    <t>GPS THATHA SABAT SHAH</t>
  </si>
  <si>
    <t>Thatha Sabat Shah</t>
  </si>
  <si>
    <t>Thatha Sabat Shah, po, Parr Ahmad, Teh Pindi Bhattian, Hafizabad</t>
  </si>
  <si>
    <t>12390</t>
  </si>
  <si>
    <t>GGPS CHAK 110/NP</t>
  </si>
  <si>
    <t>110 Np</t>
  </si>
  <si>
    <t>GGPS chak 110/NP</t>
  </si>
  <si>
    <t>110/np</t>
  </si>
  <si>
    <t>Farzana hanif</t>
  </si>
  <si>
    <t>47163</t>
  </si>
  <si>
    <t>GPS KHICHI</t>
  </si>
  <si>
    <t>khichi tehsil and distric mianwali</t>
  </si>
  <si>
    <t>Muhammad Ehsan Ullah</t>
  </si>
  <si>
    <t>GPS CANAL COLONY PO JALLAH JEEM</t>
  </si>
  <si>
    <t>Arain Wahin</t>
  </si>
  <si>
    <t>Arain wahin Teh  Mailsi  Vehari</t>
  </si>
  <si>
    <t>Muhammad  Abbas</t>
  </si>
  <si>
    <t>47890</t>
  </si>
  <si>
    <t>GGES SAMAN ABAD</t>
  </si>
  <si>
    <t>Samanabad Piplan</t>
  </si>
  <si>
    <t>GGES samanabad piplan</t>
  </si>
  <si>
    <t>Mc Piplan</t>
  </si>
  <si>
    <t>Zaib Kanwal</t>
  </si>
  <si>
    <t>28354</t>
  </si>
  <si>
    <t>GHS BANGUL WALI</t>
  </si>
  <si>
    <t>Mahal  Khakhi Shumali</t>
  </si>
  <si>
    <t>p/o banguwali</t>
  </si>
  <si>
    <t>Banguwali</t>
  </si>
  <si>
    <t>Saif Ullah Khan</t>
  </si>
  <si>
    <t>GPS KOTLI PLOT</t>
  </si>
  <si>
    <t>Kotly Plot</t>
  </si>
  <si>
    <t>kotly plot</t>
  </si>
  <si>
    <t>Mohar Shareef</t>
  </si>
  <si>
    <t>GGPS SHABBIR ABAD</t>
  </si>
  <si>
    <t>Golani</t>
  </si>
  <si>
    <t>shabbir abad</t>
  </si>
  <si>
    <t>Shabirabad</t>
  </si>
  <si>
    <t>28359</t>
  </si>
  <si>
    <t>32899</t>
  </si>
  <si>
    <t>GPS MACHORA SARANG</t>
  </si>
  <si>
    <t>FARID ABAD-MALE</t>
  </si>
  <si>
    <t>Machora Sarang</t>
  </si>
  <si>
    <t>Machora Sarang P/O Bara Ghar 10 chak</t>
  </si>
  <si>
    <t>GGES MASANDA VIRKAN</t>
  </si>
  <si>
    <t>Noshera virkan</t>
  </si>
  <si>
    <t>masanda virkan district gujranwala</t>
  </si>
  <si>
    <t>Masanda virkan</t>
  </si>
  <si>
    <t>Sadaf Bashir</t>
  </si>
  <si>
    <t>28363</t>
  </si>
  <si>
    <t>GPS MURAD PUR PUNWARAN</t>
  </si>
  <si>
    <t>Kot  Mehdi Shah</t>
  </si>
  <si>
    <t>MURAD pur panwaran raja kot  rahim yar khan</t>
  </si>
  <si>
    <t>MURAD Pur Panwaran</t>
  </si>
  <si>
    <t>18787</t>
  </si>
  <si>
    <t>33718</t>
  </si>
  <si>
    <t>GPS MC SHAH MAHINGAR INSIDE BOHAR GATE</t>
  </si>
  <si>
    <t>4-shah Mahinghar</t>
  </si>
  <si>
    <t>muhallah shah mahingar inside bohar gate multan</t>
  </si>
  <si>
    <t>Bazar Umer E Farooq</t>
  </si>
  <si>
    <t>Muhammad Abubakar Rafiquie</t>
  </si>
  <si>
    <t>44829</t>
  </si>
  <si>
    <t>28366</t>
  </si>
  <si>
    <t>35964</t>
  </si>
  <si>
    <t>p/O  karam pur tehsil mailsi district vehari</t>
  </si>
  <si>
    <t>Kalia shah</t>
  </si>
  <si>
    <t>Burana Khas</t>
  </si>
  <si>
    <t>GPS KAN MADHORA</t>
  </si>
  <si>
    <t>Kan Madhora GPS kan Madhora</t>
  </si>
  <si>
    <t>kan Madhora</t>
  </si>
  <si>
    <t>Kan Madhora</t>
  </si>
  <si>
    <t>GMPS BAGGA PUMP</t>
  </si>
  <si>
    <t>Bagga Pump</t>
  </si>
  <si>
    <t>GMPS Bagga Pump malakwal road.M.B.Din</t>
  </si>
  <si>
    <t>18216</t>
  </si>
  <si>
    <t>51586</t>
  </si>
  <si>
    <t>GGPS CHAK JAFFAR ALI SHAH</t>
  </si>
  <si>
    <t>Chak Jaffar Ali  Shah</t>
  </si>
  <si>
    <t>GGPS Jaffar Ali Shah</t>
  </si>
  <si>
    <t>Jaffar Ali Shah</t>
  </si>
  <si>
    <t>Sandhy Khan</t>
  </si>
  <si>
    <t>Amina Sadaf</t>
  </si>
  <si>
    <t>GGPS 37-38/4.L</t>
  </si>
  <si>
    <t>37-38/4l</t>
  </si>
  <si>
    <t>Shakila Tabassum</t>
  </si>
  <si>
    <t>GES GOLRA HASAM</t>
  </si>
  <si>
    <t>GOLRHA HASHIM</t>
  </si>
  <si>
    <t>Village: GOLRHA HASHIM, P/O: BHAGWAL, Tehsil: KHARIAN, District: GUJRAT</t>
  </si>
  <si>
    <t>36866</t>
  </si>
  <si>
    <t>25785</t>
  </si>
  <si>
    <t>GGPS DHUNI DEV SARAK WALA</t>
  </si>
  <si>
    <t>Dhuni Dave Sarak Wala</t>
  </si>
  <si>
    <t>GGPS dhuni dave sarak wala</t>
  </si>
  <si>
    <t>Hassan Husaain</t>
  </si>
  <si>
    <t>53422</t>
  </si>
  <si>
    <t>28384</t>
  </si>
  <si>
    <t>34211</t>
  </si>
  <si>
    <t>GHSS QADIR PUR RAN MULTAN</t>
  </si>
  <si>
    <t>Ghss Qadir Pur Ran Multan</t>
  </si>
  <si>
    <t>Qadir Pur Ran City</t>
  </si>
  <si>
    <t>Abdul rahman</t>
  </si>
  <si>
    <t>37602</t>
  </si>
  <si>
    <t>GGPS 88/15-L, MIAN CHANNU</t>
  </si>
  <si>
    <t>88/15-L</t>
  </si>
  <si>
    <t>chak 88/15.l</t>
  </si>
  <si>
    <t>89/15-L</t>
  </si>
  <si>
    <t>Ruksana Jabeen</t>
  </si>
  <si>
    <t>28388</t>
  </si>
  <si>
    <t>GPS BABAL WALA</t>
  </si>
  <si>
    <t>Govt. primary school babal Wala Post office Mandisadiq ganj</t>
  </si>
  <si>
    <t>Irshad Ahmad Shahid</t>
  </si>
  <si>
    <t>35932</t>
  </si>
  <si>
    <t>GGPS DHARAM PURA</t>
  </si>
  <si>
    <t>Govt Girls Primary School Dahram Pura Mailsi</t>
  </si>
  <si>
    <t>Ward No 8</t>
  </si>
  <si>
    <t>Zahida Anjum</t>
  </si>
  <si>
    <t>26405</t>
  </si>
  <si>
    <t>28399</t>
  </si>
  <si>
    <t>21759</t>
  </si>
  <si>
    <t>GGHS GHUMMAN WALA</t>
  </si>
  <si>
    <t>ghumman wala</t>
  </si>
  <si>
    <t>govt girls high school ghumman wala</t>
  </si>
  <si>
    <t>abida majeed</t>
  </si>
  <si>
    <t>GGPS DAR-UL-BARKAAT</t>
  </si>
  <si>
    <t>CHANAB NAGAR</t>
  </si>
  <si>
    <t>GGPS DARUL BARKAT CHANAB NAGAR</t>
  </si>
  <si>
    <t>DARUL BARKAT CHANAB NAGAR</t>
  </si>
  <si>
    <t>Darul sadar</t>
  </si>
  <si>
    <t>Amtul Hayee</t>
  </si>
  <si>
    <t>25094</t>
  </si>
  <si>
    <t>44279</t>
  </si>
  <si>
    <t>28403</t>
  </si>
  <si>
    <t>11529</t>
  </si>
  <si>
    <t>GGHS SINAWAN</t>
  </si>
  <si>
    <t>sinawan</t>
  </si>
  <si>
    <t>sinawan tehsil kot addu District muzaffargarh</t>
  </si>
  <si>
    <t>m C sinawan</t>
  </si>
  <si>
    <t>khalida shaheen</t>
  </si>
  <si>
    <t>GHSS MAKHANA WALI</t>
  </si>
  <si>
    <t>village Makhnanwali Districrt Mandi Bahauddin</t>
  </si>
  <si>
    <t>muhammad nawaz qamar</t>
  </si>
  <si>
    <t>GES CHAH GHUNIAN</t>
  </si>
  <si>
    <t>Chah Ghunian</t>
  </si>
  <si>
    <t>ges chah ghunian basti gagan 92 1/L</t>
  </si>
  <si>
    <t>Basti Gagan Matuja</t>
  </si>
  <si>
    <t>Bhatha Shaikha</t>
  </si>
  <si>
    <t>Ahsan Ul Haq</t>
  </si>
  <si>
    <t>28407</t>
  </si>
  <si>
    <t>GGES MAQSOOD PUR</t>
  </si>
  <si>
    <t>Maqsood Pur</t>
  </si>
  <si>
    <t>GGES MAQSOOD pur</t>
  </si>
  <si>
    <t>Chak Farazi</t>
  </si>
  <si>
    <t>Fiza Jabeen</t>
  </si>
  <si>
    <t>GES KALUKA HITHAR</t>
  </si>
  <si>
    <t>Kaluka Hithar</t>
  </si>
  <si>
    <t>kaluka hithar</t>
  </si>
  <si>
    <t>Kalu Ka Hithar</t>
  </si>
  <si>
    <t>Muhmmad Ikram</t>
  </si>
  <si>
    <t>45957</t>
  </si>
  <si>
    <t>GGPS DERA MOLADAD</t>
  </si>
  <si>
    <t>CHAK NO 50/MB (FEMALE)</t>
  </si>
  <si>
    <t>Dera Moladad</t>
  </si>
  <si>
    <t>Govt. P/S Dera Moladad, Hamoka more, U/C Hassan pur tiwana tehsil &amp; Distt Khushab</t>
  </si>
  <si>
    <t>Maida Riaz</t>
  </si>
  <si>
    <t>51772</t>
  </si>
  <si>
    <t>GPS BAHADUR KHERRA</t>
  </si>
  <si>
    <t>Moza Bahadur Khera</t>
  </si>
  <si>
    <t>bahadur khera p/o kalyana</t>
  </si>
  <si>
    <t>Bahadur khera</t>
  </si>
  <si>
    <t>14276</t>
  </si>
  <si>
    <t>GMPS MIR HAZAR</t>
  </si>
  <si>
    <t>sekhaniwala road Fazilpur</t>
  </si>
  <si>
    <t>Basti Mir Hazar</t>
  </si>
  <si>
    <t>28419</t>
  </si>
  <si>
    <t>23007</t>
  </si>
  <si>
    <t>GPS THAPLA</t>
  </si>
  <si>
    <t>Thapla</t>
  </si>
  <si>
    <t>village thapla tehsil kharian</t>
  </si>
  <si>
    <t>28420</t>
  </si>
  <si>
    <t>GGPS MASEET WALI</t>
  </si>
  <si>
    <t>Maseet Wali</t>
  </si>
  <si>
    <t>p.o. saad ullahpur, tehsil phalia, district mandi bahauddin</t>
  </si>
  <si>
    <t>Maseet wali</t>
  </si>
  <si>
    <t>Narag</t>
  </si>
  <si>
    <t>Tasver Tahira</t>
  </si>
  <si>
    <t>28422</t>
  </si>
  <si>
    <t>GPS CHACHRAN SHARIF</t>
  </si>
  <si>
    <t>mahala rais rasool bux chachran sharif</t>
  </si>
  <si>
    <t>Chachrain Sharif</t>
  </si>
  <si>
    <t>Habibulallah</t>
  </si>
  <si>
    <t>47721</t>
  </si>
  <si>
    <t>GHS BALA</t>
  </si>
  <si>
    <t>VILLAGE BALA TEHSIL PIPLAN DISTRICT MIANWALI</t>
  </si>
  <si>
    <t>MUHAMMAD SAJID KHAN</t>
  </si>
  <si>
    <t>28428</t>
  </si>
  <si>
    <t>GGPS HARPALO</t>
  </si>
  <si>
    <t>Harpllo</t>
  </si>
  <si>
    <t>basti arra</t>
  </si>
  <si>
    <t>Arra</t>
  </si>
  <si>
    <t>GPS ABAAS NAGAR</t>
  </si>
  <si>
    <t>Allah Jawaya Lar</t>
  </si>
  <si>
    <t>GPS Abbas nager</t>
  </si>
  <si>
    <t>Abba Nager</t>
  </si>
  <si>
    <t>4957</t>
  </si>
  <si>
    <t>GGPS CHAK NO.104/1-L</t>
  </si>
  <si>
    <t>104/1l</t>
  </si>
  <si>
    <t>chak no 104/ 1.l</t>
  </si>
  <si>
    <t>Samina Shoukat</t>
  </si>
  <si>
    <t>GPS TAJ MEHMOOD CHAKUKA</t>
  </si>
  <si>
    <t>Tajmehmood Chakoka</t>
  </si>
  <si>
    <t>taj mehmood chakoka</t>
  </si>
  <si>
    <t>Jalal Nagar</t>
  </si>
  <si>
    <t>GGPS KHAIRAY WAL</t>
  </si>
  <si>
    <t>Kheraywal</t>
  </si>
  <si>
    <t>village &amp; p.o Kheraywal teh phalia distt Mandi Bahauddin</t>
  </si>
  <si>
    <t>Bakhtaver Munir</t>
  </si>
  <si>
    <t>GGHS CHAK NO. 518/TDA</t>
  </si>
  <si>
    <t>PIR JAGGI MORH CHAK NO.518/TDA</t>
  </si>
  <si>
    <t>amna naz</t>
  </si>
  <si>
    <t>Khuni Kalru</t>
  </si>
  <si>
    <t>p/o khokhar abad</t>
  </si>
  <si>
    <t>Soonhara Wasawa</t>
  </si>
  <si>
    <t>GHS KOT BLOUCH</t>
  </si>
  <si>
    <t>KOT 1BALOCH</t>
  </si>
  <si>
    <t>GHS KOT BALOCH</t>
  </si>
  <si>
    <t>KOT Baloch</t>
  </si>
  <si>
    <t>30559</t>
  </si>
  <si>
    <t>GGPS LADAY WALA</t>
  </si>
  <si>
    <t>Ladey wala</t>
  </si>
  <si>
    <t>village ladeywala p/o narowal the dis narowal</t>
  </si>
  <si>
    <t>Ladhey Wala</t>
  </si>
  <si>
    <t>Madoo Kahlwan</t>
  </si>
  <si>
    <t>GGPS HOSHIANA P/O NAI WALA'</t>
  </si>
  <si>
    <t>ChapranWala</t>
  </si>
  <si>
    <t>GGPS Basti Hoshiana nai wala Multan sadar</t>
  </si>
  <si>
    <t>Basti Hoshiana</t>
  </si>
  <si>
    <t>Johk Lashkarpur</t>
  </si>
  <si>
    <t>SAFIA BEGUM</t>
  </si>
  <si>
    <t>50470</t>
  </si>
  <si>
    <t>GGHS BHADDAR</t>
  </si>
  <si>
    <t>vill &amp; p/O bhaddar teh kharian distt gujrat</t>
  </si>
  <si>
    <t>Electric moter</t>
  </si>
  <si>
    <t>GGPS DHILOZI</t>
  </si>
  <si>
    <t>Dhilozi</t>
  </si>
  <si>
    <t>GGPS Dhilozi</t>
  </si>
  <si>
    <t>Lubna Fardous</t>
  </si>
  <si>
    <t>27394</t>
  </si>
  <si>
    <t>GGPS CHOHDO AHMAD YAR</t>
  </si>
  <si>
    <t>Chohdo Ahmed Yar</t>
  </si>
  <si>
    <t>vlg chohdo ahmed yar teh pindi bhattia distt hafizabad</t>
  </si>
  <si>
    <t>Kishwer  Tahira</t>
  </si>
  <si>
    <t>GPS JOGE WALA</t>
  </si>
  <si>
    <t>p/o Artali virkan village jogi wala tehsil nowshera virkan distt Gujranwala</t>
  </si>
  <si>
    <t>Jogi Wala</t>
  </si>
  <si>
    <t>Shamsa Dada</t>
  </si>
  <si>
    <t>51714</t>
  </si>
  <si>
    <t>GPS CHAK NO. 107 /D</t>
  </si>
  <si>
    <t>107/D</t>
  </si>
  <si>
    <t>Chak No. 107/D Tehsil &amp; District Pakpattan Sharif</t>
  </si>
  <si>
    <t>Chak No. 107/D (Kothiyan)</t>
  </si>
  <si>
    <t>Chak No. 96/D</t>
  </si>
  <si>
    <t>47309</t>
  </si>
  <si>
    <t>GPS KIRI JAMAL KHATTAK</t>
  </si>
  <si>
    <t>Mohallah Feroz khel</t>
  </si>
  <si>
    <t>Hafiz Shahzad Rafique</t>
  </si>
  <si>
    <t>37250</t>
  </si>
  <si>
    <t>GGPS 18/AH, KHANEWAL</t>
  </si>
  <si>
    <t>18/AH</t>
  </si>
  <si>
    <t>GGPS 18/AH near army depot khanewal</t>
  </si>
  <si>
    <t>Chak No18/AH</t>
  </si>
  <si>
    <t>Chak No12/AH</t>
  </si>
  <si>
    <t>Uzma Mumtaz</t>
  </si>
  <si>
    <t>37643</t>
  </si>
  <si>
    <t>GGPS 20/8-R, TULAMBA</t>
  </si>
  <si>
    <t>chak20/8r</t>
  </si>
  <si>
    <t>Chak20/8r</t>
  </si>
  <si>
    <t>Punjwana</t>
  </si>
  <si>
    <t>29042</t>
  </si>
  <si>
    <t>GPS RAHAM SHAH</t>
  </si>
  <si>
    <t>Raham Shah</t>
  </si>
  <si>
    <t>M/c Kot Mithan</t>
  </si>
  <si>
    <t>29045</t>
  </si>
  <si>
    <t>GHS DHING</t>
  </si>
  <si>
    <t>DHING</t>
  </si>
  <si>
    <t>VILLAGE DHING PO LAMMAY TEHSIL KHARIAN DISTT GUJRAT</t>
  </si>
  <si>
    <t>GHS JHALRAIN SHUMALI</t>
  </si>
  <si>
    <t>Jhalaren Shumali</t>
  </si>
  <si>
    <t>sarwar wala muzaffargarh</t>
  </si>
  <si>
    <t>Ghulam Murtaza Khan</t>
  </si>
  <si>
    <t>GPS DHOK AYUB</t>
  </si>
  <si>
    <t>Post Office Dhoke Meher Muhammad, Tehsil and District Mianwali</t>
  </si>
  <si>
    <t>TAUSEEF ABBAS</t>
  </si>
  <si>
    <t>GHS JAN PUR</t>
  </si>
  <si>
    <t>KLP ROAD ADDA JANPUR P/O JANPUR TEHSIL LIAQATPUR DISTRICT RAHIM YAR KHAN</t>
  </si>
  <si>
    <t>QARI ALLAH NAWAZ</t>
  </si>
  <si>
    <t>GGHS KACHA PACCA CHAK NO. 43</t>
  </si>
  <si>
    <t>KACHA PACCA CHAK 43</t>
  </si>
  <si>
    <t>GGHS KACHA PACCA CHAK 43</t>
  </si>
  <si>
    <t>PADHANA CHAK 45</t>
  </si>
  <si>
    <t>TABINDA BATOOL</t>
  </si>
  <si>
    <t>164679</t>
  </si>
  <si>
    <t>29053</t>
  </si>
  <si>
    <t>22076</t>
  </si>
  <si>
    <t>GPS GUJAR TOWN MURALI WALA</t>
  </si>
  <si>
    <t>muraliwala</t>
  </si>
  <si>
    <t>Muhammad Afzal Sohail</t>
  </si>
  <si>
    <t>47450</t>
  </si>
  <si>
    <t>GPS JOHD KAY</t>
  </si>
  <si>
    <t>JOHD KAY</t>
  </si>
  <si>
    <t>VILLAGE JOHD KAY POST OFFICE ALI PUR</t>
  </si>
  <si>
    <t>35542</t>
  </si>
  <si>
    <t>GHS CHAK NO. 211 WB</t>
  </si>
  <si>
    <t>CHAK NO  211/W.B   P/O  DOKTA  TEHSIL  MAILSI(VEHARI)</t>
  </si>
  <si>
    <t>CHAK  NO  211/WB</t>
  </si>
  <si>
    <t>CHAK  NO  151/W.B</t>
  </si>
  <si>
    <t>NASIR  ALI</t>
  </si>
  <si>
    <t>53172</t>
  </si>
  <si>
    <t>GPS CHAK 36-A/GD</t>
  </si>
  <si>
    <t>36 AGD</t>
  </si>
  <si>
    <t>Bahadur Nagar farm First Okara</t>
  </si>
  <si>
    <t>Bahadur Nagar</t>
  </si>
  <si>
    <t>29063</t>
  </si>
  <si>
    <t>GGPS HAMID PIR BUKHARI</t>
  </si>
  <si>
    <t>basti Hamid peer uc sahanwala</t>
  </si>
  <si>
    <t>Hamid peer</t>
  </si>
  <si>
    <t>Syeda  Shaista Imdad  Bukhari</t>
  </si>
  <si>
    <t>47129</t>
  </si>
  <si>
    <t>GPS GORANGI WALA</t>
  </si>
  <si>
    <t>Wata Khel</t>
  </si>
  <si>
    <t>GPS Gorangi Wala, village Gorangi Wala Chidroo road  p/o GPO Mianwali</t>
  </si>
  <si>
    <t>12763</t>
  </si>
  <si>
    <t>GGPS RANG PUR JANUBI</t>
  </si>
  <si>
    <t>Dera Hibat</t>
  </si>
  <si>
    <t>Mauza der hibat rang pur</t>
  </si>
  <si>
    <t>Dera Haibat</t>
  </si>
  <si>
    <t>46143</t>
  </si>
  <si>
    <t>GHS PADHARAR</t>
  </si>
  <si>
    <t>V.P.O. PADHRAR TEHSIL and district khushab</t>
  </si>
  <si>
    <t>51773</t>
  </si>
  <si>
    <t>GPS JORRA</t>
  </si>
  <si>
    <t>Jorra</t>
  </si>
  <si>
    <t>taliyan vala khoo jorra pakpattan</t>
  </si>
  <si>
    <t>Ferozpurchistian</t>
  </si>
  <si>
    <t>Abdur Rahman Akbar</t>
  </si>
  <si>
    <t>47584</t>
  </si>
  <si>
    <t>GGPS DERA SHER ABBAS KHAN WALA</t>
  </si>
  <si>
    <t>Rokhri Pka</t>
  </si>
  <si>
    <t>GGP/S dera sher abas khan wala rokhari</t>
  </si>
  <si>
    <t>Nighat Shemina</t>
  </si>
  <si>
    <t>39405</t>
  </si>
  <si>
    <t>21797</t>
  </si>
  <si>
    <t>GGES RANDHEER</t>
  </si>
  <si>
    <t>Randheer. karyal kalan</t>
  </si>
  <si>
    <t>Afia</t>
  </si>
  <si>
    <t>26540</t>
  </si>
  <si>
    <t>GPS BARANDA BAHADUR</t>
  </si>
  <si>
    <t>M/c Fazil Pur</t>
  </si>
  <si>
    <t>Gps Baranda Bahadur</t>
  </si>
  <si>
    <t>GPS BITHARAY WALA</t>
  </si>
  <si>
    <t>Chabher Khor Satein</t>
  </si>
  <si>
    <t>GPS Bitharay wala Markaz sharif chhajra tehsile distric Muzaffar garh</t>
  </si>
  <si>
    <t>Bitharay Wala</t>
  </si>
  <si>
    <t>Sharif Chhajra</t>
  </si>
  <si>
    <t>Nazar Hussain Khalid</t>
  </si>
  <si>
    <t>3349</t>
  </si>
  <si>
    <t>29801</t>
  </si>
  <si>
    <t>GPS CHAH NALYWALA</t>
  </si>
  <si>
    <t>Chah Nalay Wala</t>
  </si>
  <si>
    <t>GPS Chah Nalay wala,Tehsil Pattoki,district kasure</t>
  </si>
  <si>
    <t>salahuddin</t>
  </si>
  <si>
    <t>34012</t>
  </si>
  <si>
    <t>28937</t>
  </si>
  <si>
    <t>GHS CHAK 42 A</t>
  </si>
  <si>
    <t>chak 42/a</t>
  </si>
  <si>
    <t>GBHS chak No. 42/A Tehsil liaquatpur District Rahim yar khan</t>
  </si>
  <si>
    <t>10999</t>
  </si>
  <si>
    <t>GGPS SIKHANI WALA</t>
  </si>
  <si>
    <t>BASTI SAKHANI</t>
  </si>
  <si>
    <t>Farkhanda Hamdani</t>
  </si>
  <si>
    <t>GPS JAMAL ABAD</t>
  </si>
  <si>
    <t>moza Akbar Abad po basti molvian uc kotmehdishah</t>
  </si>
  <si>
    <t>Nabi Bukhsh</t>
  </si>
  <si>
    <t>GGPS CHAK NO. 5/4 R</t>
  </si>
  <si>
    <t>Chak Number 5/4R</t>
  </si>
  <si>
    <t>chak number 5/4R rangpur muzafrgarh</t>
  </si>
  <si>
    <t>Sumaira Rafeeq</t>
  </si>
  <si>
    <t>48592</t>
  </si>
  <si>
    <t>28957</t>
  </si>
  <si>
    <t>GGPS BASTI KHUDA BUX JAMALI</t>
  </si>
  <si>
    <t>ggps basti khuda bux jamali</t>
  </si>
  <si>
    <t>Basti Khuda Bux</t>
  </si>
  <si>
    <t>Kotlamahi</t>
  </si>
  <si>
    <t>11913</t>
  </si>
  <si>
    <t>23080</t>
  </si>
  <si>
    <t>29925</t>
  </si>
  <si>
    <t>GMPS MEGHA MORE</t>
  </si>
  <si>
    <t>Mega More</t>
  </si>
  <si>
    <t>YASMIN KOUSAR</t>
  </si>
  <si>
    <t>47932</t>
  </si>
  <si>
    <t>43747</t>
  </si>
  <si>
    <t>28961</t>
  </si>
  <si>
    <t>47265</t>
  </si>
  <si>
    <t>GPS SOHRAB KHELAN WALA NO. 2</t>
  </si>
  <si>
    <t>Post office SawÃ ns Dist Mianwali</t>
  </si>
  <si>
    <t>ABDUL SATTAR KHAN</t>
  </si>
  <si>
    <t>GMPS JAHAR</t>
  </si>
  <si>
    <t>Jahar</t>
  </si>
  <si>
    <t>village jahar p/o khas jahar tehsil pasrur district sialkot</t>
  </si>
  <si>
    <t>Fareeha Rani</t>
  </si>
  <si>
    <t>10553</t>
  </si>
  <si>
    <t>49290</t>
  </si>
  <si>
    <t>GPS CHAK 23 A</t>
  </si>
  <si>
    <t>Chak23/A</t>
  </si>
  <si>
    <t>GPS Chak 23/A</t>
  </si>
  <si>
    <t>Chak 23/A</t>
  </si>
  <si>
    <t>Majid Iqbal</t>
  </si>
  <si>
    <t>35439</t>
  </si>
  <si>
    <t>GGPS MOCHI PURA</t>
  </si>
  <si>
    <t>Govt PS Mochi Pura Mandi Sadiq Ganj</t>
  </si>
  <si>
    <t>Mandi Sadiq Ganj</t>
  </si>
  <si>
    <t>54306</t>
  </si>
  <si>
    <t>GPS ALPA</t>
  </si>
  <si>
    <t>Alpa</t>
  </si>
  <si>
    <t>GPS Alpa</t>
  </si>
  <si>
    <t>Jangal Kalranwala</t>
  </si>
  <si>
    <t>28971</t>
  </si>
  <si>
    <t>GPS KOT BILAL</t>
  </si>
  <si>
    <t>Kot Bilal</t>
  </si>
  <si>
    <t>Gps kot bilal</t>
  </si>
  <si>
    <t>29757</t>
  </si>
  <si>
    <t>GGHS KHAIR-UN-NISA BEEMIAN WALA</t>
  </si>
  <si>
    <t>Beemianwala</t>
  </si>
  <si>
    <t>zartashia gull</t>
  </si>
  <si>
    <t>27423</t>
  </si>
  <si>
    <t>28981</t>
  </si>
  <si>
    <t>GPS CHAK NO.147/5-R CHOLISTAN</t>
  </si>
  <si>
    <t>chak no 147/5R</t>
  </si>
  <si>
    <t>Chak No 147/5R</t>
  </si>
  <si>
    <t>GMPS BUTTOR</t>
  </si>
  <si>
    <t>Batour</t>
  </si>
  <si>
    <t>village batour post office Hanj tehsil Kharian distt gujrat</t>
  </si>
  <si>
    <t>Sumaira Walait</t>
  </si>
  <si>
    <t>52769</t>
  </si>
  <si>
    <t>38596</t>
  </si>
  <si>
    <t>GGPS JOHNI</t>
  </si>
  <si>
    <t>johni</t>
  </si>
  <si>
    <t>Misbah Talib</t>
  </si>
  <si>
    <t>GPS MIR MUHAMMAD LAR</t>
  </si>
  <si>
    <t>Basti Jatto Sial, mouza chaudhary tehsil Liaquat Pur District Rahim Yar Khan</t>
  </si>
  <si>
    <t>Jatto Sial</t>
  </si>
  <si>
    <t>Javeed Ahmed</t>
  </si>
  <si>
    <t>Hand and water pump both</t>
  </si>
  <si>
    <t>16301</t>
  </si>
  <si>
    <t>28122</t>
  </si>
  <si>
    <t>Islam nagar</t>
  </si>
  <si>
    <t>14123</t>
  </si>
  <si>
    <t>GGPS TIBBA GOPANG</t>
  </si>
  <si>
    <t>kotla Hussain</t>
  </si>
  <si>
    <t>Rakh kot mithan</t>
  </si>
  <si>
    <t>TIBBA GOPANG</t>
  </si>
  <si>
    <t>Sadqa Tallat</t>
  </si>
  <si>
    <t>GGPS DABBAR SHAKAR GUNJ</t>
  </si>
  <si>
    <t>Kukria House ward No 2 pakpattan Road Near City Hospital Mcd</t>
  </si>
  <si>
    <t>GGPS Dabbar Shakar Gunj</t>
  </si>
  <si>
    <t>47067</t>
  </si>
  <si>
    <t>GHS DALILI WALA</t>
  </si>
  <si>
    <t>dalili wala</t>
  </si>
  <si>
    <t>Dalili Wala</t>
  </si>
  <si>
    <t>Syed Muhammad Najeeb Shah</t>
  </si>
  <si>
    <t>GGHS OLD ABADI</t>
  </si>
  <si>
    <t>GGHS KACHI MANDI LQP</t>
  </si>
  <si>
    <t>BASTI GUNJAAN</t>
  </si>
  <si>
    <t>Citylqp</t>
  </si>
  <si>
    <t>27515</t>
  </si>
  <si>
    <t>GGCMS KOT SARWAR</t>
  </si>
  <si>
    <t>kot sarwar</t>
  </si>
  <si>
    <t>46039</t>
  </si>
  <si>
    <t>GGPS CHAK NO 43 MB</t>
  </si>
  <si>
    <t>CHAK No 43MB</t>
  </si>
  <si>
    <t>CHAK NO 43 MB KHUSHAB</t>
  </si>
  <si>
    <t>Chak No 43 M.B</t>
  </si>
  <si>
    <t>BOTALA</t>
  </si>
  <si>
    <t>SHAZIA IQBAL</t>
  </si>
  <si>
    <t>49447</t>
  </si>
  <si>
    <t>GGPS PIRA BALOCH</t>
  </si>
  <si>
    <t>Moza Pira Balouc</t>
  </si>
  <si>
    <t>basti pira baouch</t>
  </si>
  <si>
    <t>Pira Balouch</t>
  </si>
  <si>
    <t>Sumaira Arshad</t>
  </si>
  <si>
    <t>32842</t>
  </si>
  <si>
    <t>GPS BAHADUR WALA</t>
  </si>
  <si>
    <t>Bahadur Wala</t>
  </si>
  <si>
    <t>bahadur wala post office Budda tehsil and district nankana</t>
  </si>
  <si>
    <t>28132</t>
  </si>
  <si>
    <t>GMPS PANDOWAL PAIN</t>
  </si>
  <si>
    <t>Pandowal</t>
  </si>
  <si>
    <t>Pandowal pain Teh and distt MBDin</t>
  </si>
  <si>
    <t>Pandowal pain</t>
  </si>
  <si>
    <t>Nain  Ranjha</t>
  </si>
  <si>
    <t>Kaleem Abbas</t>
  </si>
  <si>
    <t>GPS THATHA BHARWANA</t>
  </si>
  <si>
    <t>Thatha Bharwana</t>
  </si>
  <si>
    <t>Thatha Bharwana P/O Maroola Teh/Distt. Okara</t>
  </si>
  <si>
    <t>Thatha Lakhan</t>
  </si>
  <si>
    <t>Imdad Ali</t>
  </si>
  <si>
    <t>GGPS DERA SANDAN WALA</t>
  </si>
  <si>
    <t>Dera Sandhanwala</t>
  </si>
  <si>
    <t>Dera Sandhanwala Tehsil Nowshera Virkan District Gujranwala</t>
  </si>
  <si>
    <t>Baddu Ratta</t>
  </si>
  <si>
    <t>Shaista Hidayat</t>
  </si>
  <si>
    <t>GPS MURARIAN</t>
  </si>
  <si>
    <t>village n p/o Murarian,kharian,grt</t>
  </si>
  <si>
    <t>Charyawala</t>
  </si>
  <si>
    <t>Zille E Huma</t>
  </si>
  <si>
    <t>GMPS UMAR ABAD</t>
  </si>
  <si>
    <t>Umra Abad</t>
  </si>
  <si>
    <t>umra Abad tehsil pattoki distt kasuar</t>
  </si>
  <si>
    <t>Wan Radha Ram 76</t>
  </si>
  <si>
    <t>Bilqees</t>
  </si>
  <si>
    <t>GGPS KOTLA DAD</t>
  </si>
  <si>
    <t>Kotla Dad</t>
  </si>
  <si>
    <t>kotla dad tehsil nd distric rajan pur</t>
  </si>
  <si>
    <t>Kotla Khn Muhamad</t>
  </si>
  <si>
    <t>Farzana Nasreen</t>
  </si>
  <si>
    <t>GHS LALEKA</t>
  </si>
  <si>
    <t>MUHAMMAD BASHIR</t>
  </si>
  <si>
    <t>28255</t>
  </si>
  <si>
    <t>GPS DERA SAICH</t>
  </si>
  <si>
    <t>gps dera saich</t>
  </si>
  <si>
    <t>gps dera saich Nowshera virkan Gujranwala</t>
  </si>
  <si>
    <t>dera saich</t>
  </si>
  <si>
    <t>muhammad Irshad</t>
  </si>
  <si>
    <t>GGPS CHAH MIANA</t>
  </si>
  <si>
    <t>Zala Shumali</t>
  </si>
  <si>
    <t>village chah miana</t>
  </si>
  <si>
    <t>Ghulmeri</t>
  </si>
  <si>
    <t>GGPS KARAM PUR BHATTAIN</t>
  </si>
  <si>
    <t>chak karampur bhattian</t>
  </si>
  <si>
    <t>Azra Hashmi</t>
  </si>
  <si>
    <t>GMES 84/10-R, KHANEWAL</t>
  </si>
  <si>
    <t>84/10r</t>
  </si>
  <si>
    <t>GMES84/10r khanewal</t>
  </si>
  <si>
    <t>Saadia tehreem</t>
  </si>
  <si>
    <t>GGHSS CANAL COLONY</t>
  </si>
  <si>
    <t>Canal Colony Rahim Yar Khan</t>
  </si>
  <si>
    <t>Club Road Rahim Yar Khan</t>
  </si>
  <si>
    <t>25955</t>
  </si>
  <si>
    <t>Rana</t>
  </si>
  <si>
    <t>village rana p,o narowal district narowal</t>
  </si>
  <si>
    <t>GHS CHAK NO. 125/ WB</t>
  </si>
  <si>
    <t>chak no125wb</t>
  </si>
  <si>
    <t>chak no 125wb p/o mitroo tehsil mailsi disstrict vehari</t>
  </si>
  <si>
    <t>muhammad aslam qazi</t>
  </si>
  <si>
    <t>GMPS AFZAL ABAD</t>
  </si>
  <si>
    <t>KHAN MUHAMMAD</t>
  </si>
  <si>
    <t>GPMS afzalabad teh &amp; dist Rajanpur</t>
  </si>
  <si>
    <t>Kotlq Khan Muhamd</t>
  </si>
  <si>
    <t>GES NOOR PUR BATWANI</t>
  </si>
  <si>
    <t>Ashraf  Shah</t>
  </si>
  <si>
    <t>basti noor Pur Batwani po pacca laran tehsil LQP district  RYKhan</t>
  </si>
  <si>
    <t>Noor Pur Batwani</t>
  </si>
  <si>
    <t>Muhammad Umar Iqbal</t>
  </si>
  <si>
    <t>GMPS BURJ GHANIAN</t>
  </si>
  <si>
    <t>burj ghania</t>
  </si>
  <si>
    <t>p/o thatti mureed   village burj ghania</t>
  </si>
  <si>
    <t>ghania</t>
  </si>
  <si>
    <t>Tanzeela Naz</t>
  </si>
  <si>
    <t>GHSS Lab. (ATTACH WITH QAED) MUZAFFARGARH</t>
  </si>
  <si>
    <t>MC (city)</t>
  </si>
  <si>
    <t>28282</t>
  </si>
  <si>
    <t>GPS KAMOKAY KHURD</t>
  </si>
  <si>
    <t>KAMOKAY Khurd</t>
  </si>
  <si>
    <t>GPS KAMOKAY khurd</t>
  </si>
  <si>
    <t>Abid Hussain Sarwar</t>
  </si>
  <si>
    <t>47142</t>
  </si>
  <si>
    <t>GPS DERA HAJI MUMTAZ KHAN WALA</t>
  </si>
  <si>
    <t>Ahmed Khan Wala</t>
  </si>
  <si>
    <t>Ahmed Khan wala Mianwali</t>
  </si>
  <si>
    <t>GGPS CHAK NO. 537 TDA</t>
  </si>
  <si>
    <t>537/tda</t>
  </si>
  <si>
    <t>chak no 537/tda</t>
  </si>
  <si>
    <t>Chak No 537/tda</t>
  </si>
  <si>
    <t>632/tda</t>
  </si>
  <si>
    <t>Rafia Begum</t>
  </si>
  <si>
    <t>37718</t>
  </si>
  <si>
    <t>GGPS BHAD WALA</t>
  </si>
  <si>
    <t>28287</t>
  </si>
  <si>
    <t>GGES GANDHI OTAR</t>
  </si>
  <si>
    <t>GGES Gandhi ottar p/o Kot Radha Kishen, Tehsil Pattoki, Distt.Kasur</t>
  </si>
  <si>
    <t>Gandhi Ottar</t>
  </si>
  <si>
    <t>Balqis Akhtar</t>
  </si>
  <si>
    <t>30744</t>
  </si>
  <si>
    <t>GPS ALI AKBAR BAGH</t>
  </si>
  <si>
    <t>Ali Akbar Bagh</t>
  </si>
  <si>
    <t>ali akbar bagh</t>
  </si>
  <si>
    <t>FARAZ AHMAD</t>
  </si>
  <si>
    <t>51566</t>
  </si>
  <si>
    <t>GGPS SARDOOL KHURD</t>
  </si>
  <si>
    <t>Sardool Khurd</t>
  </si>
  <si>
    <t>sardool khurd tehsil&amp;distt. pakpattan</t>
  </si>
  <si>
    <t>Sandhey Khan</t>
  </si>
  <si>
    <t>34463</t>
  </si>
  <si>
    <t>GPS ADHI BAGH MOZA TARAGARH P/O KHOKHAR</t>
  </si>
  <si>
    <t>adhi Bagh moza Tara garh markaz sher shah multan</t>
  </si>
  <si>
    <t>Adhi Bagh</t>
  </si>
  <si>
    <t>Saadia Ashraf</t>
  </si>
  <si>
    <t>28299</t>
  </si>
  <si>
    <t>GGPS CHAK NO. 563 TDA</t>
  </si>
  <si>
    <t>Chak No 563/TDA</t>
  </si>
  <si>
    <t>chak no 563/TDA tehsil kot adu district m.garh</t>
  </si>
  <si>
    <t>Meer Pur Bhagl</t>
  </si>
  <si>
    <t>Aneela Ejaz</t>
  </si>
  <si>
    <t>GPS MUD MACHHI</t>
  </si>
  <si>
    <t>Moza Bhag p/o Murghai Indus Highway Tehsil &amp; District Rajanpur</t>
  </si>
  <si>
    <t>Mud Machhi</t>
  </si>
  <si>
    <t>GHS CHAK 103/1-L</t>
  </si>
  <si>
    <t>CHAK NO 103/1L</t>
  </si>
  <si>
    <t>SHAHZAD MEHMOOD</t>
  </si>
  <si>
    <t>824105</t>
  </si>
  <si>
    <t>GGHS GOACHH</t>
  </si>
  <si>
    <t>Goachh</t>
  </si>
  <si>
    <t>vill: goachh p/o achh teh: kharian distt: gujrat</t>
  </si>
  <si>
    <t>rehana kousar</t>
  </si>
  <si>
    <t>GGPS GANGA PUR</t>
  </si>
  <si>
    <t>Newal</t>
  </si>
  <si>
    <t>ggps gangs pur</t>
  </si>
  <si>
    <t>Gangapur</t>
  </si>
  <si>
    <t>GPS MARTH</t>
  </si>
  <si>
    <t>Marth</t>
  </si>
  <si>
    <t>Village Marth near Jalal Pur Bhattian Post Office Pindi Bhattian Teh.Pindi Bhattian Dist.Hafizabad</t>
  </si>
  <si>
    <t>Muzzammil Asghar</t>
  </si>
  <si>
    <t>GPS DEEPAY PUR</t>
  </si>
  <si>
    <t>Deepay pur</t>
  </si>
  <si>
    <t>village deepay pur Tehsil Nowshera Virkan District Gujranwalla</t>
  </si>
  <si>
    <t>Maju Chack</t>
  </si>
  <si>
    <t>Rashid Muhmood Waraich</t>
  </si>
  <si>
    <t>37479</t>
  </si>
  <si>
    <t>GGhS 45/15-L, MIAN CHANNU</t>
  </si>
  <si>
    <t>45/15 L mian channu</t>
  </si>
  <si>
    <t>45/15L Mian channu</t>
  </si>
  <si>
    <t>45/15L</t>
  </si>
  <si>
    <t>126/15 l</t>
  </si>
  <si>
    <t>Sobia Mobin</t>
  </si>
  <si>
    <t>GPS SHERAY WALA</t>
  </si>
  <si>
    <t>Tibi Burha Sharqi</t>
  </si>
  <si>
    <t>Gps.sharay wala.basti behma sial.thermal road.muzaffargarh.</t>
  </si>
  <si>
    <t>Basti Behma Sial</t>
  </si>
  <si>
    <t>Mc Ward No23</t>
  </si>
  <si>
    <t>Pervaiz Stephen Sohail</t>
  </si>
  <si>
    <t>GHS GHANIAN</t>
  </si>
  <si>
    <t>VPO Ghanian teh.phalia, dist.m b din</t>
  </si>
  <si>
    <t>Usman Aziz</t>
  </si>
  <si>
    <t>GMPS PIARA</t>
  </si>
  <si>
    <t>Piara</t>
  </si>
  <si>
    <t>Village Piara post office Tehal Tehsil Kharian District Gujarat</t>
  </si>
  <si>
    <t>Syed Fakhar Abbas</t>
  </si>
  <si>
    <t>33459</t>
  </si>
  <si>
    <t>GGPS KOT JALAL DIN NO.2</t>
  </si>
  <si>
    <t>Kot jalal Din</t>
  </si>
  <si>
    <t>kot jalal din</t>
  </si>
  <si>
    <t>32974</t>
  </si>
  <si>
    <t>GGPS MUNNIAN WALA</t>
  </si>
  <si>
    <t>Munnianwala</t>
  </si>
  <si>
    <t>GGPSMunianwala</t>
  </si>
  <si>
    <t>Chachy Gil</t>
  </si>
  <si>
    <t>Shakara Shafi</t>
  </si>
  <si>
    <t>GGCMS CHAK BHATTI</t>
  </si>
  <si>
    <t>VPO Chak bhatti tehsil pindi bhattian district hafizabad</t>
  </si>
  <si>
    <t>Nadia Salma</t>
  </si>
  <si>
    <t>43746</t>
  </si>
  <si>
    <t>12028</t>
  </si>
  <si>
    <t>GGCMS CHAK NO. 566/TDA</t>
  </si>
  <si>
    <t>Chak#566</t>
  </si>
  <si>
    <t>chak #566/TDA</t>
  </si>
  <si>
    <t>Chak#566/TDA</t>
  </si>
  <si>
    <t>14224</t>
  </si>
  <si>
    <t>near juggan khan petrol pump indus road</t>
  </si>
  <si>
    <t>23710</t>
  </si>
  <si>
    <t>GPS HERDO UDDAY</t>
  </si>
  <si>
    <t>Hardo Uddhy</t>
  </si>
  <si>
    <t>P/O Mari khurad village Hardo Uddhy Teh Noshera Virkan Disst.Gujranwala</t>
  </si>
  <si>
    <t>Majju Chakk</t>
  </si>
  <si>
    <t>GMPS JAMAN SHAH WALA (GPS 11 MR)</t>
  </si>
  <si>
    <t>Chak11mr</t>
  </si>
  <si>
    <t>gmps jaman shah wala 11mr</t>
  </si>
  <si>
    <t>11mr</t>
  </si>
  <si>
    <t>18mr</t>
  </si>
  <si>
    <t>28228</t>
  </si>
  <si>
    <t>GES MAILU KOHNA</t>
  </si>
  <si>
    <t>GES Mailu Kohna PO mailu Kohna Tehsil Phalia Distt Mandi Bahauddin</t>
  </si>
  <si>
    <t>Mailu Kohna</t>
  </si>
  <si>
    <t>GPS MAHMOOD ABAD</t>
  </si>
  <si>
    <t>Basti Jain Walla Moza Mehmoodabad Dak Khana Iqbal Abad  Rahim Yar Khan</t>
  </si>
  <si>
    <t>Jain Walla</t>
  </si>
  <si>
    <t>Tajghar</t>
  </si>
  <si>
    <t>Wahid Nussrullah</t>
  </si>
  <si>
    <t>GHS CHAK 111 NP</t>
  </si>
  <si>
    <t>CHAK 111 /NP</t>
  </si>
  <si>
    <t>CHAK 111 /NP TEHSIL. KHANPUR</t>
  </si>
  <si>
    <t>AZEEM SHAH</t>
  </si>
  <si>
    <t>GGPS MAHRAN WALA</t>
  </si>
  <si>
    <t>SONHARA WASAWA FEMALE</t>
  </si>
  <si>
    <t>Jhorar Thal</t>
  </si>
  <si>
    <t>chah missi wala moza jhorar thal p/o kot sultan</t>
  </si>
  <si>
    <t>20754</t>
  </si>
  <si>
    <t>GGES ARIF PURA MULTAN</t>
  </si>
  <si>
    <t>govt girls elementary school arifpura multan</t>
  </si>
  <si>
    <t>Chah Khoo Wala</t>
  </si>
  <si>
    <t>Iqbal Nager</t>
  </si>
  <si>
    <t>Salma Rana</t>
  </si>
  <si>
    <t>29090</t>
  </si>
  <si>
    <t>GGPS MOSAM WALA</t>
  </si>
  <si>
    <t>Moza Mosam Wala</t>
  </si>
  <si>
    <t>Moza Mosam Wala Tehsil Minchin Abad District Bahawalnagar</t>
  </si>
  <si>
    <t>Muzammil Siddique</t>
  </si>
  <si>
    <t>29092</t>
  </si>
  <si>
    <t>27259</t>
  </si>
  <si>
    <t>GHS SAKHI</t>
  </si>
  <si>
    <t>Village Sakhi P/O Rasulpur Tarar Tehsil Pindi Bhattian District Hafizabad.</t>
  </si>
  <si>
    <t>Matteki</t>
  </si>
  <si>
    <t>Mubashar Nazir</t>
  </si>
  <si>
    <t>37651</t>
  </si>
  <si>
    <t>GMPS BAGH WALA, TULAMBA</t>
  </si>
  <si>
    <t>GMPS Bagh wala tulamba</t>
  </si>
  <si>
    <t>Bagh wala</t>
  </si>
  <si>
    <t>Choghtta Punjuana</t>
  </si>
  <si>
    <t>29102</t>
  </si>
  <si>
    <t>51502</t>
  </si>
  <si>
    <t>GPS CHAK NO. 71 D</t>
  </si>
  <si>
    <t>71/D</t>
  </si>
  <si>
    <t>Chak No.71/D Tehsil Pakpattan, District Pakpattan</t>
  </si>
  <si>
    <t>Chak No71/D</t>
  </si>
  <si>
    <t>Muhammad Waqar Farooq Wattoo</t>
  </si>
  <si>
    <t>GHSS FAZILPUR</t>
  </si>
  <si>
    <t>Hajipur Road FAZILPUR</t>
  </si>
  <si>
    <t>DR.  SAEED AHMAD BUKHARI</t>
  </si>
  <si>
    <t>GPS KOT MUHAMMAD SADIQ</t>
  </si>
  <si>
    <t>Gujjan dhudi</t>
  </si>
  <si>
    <t>Kot sadiq Lalika Minchin Abad</t>
  </si>
  <si>
    <t>Kot sadiq</t>
  </si>
  <si>
    <t>29110</t>
  </si>
  <si>
    <t>21982</t>
  </si>
  <si>
    <t>GGPS KOTLI MALLIAN</t>
  </si>
  <si>
    <t>Kotli Mallian</t>
  </si>
  <si>
    <t>Farzana Pir</t>
  </si>
  <si>
    <t>GHS MURAD PUR SIAL</t>
  </si>
  <si>
    <t>Murad Pur Sial</t>
  </si>
  <si>
    <t>Ghs Murad Pur sial</t>
  </si>
  <si>
    <t>Mohammad Daha</t>
  </si>
  <si>
    <t>15209</t>
  </si>
  <si>
    <t>34960</t>
  </si>
  <si>
    <t>28801</t>
  </si>
  <si>
    <t>GGPS RAKH THAL WALI</t>
  </si>
  <si>
    <t>head 26 moza zulfiqarabad p o sultan colony tehsil kot adu district muzafar garh</t>
  </si>
  <si>
    <t>Head 26</t>
  </si>
  <si>
    <t>Huma Batool Rizvi</t>
  </si>
  <si>
    <t>28802</t>
  </si>
  <si>
    <t>GPS BORING AMEER MUHAMMAD</t>
  </si>
  <si>
    <t>basti khakh moza khokhar wala p/o khokhar wala layyah</t>
  </si>
  <si>
    <t>Basti Khakh</t>
  </si>
  <si>
    <t>28803</t>
  </si>
  <si>
    <t>GGPS JANGLE JASWANT GARH</t>
  </si>
  <si>
    <t>Jungle Jaswant Garh</t>
  </si>
  <si>
    <t>Govt girls primary school jungle jaswant garh multan saddar</t>
  </si>
  <si>
    <t>Samina Shaheen Malik</t>
  </si>
  <si>
    <t>GPS PIR MUHAMMAD DHIR</t>
  </si>
  <si>
    <t>Pir Muhammad Dhair</t>
  </si>
  <si>
    <t>GPS pir Muhammad Dhair</t>
  </si>
  <si>
    <t>32701</t>
  </si>
  <si>
    <t>GPS 11/SP P.O 8/S.P PAKPATTAN</t>
  </si>
  <si>
    <t>chak Noor Muhammad 11/sp</t>
  </si>
  <si>
    <t>ARSLAN MURTAZA SHAH</t>
  </si>
  <si>
    <t>37612</t>
  </si>
  <si>
    <t>GMPS 96-A/15-L, MIAN CHANNU</t>
  </si>
  <si>
    <t>gmps 96-A/15L</t>
  </si>
  <si>
    <t>Chak no96-A/15L</t>
  </si>
  <si>
    <t>92/15L</t>
  </si>
  <si>
    <t>Iram Manzoor</t>
  </si>
  <si>
    <t>electrical watercooler</t>
  </si>
  <si>
    <t>21967</t>
  </si>
  <si>
    <t>GMPS DHAROKE</t>
  </si>
  <si>
    <t>Dharoke</t>
  </si>
  <si>
    <t>GMPS DHAROKE Tehsil noshera virkan District Gujranwala</t>
  </si>
  <si>
    <t>Phamma Saria</t>
  </si>
  <si>
    <t>Tshneeba Manzoor</t>
  </si>
  <si>
    <t>GES DINPUR SHARIF</t>
  </si>
  <si>
    <t>Chak  99  Np</t>
  </si>
  <si>
    <t>GES Deen Pur sharif</t>
  </si>
  <si>
    <t>Deen Pur Sharif</t>
  </si>
  <si>
    <t>24975</t>
  </si>
  <si>
    <t>24868</t>
  </si>
  <si>
    <t>GPS BASTI QADIR ABAD</t>
  </si>
  <si>
    <t>Basti Qadirabad</t>
  </si>
  <si>
    <t>GPS Basti Qadirabad, Near Qabrastan Eiday Shah, Kasur.</t>
  </si>
  <si>
    <t>GGPS CHEEKEL WALA</t>
  </si>
  <si>
    <t>Ahmad Diwala</t>
  </si>
  <si>
    <t>basti cheekel wala</t>
  </si>
  <si>
    <t>Cheekel Wala</t>
  </si>
  <si>
    <t>Maimoona Yasmeen</t>
  </si>
  <si>
    <t>27358</t>
  </si>
  <si>
    <t>GPS GARHI GOLA</t>
  </si>
  <si>
    <t>Garhi Gola</t>
  </si>
  <si>
    <t>P/O     TEH    Pindi Bhattian       District  Hafizabad</t>
  </si>
  <si>
    <t>GGPS BUZARG</t>
  </si>
  <si>
    <t>Bazurg</t>
  </si>
  <si>
    <t>village Bazurg P/O Talwandi Bindran Teh Pasrur Distt  Sialkot</t>
  </si>
  <si>
    <t>33748</t>
  </si>
  <si>
    <t>GGPS BOOAA PUR MULTAN</t>
  </si>
  <si>
    <t>Boaa Pur</t>
  </si>
  <si>
    <t>Basti Boaa pur khanewal road multan</t>
  </si>
  <si>
    <t>Aisha Kosar</t>
  </si>
  <si>
    <t>GGPS RORI WALA</t>
  </si>
  <si>
    <t>Rori Wala</t>
  </si>
  <si>
    <t>Moza Roriwala Tehsil Minchinabad District Bahawalnagar</t>
  </si>
  <si>
    <t>GGPS BHOOND</t>
  </si>
  <si>
    <t>Bhound</t>
  </si>
  <si>
    <t>Bhound teh pasrur dist sialkot  p/o Ahmed abad</t>
  </si>
  <si>
    <t>Miss Rukhsana</t>
  </si>
  <si>
    <t>GGPS DHURANIAN WALA</t>
  </si>
  <si>
    <t>DuranyaWala</t>
  </si>
  <si>
    <t>Durania Wala</t>
  </si>
  <si>
    <t>Surriya Perveen</t>
  </si>
  <si>
    <t>29433</t>
  </si>
  <si>
    <t>GGPS PAKKI HAVELI</t>
  </si>
  <si>
    <t>Paki Haveli</t>
  </si>
  <si>
    <t>paki haveli</t>
  </si>
  <si>
    <t>Samina Yasin</t>
  </si>
  <si>
    <t>28973</t>
  </si>
  <si>
    <t>GGES  MODEL 11-B/8-R, KACHA KHUH</t>
  </si>
  <si>
    <t>11b/8r</t>
  </si>
  <si>
    <t>Shamim Sarwar</t>
  </si>
  <si>
    <t>28868</t>
  </si>
  <si>
    <t>28069</t>
  </si>
  <si>
    <t>GGPS Faizabad</t>
  </si>
  <si>
    <t>Mussarat Nazli</t>
  </si>
  <si>
    <t>GPS JOIYA BASTI JOIYA</t>
  </si>
  <si>
    <t>gehna lar</t>
  </si>
  <si>
    <t>gps joiya basti joiys</t>
  </si>
  <si>
    <t>Muhammad zahid hussain</t>
  </si>
  <si>
    <t>47027</t>
  </si>
  <si>
    <t>GHS MARI INDUS</t>
  </si>
  <si>
    <t>Mari Indus distt.mianwal</t>
  </si>
  <si>
    <t>GPS KOTLA HAJI SHAH</t>
  </si>
  <si>
    <t>Chak 122-B/TDA</t>
  </si>
  <si>
    <t>Kotla Haji chak no 122-b tda</t>
  </si>
  <si>
    <t>34736</t>
  </si>
  <si>
    <t>33739</t>
  </si>
  <si>
    <t>GPS MC FAROOQ PURA MULTAN</t>
  </si>
  <si>
    <t>kutab pur</t>
  </si>
  <si>
    <t>mohalla farooq pura purani chan mari multan</t>
  </si>
  <si>
    <t>farooq pura old shujabad road multan</t>
  </si>
  <si>
    <t>ghariba bad</t>
  </si>
  <si>
    <t>ghulam haider</t>
  </si>
  <si>
    <t>28888</t>
  </si>
  <si>
    <t>21995</t>
  </si>
  <si>
    <t>GMPS  QILA MUSTAFA ABAD</t>
  </si>
  <si>
    <t>Qilla mustafa Abad</t>
  </si>
  <si>
    <t>Qilla mustafa abad</t>
  </si>
  <si>
    <t>Sana Munir</t>
  </si>
  <si>
    <t>22582</t>
  </si>
  <si>
    <t>28889</t>
  </si>
  <si>
    <t>GGPS ALI GARH KASUR</t>
  </si>
  <si>
    <t>Ali Ghar</t>
  </si>
  <si>
    <t>kot Ali ghar kasur</t>
  </si>
  <si>
    <t>kausar Jabeen Inyat  Ullah</t>
  </si>
  <si>
    <t>42902</t>
  </si>
  <si>
    <t>53238</t>
  </si>
  <si>
    <t>GPS THATHA MANAK</t>
  </si>
  <si>
    <t>Thatha manak</t>
  </si>
  <si>
    <t>moza thatha manak p/o lashari distt okara</t>
  </si>
  <si>
    <t>thatha manak</t>
  </si>
  <si>
    <t>lakhan</t>
  </si>
  <si>
    <t>28893</t>
  </si>
  <si>
    <t>GGPS WATRAN MACHEE</t>
  </si>
  <si>
    <t>Shedani</t>
  </si>
  <si>
    <t>basti Watran Machee moza Shedani, Tehsil Liaqatpur, District Rahim yar Khan</t>
  </si>
  <si>
    <t>Watran Machee</t>
  </si>
  <si>
    <t>Ghulam Aisha Bibi</t>
  </si>
  <si>
    <t>39156</t>
  </si>
  <si>
    <t>GHS CHAK NO. 45 AMB</t>
  </si>
  <si>
    <t>CHAK 45 AMB</t>
  </si>
  <si>
    <t>RANA JAVAID IQBAL</t>
  </si>
  <si>
    <t>28895</t>
  </si>
  <si>
    <t>GPS RAFIA ABAD</t>
  </si>
  <si>
    <t>Tibbi Mustaqil Sharqi</t>
  </si>
  <si>
    <t>basti jhorar daira din panah</t>
  </si>
  <si>
    <t>Basti Jhorar</t>
  </si>
  <si>
    <t>12369</t>
  </si>
  <si>
    <t>DERA HABAT</t>
  </si>
  <si>
    <t>POST OFFICE RANG PUR</t>
  </si>
  <si>
    <t>Zaffa Hussain</t>
  </si>
  <si>
    <t>GPS RANGEELAY WALA</t>
  </si>
  <si>
    <t>Kunnal Nashaib</t>
  </si>
  <si>
    <t>Chah Rangeelay Wala</t>
  </si>
  <si>
    <t>Rangeelay Wala</t>
  </si>
  <si>
    <t>GHS KHEWA</t>
  </si>
  <si>
    <t>V.P.O.Khewa</t>
  </si>
  <si>
    <t>47640</t>
  </si>
  <si>
    <t>GGPS JHORE CHAKRALA MIANWALI</t>
  </si>
  <si>
    <t>P.O. Village Jhore, Thesil n Disst Mianwali</t>
  </si>
  <si>
    <t>Jhore</t>
  </si>
  <si>
    <t>Nazia Nawaz</t>
  </si>
  <si>
    <t>25963</t>
  </si>
  <si>
    <t>GPS JAAMKE</t>
  </si>
  <si>
    <t>Jaamkey</t>
  </si>
  <si>
    <t>jaamkey</t>
  </si>
  <si>
    <t>Jamkey</t>
  </si>
  <si>
    <t>37474</t>
  </si>
  <si>
    <t>GGES 59/15-L, MIAN CHANNU</t>
  </si>
  <si>
    <t>59/15L tehsil mian channu district khanewal</t>
  </si>
  <si>
    <t>Umara Aslam</t>
  </si>
  <si>
    <t>29117</t>
  </si>
  <si>
    <t>GGES BASTI MAHARAN</t>
  </si>
  <si>
    <t>Near General Bus Stand</t>
  </si>
  <si>
    <t>MC MGARH</t>
  </si>
  <si>
    <t>Muniyah Muneer</t>
  </si>
  <si>
    <t>29118</t>
  </si>
  <si>
    <t>29753</t>
  </si>
  <si>
    <t>GPS JHALAR ABDUL QADIR</t>
  </si>
  <si>
    <t>Jhalar Abdul Qadir</t>
  </si>
  <si>
    <t>jhalar Abdul Qadir p/o jhalar Abdul Qadir tehsil pattoki district kasur</t>
  </si>
  <si>
    <t>24953</t>
  </si>
  <si>
    <t>23384</t>
  </si>
  <si>
    <t>GPS MURALI</t>
  </si>
  <si>
    <t>Murali</t>
  </si>
  <si>
    <t>GPS Murali District Gujrat Tehsil Kharian</t>
  </si>
  <si>
    <t>29128</t>
  </si>
  <si>
    <t>Kot Hukam Singh</t>
  </si>
  <si>
    <t>GPS kot Hukam Singh</t>
  </si>
  <si>
    <t>Sundhay Khan</t>
  </si>
  <si>
    <t>53068</t>
  </si>
  <si>
    <t>GHS 27 GD</t>
  </si>
  <si>
    <t>GHS 27 GD p/O jaboka Teh &amp; Distt. Okara</t>
  </si>
  <si>
    <t>umar hayat</t>
  </si>
  <si>
    <t>GHS DARI AZEEM KHAN</t>
  </si>
  <si>
    <t>Dari Azim khan p/o tranda Swaye khan Tehsil and district Ryk</t>
  </si>
  <si>
    <t>29136</t>
  </si>
  <si>
    <t>GGPS RUPEKE</t>
  </si>
  <si>
    <t>Ruppyke</t>
  </si>
  <si>
    <t>ruppyke distirct hafizabad tehsil pindi bhatian post office jalalpur bhatian</t>
  </si>
  <si>
    <t>Solange Kharal</t>
  </si>
  <si>
    <t>Afshan Anjum</t>
  </si>
  <si>
    <t>GGPS CHAK NO. 151/A</t>
  </si>
  <si>
    <t>AKHTER NAGAR-FEMALE</t>
  </si>
  <si>
    <t>Chak No151/A</t>
  </si>
  <si>
    <t>chak no .151/A lqp</t>
  </si>
  <si>
    <t>Chak No 151/A</t>
  </si>
  <si>
    <t>42/A</t>
  </si>
  <si>
    <t>Shazia perveen</t>
  </si>
  <si>
    <t>GGPS KHEWA MUHABBAT PUR</t>
  </si>
  <si>
    <t>Khewa muhabbt pur</t>
  </si>
  <si>
    <t>Khewa Mohbbat Pur</t>
  </si>
  <si>
    <t>Ahhla</t>
  </si>
  <si>
    <t>Ghazia Batool</t>
  </si>
  <si>
    <t>12828</t>
  </si>
  <si>
    <t>40945</t>
  </si>
  <si>
    <t>GPS GOPANG NO. 2</t>
  </si>
  <si>
    <t>Rattan Thair</t>
  </si>
  <si>
    <t>basti sontra</t>
  </si>
  <si>
    <t>Basti Sontra</t>
  </si>
  <si>
    <t>Mahre Wala</t>
  </si>
  <si>
    <t>11926</t>
  </si>
  <si>
    <t>GGPS DHUDHI</t>
  </si>
  <si>
    <t>Daya Choka Sherki</t>
  </si>
  <si>
    <t>Basti Dhudhi sinawn</t>
  </si>
  <si>
    <t>Basti Dhudhi</t>
  </si>
  <si>
    <t>Sinawn</t>
  </si>
  <si>
    <t>Samrah Abbas</t>
  </si>
  <si>
    <t>GGPS THATTA HASHMAT</t>
  </si>
  <si>
    <t>Thatha Hashmat</t>
  </si>
  <si>
    <t>GGPS thatha hashmat</t>
  </si>
  <si>
    <t>Wijhwa</t>
  </si>
  <si>
    <t>Shbana Anjum</t>
  </si>
  <si>
    <t>51742</t>
  </si>
  <si>
    <t>GGPS DHAWANA</t>
  </si>
  <si>
    <t>Chak Dhawna p/o Pacca sadhar</t>
  </si>
  <si>
    <t>Quratullaeen</t>
  </si>
  <si>
    <t>GPS BASTI KHUDA BUKHSH</t>
  </si>
  <si>
    <t>Khair Shah Ottarh</t>
  </si>
  <si>
    <t>Basti Khuda Buksh Moza khair shah ottarh P/O Tehsil MND District. BWN</t>
  </si>
  <si>
    <t>Basti Khuda Buksh W</t>
  </si>
  <si>
    <t>51517</t>
  </si>
  <si>
    <t>GPS CHAK NO. 92 D</t>
  </si>
  <si>
    <t>92/d</t>
  </si>
  <si>
    <t>chack no 92/d</t>
  </si>
  <si>
    <t>Chack No 92/d</t>
  </si>
  <si>
    <t>15734</t>
  </si>
  <si>
    <t>8382</t>
  </si>
  <si>
    <t>GGPS RASOOL PUR BHANDRAN</t>
  </si>
  <si>
    <t>Rasool Pur Bhindran Bhindran</t>
  </si>
  <si>
    <t>ggps rasool pur bhindran</t>
  </si>
  <si>
    <t>Rasoolpur Bhindran</t>
  </si>
  <si>
    <t>Datay Wall</t>
  </si>
  <si>
    <t>Parveen</t>
  </si>
  <si>
    <t>GGHS SUGAR MILLS COLONY LAYYAH</t>
  </si>
  <si>
    <t>Sugar Mills Copony Layyah</t>
  </si>
  <si>
    <t>GGHS Sugar Mills Colony Layyah</t>
  </si>
  <si>
    <t>Sugar Mills Colony Layyah</t>
  </si>
  <si>
    <t>ghazala mumtaz</t>
  </si>
  <si>
    <t>GMPS WHAND</t>
  </si>
  <si>
    <t>Wehand</t>
  </si>
  <si>
    <t>GMPS wehand</t>
  </si>
  <si>
    <t>Ruqia Ejaz</t>
  </si>
  <si>
    <t>46043</t>
  </si>
  <si>
    <t>GGPS DERA MANSAB KHAN RODA</t>
  </si>
  <si>
    <t>g.g.p.s dera mansab khan roda</t>
  </si>
  <si>
    <t>Dera MansB</t>
  </si>
  <si>
    <t>Zaibunnisa</t>
  </si>
  <si>
    <t>29529</t>
  </si>
  <si>
    <t>GGPS BASTI SANDILA</t>
  </si>
  <si>
    <t>Douaba</t>
  </si>
  <si>
    <t>Govt Girls P/s Basti sandila near Railway line M.garh west</t>
  </si>
  <si>
    <t>Rabia Basri Head</t>
  </si>
  <si>
    <t>29530</t>
  </si>
  <si>
    <t>GGPS KABIR KHEL WEST</t>
  </si>
  <si>
    <t>muhallah kabir khel west post office mochh</t>
  </si>
  <si>
    <t>Zuriyat Fatima</t>
  </si>
  <si>
    <t>GGPS JHALLAR ABDUL REHMAN</t>
  </si>
  <si>
    <t>near kotla esan</t>
  </si>
  <si>
    <t>29533</t>
  </si>
  <si>
    <t>24170</t>
  </si>
  <si>
    <t>GPS MARL</t>
  </si>
  <si>
    <t>marl</t>
  </si>
  <si>
    <t>village marl tehsil pasrur district sialkot</t>
  </si>
  <si>
    <t>Gadgor</t>
  </si>
  <si>
    <t>53890</t>
  </si>
  <si>
    <t>29534</t>
  </si>
  <si>
    <t>28119</t>
  </si>
  <si>
    <t>GGES NAIN RANJHA</t>
  </si>
  <si>
    <t>Nain ranjha</t>
  </si>
  <si>
    <t>vpo Nain ranjha teh disst m.b.din</t>
  </si>
  <si>
    <t>farwa abid</t>
  </si>
  <si>
    <t>GPS AGROYA</t>
  </si>
  <si>
    <t>AGROYA</t>
  </si>
  <si>
    <t>village &amp; post office Agroya Tehsil Phalia District M.b.din</t>
  </si>
  <si>
    <t>Dherkan Kalan</t>
  </si>
  <si>
    <t>GES BHOBRA</t>
  </si>
  <si>
    <t>Govt E/S Bhobra</t>
  </si>
  <si>
    <t>GES MC AGHA PURA OUTSIDE DEHLI GATE MULTAN</t>
  </si>
  <si>
    <t>aghapura</t>
  </si>
  <si>
    <t>Aghapura</t>
  </si>
  <si>
    <t>hazarian</t>
  </si>
  <si>
    <t>44143</t>
  </si>
  <si>
    <t>GPS HAKLA</t>
  </si>
  <si>
    <t>Hakla</t>
  </si>
  <si>
    <t>village hakla p o panjan kisana teh kharian distt gujrat</t>
  </si>
  <si>
    <t>Sitara Shabbir</t>
  </si>
  <si>
    <t>49726</t>
  </si>
  <si>
    <t>47506</t>
  </si>
  <si>
    <t>GGPS SHEROO KHEL WALA</t>
  </si>
  <si>
    <t>village sher Khan ghuranianwala p /o musa khel disst mianwali</t>
  </si>
  <si>
    <t>Sherokhel1122gmailcSheo khel</t>
  </si>
  <si>
    <t>GGPS DERA ISLAM PURA</t>
  </si>
  <si>
    <t>Dera Islam Pura</t>
  </si>
  <si>
    <t>dera Islam pura</t>
  </si>
  <si>
    <t>Dera Islam pura</t>
  </si>
  <si>
    <t>21809</t>
  </si>
  <si>
    <t>GGES NADO SARAI</t>
  </si>
  <si>
    <t>Nido Sarai</t>
  </si>
  <si>
    <t>village nido sara</t>
  </si>
  <si>
    <t>Chack Chaudhry</t>
  </si>
  <si>
    <t>40970</t>
  </si>
  <si>
    <t>29396</t>
  </si>
  <si>
    <t>GPS 245/P</t>
  </si>
  <si>
    <t>245/P</t>
  </si>
  <si>
    <t>Chak No. 245/P. RYK</t>
  </si>
  <si>
    <t>Sajida Tabassum</t>
  </si>
  <si>
    <t>30657</t>
  </si>
  <si>
    <t>34242</t>
  </si>
  <si>
    <t>GHS BASTI JALEEL MULTAN</t>
  </si>
  <si>
    <t>Jaleel</t>
  </si>
  <si>
    <t>Basti Jaleel multan</t>
  </si>
  <si>
    <t>GMPS RASUL COLLEGE</t>
  </si>
  <si>
    <t>C. NO.V MBDIN - FEMALE</t>
  </si>
  <si>
    <t>Rasul College</t>
  </si>
  <si>
    <t>GMPS rasul college</t>
  </si>
  <si>
    <t>Rasool</t>
  </si>
  <si>
    <t>Reena Samuel</t>
  </si>
  <si>
    <t>Bukhshan Arain</t>
  </si>
  <si>
    <t>Govt boys primary school Qabool wala</t>
  </si>
  <si>
    <t>Basti Qabool Wala</t>
  </si>
  <si>
    <t>Ramsha Gul</t>
  </si>
  <si>
    <t>GHS SHIKAR PUR</t>
  </si>
  <si>
    <t>P/O Shikarpur</t>
  </si>
  <si>
    <t>Shahid Ibrahim</t>
  </si>
  <si>
    <t>37696</t>
  </si>
  <si>
    <t>GGPS JAT DANGRA, TULAMBA</t>
  </si>
  <si>
    <t>Jat Dangra</t>
  </si>
  <si>
    <t>9b 8r</t>
  </si>
  <si>
    <t>37284</t>
  </si>
  <si>
    <t>GMPS 86-75/10-R, KHANEWAL</t>
  </si>
  <si>
    <t>86-75/10r</t>
  </si>
  <si>
    <t>86-7510r</t>
  </si>
  <si>
    <t>Shahida Naeem</t>
  </si>
  <si>
    <t>33690</t>
  </si>
  <si>
    <t>GPS ITTEHAD COLONY MULTAN</t>
  </si>
  <si>
    <t>GPS ittehad colony</t>
  </si>
  <si>
    <t>24107</t>
  </si>
  <si>
    <t>GGHS MUNDAKEY BARIAN</t>
  </si>
  <si>
    <t>Mundakey  Barian</t>
  </si>
  <si>
    <t>vpo mundakey  teh pasrur district sialkot</t>
  </si>
  <si>
    <t>Mundakey Barian</t>
  </si>
  <si>
    <t>talaat batool</t>
  </si>
  <si>
    <t>GPS KOT BAHAWAL</t>
  </si>
  <si>
    <t>Kot Bahawal</t>
  </si>
  <si>
    <t>Kot bahawal</t>
  </si>
  <si>
    <t>GHS KOT BELA</t>
  </si>
  <si>
    <t>GHS kot bella</t>
  </si>
  <si>
    <t>Bag Kohna</t>
  </si>
  <si>
    <t>GES TEHAL</t>
  </si>
  <si>
    <t>Tehal</t>
  </si>
  <si>
    <t>Govt. elementary school Tehal Tehsil Kharian</t>
  </si>
  <si>
    <t>Biddar</t>
  </si>
  <si>
    <t>Community Water supply</t>
  </si>
  <si>
    <t>36601</t>
  </si>
  <si>
    <t>5145</t>
  </si>
  <si>
    <t>GHS SHEDANI SHARIF</t>
  </si>
  <si>
    <t>GBHS SHEDANI SHARIF TEHSIL LIAQUAT PUR DISTT: R YOU KHAN</t>
  </si>
  <si>
    <t>Muhammad Waseem Mehboob</t>
  </si>
  <si>
    <t>GGPS DERA DOST MUHAMMAD JHAMBRAH SHARQI MIANWALI</t>
  </si>
  <si>
    <t>Wata Khel Pakka</t>
  </si>
  <si>
    <t>G.G p/s dera dost Muhammad</t>
  </si>
  <si>
    <t>Jhambra</t>
  </si>
  <si>
    <t>Musarat Yasmin</t>
  </si>
  <si>
    <t>43736</t>
  </si>
  <si>
    <t>29432</t>
  </si>
  <si>
    <t>37524</t>
  </si>
  <si>
    <t>GPS 63/15-L NEW, MIAN CHANNU</t>
  </si>
  <si>
    <t>63/15L New</t>
  </si>
  <si>
    <t>chak 63\15L new</t>
  </si>
  <si>
    <t>GGPS 8/V, KHANEWAL</t>
  </si>
  <si>
    <t>8/v Kwl</t>
  </si>
  <si>
    <t>G. G. P/s 8/v kwl</t>
  </si>
  <si>
    <t>Chak#8/v</t>
  </si>
  <si>
    <t>10 AH</t>
  </si>
  <si>
    <t>Aaila Nawaz</t>
  </si>
  <si>
    <t>GGPS SALEH WALA</t>
  </si>
  <si>
    <t>basti saleh wala mouza rodan wala m.garh</t>
  </si>
  <si>
    <t>saleh wala</t>
  </si>
  <si>
    <t>Fazil kalro</t>
  </si>
  <si>
    <t>farhat Anjum</t>
  </si>
  <si>
    <t>GGPS NO. 3 MUSTAFA ABAD</t>
  </si>
  <si>
    <t>Balqees Begum</t>
  </si>
  <si>
    <t>GPS TARANDIN</t>
  </si>
  <si>
    <t>basti javed abad kot adu</t>
  </si>
  <si>
    <t>Javed Abad</t>
  </si>
  <si>
    <t>Ahsanullah Khan</t>
  </si>
  <si>
    <t>29445</t>
  </si>
  <si>
    <t>GPS PAR GHUSROO</t>
  </si>
  <si>
    <t>Par Ghussro</t>
  </si>
  <si>
    <t>par ghussro</t>
  </si>
  <si>
    <t>GPS PAR AHMED</t>
  </si>
  <si>
    <t>Par Ahmad</t>
  </si>
  <si>
    <t>Qayyum Akhtar</t>
  </si>
  <si>
    <t>29458</t>
  </si>
  <si>
    <t>34522</t>
  </si>
  <si>
    <t>GGPS RUSTAM WALA MULTAN</t>
  </si>
  <si>
    <t>Rustam wala</t>
  </si>
  <si>
    <t>GGPS RUSTAM WALA</t>
  </si>
  <si>
    <t>51749</t>
  </si>
  <si>
    <t>GMPS 54/SP</t>
  </si>
  <si>
    <t>54sp</t>
  </si>
  <si>
    <t>post office chak bedi 54sp</t>
  </si>
  <si>
    <t>Shagufta Yesmeen</t>
  </si>
  <si>
    <t>41960</t>
  </si>
  <si>
    <t>GHS CHAK MERIS</t>
  </si>
  <si>
    <t>GSS Chak Maris</t>
  </si>
  <si>
    <t>Chak Maris</t>
  </si>
  <si>
    <t>44534</t>
  </si>
  <si>
    <t>GPS JHOK BLOCHAN</t>
  </si>
  <si>
    <t>Jhok Balochan</t>
  </si>
  <si>
    <t>Jhok balochan dak-khana chandi kot warburton dist nankana</t>
  </si>
  <si>
    <t>War but on Goan</t>
  </si>
  <si>
    <t>GPS DERA MOULVI HUSSAIN ALI WALA</t>
  </si>
  <si>
    <t>Wain Bahcharan Shumali</t>
  </si>
  <si>
    <t>dera moulvi hussain ali wala</t>
  </si>
  <si>
    <t>Dera  Moulvi Hussain Ali Wala</t>
  </si>
  <si>
    <t>Muhammad Taj</t>
  </si>
  <si>
    <t>47052</t>
  </si>
  <si>
    <t>GPS CHAK GODHA</t>
  </si>
  <si>
    <t>basti fareed Pur monza wahi Imam Bux,  tehsile and district Lodhran .</t>
  </si>
  <si>
    <t>Fareed Pur</t>
  </si>
  <si>
    <t>Wali Imam Bux</t>
  </si>
  <si>
    <t>GPS HASSAN PUR KHAS</t>
  </si>
  <si>
    <t>Hussan Pur Khass</t>
  </si>
  <si>
    <t>Moza hassan pur khass basti habib Jhangermarha Muzaffergarh</t>
  </si>
  <si>
    <t>Hussan Pur Kacha</t>
  </si>
  <si>
    <t>Nawab Sajid</t>
  </si>
  <si>
    <t>33679</t>
  </si>
  <si>
    <t>GPS BRING WALA MOZA NEEL KOT</t>
  </si>
  <si>
    <t>chah dad wala, moza neel kot, tehsil Multan</t>
  </si>
  <si>
    <t>Chah Daad Wala</t>
  </si>
  <si>
    <t>Rana Muhammad Farooq Umar</t>
  </si>
  <si>
    <t>28687</t>
  </si>
  <si>
    <t>GGPS KOT SULUKHAN</t>
  </si>
  <si>
    <t>Kot Sulakhan</t>
  </si>
  <si>
    <t>village kot Sulakhan tehsil, post office and district narowal</t>
  </si>
  <si>
    <t>NIDA ASHRAF</t>
  </si>
  <si>
    <t>26862</t>
  </si>
  <si>
    <t>28688</t>
  </si>
  <si>
    <t>28144</t>
  </si>
  <si>
    <t>GGPS MC WHEED-UD-DIN MBDIN</t>
  </si>
  <si>
    <t>M.B.Din</t>
  </si>
  <si>
    <t>Gurrah  Mohallah</t>
  </si>
  <si>
    <t>27324</t>
  </si>
  <si>
    <t>GPS THATHA SIKANDER</t>
  </si>
  <si>
    <t>Thatha Sikandar</t>
  </si>
  <si>
    <t>Village Thatha Sikandar P/O Jalalpur Bhattian Tehsil Pindi Bhattian District Hafizabad</t>
  </si>
  <si>
    <t>Muhammad Faisal Bashir</t>
  </si>
  <si>
    <t>21894</t>
  </si>
  <si>
    <t>GES RATTA DHOTHER</t>
  </si>
  <si>
    <t>Ges Ratta Dhother p/o bhiri khurd tehsil Nowshera virkan</t>
  </si>
  <si>
    <t>40008</t>
  </si>
  <si>
    <t>GPS JAM AHMED AHMED DIN KAVARD</t>
  </si>
  <si>
    <t>basti jamm ahmad deen kewad</t>
  </si>
  <si>
    <t>Basti Kewad</t>
  </si>
  <si>
    <t>37199</t>
  </si>
  <si>
    <t>GPS MATHILA QAIM KA</t>
  </si>
  <si>
    <t>Mathila Qaimka</t>
  </si>
  <si>
    <t>Mathila qaimka mcd</t>
  </si>
  <si>
    <t>Hasil Saroo</t>
  </si>
  <si>
    <t>GGPS MOHALLAH HASHIM SHAH</t>
  </si>
  <si>
    <t>G G P S MOHALLAH HASHIM SHAH MIANWALI</t>
  </si>
  <si>
    <t>Rukhsana  Shaheen</t>
  </si>
  <si>
    <t>21978</t>
  </si>
  <si>
    <t>GMPS LANDAY SHARIF</t>
  </si>
  <si>
    <t>Landay Sharif</t>
  </si>
  <si>
    <t>Amna Babar</t>
  </si>
  <si>
    <t>37223</t>
  </si>
  <si>
    <t>GGPS MC 5-G, OLD SABZI MANDI, KHANEWAL</t>
  </si>
  <si>
    <t>old sabzi mandi khanewal</t>
  </si>
  <si>
    <t>Sanam Javid</t>
  </si>
  <si>
    <t>28722</t>
  </si>
  <si>
    <t>27369</t>
  </si>
  <si>
    <t>GGES CHAH ANNA</t>
  </si>
  <si>
    <t>Chah Anna</t>
  </si>
  <si>
    <t>Asifa Ashraf</t>
  </si>
  <si>
    <t>GHS MIRZA TAHIR</t>
  </si>
  <si>
    <t>SYED IBRAR HUSSAIN</t>
  </si>
  <si>
    <t>GES SEWA RAM</t>
  </si>
  <si>
    <t>Sewa Ram</t>
  </si>
  <si>
    <t>Mouza Sewa Ram</t>
  </si>
  <si>
    <t>Dinpur Sharif</t>
  </si>
  <si>
    <t>GPS MACHI MOZA BAIT GUJJI</t>
  </si>
  <si>
    <t>Maoza Bait Gujji</t>
  </si>
  <si>
    <t>GPS Basti Machi</t>
  </si>
  <si>
    <t>Bait Gujji</t>
  </si>
  <si>
    <t>41491</t>
  </si>
  <si>
    <t>GGES HAZRAT WALA</t>
  </si>
  <si>
    <t>PIR BAKSH SHARQI</t>
  </si>
  <si>
    <t>44511</t>
  </si>
  <si>
    <t>9755</t>
  </si>
  <si>
    <t>21874</t>
  </si>
  <si>
    <t>GPS RANDHEER</t>
  </si>
  <si>
    <t>randheer</t>
  </si>
  <si>
    <t>randheer nowshera virkan gujranwala</t>
  </si>
  <si>
    <t>ranheer</t>
  </si>
  <si>
    <t>YAQOOB KHAN</t>
  </si>
  <si>
    <t>GGPS 9/KB</t>
  </si>
  <si>
    <t>9/KB</t>
  </si>
  <si>
    <t>Chak no.9/KB post office Kalyana tehsil &amp; district Pakpattan</t>
  </si>
  <si>
    <t>15 /KB</t>
  </si>
  <si>
    <t>Madina Ayub</t>
  </si>
  <si>
    <t>GPS CHAK 135/A</t>
  </si>
  <si>
    <t>Khan Wali</t>
  </si>
  <si>
    <t>chak no 135PA P.O 136p RYK</t>
  </si>
  <si>
    <t>Chak No 135PA</t>
  </si>
  <si>
    <t>Chak no 92p</t>
  </si>
  <si>
    <t>GGPS CHAK NO. 623 TDA</t>
  </si>
  <si>
    <t>Chak No 623 Tda</t>
  </si>
  <si>
    <t>gps chak no 623 tda</t>
  </si>
  <si>
    <t>Gps Chak No 623 Tda</t>
  </si>
  <si>
    <t>GGHS THROO HARIAN</t>
  </si>
  <si>
    <t>throo harian</t>
  </si>
  <si>
    <t>Dhulam Kahlwan</t>
  </si>
  <si>
    <t>Raisa Zeb</t>
  </si>
  <si>
    <t>32406</t>
  </si>
  <si>
    <t>GPS CHAH MEHMOOD KHAN</t>
  </si>
  <si>
    <t>Chowk mosa maoza tanwri Teh.LQP Distt.R.Y.Khan</t>
  </si>
  <si>
    <t>Chowk Mosa</t>
  </si>
  <si>
    <t>Rais Mumtaz Ahmad</t>
  </si>
  <si>
    <t>13984</t>
  </si>
  <si>
    <t>GPS BASTI MISHORI WEST</t>
  </si>
  <si>
    <t>BASIT BADA KHAN MOZA RAKH KOT MIHAN</t>
  </si>
  <si>
    <t>BASIT BADA KHAN</t>
  </si>
  <si>
    <t>28763</t>
  </si>
  <si>
    <t>34253</t>
  </si>
  <si>
    <t>GGHSS QADIR PUR RAN MULTAN</t>
  </si>
  <si>
    <t>Khazina Rauf</t>
  </si>
  <si>
    <t>GHS NO.1 MUSTAFA ABAD</t>
  </si>
  <si>
    <t>feroze pur road Mustafa abad kasur</t>
  </si>
  <si>
    <t>ALEEM IQBAL</t>
  </si>
  <si>
    <t>55350</t>
  </si>
  <si>
    <t>GGHS DILAWAR PUR</t>
  </si>
  <si>
    <t>Gghsdilawarpur</t>
  </si>
  <si>
    <t>47085</t>
  </si>
  <si>
    <t>GES SHERI KHEL NIKKE</t>
  </si>
  <si>
    <t>kund</t>
  </si>
  <si>
    <t>Dhoke Sheri khel chakrala Tehsil and District Mianwali</t>
  </si>
  <si>
    <t>Dhoke Sheri khel</t>
  </si>
  <si>
    <t>Bun hafiz jee</t>
  </si>
  <si>
    <t>Mawaz khan</t>
  </si>
  <si>
    <t>private water suply</t>
  </si>
  <si>
    <t>28773</t>
  </si>
  <si>
    <t>GPS 40/10-R, KACHA KHUH</t>
  </si>
  <si>
    <t>40/10r</t>
  </si>
  <si>
    <t>chak no 40/1/r</t>
  </si>
  <si>
    <t>Rana Waqas Akbar</t>
  </si>
  <si>
    <t>18745</t>
  </si>
  <si>
    <t>35115</t>
  </si>
  <si>
    <t>GPS DERA MANGAL WALA</t>
  </si>
  <si>
    <t>Dera Mangal Dera Dera MangalWala</t>
  </si>
  <si>
    <t>dera mangal wala teh noshehra virkan p/o muraliwala district gujranwala</t>
  </si>
  <si>
    <t>Dera Mangal Wala</t>
  </si>
  <si>
    <t>Murali Wala</t>
  </si>
  <si>
    <t>GGPS GHUMAND PUR</t>
  </si>
  <si>
    <t>CHABIANA</t>
  </si>
  <si>
    <t>Basti ghumand pur</t>
  </si>
  <si>
    <t>Ghumand Pur</t>
  </si>
  <si>
    <t>Zafarh Shaheen</t>
  </si>
  <si>
    <t>27886</t>
  </si>
  <si>
    <t>GHS ISLAMIA MANDI BAHAUDDIN</t>
  </si>
  <si>
    <t>M.B.DIN</t>
  </si>
  <si>
    <t>JUMMA MOHALLAH/SHAHEEDANWALI ROAD.</t>
  </si>
  <si>
    <t>FAIZABAD</t>
  </si>
  <si>
    <t>49701</t>
  </si>
  <si>
    <t>GGPS CHAH HATHI KHAN WALA</t>
  </si>
  <si>
    <t>Dak khana Chah Hathi Khan Wala Chidru</t>
  </si>
  <si>
    <t>Chah Hathi Khan Wala</t>
  </si>
  <si>
    <t>GHS CHAK NO 140/P R.Y.KHAN</t>
  </si>
  <si>
    <t>140P</t>
  </si>
  <si>
    <t>GBHS 140-P RYK</t>
  </si>
  <si>
    <t>139P</t>
  </si>
  <si>
    <t>54551</t>
  </si>
  <si>
    <t>GPS CHANI THATHLAN</t>
  </si>
  <si>
    <t>Channi Thathlan</t>
  </si>
  <si>
    <t>channi thathlan P/O chak bhatti tehsil.pindi bhattian district hafizabad</t>
  </si>
  <si>
    <t>28790</t>
  </si>
  <si>
    <t>village Bhangala P\ O Baddomalhi Tehsil &amp; District Narowak</t>
  </si>
  <si>
    <t>28599</t>
  </si>
  <si>
    <t>GMPS CHAK ALAM</t>
  </si>
  <si>
    <t>Chak Alam</t>
  </si>
  <si>
    <t>Village chak alam post office  jund bosal  teh  phalia dist   MBDin</t>
  </si>
  <si>
    <t>Khalida Bashir</t>
  </si>
  <si>
    <t>8732</t>
  </si>
  <si>
    <t>19012</t>
  </si>
  <si>
    <t>51578</t>
  </si>
  <si>
    <t>GGPS HAREE PUR</t>
  </si>
  <si>
    <t>hari pur</t>
  </si>
  <si>
    <t>Tahira Rahmat</t>
  </si>
  <si>
    <t>20314</t>
  </si>
  <si>
    <t>35128</t>
  </si>
  <si>
    <t>28794</t>
  </si>
  <si>
    <t>GES GEHMAL PEER</t>
  </si>
  <si>
    <t>Gehmal Pir</t>
  </si>
  <si>
    <t>Moza Gehmal Pir post office Sahja</t>
  </si>
  <si>
    <t>GPS CHAK NO. 29 DB</t>
  </si>
  <si>
    <t>Chak No29db</t>
  </si>
  <si>
    <t>chak no.29 db</t>
  </si>
  <si>
    <t>Abd Ul Ghani</t>
  </si>
  <si>
    <t>21877</t>
  </si>
  <si>
    <t>GES TARKHANA WALA</t>
  </si>
  <si>
    <t>Tarkhana Wala</t>
  </si>
  <si>
    <t>Naveed Ashiq Virk</t>
  </si>
  <si>
    <t>49811</t>
  </si>
  <si>
    <t>GPS MAHMOOD KHAN WALA</t>
  </si>
  <si>
    <t>mouza bait dabli basti sardae</t>
  </si>
  <si>
    <t>Faqir Muhammad</t>
  </si>
  <si>
    <t>29474</t>
  </si>
  <si>
    <t>24043</t>
  </si>
  <si>
    <t>GHS BUN BAJWA</t>
  </si>
  <si>
    <t>ADDA BAN BAJWA</t>
  </si>
  <si>
    <t>Muhammad Hamid Saeed</t>
  </si>
  <si>
    <t>21848</t>
  </si>
  <si>
    <t>GPS BHER MALA SINGH</t>
  </si>
  <si>
    <t>Bher Mallah Singh</t>
  </si>
  <si>
    <t>Phma Surra</t>
  </si>
  <si>
    <t>Shahid Ashraf</t>
  </si>
  <si>
    <t>32211</t>
  </si>
  <si>
    <t>GPS KHAN BELLA</t>
  </si>
  <si>
    <t>p/o Khan bela,Liaqat pur,Rahim yar khan</t>
  </si>
  <si>
    <t>Basti Abdul Star</t>
  </si>
  <si>
    <t>GGPS MIAN CHOHAN</t>
  </si>
  <si>
    <t>Mian Chohan</t>
  </si>
  <si>
    <t>village mian chohan post office kotla arab ali khan district gujrat tehsil kharian</t>
  </si>
  <si>
    <t>41930</t>
  </si>
  <si>
    <t>29489</t>
  </si>
  <si>
    <t>GMPS PIRTHY PUR</t>
  </si>
  <si>
    <t>Pirthi Pur</t>
  </si>
  <si>
    <t>village pirthi pur p/o khanmuslman tehsil noshera virkan dist  gujranwala</t>
  </si>
  <si>
    <t>Saba Arif</t>
  </si>
  <si>
    <t>GHS DOULAT PUR</t>
  </si>
  <si>
    <t>Doulatpur</t>
  </si>
  <si>
    <t>Doulatpur p/o abadpur ryk</t>
  </si>
  <si>
    <t>GGPS JASSOKE</t>
  </si>
  <si>
    <t>Jassoke</t>
  </si>
  <si>
    <t>Village Jassoke, teh.pindi Bhatti and distt. Hafizabad</t>
  </si>
  <si>
    <t>Madhoran Kalan</t>
  </si>
  <si>
    <t>Maryum Mehmood</t>
  </si>
  <si>
    <t>29497</t>
  </si>
  <si>
    <t>GGPS THERI PERU WALI</t>
  </si>
  <si>
    <t>Theri Peeru Wali</t>
  </si>
  <si>
    <t>Ggps Theri peeru Wali</t>
  </si>
  <si>
    <t>Ameera Bibi</t>
  </si>
  <si>
    <t>GGHS GHARIB ABAD</t>
  </si>
  <si>
    <t>near eid gah gharib Abad khan pur</t>
  </si>
  <si>
    <t>nuzhat yasmeen</t>
  </si>
  <si>
    <t>29501</t>
  </si>
  <si>
    <t>GHS DHING SHAH</t>
  </si>
  <si>
    <t>Dhing Shah</t>
  </si>
  <si>
    <t>Village Dhing Shah Tehsil &amp; Distt. Kasur</t>
  </si>
  <si>
    <t>Ch. Muhammad Saeed Iqbal</t>
  </si>
  <si>
    <t>25756</t>
  </si>
  <si>
    <t>GGPS SUTIA BUMBIA</t>
  </si>
  <si>
    <t>Suttia</t>
  </si>
  <si>
    <t>suttia bumbia NWL</t>
  </si>
  <si>
    <t>Suttiabumbia</t>
  </si>
  <si>
    <t>Zeba Bashir</t>
  </si>
  <si>
    <t>29503</t>
  </si>
  <si>
    <t>GES DAIRA DIN PANAH</t>
  </si>
  <si>
    <t>E/S Daira Din Panah Near MC</t>
  </si>
  <si>
    <t>MC Daira Din Panah</t>
  </si>
  <si>
    <t>Aziz Ahmad</t>
  </si>
  <si>
    <t>29556</t>
  </si>
  <si>
    <t>hakla</t>
  </si>
  <si>
    <t>panjan kasana</t>
  </si>
  <si>
    <t>Shakila Noureen</t>
  </si>
  <si>
    <t>4217</t>
  </si>
  <si>
    <t>35708</t>
  </si>
  <si>
    <t>29558</t>
  </si>
  <si>
    <t>Mandyala</t>
  </si>
  <si>
    <t>Mandyala Post Office Chobara Tehsil Pasrur Distt  Sialkot</t>
  </si>
  <si>
    <t>Shamas Ali</t>
  </si>
  <si>
    <t>18272</t>
  </si>
  <si>
    <t>11658</t>
  </si>
  <si>
    <t>GPS AHMAD BAKHSH WALA</t>
  </si>
  <si>
    <t>Patti Daya Choka</t>
  </si>
  <si>
    <t>cha abbas wala near head dad wala</t>
  </si>
  <si>
    <t>Abbas Wala</t>
  </si>
  <si>
    <t>Farooq Haider</t>
  </si>
  <si>
    <t>29561</t>
  </si>
  <si>
    <t>46129</t>
  </si>
  <si>
    <t>GHS DAIWAL</t>
  </si>
  <si>
    <t>daiwal</t>
  </si>
  <si>
    <t>29562</t>
  </si>
  <si>
    <t>GPS SADDU PIPLI PO PAKPATTAN</t>
  </si>
  <si>
    <t>Saddu Pipli</t>
  </si>
  <si>
    <t>chak saddu pipli</t>
  </si>
  <si>
    <t>Ghulam Mohiuddin</t>
  </si>
  <si>
    <t>street darbar baba Ali Shah minchinabad</t>
  </si>
  <si>
    <t>Farhana Ali</t>
  </si>
  <si>
    <t>GMPS ULLAN KAY</t>
  </si>
  <si>
    <t>Ullan Kay</t>
  </si>
  <si>
    <t>village fatoohi Wala p/o ganda Singh Wala kasur.</t>
  </si>
  <si>
    <t>29568</t>
  </si>
  <si>
    <t>GGPS AZMAT WALAH</t>
  </si>
  <si>
    <t>CHHIDRU</t>
  </si>
  <si>
    <t>Dera azmat wala</t>
  </si>
  <si>
    <t>Dera Azmat wala</t>
  </si>
  <si>
    <t>GGPS CHAK NO. 512 TDA</t>
  </si>
  <si>
    <t>512/TDA</t>
  </si>
  <si>
    <t>chak#512/TDA kot adu M Gar</t>
  </si>
  <si>
    <t>Chak#512TDA</t>
  </si>
  <si>
    <t>Mirpur Bhagal</t>
  </si>
  <si>
    <t>GGES GARMULA VIRKAN</t>
  </si>
  <si>
    <t>tasneem kausar</t>
  </si>
  <si>
    <t>GPS RAIS ALLAH VASAYA</t>
  </si>
  <si>
    <t>5/A</t>
  </si>
  <si>
    <t>Gps Rais Allah wasyia</t>
  </si>
  <si>
    <t>City98</t>
  </si>
  <si>
    <t>29578</t>
  </si>
  <si>
    <t>GMPS SAEED ABAD</t>
  </si>
  <si>
    <t>Kotla Pehlwan</t>
  </si>
  <si>
    <t>kotla pehlwan</t>
  </si>
  <si>
    <t>samreen fatima</t>
  </si>
  <si>
    <t>29579</t>
  </si>
  <si>
    <t>37611</t>
  </si>
  <si>
    <t>GGPS 105/15-L, MIAN CHANNU</t>
  </si>
  <si>
    <t>105/15 L</t>
  </si>
  <si>
    <t>GGPS chak # 105/15 l vanjari tehsil mianchannu district khanewal</t>
  </si>
  <si>
    <t>105/15 L Vanjari</t>
  </si>
  <si>
    <t>21788</t>
  </si>
  <si>
    <t>GPS KUJIAN WALA</t>
  </si>
  <si>
    <t>kujian wala</t>
  </si>
  <si>
    <t>12781</t>
  </si>
  <si>
    <t>GGCMS ESSAN WALI</t>
  </si>
  <si>
    <t>Essan Wali</t>
  </si>
  <si>
    <t>mouza essan  wali</t>
  </si>
  <si>
    <t>Jai Wali</t>
  </si>
  <si>
    <t>Shagufta Yasmeen</t>
  </si>
  <si>
    <t>36032</t>
  </si>
  <si>
    <t>GGPS 149/WB</t>
  </si>
  <si>
    <t>149/wb</t>
  </si>
  <si>
    <t>Chak no 149/w.b Tehsil mailsi</t>
  </si>
  <si>
    <t>Kiran Shamim</t>
  </si>
  <si>
    <t>21866</t>
  </si>
  <si>
    <t>GHS DHIBBA KARSIAL</t>
  </si>
  <si>
    <t>Ghs dhibba karsial</t>
  </si>
  <si>
    <t>GMPS 124/15-L, MIAN CHANNU</t>
  </si>
  <si>
    <t>Dholan Wali</t>
  </si>
  <si>
    <t>chak#124B/15L</t>
  </si>
  <si>
    <t>124B/15L</t>
  </si>
  <si>
    <t>33001</t>
  </si>
  <si>
    <t>GGPS GORAYA</t>
  </si>
  <si>
    <t>Goraya</t>
  </si>
  <si>
    <t>Kot Binidas</t>
  </si>
  <si>
    <t>Bushra Safdar</t>
  </si>
  <si>
    <t>GGPS MANDRAN WALA</t>
  </si>
  <si>
    <t>mandranwala</t>
  </si>
  <si>
    <t>mandranwala village dist.narowal</t>
  </si>
  <si>
    <t>mandran wala</t>
  </si>
  <si>
    <t>ransiwal</t>
  </si>
  <si>
    <t>GGPS BASTI DUKKI</t>
  </si>
  <si>
    <t>Kot Kamoon Shah</t>
  </si>
  <si>
    <t>Mouza kot kamoon shah Basti Dukki RYK</t>
  </si>
  <si>
    <t>Basti Dukki</t>
  </si>
  <si>
    <t>54410</t>
  </si>
  <si>
    <t>GPS FARWAN WALA</t>
  </si>
  <si>
    <t>Farwan wala</t>
  </si>
  <si>
    <t>farwan wala tehsil minchan abad dist bwn</t>
  </si>
  <si>
    <t>Farwan Wala</t>
  </si>
  <si>
    <t>Kashif Hussain</t>
  </si>
  <si>
    <t>GGPS 75-B/15-L, KACHA KHUH</t>
  </si>
  <si>
    <t>chak#75-b/15-l</t>
  </si>
  <si>
    <t>75-B/15-l</t>
  </si>
  <si>
    <t>74/15-l</t>
  </si>
  <si>
    <t>Hina Younas</t>
  </si>
  <si>
    <t>53129</t>
  </si>
  <si>
    <t>GGHS CHAK NO. 44/ GD</t>
  </si>
  <si>
    <t>Bakhtawer Wala</t>
  </si>
  <si>
    <t>GGHS 44/GD OKARA</t>
  </si>
  <si>
    <t>chak no 44/gd kothakamria okara</t>
  </si>
  <si>
    <t>ZAKHIRA GHASHKORI</t>
  </si>
  <si>
    <t>Afshn Nazli</t>
  </si>
  <si>
    <t>48584</t>
  </si>
  <si>
    <t>GGPS 121/P</t>
  </si>
  <si>
    <t>GGPS121/P</t>
  </si>
  <si>
    <t>121/p</t>
  </si>
  <si>
    <t>45289</t>
  </si>
  <si>
    <t>13983</t>
  </si>
  <si>
    <t>GPS AJMAL ABAD</t>
  </si>
  <si>
    <t>Wang III</t>
  </si>
  <si>
    <t>gps AjmalAbad Wang III</t>
  </si>
  <si>
    <t>SHADABAD</t>
  </si>
  <si>
    <t>Zeeshan Munir</t>
  </si>
  <si>
    <t>GMPS CHAK 6/58</t>
  </si>
  <si>
    <t>Jun-58</t>
  </si>
  <si>
    <t>Chak No 6/58 Teh and Disst Nankana</t>
  </si>
  <si>
    <t>Chak No 6/58</t>
  </si>
  <si>
    <t>GGPS 4/A</t>
  </si>
  <si>
    <t>4/A</t>
  </si>
  <si>
    <t>dehi  abadi  Chak 4 /a</t>
  </si>
  <si>
    <t>29317</t>
  </si>
  <si>
    <t>GHS NO. 2 PASRUR</t>
  </si>
  <si>
    <t>pasrur</t>
  </si>
  <si>
    <t>abdul razzaq</t>
  </si>
  <si>
    <t>GGPS SHEV PURA</t>
  </si>
  <si>
    <t>govt girls primary school shev pura</t>
  </si>
  <si>
    <t>Shev Pura</t>
  </si>
  <si>
    <t>Sharfan Begum</t>
  </si>
  <si>
    <t>51447</t>
  </si>
  <si>
    <t>GPS GHULAM SHAH BODLA  PO  PAKPATTAN</t>
  </si>
  <si>
    <t>chak bodla pir ghani road pakpattan</t>
  </si>
  <si>
    <t>Chak Bodla</t>
  </si>
  <si>
    <t>15 Sp</t>
  </si>
  <si>
    <t>33167</t>
  </si>
  <si>
    <t>G G  P /S Tahli wala</t>
  </si>
  <si>
    <t>14111</t>
  </si>
  <si>
    <t>GMPS MITHAN KOT NO. 4</t>
  </si>
  <si>
    <t>Kotmithn</t>
  </si>
  <si>
    <t>G M-P/S no 4 KOTMITHAN</t>
  </si>
  <si>
    <t>Mc KOTMITHAN</t>
  </si>
  <si>
    <t>29330</t>
  </si>
  <si>
    <t>GGPS KHAN ZAMAN WALA</t>
  </si>
  <si>
    <t>GGps  Khan zaman wala mianwali</t>
  </si>
  <si>
    <t>electric water motor</t>
  </si>
  <si>
    <t>27891</t>
  </si>
  <si>
    <t>GHSS SOHAWA BOLANI</t>
  </si>
  <si>
    <t>VPO Sohawa Bolani Distt Mandi bahauddin</t>
  </si>
  <si>
    <t>Mukhtar ahmad</t>
  </si>
  <si>
    <t>GGPS GOGA</t>
  </si>
  <si>
    <t>Gogha</t>
  </si>
  <si>
    <t>Gogha tehsil kamoki (Gujranwala)</t>
  </si>
  <si>
    <t>Farah Shahzadi</t>
  </si>
  <si>
    <t>GPS 112/15-L, MIAN CHANNU</t>
  </si>
  <si>
    <t>chak no.112/15-L  adda Musa wirk  Mian Channu  District Khanewal</t>
  </si>
  <si>
    <t>GPS GHONATIBA PO MEERAN PUR</t>
  </si>
  <si>
    <t>Ghona Tibba</t>
  </si>
  <si>
    <t>ghona tibba</t>
  </si>
  <si>
    <t>GGPS THAPLA</t>
  </si>
  <si>
    <t>village THAPLA post office kharian , District Gujrat</t>
  </si>
  <si>
    <t>Nosheen Arshad</t>
  </si>
  <si>
    <t>47560</t>
  </si>
  <si>
    <t>47465</t>
  </si>
  <si>
    <t>GGPS RANBAZ KHELAN WALA</t>
  </si>
  <si>
    <t>Sultan Wala Sharki</t>
  </si>
  <si>
    <t>ranbazkhela wala</t>
  </si>
  <si>
    <t>Ranbaz Khelan Wala</t>
  </si>
  <si>
    <t>Aba Khel</t>
  </si>
  <si>
    <t>Maqsooda Anwar</t>
  </si>
  <si>
    <t>GPS DADRAY WALA NO. 1</t>
  </si>
  <si>
    <t>Tibba Mustaqil Dermiani</t>
  </si>
  <si>
    <t>chah tahli wala D D panah kot Addu M Garh</t>
  </si>
  <si>
    <t>D D Panah</t>
  </si>
  <si>
    <t>GGHS NOUSHERA</t>
  </si>
  <si>
    <t>noushehra</t>
  </si>
  <si>
    <t>GGHS NOUSHEHRA P/O SHAH PUR TEH.&amp; Distt. LAYYAH</t>
  </si>
  <si>
    <t>29349</t>
  </si>
  <si>
    <t>53429</t>
  </si>
  <si>
    <t>GGPS CHAK NO. 40/4-L</t>
  </si>
  <si>
    <t>40/4-L</t>
  </si>
  <si>
    <t>chak no 40/4-L Tehsil &amp; District Okara</t>
  </si>
  <si>
    <t>Sialawala</t>
  </si>
  <si>
    <t>GHSS BUDHLA SANT MULTAN</t>
  </si>
  <si>
    <t>Dograna</t>
  </si>
  <si>
    <t>Budhla Sant Multan</t>
  </si>
  <si>
    <t>GES MARI NAHAL</t>
  </si>
  <si>
    <t>mari nehal</t>
  </si>
  <si>
    <t>Mari Nehal</t>
  </si>
  <si>
    <t>Azhar Farid</t>
  </si>
  <si>
    <t>GGES FATEHPUR</t>
  </si>
  <si>
    <t>Zahida SuItana</t>
  </si>
  <si>
    <t>29363</t>
  </si>
  <si>
    <t>27318</t>
  </si>
  <si>
    <t>GES KHIDAY</t>
  </si>
  <si>
    <t>Khiday</t>
  </si>
  <si>
    <t>SHAHBAZ AHMAD</t>
  </si>
  <si>
    <t>GGPS MEGA</t>
  </si>
  <si>
    <t>Govt girls primary school Mega</t>
  </si>
  <si>
    <t>Fatima Muzammil</t>
  </si>
  <si>
    <t>GMPS CHAK NO.52/A</t>
  </si>
  <si>
    <t>Chak No 52/a</t>
  </si>
  <si>
    <t>GMPSchak no52/A tahsil liaquat pur disstt rahim yar khan</t>
  </si>
  <si>
    <t>Chak/52A</t>
  </si>
  <si>
    <t>Chak 10/A</t>
  </si>
  <si>
    <t>Tayyaba Nisar</t>
  </si>
  <si>
    <t>GGES 34/GD</t>
  </si>
  <si>
    <t>Moza 34GD tehsil&amp;district Okara</t>
  </si>
  <si>
    <t>Shazia Hafiz</t>
  </si>
  <si>
    <t>29378</t>
  </si>
  <si>
    <t>GGPS CHANNI THATHLAN</t>
  </si>
  <si>
    <t>chani thatlan post office chak bhatti tehsil pindi bhattian district hafizabad</t>
  </si>
  <si>
    <t>Check Bhati</t>
  </si>
  <si>
    <t>Sarwat Qureshi</t>
  </si>
  <si>
    <t>GGPS CHAH MAI WALA</t>
  </si>
  <si>
    <t>thutha gurmani garbi</t>
  </si>
  <si>
    <t>chah mahi wala</t>
  </si>
  <si>
    <t>mahi wala</t>
  </si>
  <si>
    <t>thutha gurmani Sharqi</t>
  </si>
  <si>
    <t>Wajeeha Masood</t>
  </si>
  <si>
    <t>GGES KHURAM CHURERA</t>
  </si>
  <si>
    <t>KHURAM CHORERA</t>
  </si>
  <si>
    <t>Asma Asif</t>
  </si>
  <si>
    <t>GGPS IBRAHIM KHAN WALA</t>
  </si>
  <si>
    <t>basti Baarra Mashori, P/O Mehmood Kot Town</t>
  </si>
  <si>
    <t>Baarra Mashori</t>
  </si>
  <si>
    <t>Fouzia Munir</t>
  </si>
  <si>
    <t>19845</t>
  </si>
  <si>
    <t>16334</t>
  </si>
  <si>
    <t>GGES ABRAHIM ABAD</t>
  </si>
  <si>
    <t>govt girls elementary school ibrahimabad</t>
  </si>
  <si>
    <t>Toqeer Saleem Ullah</t>
  </si>
  <si>
    <t>50326</t>
  </si>
  <si>
    <t>GGHS CHAK NO.130/TDA</t>
  </si>
  <si>
    <t>Chowazam</t>
  </si>
  <si>
    <t>chak no 130</t>
  </si>
  <si>
    <t>LAYYAH YHAL KALAN</t>
  </si>
  <si>
    <t>asma manzoor</t>
  </si>
  <si>
    <t>34039</t>
  </si>
  <si>
    <t>GPS CHAH ISRAN WALA</t>
  </si>
  <si>
    <t>Isranwala</t>
  </si>
  <si>
    <t>chah isranwala p/o buchiki</t>
  </si>
  <si>
    <t>34482</t>
  </si>
  <si>
    <t>GGPS GARHEY WAHIN JHOKE VAINCE</t>
  </si>
  <si>
    <t>Garhey Wahin</t>
  </si>
  <si>
    <t>GGPS garhey wahin jhok wains</t>
  </si>
  <si>
    <t>Rah Wala</t>
  </si>
  <si>
    <t>Shakh E Madina</t>
  </si>
  <si>
    <t>Khalda Khalda</t>
  </si>
  <si>
    <t>29609</t>
  </si>
  <si>
    <t>36042</t>
  </si>
  <si>
    <t>GGPS BOHAR</t>
  </si>
  <si>
    <t>mouza bohar</t>
  </si>
  <si>
    <t>Waisi Wahin</t>
  </si>
  <si>
    <t>Sehrish Noreen</t>
  </si>
  <si>
    <t>41632</t>
  </si>
  <si>
    <t>21879</t>
  </si>
  <si>
    <t>GPS BUGGA</t>
  </si>
  <si>
    <t>village bugga p/o chbba sindwana tehsil noshera virkan GRW</t>
  </si>
  <si>
    <t>Jhlan</t>
  </si>
  <si>
    <t>Syed Muhammad Qasim Raza</t>
  </si>
  <si>
    <t>GMPS KOT DOGRAN</t>
  </si>
  <si>
    <t>Kot dogran</t>
  </si>
  <si>
    <t>Roshan bheela</t>
  </si>
  <si>
    <t>NASREEN MUHAMMAD HUSAIN</t>
  </si>
  <si>
    <t>GMPS RAJUWAL</t>
  </si>
  <si>
    <t>vill &amp; p/o Rajuwal Teh. kharian Distt Gujrat</t>
  </si>
  <si>
    <t>Rajuwal</t>
  </si>
  <si>
    <t>Nazima Kousar</t>
  </si>
  <si>
    <t>24125</t>
  </si>
  <si>
    <t>GPS HAKEEM ABAD</t>
  </si>
  <si>
    <t>Hakkeemabad liaquatpur</t>
  </si>
  <si>
    <t>52756</t>
  </si>
  <si>
    <t>46157</t>
  </si>
  <si>
    <t>GGHS CHAK NO 47 MB</t>
  </si>
  <si>
    <t>CHAK NO 47 MB KHB</t>
  </si>
  <si>
    <t>Chak NO 51 MBKHB</t>
  </si>
  <si>
    <t>MEMOONA IHSAN</t>
  </si>
  <si>
    <t>28134</t>
  </si>
  <si>
    <t>GGPS NAWAN LOK CHIMMON PO CHIMMON</t>
  </si>
  <si>
    <t>Nawan Lok Chimmon</t>
  </si>
  <si>
    <t>nawan lok chimmon distt/teh M.b.din</t>
  </si>
  <si>
    <t>Sobia Ahsan</t>
  </si>
  <si>
    <t>54586</t>
  </si>
  <si>
    <t>GPS PACCA GHANJERA</t>
  </si>
  <si>
    <t>waan bachraan janobi</t>
  </si>
  <si>
    <t>pacca ghanjera waan bachraan mianwali</t>
  </si>
  <si>
    <t>pacca ghanjera</t>
  </si>
  <si>
    <t>waan bachraan 1</t>
  </si>
  <si>
    <t>37407</t>
  </si>
  <si>
    <t>GHS 128/15-L, MIAN CHANNU</t>
  </si>
  <si>
    <t>128/15L</t>
  </si>
  <si>
    <t>Chak No 128/15L Mian Channu</t>
  </si>
  <si>
    <t>Chak  No 128/15L</t>
  </si>
  <si>
    <t>chak No 129/15L</t>
  </si>
  <si>
    <t>51580</t>
  </si>
  <si>
    <t>47191</t>
  </si>
  <si>
    <t>GPS MOH. GOHAR KHEL</t>
  </si>
  <si>
    <t>GPS mohla gohar khel Abba khel tehsil and district mianwali</t>
  </si>
  <si>
    <t>14219</t>
  </si>
  <si>
    <t>GGPS DARKHAN WALA</t>
  </si>
  <si>
    <t>moza bhaag</t>
  </si>
  <si>
    <t>Dhinghan</t>
  </si>
  <si>
    <t>Kanwal Ali</t>
  </si>
  <si>
    <t>29881</t>
  </si>
  <si>
    <t>GGES ALHAR</t>
  </si>
  <si>
    <t>village Alhar PO Alhar Tehsil Pasrur Sialkot</t>
  </si>
  <si>
    <t>Waseema Riaz</t>
  </si>
  <si>
    <t>28438</t>
  </si>
  <si>
    <t>40682</t>
  </si>
  <si>
    <t>GPS CHAK 80/NP</t>
  </si>
  <si>
    <t>Chak 80np</t>
  </si>
  <si>
    <t>Chak80np p/o kotsamsba distt,&amp;teh Rahim Yar Khan</t>
  </si>
  <si>
    <t>GGPS MACHIKA</t>
  </si>
  <si>
    <t>GGPS Machka</t>
  </si>
  <si>
    <t>basti karachi</t>
  </si>
  <si>
    <t>rakh kotmithan</t>
  </si>
  <si>
    <t>shanila akbar</t>
  </si>
  <si>
    <t>14295</t>
  </si>
  <si>
    <t>29890</t>
  </si>
  <si>
    <t>GGPS387/TDA</t>
  </si>
  <si>
    <t>387A/TDA</t>
  </si>
  <si>
    <t>32128</t>
  </si>
  <si>
    <t>GPS JHOK NASRANA</t>
  </si>
  <si>
    <t>Nasrna</t>
  </si>
  <si>
    <t>GPS jhok nasrÃ na</t>
  </si>
  <si>
    <t>Jhok Nasrna</t>
  </si>
  <si>
    <t>29897</t>
  </si>
  <si>
    <t>29751</t>
  </si>
  <si>
    <t>GPS JHUGIAN MARATI</t>
  </si>
  <si>
    <t>Jughian Marati</t>
  </si>
  <si>
    <t>Jungian Marati phool nagar pattoki</t>
  </si>
  <si>
    <t>Jugihan Marati</t>
  </si>
  <si>
    <t>47315</t>
  </si>
  <si>
    <t>GPS CHAGDAH</t>
  </si>
  <si>
    <t>Village &amp; Post Office Chagdah Tehsil &amp; District Mianwali</t>
  </si>
  <si>
    <t>Aman ullah Khan</t>
  </si>
  <si>
    <t>GGPS BASTI LAL KHAN</t>
  </si>
  <si>
    <t>G G P S BASTI LAL KHAN</t>
  </si>
  <si>
    <t>GPS CHAK NO. 124/1-L</t>
  </si>
  <si>
    <t>Chak No 124/1L</t>
  </si>
  <si>
    <t>Chak no 124/1L</t>
  </si>
  <si>
    <t>Bagh o Bahar</t>
  </si>
  <si>
    <t>Ghulam Rasool Khan</t>
  </si>
  <si>
    <t>37421</t>
  </si>
  <si>
    <t>GHS BHUSI PINDI, TULAMBA</t>
  </si>
  <si>
    <t>bhussi pindi</t>
  </si>
  <si>
    <t>GHS Bhussi Pindi, tehsil mian channu, district khanewal</t>
  </si>
  <si>
    <t>Muhammad Qayyum</t>
  </si>
  <si>
    <t>29914</t>
  </si>
  <si>
    <t>51488</t>
  </si>
  <si>
    <t>GES CHAK NO. 57 SP</t>
  </si>
  <si>
    <t>57/Sp</t>
  </si>
  <si>
    <t>Chak 57SP</t>
  </si>
  <si>
    <t>ghulam Rasool</t>
  </si>
  <si>
    <t>48792</t>
  </si>
  <si>
    <t>GHS BISMILLAH PUR</t>
  </si>
  <si>
    <t>P/O BISMILLAH PUR</t>
  </si>
  <si>
    <t>BEHISHTI</t>
  </si>
  <si>
    <t>42972</t>
  </si>
  <si>
    <t>45344</t>
  </si>
  <si>
    <t>Mahra Gharbi</t>
  </si>
  <si>
    <t>basti zaildar mahra gharbi p/o mahra M.Garh</t>
  </si>
  <si>
    <t>Zaildar</t>
  </si>
  <si>
    <t>Sidra Afsheen</t>
  </si>
  <si>
    <t>GPS MIRANI PACCA</t>
  </si>
  <si>
    <t>Noshehra Nasheb</t>
  </si>
  <si>
    <t>klasra Wala shadu Khan layyah</t>
  </si>
  <si>
    <t>Klasra Wala</t>
  </si>
  <si>
    <t>GGES FADAI SHAH</t>
  </si>
  <si>
    <t>chak fidaI shah tehsil minchin abad</t>
  </si>
  <si>
    <t>33736</t>
  </si>
  <si>
    <t>GPS MC TARAF DAIRA MULTAN</t>
  </si>
  <si>
    <t>Basti Daira near Darbar pir rora multan</t>
  </si>
  <si>
    <t>29927</t>
  </si>
  <si>
    <t>GES BHEKHO</t>
  </si>
  <si>
    <t>Muhammad Ali Nawaz Anjam</t>
  </si>
  <si>
    <t>47239</t>
  </si>
  <si>
    <t>GPS DHOK BAGHA</t>
  </si>
  <si>
    <t>dhoke bagha chakrala</t>
  </si>
  <si>
    <t>Nawab Khan</t>
  </si>
  <si>
    <t>22301</t>
  </si>
  <si>
    <t>GPS USMAN WALA</t>
  </si>
  <si>
    <t>p/o usman wala t/d kasur</t>
  </si>
  <si>
    <t>Muhammad Shamoon Shad</t>
  </si>
  <si>
    <t>GPS BEHRAM KE</t>
  </si>
  <si>
    <t>Behramkay</t>
  </si>
  <si>
    <t>village behramkey P/O phool nagar</t>
  </si>
  <si>
    <t>Behram Kay</t>
  </si>
  <si>
    <t>Hafiz Nasir Ghafoor</t>
  </si>
  <si>
    <t>GGES SHAMSHA DHADA</t>
  </si>
  <si>
    <t>SHAMSA dhadda</t>
  </si>
  <si>
    <t>SHAMSA Dhadda</t>
  </si>
  <si>
    <t>swara rafiq</t>
  </si>
  <si>
    <t>51471</t>
  </si>
  <si>
    <t>GGPS MUD SAIN DAD</t>
  </si>
  <si>
    <t>Mad Sain Daad</t>
  </si>
  <si>
    <t>mud sain daad</t>
  </si>
  <si>
    <t>Mud Sain Daad</t>
  </si>
  <si>
    <t>Sadaf Farman</t>
  </si>
  <si>
    <t>GGHS RAYYA KHASS</t>
  </si>
  <si>
    <t>Rayakhas</t>
  </si>
  <si>
    <t>Govt Girls High School Rayya Khas Narowal</t>
  </si>
  <si>
    <t>Nabila Khan</t>
  </si>
  <si>
    <t>34323</t>
  </si>
  <si>
    <t>GGES 1-T SHUMALI MULTAN P/O 7T</t>
  </si>
  <si>
    <t>1T shumali</t>
  </si>
  <si>
    <t>1T Shumali</t>
  </si>
  <si>
    <t>Kousar Saeed</t>
  </si>
  <si>
    <t>GHS MUSLIM MANDI BAHAUDDIN</t>
  </si>
  <si>
    <t>pindibahauddin m.b.din</t>
  </si>
  <si>
    <t>40164</t>
  </si>
  <si>
    <t>GGHS ARA AKBER SHAH</t>
  </si>
  <si>
    <t>Rao bela Gharbi</t>
  </si>
  <si>
    <t>ARA AKBAR shah</t>
  </si>
  <si>
    <t>ARA AKBAR Shah</t>
  </si>
  <si>
    <t>FAUZIA MONAWAR</t>
  </si>
  <si>
    <t>51519</t>
  </si>
  <si>
    <t>GPS ARAZI FAZAL BHATTI</t>
  </si>
  <si>
    <t>GPS Arazi Fazal Bhatti</t>
  </si>
  <si>
    <t>Arazi Fazal Bhatti</t>
  </si>
  <si>
    <t>41063</t>
  </si>
  <si>
    <t>29953</t>
  </si>
  <si>
    <t>GGHS KIDAR PUR P/O MINCHIN ABAD</t>
  </si>
  <si>
    <t>kidar pur</t>
  </si>
  <si>
    <t>Bunga Mari Akbar Nehal</t>
  </si>
  <si>
    <t>GGPS KOTLI MAHTAM</t>
  </si>
  <si>
    <t>GGPS Kotli mahtam post office karam pur tehsil mailsi district vehari</t>
  </si>
  <si>
    <t>Kotli Mahtm</t>
  </si>
  <si>
    <t>Kotli mahtam</t>
  </si>
  <si>
    <t>GGPS MAILO VIRKAN</t>
  </si>
  <si>
    <t>Mailo Virkan</t>
  </si>
  <si>
    <t>Mailo virkan tehsil Nowshera virkan district Gujranwala</t>
  </si>
  <si>
    <t>Khudija Afzal</t>
  </si>
  <si>
    <t>GGES 87/15-L, MIAN CHANNU</t>
  </si>
  <si>
    <t>87/15L</t>
  </si>
  <si>
    <t>chak # 87/15L post office 84/15L mian channu</t>
  </si>
  <si>
    <t>Mubina Bibi</t>
  </si>
  <si>
    <t>51411</t>
  </si>
  <si>
    <t>GPS MALYANA P.O KALYANA</t>
  </si>
  <si>
    <t>Malyana</t>
  </si>
  <si>
    <t>malyana</t>
  </si>
  <si>
    <t>Qamar Yasin</t>
  </si>
  <si>
    <t>15693</t>
  </si>
  <si>
    <t>46042</t>
  </si>
  <si>
    <t>GGPS DERA FLAK SHER YAROO KHAIL</t>
  </si>
  <si>
    <t>Dera Falak Sher Yaroo khail Roda</t>
  </si>
  <si>
    <t>Yaroo Khail Roda</t>
  </si>
  <si>
    <t>Umm-e-Kalsoom</t>
  </si>
  <si>
    <t>14944</t>
  </si>
  <si>
    <t>29976</t>
  </si>
  <si>
    <t>21956</t>
  </si>
  <si>
    <t>GGPS PHOLLAH</t>
  </si>
  <si>
    <t>Baigpur</t>
  </si>
  <si>
    <t>village pholla bangla tel: noweshra virkan dist : gujranwala</t>
  </si>
  <si>
    <t>Pholla Bangla</t>
  </si>
  <si>
    <t>Shamsa Dhadha</t>
  </si>
  <si>
    <t>Tahira Rashid</t>
  </si>
  <si>
    <t>22965</t>
  </si>
  <si>
    <t>GGHS BHOTA</t>
  </si>
  <si>
    <t>gGH/S BHOTA TEH KHARIAN DIST GUJRAT.</t>
  </si>
  <si>
    <t>BHADDAR</t>
  </si>
  <si>
    <t>14138</t>
  </si>
  <si>
    <t>GMPS KOTLA GAIDEY SHAH</t>
  </si>
  <si>
    <t>Kotla Gadey Shah</t>
  </si>
  <si>
    <t>mahallah sadat p.o.box murghai dist.rajan pur</t>
  </si>
  <si>
    <t>Nazish Perveen</t>
  </si>
  <si>
    <t>12981</t>
  </si>
  <si>
    <t>GPS YARU WALI</t>
  </si>
  <si>
    <t>basti yaroo wlai usman koria</t>
  </si>
  <si>
    <t>GGES CHOORI WALA</t>
  </si>
  <si>
    <t>Baila Singh Chooriwala</t>
  </si>
  <si>
    <t>G.G.E.S.CHOORIWALA</t>
  </si>
  <si>
    <t>32956</t>
  </si>
  <si>
    <t>GMPS CHAK 7/59</t>
  </si>
  <si>
    <t>Jul-59</t>
  </si>
  <si>
    <t>Chak no 7/59</t>
  </si>
  <si>
    <t>mubashira majid</t>
  </si>
  <si>
    <t>53270</t>
  </si>
  <si>
    <t>GHS CHAK 31 2L</t>
  </si>
  <si>
    <t>CHAK No 31/2L</t>
  </si>
  <si>
    <t>Chak No 31/2L</t>
  </si>
  <si>
    <t>GGPS 120/15-L, MIAN CHANNU</t>
  </si>
  <si>
    <t>Chak 120/15 L</t>
  </si>
  <si>
    <t>Chak 120/15 L tehsel mian channu district khanewal</t>
  </si>
  <si>
    <t>Memoona Zafar</t>
  </si>
  <si>
    <t>GGPS NEW LAR MARI WALA</t>
  </si>
  <si>
    <t>Qasba Maral</t>
  </si>
  <si>
    <t>mari Wala qasba maral multan</t>
  </si>
  <si>
    <t>Sadaf Jamshaid</t>
  </si>
  <si>
    <t>29164</t>
  </si>
  <si>
    <t>35952</t>
  </si>
  <si>
    <t>GGCMS ALAM PUR</t>
  </si>
  <si>
    <t>Alampur</t>
  </si>
  <si>
    <t>GGCMS Alampur</t>
  </si>
  <si>
    <t>5494</t>
  </si>
  <si>
    <t>GGPS THALI MALHIAN</t>
  </si>
  <si>
    <t>Thalimalhian</t>
  </si>
  <si>
    <t>G GPS Thalimalhian</t>
  </si>
  <si>
    <t>Thali malhian</t>
  </si>
  <si>
    <t>Giddiyan</t>
  </si>
  <si>
    <t>17625</t>
  </si>
  <si>
    <t>GGPS KOT DAIM</t>
  </si>
  <si>
    <t>Kot Daim</t>
  </si>
  <si>
    <t>kot daim</t>
  </si>
  <si>
    <t>Sanawar Ranii</t>
  </si>
  <si>
    <t>22897</t>
  </si>
  <si>
    <t>GHS MODEL LALA MUSA</t>
  </si>
  <si>
    <t>Lalamua</t>
  </si>
  <si>
    <t>main Bazar lalamusa</t>
  </si>
  <si>
    <t>Abbas Asghar</t>
  </si>
  <si>
    <t>29170</t>
  </si>
  <si>
    <t>53301</t>
  </si>
  <si>
    <t>GPS CHAK NO. 43/ 3-R</t>
  </si>
  <si>
    <t>43/3r</t>
  </si>
  <si>
    <t>chak no 43.3r</t>
  </si>
  <si>
    <t>Sachan Wala</t>
  </si>
  <si>
    <t>29171</t>
  </si>
  <si>
    <t>GGPS CHAK HASSAN WALA</t>
  </si>
  <si>
    <t>kotla Gamon</t>
  </si>
  <si>
    <t>GGMPS  Chak Hassan wala markz Asni district Rajanpur</t>
  </si>
  <si>
    <t>Basti Miran</t>
  </si>
  <si>
    <t>47134</t>
  </si>
  <si>
    <t>GPS JHAMBRA</t>
  </si>
  <si>
    <t>village jhambra.near Sargodha morr Mianwali</t>
  </si>
  <si>
    <t>39939</t>
  </si>
  <si>
    <t>6876</t>
  </si>
  <si>
    <t>GES CHAK NO. 55 P PALACE PULL</t>
  </si>
  <si>
    <t>Chak 55/p</t>
  </si>
  <si>
    <t>chak 55/p palace pull</t>
  </si>
  <si>
    <t>Chak 51/p</t>
  </si>
  <si>
    <t>ARO Plant</t>
  </si>
  <si>
    <t>GES CHAK NO.125/1-L</t>
  </si>
  <si>
    <t>Chak No 125/1L</t>
  </si>
  <si>
    <t>Chak No 125/1.L P/O Bagh O Bahar Teh.khan pur Distt.R.Y.K</t>
  </si>
  <si>
    <t>Bagh O Bahar</t>
  </si>
  <si>
    <t>Hafiz Anees Ur Rehman</t>
  </si>
  <si>
    <t>12445</t>
  </si>
  <si>
    <t>GGES BASTI DARIGH</t>
  </si>
  <si>
    <t>Sadewaen</t>
  </si>
  <si>
    <t>govt girls elementary school basti drigjh</t>
  </si>
  <si>
    <t>Basti Drigh</t>
  </si>
  <si>
    <t>Shabana Naureen</t>
  </si>
  <si>
    <t>GPS KUNDKALE KHAN</t>
  </si>
  <si>
    <t>Kund Kale Khan</t>
  </si>
  <si>
    <t>moza kund  kale khan tehsil minchinabad distt. bahawalnagar</t>
  </si>
  <si>
    <t>Muhammad Afzal Haider</t>
  </si>
  <si>
    <t>GMPS 2 GULZAR MOTI WALA P/O 1 GULZAR</t>
  </si>
  <si>
    <t>2 Gulzar</t>
  </si>
  <si>
    <t>GMPS 2 Gulzar Motiwala p/o 1 Gulzar</t>
  </si>
  <si>
    <t>Motiwala</t>
  </si>
  <si>
    <t>GGPS BHAG</t>
  </si>
  <si>
    <t>Bhag teh.Pasrur Distt. Sialkot</t>
  </si>
  <si>
    <t>30743</t>
  </si>
  <si>
    <t>47279</t>
  </si>
  <si>
    <t>GPS RUSTAM WALA</t>
  </si>
  <si>
    <t>Rustam  Wala</t>
  </si>
  <si>
    <t>p/o mochh</t>
  </si>
  <si>
    <t>Muhammed Younas</t>
  </si>
  <si>
    <t>GGPS KALAS GORAYA</t>
  </si>
  <si>
    <t>kalas goraya</t>
  </si>
  <si>
    <t>Saba Perveen</t>
  </si>
  <si>
    <t>GGPS ATTAR SINGH WALA</t>
  </si>
  <si>
    <t>PIAL KALAN - FEMALE</t>
  </si>
  <si>
    <t>GGPS Attar singh wala</t>
  </si>
  <si>
    <t>Attar Singh Wala</t>
  </si>
  <si>
    <t>Aimen Yaseen</t>
  </si>
  <si>
    <t>GGPS CHAK NO. 557 TDA</t>
  </si>
  <si>
    <t>557TDA</t>
  </si>
  <si>
    <t>557TDA,Tehsil Kot Adu ,District Muzaffar Garh</t>
  </si>
  <si>
    <t>Shafia Kousar</t>
  </si>
  <si>
    <t>GPS AHL-E-HADEES MASJID</t>
  </si>
  <si>
    <t>near Masjid Ehle Hades' Fazilpur</t>
  </si>
  <si>
    <t>City Fazilpur</t>
  </si>
  <si>
    <t>22063</t>
  </si>
  <si>
    <t>GMPS BOOPRA KHURD</t>
  </si>
  <si>
    <t>Bupra khurd</t>
  </si>
  <si>
    <t>bupra khurd</t>
  </si>
  <si>
    <t>Bupra Khurd</t>
  </si>
  <si>
    <t>GPS RAJADAY WALI</t>
  </si>
  <si>
    <t>Rajaday Wali</t>
  </si>
  <si>
    <t>village rajaday wali po same tehsil pasrur  distt.Salkot</t>
  </si>
  <si>
    <t>GPS CHAK NO 15 KB</t>
  </si>
  <si>
    <t>15Kb</t>
  </si>
  <si>
    <t>37453</t>
  </si>
  <si>
    <t>GES 44/15-L, MIAN CHANNU</t>
  </si>
  <si>
    <t>44/15.L</t>
  </si>
  <si>
    <t>Chak no 44/15.L tesil Mian channu</t>
  </si>
  <si>
    <t>44/15L</t>
  </si>
  <si>
    <t>47625</t>
  </si>
  <si>
    <t>30050</t>
  </si>
  <si>
    <t>GMPS DHOK MALIK SHAH NAWAZ</t>
  </si>
  <si>
    <t>Dhiba</t>
  </si>
  <si>
    <t>P/O Dhurnaka dist mianwali</t>
  </si>
  <si>
    <t>Bailqees Begum</t>
  </si>
  <si>
    <t>GPS HABIB KA</t>
  </si>
  <si>
    <t>Habibka</t>
  </si>
  <si>
    <t>moza habib ka thes ,minchinabad dist,bahawalnager</t>
  </si>
  <si>
    <t>GGHS AMIN ABAD</t>
  </si>
  <si>
    <t>Gghs aminabad,teh. lqp, distt. ryk.</t>
  </si>
  <si>
    <t>AMINABAD</t>
  </si>
  <si>
    <t>Kiran Bibi</t>
  </si>
  <si>
    <t>52643</t>
  </si>
  <si>
    <t>GHS KHANWAH GHALWAN</t>
  </si>
  <si>
    <t>KHANWAH GHALWAN</t>
  </si>
  <si>
    <t>GHS KHANWAH GHALWAN,MOUZA KHANWAH GHALWAN P/O KHAAS.</t>
  </si>
  <si>
    <t>Zulfiqar Ali Tariq</t>
  </si>
  <si>
    <t>GGPS DINGY</t>
  </si>
  <si>
    <t>GGPS Dingy</t>
  </si>
  <si>
    <t>Dingy</t>
  </si>
  <si>
    <t>Nawa Maneka</t>
  </si>
  <si>
    <t>Misbah Bano</t>
  </si>
  <si>
    <t>32730</t>
  </si>
  <si>
    <t>GPS HANDOKE</t>
  </si>
  <si>
    <t>Handoki</t>
  </si>
  <si>
    <t>village handoki, post office bara ghar, teh and distt nankana sahib</t>
  </si>
  <si>
    <t>GPS BASTI NOON</t>
  </si>
  <si>
    <t>basti noon moza chan wala p/ o qasba gujrat tahsil kot addu</t>
  </si>
  <si>
    <t>Moza Chan Wala</t>
  </si>
  <si>
    <t>GES TARI KHEL</t>
  </si>
  <si>
    <t>P. O  Tari Khel Mianwali</t>
  </si>
  <si>
    <t>Rokhary</t>
  </si>
  <si>
    <t>Saeed Ullah Khan</t>
  </si>
  <si>
    <t>GMPS NOOR PUR</t>
  </si>
  <si>
    <t>Matti Tal</t>
  </si>
  <si>
    <t>Basti Noor Pur Matti tal Multan</t>
  </si>
  <si>
    <t>29231</t>
  </si>
  <si>
    <t>GPS CHATWAIN</t>
  </si>
  <si>
    <t>basti okair mouza chatwain</t>
  </si>
  <si>
    <t>Okair</t>
  </si>
  <si>
    <t>Muhammad Adnan Nazir</t>
  </si>
  <si>
    <t>GGPS BASHAR PURA GALI NO. 7 NIZAM PURA ROAD</t>
  </si>
  <si>
    <t>iqra ggp/s gali no.7 nizam pura road bhassar pura kasur</t>
  </si>
  <si>
    <t>Bhassar Pura</t>
  </si>
  <si>
    <t>Faqeer Wali</t>
  </si>
  <si>
    <t>basti faqeer Wali Tehsil kot addu</t>
  </si>
  <si>
    <t>Hummaira Kanwal</t>
  </si>
  <si>
    <t>12869</t>
  </si>
  <si>
    <t>GGPS SHAIKH WALA</t>
  </si>
  <si>
    <t>adda salman wala bsti hafiz wala</t>
  </si>
  <si>
    <t>Gairay Wine</t>
  </si>
  <si>
    <t>Najma  Perveen</t>
  </si>
  <si>
    <t>GGPS KHARK</t>
  </si>
  <si>
    <t>kharak</t>
  </si>
  <si>
    <t>GES FATTOKE</t>
  </si>
  <si>
    <t>Fattoke</t>
  </si>
  <si>
    <t>Village fattoke teh.&amp; distt.narowal</t>
  </si>
  <si>
    <t>37306</t>
  </si>
  <si>
    <t>GGES 15/9-R, KACHA KHUH</t>
  </si>
  <si>
    <t>11/8r</t>
  </si>
  <si>
    <t>govt model middle school 15/9r</t>
  </si>
  <si>
    <t>15/9r SAHUWALA</t>
  </si>
  <si>
    <t>7/9r</t>
  </si>
  <si>
    <t>Nayab Khalid Raja</t>
  </si>
  <si>
    <t>4612</t>
  </si>
  <si>
    <t>GPS KAILA TEH. &amp; DISTT. MIANWALI</t>
  </si>
  <si>
    <t>Tibba quershian near kalabagh road Mianwali</t>
  </si>
  <si>
    <t>Muhammad Uzair Khan</t>
  </si>
  <si>
    <t>49301</t>
  </si>
  <si>
    <t>GGPS PINDI KORA</t>
  </si>
  <si>
    <t>Naara</t>
  </si>
  <si>
    <t>pull pindi kora</t>
  </si>
  <si>
    <t>Pindi Kora</t>
  </si>
  <si>
    <t>Safia Ehsan</t>
  </si>
  <si>
    <t>29254</t>
  </si>
  <si>
    <t>GMPS JANDRAKA</t>
  </si>
  <si>
    <t>GMPS jandraka</t>
  </si>
  <si>
    <t>Hifsa Kaleem</t>
  </si>
  <si>
    <t>11182</t>
  </si>
  <si>
    <t>GGCMHS CHAK 139-A/TDA LAYYAH</t>
  </si>
  <si>
    <t>139A/TDA</t>
  </si>
  <si>
    <t>Chak no 139a/tda layyah</t>
  </si>
  <si>
    <t>Chak No 139A/tda</t>
  </si>
  <si>
    <t>Arshia Kanwal</t>
  </si>
  <si>
    <t>33694</t>
  </si>
  <si>
    <t>GPS JAMIA TALEEM O TERBEAT INSIDE BOHER GATE MULTAN</t>
  </si>
  <si>
    <t>Shah Ghardaz</t>
  </si>
  <si>
    <t>inside bohar gate Multan</t>
  </si>
  <si>
    <t>Shah Gardaiz</t>
  </si>
  <si>
    <t>34461</t>
  </si>
  <si>
    <t>GPS GRAY WALA BINDA SANDILA SADDAR MULTAN</t>
  </si>
  <si>
    <t>basti gray wala multan</t>
  </si>
  <si>
    <t>M Rafi-ul-din</t>
  </si>
  <si>
    <t>GPS MANKA BHUTTA NO. 2</t>
  </si>
  <si>
    <t>basti mandoor moza mahal khakhi shumali tahsil and district muzaffargarh</t>
  </si>
  <si>
    <t>Basti Mandoor</t>
  </si>
  <si>
    <t>27348</t>
  </si>
  <si>
    <t>GPS GARHI MEMBRAN</t>
  </si>
  <si>
    <t>Garhi Membran</t>
  </si>
  <si>
    <t>Iftikhar Ahmad Khan</t>
  </si>
  <si>
    <t>GPS MANZOOR SARU</t>
  </si>
  <si>
    <t>Bachain Wali</t>
  </si>
  <si>
    <t>basti manzoor saru mouza bachian wali minchina abad</t>
  </si>
  <si>
    <t>Manzoor Saru</t>
  </si>
  <si>
    <t>Muhammad  Zubair Shah</t>
  </si>
  <si>
    <t>GGPS CHAK 139/NP</t>
  </si>
  <si>
    <t>GUL MUHAMMAD LANGAH - FEMALE</t>
  </si>
  <si>
    <t>Chak 139/np</t>
  </si>
  <si>
    <t>gov't primary school chak no 139 /np</t>
  </si>
  <si>
    <t>Chak No 139/np</t>
  </si>
  <si>
    <t>Trukri</t>
  </si>
  <si>
    <t>51511</t>
  </si>
  <si>
    <t>GPS CHAK NO. 59 / SP</t>
  </si>
  <si>
    <t>59/sp</t>
  </si>
  <si>
    <t>chak 59/s.p</t>
  </si>
  <si>
    <t>Zafar Iqbal Tahir</t>
  </si>
  <si>
    <t>GMPS ADHAN WAH</t>
  </si>
  <si>
    <t>Mouza Adhan  Wah</t>
  </si>
  <si>
    <t>G.M.P/S Adhan wah</t>
  </si>
  <si>
    <t>Shahbaz Pura</t>
  </si>
  <si>
    <t>Mamoona Jamil</t>
  </si>
  <si>
    <t>24270</t>
  </si>
  <si>
    <t>GGHS HUSSA JAJJA</t>
  </si>
  <si>
    <t>GGHS HUSSA JAJJA PASRUR SIALKOT</t>
  </si>
  <si>
    <t>Soukanwind</t>
  </si>
  <si>
    <t>Shahnaz Mubashar</t>
  </si>
  <si>
    <t>GMPS CHAK NO. 16/1-R SLAMAT RAI</t>
  </si>
  <si>
    <t>16-1rslamatrai</t>
  </si>
  <si>
    <t>15-1-r</t>
  </si>
  <si>
    <t>GHS RANGEEL PUR SURAJ KUND ROAD MULTAN</t>
  </si>
  <si>
    <t>RANGEEL PUR</t>
  </si>
  <si>
    <t>BASTI RANGEEL PUR MULTAN</t>
  </si>
  <si>
    <t>PEER COLONY</t>
  </si>
  <si>
    <t>GHS MONDKA</t>
  </si>
  <si>
    <t>Shah Jamal Road Mondka</t>
  </si>
  <si>
    <t>Shayan Javed</t>
  </si>
  <si>
    <t>51577</t>
  </si>
  <si>
    <t>GGPS RAKH MALIKA HANS</t>
  </si>
  <si>
    <t>ggps rakh malka hans</t>
  </si>
  <si>
    <t>Chak Sandhy Khan</t>
  </si>
  <si>
    <t>Mahjabeen Aftab</t>
  </si>
  <si>
    <t>24207</t>
  </si>
  <si>
    <t>GPS BHULLAR RUHI WALA</t>
  </si>
  <si>
    <t>villahr Bhullar rohi wala pasrur sialkot</t>
  </si>
  <si>
    <t>Muhammad Sheraz</t>
  </si>
  <si>
    <t>29059</t>
  </si>
  <si>
    <t>GHS RAO KHAN WALA</t>
  </si>
  <si>
    <t>Rao Khan Wala P/O same Kasur</t>
  </si>
  <si>
    <t>muhammad saleem shah</t>
  </si>
  <si>
    <t>37315</t>
  </si>
  <si>
    <t>GGPS 16/9-R, KACHA KHUH</t>
  </si>
  <si>
    <t>16/9 R</t>
  </si>
  <si>
    <t>GGPS 16/9-R KACHA KAHUH  KHANEWAL</t>
  </si>
  <si>
    <t>VILLAGE  16/9-R KACHA KHUH</t>
  </si>
  <si>
    <t>Huma Batool</t>
  </si>
  <si>
    <t>GMPS ALAMPUR GONDLAN</t>
  </si>
  <si>
    <t>Alam Pur Gondlan</t>
  </si>
  <si>
    <t>Alam pur gondlan</t>
  </si>
  <si>
    <t>Rizwana Fiaz</t>
  </si>
  <si>
    <t>GGPS JAM MANZOOR AHMED LAR</t>
  </si>
  <si>
    <t>basti jam manzoor lar</t>
  </si>
  <si>
    <t>Cotla Drigh</t>
  </si>
  <si>
    <t>GPS CHAK LALA</t>
  </si>
  <si>
    <t>chak lala</t>
  </si>
  <si>
    <t>chak lala post office chobara tehsil pasrur disst.sialkot</t>
  </si>
  <si>
    <t>Mohammad Aslam Zia</t>
  </si>
  <si>
    <t>11590</t>
  </si>
  <si>
    <t>29752</t>
  </si>
  <si>
    <t>GGES CHAH LAL KHAN</t>
  </si>
  <si>
    <t>Noshahra Sharki</t>
  </si>
  <si>
    <t>GGES Chah lal khan</t>
  </si>
  <si>
    <t>Balqis Akhbar</t>
  </si>
  <si>
    <t>29755</t>
  </si>
  <si>
    <t>51480</t>
  </si>
  <si>
    <t>GPS 4 KB PO PAKPATTAN</t>
  </si>
  <si>
    <t>4KB</t>
  </si>
  <si>
    <t>chak  4kb</t>
  </si>
  <si>
    <t>47438</t>
  </si>
  <si>
    <t>mohallah Tahir khel wan bhachran tehsil mianwali</t>
  </si>
  <si>
    <t>Ijasat Parveen</t>
  </si>
  <si>
    <t>7019</t>
  </si>
  <si>
    <t>35797</t>
  </si>
  <si>
    <t>GPS ALAM PUR</t>
  </si>
  <si>
    <t>Mouza Alam pur Tehsil Mailsi</t>
  </si>
  <si>
    <t>GPS MAILU EAST</t>
  </si>
  <si>
    <t>Mailu Sharqi</t>
  </si>
  <si>
    <t>mailu sharqi</t>
  </si>
  <si>
    <t>17084</t>
  </si>
  <si>
    <t>12601</t>
  </si>
  <si>
    <t>GPS KORAI WALA</t>
  </si>
  <si>
    <t>Makhan Baila</t>
  </si>
  <si>
    <t>Korai Wala via Rohilan wali Teh &amp; Distt. M.Garh</t>
  </si>
  <si>
    <t>Khalil Ur Rahman</t>
  </si>
  <si>
    <t>GPS FATOHI WALA</t>
  </si>
  <si>
    <t>Fotohi Wala P\O Ganda Sing Teh  Dist  KASUR</t>
  </si>
  <si>
    <t>Akbar Ali Sabir</t>
  </si>
  <si>
    <t>21955</t>
  </si>
  <si>
    <t>GGPS TATLAY HAKIM HAIDER</t>
  </si>
  <si>
    <t>Government girls primary school tatlay hakeem haider ali post office baigpur tahseel noshehran virkan distirct gujranwala</t>
  </si>
  <si>
    <t>Tatlay Hakeem  Haider Ali</t>
  </si>
  <si>
    <t>Shamsha Dada</t>
  </si>
  <si>
    <t>ghzala rasheed</t>
  </si>
  <si>
    <t>10606</t>
  </si>
  <si>
    <t>GGES KHARAL AZIM</t>
  </si>
  <si>
    <t>Werrer Thal</t>
  </si>
  <si>
    <t>GGES KHARAL AZEEM BASTI RARRIYAN</t>
  </si>
  <si>
    <t>Kot Sultan2</t>
  </si>
  <si>
    <t>Aqila Bano Do Ghulam Hussain</t>
  </si>
  <si>
    <t>GMPS KIRLIAN WALA</t>
  </si>
  <si>
    <t>Kirlianwala</t>
  </si>
  <si>
    <t>gmps kirlianwala</t>
  </si>
  <si>
    <t>29782</t>
  </si>
  <si>
    <t>GGHS MC SIR SYED LALA MUSA</t>
  </si>
  <si>
    <t>mohalla markazi jamiamasjid near comeete road lalamusa</t>
  </si>
  <si>
    <t>Farhat Iqbal</t>
  </si>
  <si>
    <t>13042</t>
  </si>
  <si>
    <t>GGMPS CHAK ALAM SHAH</t>
  </si>
  <si>
    <t>Alam Shah</t>
  </si>
  <si>
    <t>alam shah p/o mondka muzaffargarh</t>
  </si>
  <si>
    <t>Farwa Aziz</t>
  </si>
  <si>
    <t>GMES UNCHA PAHARANG</t>
  </si>
  <si>
    <t>Uncha Paharang</t>
  </si>
  <si>
    <t>village uncha paharang tehsil pasrur district sialkot</t>
  </si>
  <si>
    <t>Sadaf Yaqoob</t>
  </si>
  <si>
    <t>29809</t>
  </si>
  <si>
    <t>GGPS MODEL RAN</t>
  </si>
  <si>
    <t>ran</t>
  </si>
  <si>
    <t>Ammara</t>
  </si>
  <si>
    <t>GGPS DARBAR AHMED SHER</t>
  </si>
  <si>
    <t>Phol Loli</t>
  </si>
  <si>
    <t>basti Odham Shah, moza phol Loli,union concil Ghazi Pur,markaz zahir pir, tehsil Khan pur</t>
  </si>
  <si>
    <t>Odham Shah</t>
  </si>
  <si>
    <t>GPS BASTI NOOR MUHAMMAD BOHAR</t>
  </si>
  <si>
    <t>Rakh Reakh</t>
  </si>
  <si>
    <t>Basti Bohar Mouza Rakh Reakh Fazilpur Tehsil Distt. Rajanpur</t>
  </si>
  <si>
    <t>Pir Bakhsh  East</t>
  </si>
  <si>
    <t>Khalid Iqbal</t>
  </si>
  <si>
    <t>GGPS CITY MINCHIN ABAD</t>
  </si>
  <si>
    <t>Gnash Pura</t>
  </si>
  <si>
    <t>moza Javad pura</t>
  </si>
  <si>
    <t>Javad Pura</t>
  </si>
  <si>
    <t>29793</t>
  </si>
  <si>
    <t>GGPS BASTI KAFAN WARRA</t>
  </si>
  <si>
    <t>Basti Kafan Wara</t>
  </si>
  <si>
    <t>GGPs basti kafan wara</t>
  </si>
  <si>
    <t>Basti Kafan WarA</t>
  </si>
  <si>
    <t>Farhat Mussarat</t>
  </si>
  <si>
    <t>29795</t>
  </si>
  <si>
    <t>21914</t>
  </si>
  <si>
    <t>GGPS CHAK VIRKAN</t>
  </si>
  <si>
    <t>Chak virkan tehsil noshera virkan</t>
  </si>
  <si>
    <t>naila asghar</t>
  </si>
  <si>
    <t>GMPS JALLY KAY</t>
  </si>
  <si>
    <t>Jallay Kay</t>
  </si>
  <si>
    <t>govt model primary school jallay kay</t>
  </si>
  <si>
    <t>Khankay More</t>
  </si>
  <si>
    <t>47076</t>
  </si>
  <si>
    <t>GES UTRA KALAN</t>
  </si>
  <si>
    <t>Utra kalan</t>
  </si>
  <si>
    <t>ges utra klan  p/o utra kalan  TEH  &amp; DISTT  MIANWALI</t>
  </si>
  <si>
    <t>Deer Umaid Ali Shah</t>
  </si>
  <si>
    <t>RAUF AHMAD</t>
  </si>
  <si>
    <t>29804</t>
  </si>
  <si>
    <t>35551</t>
  </si>
  <si>
    <t>GHS KHAN PUR</t>
  </si>
  <si>
    <t>MOZA KHANPUR TEHSIL MAILSI</t>
  </si>
  <si>
    <t>13706</t>
  </si>
  <si>
    <t>31173</t>
  </si>
  <si>
    <t>GGPS ZANANA DAR-UL-SHAFQAT RAJ GARH</t>
  </si>
  <si>
    <t>RajGarh</t>
  </si>
  <si>
    <t>Govt G P S Zanana Dar-ul-Shafqat Raj Grah Lahore</t>
  </si>
  <si>
    <t>Riwaz Garden</t>
  </si>
  <si>
    <t>Naveeda Khanum</t>
  </si>
  <si>
    <t>33267</t>
  </si>
  <si>
    <t>GGPS MEHAR PUR</t>
  </si>
  <si>
    <t>Meher Pur</t>
  </si>
  <si>
    <t>Abida Saher</t>
  </si>
  <si>
    <t>Bakhshan Arian</t>
  </si>
  <si>
    <t>basti mohana p/s kot samaba rahem yar khan</t>
  </si>
  <si>
    <t>Tibbi Gul Muhammed</t>
  </si>
  <si>
    <t>Surryia Sultana</t>
  </si>
  <si>
    <t>43875</t>
  </si>
  <si>
    <t>GGPS ACHA REKKI</t>
  </si>
  <si>
    <t>Badri Narian Pura</t>
  </si>
  <si>
    <t>basti Acharekki</t>
  </si>
  <si>
    <t>Acharekki</t>
  </si>
  <si>
    <t>safina aslam</t>
  </si>
  <si>
    <t>GPS RANGORE</t>
  </si>
  <si>
    <t>Rangore</t>
  </si>
  <si>
    <t>tulsipur</t>
  </si>
  <si>
    <t>Amjad Hussain Sulehri</t>
  </si>
  <si>
    <t>29817</t>
  </si>
  <si>
    <t>GGCMS CHAK NO.17/A</t>
  </si>
  <si>
    <t>Chak No17/A</t>
  </si>
  <si>
    <t>chak 17\A</t>
  </si>
  <si>
    <t>17A</t>
  </si>
  <si>
    <t>rooter pump</t>
  </si>
  <si>
    <t>29819</t>
  </si>
  <si>
    <t>32738</t>
  </si>
  <si>
    <t>GPS CHAK NO 7/59 SHARQI</t>
  </si>
  <si>
    <t>chak no 7/59 east</t>
  </si>
  <si>
    <t>chak no 7/59 east p/o chak no 8/60 teh/distt nankana sahib</t>
  </si>
  <si>
    <t>Chak Hayder abad</t>
  </si>
  <si>
    <t>GPS CHAK NO 333 TDA</t>
  </si>
  <si>
    <t>333/tda</t>
  </si>
  <si>
    <t>chak no 333/Tda tehsil o  district layyah</t>
  </si>
  <si>
    <t>Chak No 333/tda</t>
  </si>
  <si>
    <t>Layyah Thal Khlan</t>
  </si>
  <si>
    <t>GGPS MC MOHALLAH GURRAH MBDIN</t>
  </si>
  <si>
    <t>Moh gurraha M. B .Din</t>
  </si>
  <si>
    <t>Moh Gurrah</t>
  </si>
  <si>
    <t>Kosar Parven</t>
  </si>
  <si>
    <t>37593</t>
  </si>
  <si>
    <t>GMPS 101/15-L, MIAN CHANNU</t>
  </si>
  <si>
    <t>101/15-l</t>
  </si>
  <si>
    <t>Chack No 101 -15-L Mianchannu Khanewl</t>
  </si>
  <si>
    <t>101/15-L</t>
  </si>
  <si>
    <t>100-15-l</t>
  </si>
  <si>
    <t>Zahida Yousaf</t>
  </si>
  <si>
    <t>GGPS GHARYALA 1 P/O MUKHDOOM RASHEED</t>
  </si>
  <si>
    <t>Basti Gharyala P.O. Makhdoom Rashid Multan</t>
  </si>
  <si>
    <t>Tamseela Jameel</t>
  </si>
  <si>
    <t>GMPS 29/10-R, KACHA KHUH</t>
  </si>
  <si>
    <t>Chak 29/10R</t>
  </si>
  <si>
    <t>Chak # 29/10.R Khanewal</t>
  </si>
  <si>
    <t>Anees Bibi</t>
  </si>
  <si>
    <t>22078</t>
  </si>
  <si>
    <t>GMPS KOTLI MANSOO</t>
  </si>
  <si>
    <t>Kotly Mansoo</t>
  </si>
  <si>
    <t>kotly mansoo</t>
  </si>
  <si>
    <t>Kotli Mansoo</t>
  </si>
  <si>
    <t>Shazia shahbaz</t>
  </si>
  <si>
    <t>29837</t>
  </si>
  <si>
    <t>GGPS BASTI BASHIR</t>
  </si>
  <si>
    <t>Shhbazb Pur</t>
  </si>
  <si>
    <t>Ggps Basti Bsshir</t>
  </si>
  <si>
    <t>Basti Bashir</t>
  </si>
  <si>
    <t>Motti Pur</t>
  </si>
  <si>
    <t>Samina   Yasmeen</t>
  </si>
  <si>
    <t>24209</t>
  </si>
  <si>
    <t>GPS KOTLI RAMDAS</t>
  </si>
  <si>
    <t>Kotliramdas</t>
  </si>
  <si>
    <t>village kotliramdas post office Ban Bajwa Tehsil pasrur District Sialkot</t>
  </si>
  <si>
    <t>29844</t>
  </si>
  <si>
    <t>GPS RASOOL PUR BHINDRAN</t>
  </si>
  <si>
    <t>Rasool Pur Bhindran</t>
  </si>
  <si>
    <t>Rasool pur bhindran</t>
  </si>
  <si>
    <t>Sajjad Ali</t>
  </si>
  <si>
    <t>12129</t>
  </si>
  <si>
    <t>GPS BASTI UTRA</t>
  </si>
  <si>
    <t>Sojhalwali</t>
  </si>
  <si>
    <t>bait sojhalwali qasba gujrat teh. kotaddu distt. Muzaffargarh</t>
  </si>
  <si>
    <t>27918</t>
  </si>
  <si>
    <t>GGHS SAVIA</t>
  </si>
  <si>
    <t>v.p O sivia Teh &amp; Distt M.B.Din</t>
  </si>
  <si>
    <t>Anfa Noreen</t>
  </si>
  <si>
    <t>34694</t>
  </si>
  <si>
    <t>GGPS CHAK NO.5/KMR</t>
  </si>
  <si>
    <t>5kmr</t>
  </si>
  <si>
    <t>5KMR</t>
  </si>
  <si>
    <t>Shabana Rafiq</t>
  </si>
  <si>
    <t>37212</t>
  </si>
  <si>
    <t>GGPS RAZA ABAD, KHANEWAL</t>
  </si>
  <si>
    <t>168/10r</t>
  </si>
  <si>
    <t>basti raza abad khanewal</t>
  </si>
  <si>
    <t>88/10r</t>
  </si>
  <si>
    <t>Ammarah anwar</t>
  </si>
  <si>
    <t>GES FATEh KE</t>
  </si>
  <si>
    <t>Fateh Ki</t>
  </si>
  <si>
    <t>Fateh ki Tehsil Noshera Virkan Dist Gujranwala</t>
  </si>
  <si>
    <t>Phamma SRA</t>
  </si>
  <si>
    <t>Abdul Ghani</t>
  </si>
  <si>
    <t>29867</t>
  </si>
  <si>
    <t>GHS BULAND PUR</t>
  </si>
  <si>
    <t>GOVT. HIGH SCHOOL BULAND PUR</t>
  </si>
  <si>
    <t>ASHIQ ALI</t>
  </si>
  <si>
    <t>26928</t>
  </si>
  <si>
    <t>GES TARAGGAR JADEED</t>
  </si>
  <si>
    <t>Chak No 148/TDA Shahbaz abad</t>
  </si>
  <si>
    <t>Shahbaz Abad</t>
  </si>
  <si>
    <t>GHS CHAK NO. 133/1-L</t>
  </si>
  <si>
    <t>Chak 133/1L</t>
  </si>
  <si>
    <t>CHAK NO 133/1.L</t>
  </si>
  <si>
    <t>chak 133/1.L</t>
  </si>
  <si>
    <t>BHATHA SHEIKHAN</t>
  </si>
  <si>
    <t>30511</t>
  </si>
  <si>
    <t>GPS CHAK NO 470 TDA</t>
  </si>
  <si>
    <t>Chak no. 470/TDA</t>
  </si>
  <si>
    <t>470/TDA</t>
  </si>
  <si>
    <t>7460</t>
  </si>
  <si>
    <t>30517</t>
  </si>
  <si>
    <t>GGPS ASHIQ WALA</t>
  </si>
  <si>
    <t>Douba</t>
  </si>
  <si>
    <t>Basti Nirali wala near Douba M.Garh</t>
  </si>
  <si>
    <t>SHABINA ASHRIF</t>
  </si>
  <si>
    <t>GGPS BHONIKE OTTAR</t>
  </si>
  <si>
    <t>Bhonikey</t>
  </si>
  <si>
    <t>bhunikey ottar</t>
  </si>
  <si>
    <t>Miaraj Bibi</t>
  </si>
  <si>
    <t>GPS WALI DAD KHULANG</t>
  </si>
  <si>
    <t>Bait Wali Dad Khalung</t>
  </si>
  <si>
    <t>basti banar mauza  bait wali Dad khalung</t>
  </si>
  <si>
    <t>Sharief Chajra</t>
  </si>
  <si>
    <t>GGPS BANDEKI JAGIR</t>
  </si>
  <si>
    <t>Bandaki Jageer</t>
  </si>
  <si>
    <t>g.p.s.bandkijagir475@gmail.com</t>
  </si>
  <si>
    <t>G Gp S Bandakijageer</t>
  </si>
  <si>
    <t>Tanzeem Akhter</t>
  </si>
  <si>
    <t>30531</t>
  </si>
  <si>
    <t>GPS ZAIN PUR CHAH WADA KHOH MULTAN</t>
  </si>
  <si>
    <t>moza zain pur chah wadda kho multan</t>
  </si>
  <si>
    <t>Wadda Kho</t>
  </si>
  <si>
    <t>37208</t>
  </si>
  <si>
    <t>GGPS KOT ALA SINGH, KHANEWAL</t>
  </si>
  <si>
    <t>near district hospital khanewal</t>
  </si>
  <si>
    <t>Municipal Cameeti</t>
  </si>
  <si>
    <t>Najma Javed</t>
  </si>
  <si>
    <t>GPS MOULA BUX MISSAN</t>
  </si>
  <si>
    <t>Ameen Abad</t>
  </si>
  <si>
    <t>Basti Maola Bakhsh Misson UC Ameen Abad Tehsil Liaqat pur District Rahim Yar Khan</t>
  </si>
  <si>
    <t>Maola Bakhsh Misson</t>
  </si>
  <si>
    <t>ABDUL ALEEM</t>
  </si>
  <si>
    <t>GGHS BAJRA GARHI</t>
  </si>
  <si>
    <t>bajra garhi teh .pasrur distt .sailkot</t>
  </si>
  <si>
    <t>chahr Bajwa</t>
  </si>
  <si>
    <t>Kashifa Sadiqa</t>
  </si>
  <si>
    <t>30349</t>
  </si>
  <si>
    <t>GGPS CHAK NO. 55 SP</t>
  </si>
  <si>
    <t>55 Sp</t>
  </si>
  <si>
    <t>chak no 55 sp pakpattan</t>
  </si>
  <si>
    <t>Yasmin Chawla</t>
  </si>
  <si>
    <t>GHSS JALLAH JEEM</t>
  </si>
  <si>
    <t>JALLAH JEEM MAILSI</t>
  </si>
  <si>
    <t>30353</t>
  </si>
  <si>
    <t>25823</t>
  </si>
  <si>
    <t>GGPS CHAK SAFDAR</t>
  </si>
  <si>
    <t>Chak Safdar</t>
  </si>
  <si>
    <t>Govt Girls Primary school chak safdar</t>
  </si>
  <si>
    <t>MAHAR SHAREF</t>
  </si>
  <si>
    <t>GMPS NO. 1 CHAK NO. 39 MB JAUHARABAD</t>
  </si>
  <si>
    <t>Chak 39 Mb</t>
  </si>
  <si>
    <t>15 chak 39 mb</t>
  </si>
  <si>
    <t>39 Mb</t>
  </si>
  <si>
    <t>50 Mb</t>
  </si>
  <si>
    <t>GGHS RAIRKA BALA</t>
  </si>
  <si>
    <t>vpo rerka bala tehsil phalia district M.B.Din</t>
  </si>
  <si>
    <t>IFRA SHAHZADI</t>
  </si>
  <si>
    <t>GPS PACCA MIRANI</t>
  </si>
  <si>
    <t>Kunnel Nashib</t>
  </si>
  <si>
    <t>basti Bakht moza kunnel bashing p/o Kamran shah layyah</t>
  </si>
  <si>
    <t>Basti Bakhri</t>
  </si>
  <si>
    <t>Moon Shahzad</t>
  </si>
  <si>
    <t>35444</t>
  </si>
  <si>
    <t>32733</t>
  </si>
  <si>
    <t>GPS THATHA KAMOKE</t>
  </si>
  <si>
    <t>Thatha Kamoke</t>
  </si>
  <si>
    <t>Thatha Kamoke P/O Bara Ghar Teshsil &amp; distt. nankana sahib</t>
  </si>
  <si>
    <t>bara ghar</t>
  </si>
  <si>
    <t>GGES JHORAN</t>
  </si>
  <si>
    <t>Jhuran</t>
  </si>
  <si>
    <t>p/o fateh pur kamal</t>
  </si>
  <si>
    <t>Basti Thakal Arain</t>
  </si>
  <si>
    <t>Misbah sarfraz</t>
  </si>
  <si>
    <t>GES BASI WALA</t>
  </si>
  <si>
    <t>Basi Wala</t>
  </si>
  <si>
    <t>govt ES basiwala tehsil pasrur</t>
  </si>
  <si>
    <t>Chichar Wali</t>
  </si>
  <si>
    <t>Maqsood Ahmad janjua</t>
  </si>
  <si>
    <t>30372</t>
  </si>
  <si>
    <t>GMPS SHER MUHAMMAD NO. 2</t>
  </si>
  <si>
    <t>CHAK ZUHRANI</t>
  </si>
  <si>
    <t>Khuhawar</t>
  </si>
  <si>
    <t>basti ghreeb abad near PSO dippo mehmood kot tehsil kot addu dist muzaffar garh</t>
  </si>
  <si>
    <t>muhammad saleem  akhtar</t>
  </si>
  <si>
    <t>30384</t>
  </si>
  <si>
    <t>bonga bolachain</t>
  </si>
  <si>
    <t>moza bonga bolachain merkz 16 mcd</t>
  </si>
  <si>
    <t>fidai shah</t>
  </si>
  <si>
    <t>Ahmed Yar  Khan</t>
  </si>
  <si>
    <t>GPS DIGROCHA</t>
  </si>
  <si>
    <t>THUL HAMZA</t>
  </si>
  <si>
    <t>BASTI MEHMOODA ABAD THUL HAMZA</t>
  </si>
  <si>
    <t>MEHMOODA ABAD</t>
  </si>
  <si>
    <t>Ashiq Rasool Farooqi</t>
  </si>
  <si>
    <t>GPS CHAK ROHARI</t>
  </si>
  <si>
    <t>Chak Rohari</t>
  </si>
  <si>
    <t>Moza chak rohari M.garh</t>
  </si>
  <si>
    <t>Muhammad Anjum Hafeez</t>
  </si>
  <si>
    <t>GPS 33/P</t>
  </si>
  <si>
    <t>Chak no 33p</t>
  </si>
  <si>
    <t>chak no 33p post office bagho bahar tehsil khanpur district rahim yar Khan</t>
  </si>
  <si>
    <t>Bagho bahar</t>
  </si>
  <si>
    <t>30408</t>
  </si>
  <si>
    <t>GES GANMOON WALA NAWAB PUR MULTAN</t>
  </si>
  <si>
    <t>Government Elementary School, ganmoonwala , nawabpur</t>
  </si>
  <si>
    <t>ganmoonwala</t>
  </si>
  <si>
    <t>nawabpur</t>
  </si>
  <si>
    <t>Ch M Arif</t>
  </si>
  <si>
    <t>49554</t>
  </si>
  <si>
    <t>GGPS MEHMOOD PUR LALAKEKA</t>
  </si>
  <si>
    <t>Mehmood Pur Laleka</t>
  </si>
  <si>
    <t>ggps mehmood pur laleka dak khan a kabootri chawaika road minchinabad</t>
  </si>
  <si>
    <t>Mehmood Pur Ialeka</t>
  </si>
  <si>
    <t>Kabootri No 1</t>
  </si>
  <si>
    <t>Kusar Ramzan</t>
  </si>
  <si>
    <t>30402</t>
  </si>
  <si>
    <t>GPS CHAPRY CHATTAN SHAH</t>
  </si>
  <si>
    <t>Chapri Chattan Shah</t>
  </si>
  <si>
    <t>Chapri chattan shah U/C tranda gurgaij</t>
  </si>
  <si>
    <t>Tranda Gurjaij</t>
  </si>
  <si>
    <t>13879</t>
  </si>
  <si>
    <t>GGHS WANG</t>
  </si>
  <si>
    <t>WAANG AWAL</t>
  </si>
  <si>
    <t>HAMEED COLONY WANG</t>
  </si>
  <si>
    <t>Humaira Bibi</t>
  </si>
  <si>
    <t>GPS MEHIS KALAN</t>
  </si>
  <si>
    <t>Mehis Kalan</t>
  </si>
  <si>
    <t>village mehis kalan T/D narowal</t>
  </si>
  <si>
    <t>30918</t>
  </si>
  <si>
    <t>GGHS ASIFA NEW MODEL SAID MITHA</t>
  </si>
  <si>
    <t>TEHSIL BAZAR INSIDE BHATTI GATE LAHORE</t>
  </si>
  <si>
    <t>SHAHI QILA</t>
  </si>
  <si>
    <t>SAFIA SALAMAT</t>
  </si>
  <si>
    <t>12534</t>
  </si>
  <si>
    <t>GPS KHADIALAN WALA</t>
  </si>
  <si>
    <t>GPS khadialan wala markaz shadia TEH/DISTRICT Mianwali</t>
  </si>
  <si>
    <t>30423</t>
  </si>
  <si>
    <t>GMPS NOOR PUR DOGRAN</t>
  </si>
  <si>
    <t>Noorpur Dogran</t>
  </si>
  <si>
    <t>saba saddique</t>
  </si>
  <si>
    <t>11714</t>
  </si>
  <si>
    <t>GPS KHAJJI WALA</t>
  </si>
  <si>
    <t>Basti chani moza tibba mustaqil gharbi p/o d d panah</t>
  </si>
  <si>
    <t>Basti Chani</t>
  </si>
  <si>
    <t>36021</t>
  </si>
  <si>
    <t>53195</t>
  </si>
  <si>
    <t>GPS THATHA MUSRAIRA</t>
  </si>
  <si>
    <t>Thatha  Musrera  sadar gogera okara</t>
  </si>
  <si>
    <t>Thatha Musrera</t>
  </si>
  <si>
    <t>Muhammad Zeeshan Saeed</t>
  </si>
  <si>
    <t>30426</t>
  </si>
  <si>
    <t>GGPS KOTLI BAJAR</t>
  </si>
  <si>
    <t>Kotli Bajar</t>
  </si>
  <si>
    <t>village kotly bajar teh kharian distt gujrat</t>
  </si>
  <si>
    <t>Kotly Bajar</t>
  </si>
  <si>
    <t>29659</t>
  </si>
  <si>
    <t>GES WANDER PO SUR SINGH</t>
  </si>
  <si>
    <t>Wander</t>
  </si>
  <si>
    <t>wander tehsil pattoki(kasur)</t>
  </si>
  <si>
    <t>Muhammad Umar Daraz</t>
  </si>
  <si>
    <t>14023</t>
  </si>
  <si>
    <t>GPS BASTI LAL BUX</t>
  </si>
  <si>
    <t>Kotla Allah Yar</t>
  </si>
  <si>
    <t>GP/S Basti Lal Bux teh&amp;dist Rajan pur</t>
  </si>
  <si>
    <t>Syed Imran Hussain Shah</t>
  </si>
  <si>
    <t>30433</t>
  </si>
  <si>
    <t>47228</t>
  </si>
  <si>
    <t>GPS BHIR SHAH NAWAZ WALA</t>
  </si>
  <si>
    <t>Wandhi Bhamjeran Wali</t>
  </si>
  <si>
    <t>GPS BHIR SHAH NAWAZ</t>
  </si>
  <si>
    <t>Bhir Shah Nawaz</t>
  </si>
  <si>
    <t>GES RENMAL SHARIF</t>
  </si>
  <si>
    <t>Ranmal sharif</t>
  </si>
  <si>
    <t>Mukhtar Ahmad Tarar</t>
  </si>
  <si>
    <t>GGPS CHALLU KHAN</t>
  </si>
  <si>
    <t>Garhi Ikhtiyar Khan</t>
  </si>
  <si>
    <t>ggps challu khan garhi ikhtiyar khan khanpur dist ryk</t>
  </si>
  <si>
    <t>Hamna Tufail</t>
  </si>
  <si>
    <t>14158</t>
  </si>
  <si>
    <t>GGPS MUKHTIAR ABAD</t>
  </si>
  <si>
    <t>Rajan Pur</t>
  </si>
  <si>
    <t>city rajanpur</t>
  </si>
  <si>
    <t>KishwarNahid</t>
  </si>
  <si>
    <t>GPS SAID PUR JADEED</t>
  </si>
  <si>
    <t>Basti kotla daad ,Moza said pur tehsil liaquat pur district rahim yar khan</t>
  </si>
  <si>
    <t>Kotla Daad</t>
  </si>
  <si>
    <t>53098</t>
  </si>
  <si>
    <t>GES SHERKAY ZEREEN</t>
  </si>
  <si>
    <t>Sher Kay Zereen</t>
  </si>
  <si>
    <t>sher kay zereen p/o chochak okara</t>
  </si>
  <si>
    <t>GPS MUHAMMAD BUKHSH</t>
  </si>
  <si>
    <t>Qadu Wali</t>
  </si>
  <si>
    <t>maoza, basti qadu wali</t>
  </si>
  <si>
    <t>GPS MUHAMMAD KHAN WALA P/O JAL WALA</t>
  </si>
  <si>
    <t>Muhammad khan wala</t>
  </si>
  <si>
    <t>Muhammad khan Wala</t>
  </si>
  <si>
    <t>Mattital</t>
  </si>
  <si>
    <t>Abdul Sattar Yasar</t>
  </si>
  <si>
    <t>33620</t>
  </si>
  <si>
    <t>GHS QASIM BELA MULTAN CANTT.</t>
  </si>
  <si>
    <t>Qasim Bela</t>
  </si>
  <si>
    <t>Ward No. 2 St.No.6 Qasim Bela Multan</t>
  </si>
  <si>
    <t>30461</t>
  </si>
  <si>
    <t>GGPS ADAM CHOHAN</t>
  </si>
  <si>
    <t>Adam Chohan</t>
  </si>
  <si>
    <t>Post officekotla village adam chohan teh.kharian dist.gujrat</t>
  </si>
  <si>
    <t>Asma Sharif</t>
  </si>
  <si>
    <t>22008</t>
  </si>
  <si>
    <t>GPS THATTI BAWA DAKHLI GHANIAN</t>
  </si>
  <si>
    <t>Nazim Ali Shah</t>
  </si>
  <si>
    <t>12079</t>
  </si>
  <si>
    <t>30545</t>
  </si>
  <si>
    <t>10551</t>
  </si>
  <si>
    <t>bait wasava khan wala p/o kot sultan layyah</t>
  </si>
  <si>
    <t>Wasava Shumali</t>
  </si>
  <si>
    <t>Rooh Ul Ameen</t>
  </si>
  <si>
    <t>21899</t>
  </si>
  <si>
    <t>47107</t>
  </si>
  <si>
    <t>GGHS SAMAND WALA PO SAMAND WALA MIANWALI</t>
  </si>
  <si>
    <t>government girls high school samandwala Mianwali</t>
  </si>
  <si>
    <t>Samandwala</t>
  </si>
  <si>
    <t>Rokhri Paka</t>
  </si>
  <si>
    <t>30550</t>
  </si>
  <si>
    <t>GHS LANGER SARAI</t>
  </si>
  <si>
    <t>Langarsarai</t>
  </si>
  <si>
    <t>p/o langarsarai</t>
  </si>
  <si>
    <t>HAFIZ MUHAMMAD MASOOM AWAN</t>
  </si>
  <si>
    <t>23123</t>
  </si>
  <si>
    <t>GPS BABIANIA</t>
  </si>
  <si>
    <t>Babanian</t>
  </si>
  <si>
    <t>village Babanian Post office karnana Tehsil kharian Distinct Gujrat</t>
  </si>
  <si>
    <t>45898</t>
  </si>
  <si>
    <t>37482</t>
  </si>
  <si>
    <t>GGHS 128/15-L MIAN CHANNU</t>
  </si>
  <si>
    <t>128/15-L</t>
  </si>
  <si>
    <t>GGHS128/15-L Mian Channu, Khanewal</t>
  </si>
  <si>
    <t>Noor Ul Saba</t>
  </si>
  <si>
    <t>53043</t>
  </si>
  <si>
    <t>GHS CHAK NO. 18/G.D</t>
  </si>
  <si>
    <t>18/gD</t>
  </si>
  <si>
    <t>CHAK 18/GD OKARA</t>
  </si>
  <si>
    <t>29374</t>
  </si>
  <si>
    <t>GGPS SHAMS PURA</t>
  </si>
  <si>
    <t>Shams Pura</t>
  </si>
  <si>
    <t>college road Kasur</t>
  </si>
  <si>
    <t>Bahadar Pura</t>
  </si>
  <si>
    <t>Nazra Tabbsum</t>
  </si>
  <si>
    <t>13344</t>
  </si>
  <si>
    <t>GPS BASTI PITAFI</t>
  </si>
  <si>
    <t>sarishta nasheeb</t>
  </si>
  <si>
    <t>sarishta nasheeb basti pitafi</t>
  </si>
  <si>
    <t>basti pitafi</t>
  </si>
  <si>
    <t>sarishta thal jandi</t>
  </si>
  <si>
    <t>16288</t>
  </si>
  <si>
    <t>30566</t>
  </si>
  <si>
    <t>51532</t>
  </si>
  <si>
    <t>GPS SEAL GAON P/O CHAK BEDI PAKPATTAN</t>
  </si>
  <si>
    <t>23/sp</t>
  </si>
  <si>
    <t>chak seal gaon po chak bedi pakpattan</t>
  </si>
  <si>
    <t>Seal Gaon</t>
  </si>
  <si>
    <t>Sharafat ALI</t>
  </si>
  <si>
    <t>20312</t>
  </si>
  <si>
    <t>GHS CHAKORI BHELOWAL</t>
  </si>
  <si>
    <t>VPO Chakori BHelowal Tehsil Kharian District Gujrat</t>
  </si>
  <si>
    <t>Sajjad masih</t>
  </si>
  <si>
    <t>GMPS DERA LALAY WALA</t>
  </si>
  <si>
    <t>Dera Lalay Wala</t>
  </si>
  <si>
    <t>Dera Lalay Wala p/o kot Sher Muhammad teh.phalia district M.B.Din</t>
  </si>
  <si>
    <t>Shama Noreen</t>
  </si>
  <si>
    <t>30573</t>
  </si>
  <si>
    <t>GGPS KOTLI JUNID</t>
  </si>
  <si>
    <t>Kotli Junaid</t>
  </si>
  <si>
    <t>kotli junaid mailsi</t>
  </si>
  <si>
    <t>Ishrat Faima</t>
  </si>
  <si>
    <t>GGPS MISRIA</t>
  </si>
  <si>
    <t>misria</t>
  </si>
  <si>
    <t>village misria post office rajuwal district  Gujrat Teh kharian</t>
  </si>
  <si>
    <t>sabour</t>
  </si>
  <si>
    <t>51430</t>
  </si>
  <si>
    <t>GES KOT BAKHSHA</t>
  </si>
  <si>
    <t>Kot Bakhsha</t>
  </si>
  <si>
    <t>chak kot bakhsha district pakpattan</t>
  </si>
  <si>
    <t>GPS SULTAN SHAH WALA</t>
  </si>
  <si>
    <t>Sultan shah wala</t>
  </si>
  <si>
    <t>Vilage sultan shah wala kasur</t>
  </si>
  <si>
    <t>Muhammad Wqas Jamil</t>
  </si>
  <si>
    <t>GGHSS SABAZ KOT</t>
  </si>
  <si>
    <t>Sabaz Kot</t>
  </si>
  <si>
    <t>gghsssabazkot teh pasrur district sialkot</t>
  </si>
  <si>
    <t>nazia iqbal</t>
  </si>
  <si>
    <t>GGPS BAHADUR PURA</t>
  </si>
  <si>
    <t>Bahadarpura</t>
  </si>
  <si>
    <t>bahadarpura P\O box narowal tehsil and district narowal</t>
  </si>
  <si>
    <t>Maria Nagrah</t>
  </si>
  <si>
    <t>53161</t>
  </si>
  <si>
    <t>GPS FATTU WANA</t>
  </si>
  <si>
    <t>Fatuana</t>
  </si>
  <si>
    <t>Mouza Fattu Ana</t>
  </si>
  <si>
    <t>GGPS QUP QURESHI</t>
  </si>
  <si>
    <t>qup qureshi</t>
  </si>
  <si>
    <t>Ggps Qup Qureshi</t>
  </si>
  <si>
    <t>Saaid Ali</t>
  </si>
  <si>
    <t>47344</t>
  </si>
  <si>
    <t>GGPS MC MOHALLAH HASHIM SHAH</t>
  </si>
  <si>
    <t>Yaro khel</t>
  </si>
  <si>
    <t>Govt girls mc primary school mohallah Hashim shah mianwali</t>
  </si>
  <si>
    <t>Nazia Zahoor</t>
  </si>
  <si>
    <t>41624</t>
  </si>
  <si>
    <t>28101</t>
  </si>
  <si>
    <t>GGPS DERA FAZAL DAD GUJAR</t>
  </si>
  <si>
    <t>Dera Fazal Dad</t>
  </si>
  <si>
    <t>Dera fazal dad gujjarvillage lakhnaywala tehsil and Distt M.b.din</t>
  </si>
  <si>
    <t>Dera Fazal Dad Gujjar</t>
  </si>
  <si>
    <t>Shahedanwali</t>
  </si>
  <si>
    <t>Maria Ijaz</t>
  </si>
  <si>
    <t>4667</t>
  </si>
  <si>
    <t>29668</t>
  </si>
  <si>
    <t>GGPS NAWAB CHAKAR KAY</t>
  </si>
  <si>
    <t>moza nawab chakar kay p/o kohla teh &amp; distt okara</t>
  </si>
  <si>
    <t>Rifat Shamaon</t>
  </si>
  <si>
    <t>35926</t>
  </si>
  <si>
    <t>53753</t>
  </si>
  <si>
    <t>GGPS 215 WB</t>
  </si>
  <si>
    <t>Chak 215wb</t>
  </si>
  <si>
    <t>Govt. Girls Primary School Chak NO: 215/WB</t>
  </si>
  <si>
    <t>chak 215wb</t>
  </si>
  <si>
    <t>chak 151wb</t>
  </si>
  <si>
    <t>Saeeda Ghulam</t>
  </si>
  <si>
    <t>29672</t>
  </si>
  <si>
    <t>GGPS BHAGI PURA DINGA</t>
  </si>
  <si>
    <t>Baghi pura dinga</t>
  </si>
  <si>
    <t>28336</t>
  </si>
  <si>
    <t>11885</t>
  </si>
  <si>
    <t>GGPS CHAK NO. 626 TDA</t>
  </si>
  <si>
    <t>chak no 626TDA</t>
  </si>
  <si>
    <t>Chak 626</t>
  </si>
  <si>
    <t>Nazia Naseer</t>
  </si>
  <si>
    <t>GMPS CHAK 2-HANS</t>
  </si>
  <si>
    <t>2 Chak Hans</t>
  </si>
  <si>
    <t>chak no  2 Hans post office kot Abbas shaheed district multan saddar</t>
  </si>
  <si>
    <t>Chak No 2 Hans Post Office kot Abbas Shaheed</t>
  </si>
  <si>
    <t>Kuri tumak</t>
  </si>
  <si>
    <t>Nadia  Fatima</t>
  </si>
  <si>
    <t>GGPS FAQEER WALA</t>
  </si>
  <si>
    <t>FAQEER WALA</t>
  </si>
  <si>
    <t>Maria Ehsan</t>
  </si>
  <si>
    <t>51431</t>
  </si>
  <si>
    <t>GPS 10 KB</t>
  </si>
  <si>
    <t>10 KB p/o hota tehsil &amp; district pakpattan</t>
  </si>
  <si>
    <t>29688</t>
  </si>
  <si>
    <t>GGES MODEL MUHAMMADI COLONY GOU SHAHLA</t>
  </si>
  <si>
    <t>Gou Shalla</t>
  </si>
  <si>
    <t>GGMMS You Shalla Bund Rd Lhr</t>
  </si>
  <si>
    <t>Kasurpura</t>
  </si>
  <si>
    <t>SUMAIRA SATTAR</t>
  </si>
  <si>
    <t>GGPS HAJI AMIR BAKHSH</t>
  </si>
  <si>
    <t>Mohamad Khan</t>
  </si>
  <si>
    <t>ps haji Amir bux</t>
  </si>
  <si>
    <t>Haji Amir Bux</t>
  </si>
  <si>
    <t>Safoora Jalil</t>
  </si>
  <si>
    <t>29692</t>
  </si>
  <si>
    <t>23381</t>
  </si>
  <si>
    <t>GPS OJHRIAN</t>
  </si>
  <si>
    <t>Ojhrian</t>
  </si>
  <si>
    <t>village ojhrian p.o. barnali tehsil kharian district. gujrat</t>
  </si>
  <si>
    <t>29701</t>
  </si>
  <si>
    <t>GGPS SAHN KALAN</t>
  </si>
  <si>
    <t>Sahan Kalan</t>
  </si>
  <si>
    <t>Post office sadwal kalan village sahan Kalan district Gujrat tehsil kharian</t>
  </si>
  <si>
    <t>Nazia Rehman</t>
  </si>
  <si>
    <t>GGPS ALLAH DITTA BEHLA</t>
  </si>
  <si>
    <t>Uzma Aamir</t>
  </si>
  <si>
    <t>GHS SANDHAN WALA</t>
  </si>
  <si>
    <t>VPO Sandhanwala Tehsil Phalia District Mandi Bahauddin</t>
  </si>
  <si>
    <t>Mubashar Faiz</t>
  </si>
  <si>
    <t>29058</t>
  </si>
  <si>
    <t>GHSS GANDA SINGH WALA</t>
  </si>
  <si>
    <t>GANDA SINGH WALA</t>
  </si>
  <si>
    <t>15-Km Feroze pur Road Ganda Singh Wala Kasur</t>
  </si>
  <si>
    <t>Ganda Singh Wala</t>
  </si>
  <si>
    <t>HAHBIB -UR -REHMAN</t>
  </si>
  <si>
    <t>35844</t>
  </si>
  <si>
    <t>GGPS BAHAWAL WAH</t>
  </si>
  <si>
    <t>Bahawalwah P/O Tibba Sultan Pur</t>
  </si>
  <si>
    <t>Bahawalwah</t>
  </si>
  <si>
    <t>Shagufta Kousar</t>
  </si>
  <si>
    <t>14136</t>
  </si>
  <si>
    <t>GGPS BANGLA DHEENGAN</t>
  </si>
  <si>
    <t>Basti Mumtazabad Daak khana Kot Mithan GGP/S Bangla Dhengan tehsil &amp; distt Rajanpur</t>
  </si>
  <si>
    <t>NILO FAR</t>
  </si>
  <si>
    <t>GPS SHARAY WALA</t>
  </si>
  <si>
    <t>basti sabqi</t>
  </si>
  <si>
    <t>Basti Sabqi</t>
  </si>
  <si>
    <t>21140</t>
  </si>
  <si>
    <t>GGES KULEYWAL SYEDAN</t>
  </si>
  <si>
    <t>Kullaywal</t>
  </si>
  <si>
    <t>kulaywal syedan teh.kharian distt Gujrat</t>
  </si>
  <si>
    <t>Kullaywal Syedan</t>
  </si>
  <si>
    <t>Raisa Naaz</t>
  </si>
  <si>
    <t>34229</t>
  </si>
  <si>
    <t>GHSS 18/MR DUNYA PUR ROAD</t>
  </si>
  <si>
    <t>CHAK 18 MR MULTAN</t>
  </si>
  <si>
    <t>CHAK 18 MR MULTAN OLD DUNYA PUR ROAD P/O SAME</t>
  </si>
  <si>
    <t>CHAK 18 MR</t>
  </si>
  <si>
    <t>EHSAN SHAHID SIDDIQI</t>
  </si>
  <si>
    <t>GGPS GHARIB DIN</t>
  </si>
  <si>
    <t>ggps gharib din</t>
  </si>
  <si>
    <t>Basti Mazar Khan</t>
  </si>
  <si>
    <t>38905</t>
  </si>
  <si>
    <t>GGPS PAHORAN WALA</t>
  </si>
  <si>
    <t>p\s wanda pahoro wala</t>
  </si>
  <si>
    <t>Pahoranwala</t>
  </si>
  <si>
    <t>Pahoro Wala</t>
  </si>
  <si>
    <t>Belqees Rahmat</t>
  </si>
  <si>
    <t>GGPS CHAK NO 81 A</t>
  </si>
  <si>
    <t>81/A</t>
  </si>
  <si>
    <t>Chak 81/a  liaquat pur</t>
  </si>
  <si>
    <t>68/a</t>
  </si>
  <si>
    <t>GPS KANDHANWALA</t>
  </si>
  <si>
    <t>kandhawala near Roshan Pura m.b.din</t>
  </si>
  <si>
    <t>21951</t>
  </si>
  <si>
    <t>GMPS RATALI KHURD</t>
  </si>
  <si>
    <t>Ratali khurd</t>
  </si>
  <si>
    <t>Ratali khurd nowshera virkan Gujranwala</t>
  </si>
  <si>
    <t>GES DERA ISMAIL</t>
  </si>
  <si>
    <t>Jhol</t>
  </si>
  <si>
    <t>,Govt.E/s Dera ismail</t>
  </si>
  <si>
    <t>Chak 36 P</t>
  </si>
  <si>
    <t>Katki</t>
  </si>
  <si>
    <t>35856</t>
  </si>
  <si>
    <t>qadir pur lal sugoo p/o dokota</t>
  </si>
  <si>
    <t>Shakila Anjum</t>
  </si>
  <si>
    <t>11689</t>
  </si>
  <si>
    <t>GPS YAKAIL WALA</t>
  </si>
  <si>
    <t>Hinjrai Ghair Mustaqil Gharbi</t>
  </si>
  <si>
    <t>tehsil kot addu district m.gargh markaz ihsan pur yakailwal</t>
  </si>
  <si>
    <t>Yakail Wala</t>
  </si>
  <si>
    <t>Hafiz Muhammad Arshad Yaseen</t>
  </si>
  <si>
    <t>GGHS GOTERYALA</t>
  </si>
  <si>
    <t>goteriala</t>
  </si>
  <si>
    <t>v.p.o. goteriala tehsil kharian district gujrat</t>
  </si>
  <si>
    <t>thutha rai bahadur</t>
  </si>
  <si>
    <t>saba Noreen</t>
  </si>
  <si>
    <t>39331</t>
  </si>
  <si>
    <t>30243</t>
  </si>
  <si>
    <t>GGES GHULAM ALI</t>
  </si>
  <si>
    <t>basti ghulam Ali p\o bunga Machi mcd</t>
  </si>
  <si>
    <t>Nasreen Allah Rakha</t>
  </si>
  <si>
    <t>GGHSS MONG</t>
  </si>
  <si>
    <t>ISHRAT NASREEN</t>
  </si>
  <si>
    <t>GGHS MUSA KHEL</t>
  </si>
  <si>
    <t>musakhel city mianwali</t>
  </si>
  <si>
    <t>46600</t>
  </si>
  <si>
    <t>GGHS JABBI</t>
  </si>
  <si>
    <t>gghs jabbi sharif</t>
  </si>
  <si>
    <t>FATIMA ANWAR</t>
  </si>
  <si>
    <t>30253</t>
  </si>
  <si>
    <t>GPS ASAIR WALA</t>
  </si>
  <si>
    <t>gps aseer wala moza sandeela basti tibbi Khawaja</t>
  </si>
  <si>
    <t>Tibbi Khawaja</t>
  </si>
  <si>
    <t>muhammad shrif</t>
  </si>
  <si>
    <t>28461</t>
  </si>
  <si>
    <t>GG BBS ES BHAGAT</t>
  </si>
  <si>
    <t>Bhagat</t>
  </si>
  <si>
    <t>Village Bhagat</t>
  </si>
  <si>
    <t>Dharaikan Kalan</t>
  </si>
  <si>
    <t>Naila Zafar</t>
  </si>
  <si>
    <t>9655</t>
  </si>
  <si>
    <t>30259</t>
  </si>
  <si>
    <t>GGPS CHAK 9 GB</t>
  </si>
  <si>
    <t>Chak No 9 GB</t>
  </si>
  <si>
    <t>Chak No 9 GB district Nankana Sahib</t>
  </si>
  <si>
    <t>Chak No 13</t>
  </si>
  <si>
    <t>22974</t>
  </si>
  <si>
    <t>GGHS KHARANA</t>
  </si>
  <si>
    <t>Village Post office kharana District Gujrat Tehsil kharian</t>
  </si>
  <si>
    <t>Zakia Tabassam</t>
  </si>
  <si>
    <t>GGPS MC PIR KHURSHEED COLONY MULTAN</t>
  </si>
  <si>
    <t>Taraf Mubarak Awal</t>
  </si>
  <si>
    <t>GGPS MC pir khursheed colony Multan</t>
  </si>
  <si>
    <t>Tarf Mubarak Awal</t>
  </si>
  <si>
    <t>Ameera Abad</t>
  </si>
  <si>
    <t>Sumera naz</t>
  </si>
  <si>
    <t>25737</t>
  </si>
  <si>
    <t>GGPS SIDDIQUE PURA</t>
  </si>
  <si>
    <t>g g p S saddique pura  NAROWALâ€‹</t>
  </si>
  <si>
    <t>NAROWAL 1</t>
  </si>
  <si>
    <t>AbidaMumtaz Qureshi</t>
  </si>
  <si>
    <t>17918</t>
  </si>
  <si>
    <t>GGHS ADAMKAY NAGRA</t>
  </si>
  <si>
    <t>vill and post office adamke nagra teh pasrur dist sialkot</t>
  </si>
  <si>
    <t>ayesha abdul ghafoor</t>
  </si>
  <si>
    <t>54453</t>
  </si>
  <si>
    <t>GPS CHAK NO 4 GB</t>
  </si>
  <si>
    <t>Chak No 4 GB</t>
  </si>
  <si>
    <t>chak no. 4 GB bhaghwan pura</t>
  </si>
  <si>
    <t>hammad raza</t>
  </si>
  <si>
    <t>GPS MURAD ALI</t>
  </si>
  <si>
    <t>Sandha</t>
  </si>
  <si>
    <t>New Sandha Colony</t>
  </si>
  <si>
    <t>New Sanda  Colony</t>
  </si>
  <si>
    <t>30285</t>
  </si>
  <si>
    <t>GGPS BASTI ZAHIR PIR</t>
  </si>
  <si>
    <t>Basti Zahir Pir</t>
  </si>
  <si>
    <t>GGps basti zahir pir</t>
  </si>
  <si>
    <t>34419</t>
  </si>
  <si>
    <t>GPS RASOOL BAKHSH WALA MULTAN</t>
  </si>
  <si>
    <t>Qasba Salis</t>
  </si>
  <si>
    <t>Rasool Bux Wala</t>
  </si>
  <si>
    <t>30288</t>
  </si>
  <si>
    <t>GPS CHAK NO 285 TDA</t>
  </si>
  <si>
    <t>285TDA</t>
  </si>
  <si>
    <t>GPS CHAK NO 285 TDA TEHSIL AND DISTRICT LAYYAH</t>
  </si>
  <si>
    <t>CHAK NO 285 TDA</t>
  </si>
  <si>
    <t>Ateeq-Ur-Rehman</t>
  </si>
  <si>
    <t>47153</t>
  </si>
  <si>
    <t>GPS DHAKUAN WALA</t>
  </si>
  <si>
    <t>Shadia Janubi</t>
  </si>
  <si>
    <t>dhakuanwala Po shadia teh&amp;distt mianwali</t>
  </si>
  <si>
    <t>Sardar Muhammad Mumtaz</t>
  </si>
  <si>
    <t>30296</t>
  </si>
  <si>
    <t>GPS BASTI KAMAL DIN</t>
  </si>
  <si>
    <t>Najbat</t>
  </si>
  <si>
    <t>Basti Kamal Din PO Usman wala kasur</t>
  </si>
  <si>
    <t>Basti Kamal Din Gujjar</t>
  </si>
  <si>
    <t>Mueen-ud-din</t>
  </si>
  <si>
    <t>25773</t>
  </si>
  <si>
    <t>GGPS BARWALI</t>
  </si>
  <si>
    <t>Barwali</t>
  </si>
  <si>
    <t>village barwali</t>
  </si>
  <si>
    <t>Asia Musssrat</t>
  </si>
  <si>
    <t>30309</t>
  </si>
  <si>
    <t>51361</t>
  </si>
  <si>
    <t>GGES 8 SP</t>
  </si>
  <si>
    <t>8sp</t>
  </si>
  <si>
    <t>Mussaywal</t>
  </si>
  <si>
    <t>Mahrukh Lebeeque</t>
  </si>
  <si>
    <t>30311</t>
  </si>
  <si>
    <t>GES AHIL PUR BASTI GHULAM YASEEN</t>
  </si>
  <si>
    <t>Arazi Ghulam Yasine</t>
  </si>
  <si>
    <t>BASTI AHAL PUR MULTAN</t>
  </si>
  <si>
    <t>Basti Ahal Pur</t>
  </si>
  <si>
    <t>48013</t>
  </si>
  <si>
    <t>GHS FAREED NAGAR</t>
  </si>
  <si>
    <t>basti Fareed nagar mouza Lalo wala tehsil khan pur distt. RY Khan</t>
  </si>
  <si>
    <t>24229</t>
  </si>
  <si>
    <t>GPS NIA SOHAWA</t>
  </si>
  <si>
    <t>New sohawa teh : pasrur dist : sialkot p / o ratta bajwa</t>
  </si>
  <si>
    <t>New sohawa</t>
  </si>
  <si>
    <t>Checher Wali</t>
  </si>
  <si>
    <t>Ijazrasool</t>
  </si>
  <si>
    <t>10693</t>
  </si>
  <si>
    <t>30314</t>
  </si>
  <si>
    <t>GPS NASIR ABAD (SIPIYAN WALA)</t>
  </si>
  <si>
    <t>HassanpurKatcha</t>
  </si>
  <si>
    <t>Basti sepienwala hassanpur katcha tehsil o district muzaffar garh</t>
  </si>
  <si>
    <t>Sepyanwala</t>
  </si>
  <si>
    <t>Hassanpur Katcha</t>
  </si>
  <si>
    <t>Mujeeb Ur Rahman</t>
  </si>
  <si>
    <t>30315</t>
  </si>
  <si>
    <t>GHS SABOUR</t>
  </si>
  <si>
    <t>VILLAGE AND POST OFFICE SABOUR</t>
  </si>
  <si>
    <t>53194</t>
  </si>
  <si>
    <t>GPS GASHKORIAN NO 1</t>
  </si>
  <si>
    <t>Gashkorian</t>
  </si>
  <si>
    <t>Gashkorian   no1</t>
  </si>
  <si>
    <t>Zakhira Gashkori</t>
  </si>
  <si>
    <t>12143</t>
  </si>
  <si>
    <t>GPS BUTTI WALA</t>
  </si>
  <si>
    <t>chah butti wala mouza shadi khan munda tehsil kot adu</t>
  </si>
  <si>
    <t>Butti Wala</t>
  </si>
  <si>
    <t>Shadi Khan munda</t>
  </si>
  <si>
    <t>GGPS MANSOOR DIVA</t>
  </si>
  <si>
    <t>Mansur deva</t>
  </si>
  <si>
    <t>GGPS Mansur deva</t>
  </si>
  <si>
    <t>Mansur Deva</t>
  </si>
  <si>
    <t>Behkan Walla</t>
  </si>
  <si>
    <t>Rakhshanda  Arshad</t>
  </si>
  <si>
    <t>GPS JUMMA MOHANA (MOUDIB)</t>
  </si>
  <si>
    <t>Jumma Mohana</t>
  </si>
  <si>
    <t>basti trahli</t>
  </si>
  <si>
    <t>Trahli</t>
  </si>
  <si>
    <t>54304</t>
  </si>
  <si>
    <t>GPS ALLAH YAR PUR JARH</t>
  </si>
  <si>
    <t>Allah Yar Pur Jarh</t>
  </si>
  <si>
    <t>GPS THATHA WAHAB KA</t>
  </si>
  <si>
    <t>MASSAN K</t>
  </si>
  <si>
    <t>GPS thatha wahab ka</t>
  </si>
  <si>
    <t>THATHA WAHAB K</t>
  </si>
  <si>
    <t>SHEIKHU SHARIF</t>
  </si>
  <si>
    <t>Ahmad Hasan</t>
  </si>
  <si>
    <t>30338</t>
  </si>
  <si>
    <t>GPS GABOL DHUNDHI</t>
  </si>
  <si>
    <t>Chak Bangla</t>
  </si>
  <si>
    <t>Chak Bangla Jahan Pur</t>
  </si>
  <si>
    <t>chak Bangla</t>
  </si>
  <si>
    <t>Ilahi Bux</t>
  </si>
  <si>
    <t>24039</t>
  </si>
  <si>
    <t>GHS THRO MANDI</t>
  </si>
  <si>
    <t>Throo Mandi</t>
  </si>
  <si>
    <t>Throo MAndi P.O throo HArian Tehsil Psrur District Sialkot</t>
  </si>
  <si>
    <t>Dullam Kahlwan</t>
  </si>
  <si>
    <t>30345</t>
  </si>
  <si>
    <t>GGPS DERA MUHAMMAD KHAIL</t>
  </si>
  <si>
    <t>dera Muhammad Khail</t>
  </si>
  <si>
    <t>ggps dera muhammad khail dakhly roda daak khas Roda tehsil and district khushab</t>
  </si>
  <si>
    <t>46167</t>
  </si>
  <si>
    <t>GGHS PADHRAR</t>
  </si>
  <si>
    <t>Vpo padhrar Tehsil and Disst Khushab</t>
  </si>
  <si>
    <t>Padhar</t>
  </si>
  <si>
    <t>47277</t>
  </si>
  <si>
    <t>GPS HINDAL WALA</t>
  </si>
  <si>
    <t>Hindalawala</t>
  </si>
  <si>
    <t>Gps Hindalwala post office Mochh</t>
  </si>
  <si>
    <t>Hindalwala</t>
  </si>
  <si>
    <t>Muhammad Hasham</t>
  </si>
  <si>
    <t>GGHS MURALA GUJRAN</t>
  </si>
  <si>
    <t>Murala Gujran</t>
  </si>
  <si>
    <t>murala Gujran Tehsil kharian district</t>
  </si>
  <si>
    <t>Musarat Choudhary</t>
  </si>
  <si>
    <t>50987</t>
  </si>
  <si>
    <t>GPS CHAK NO. 12 KB</t>
  </si>
  <si>
    <t>12 Kb</t>
  </si>
  <si>
    <t>chak no 12 kb</t>
  </si>
  <si>
    <t>15 Kb</t>
  </si>
  <si>
    <t>RIAZ UL HAQ</t>
  </si>
  <si>
    <t>44725</t>
  </si>
  <si>
    <t>43945</t>
  </si>
  <si>
    <t>GHS CHAK NO 128/1-L</t>
  </si>
  <si>
    <t>Chak No.128/1-L Tehsil Khanpur District Rahim Yar Khan</t>
  </si>
  <si>
    <t>Chak No 128/1L</t>
  </si>
  <si>
    <t>30993</t>
  </si>
  <si>
    <t>GHS GUL MOHAMMAD LANGAH</t>
  </si>
  <si>
    <t>Abdul Rauf Laghari</t>
  </si>
  <si>
    <t>GGCMS RIAZ ABAD</t>
  </si>
  <si>
    <t>Mahaal Kushuk</t>
  </si>
  <si>
    <t>ggcms riazabad</t>
  </si>
  <si>
    <t>MouzaMahaalkushuk</t>
  </si>
  <si>
    <t>Munnaza Rubab</t>
  </si>
  <si>
    <t>30997</t>
  </si>
  <si>
    <t>GGPS KOTLA MUNAWAR SHAH</t>
  </si>
  <si>
    <t>Kotla Munawar Shah</t>
  </si>
  <si>
    <t>GGPS kotla munawar shah</t>
  </si>
  <si>
    <t>ground water and water supply</t>
  </si>
  <si>
    <t>GPS DHOK BANERA</t>
  </si>
  <si>
    <t>Dhok banera tehsil and district mianwali</t>
  </si>
  <si>
    <t>31009</t>
  </si>
  <si>
    <t>GPS PATI PUR PO KUMHARI WALA PAKPATTAN</t>
  </si>
  <si>
    <t>Pati Pur</t>
  </si>
  <si>
    <t>Pati Pur , 10 s/p,District Pakpattan</t>
  </si>
  <si>
    <t>42849</t>
  </si>
  <si>
    <t>GGHS CHOBURJI GARDEN</t>
  </si>
  <si>
    <t>govt girls high school, chauburji gardens, lahore</t>
  </si>
  <si>
    <t>MRS FARZANA MANZOOR</t>
  </si>
  <si>
    <t>37575</t>
  </si>
  <si>
    <t>31016</t>
  </si>
  <si>
    <t>29810</t>
  </si>
  <si>
    <t>GPS KOT NAZIR BHATTI</t>
  </si>
  <si>
    <t>Not Nazir Bhatti</t>
  </si>
  <si>
    <t>kot nazir bhatti near megha tehsil pattoki dist kasur</t>
  </si>
  <si>
    <t>Kot Nazir bhatti</t>
  </si>
  <si>
    <t>Muhammad Salman Nasir</t>
  </si>
  <si>
    <t>24394</t>
  </si>
  <si>
    <t>GMPS NOUL</t>
  </si>
  <si>
    <t>Noul</t>
  </si>
  <si>
    <t>tehseel pasrur disttc sialkot</t>
  </si>
  <si>
    <t>Shagufta Anjum</t>
  </si>
  <si>
    <t>33981</t>
  </si>
  <si>
    <t>GHS TRAGGAR MULTAN</t>
  </si>
  <si>
    <t>Traggarh</t>
  </si>
  <si>
    <t>Moza traggarh, tehsil Multan saddar, district multan</t>
  </si>
  <si>
    <t>GGPS HELAN MORE PHALIA</t>
  </si>
  <si>
    <t>Haideri Mohlla</t>
  </si>
  <si>
    <t>Raikay</t>
  </si>
  <si>
    <t>Nadia Rafiq</t>
  </si>
  <si>
    <t>31021</t>
  </si>
  <si>
    <t>GGPS DHANDALI</t>
  </si>
  <si>
    <t>dhandali</t>
  </si>
  <si>
    <t>Qaiser shaheen</t>
  </si>
  <si>
    <t>42749</t>
  </si>
  <si>
    <t>31023</t>
  </si>
  <si>
    <t>GGHS GANGOHAR</t>
  </si>
  <si>
    <t>Gangohar</t>
  </si>
  <si>
    <t>gangohar</t>
  </si>
  <si>
    <t>Yasmeen Alam</t>
  </si>
  <si>
    <t>31024</t>
  </si>
  <si>
    <t>GES CHITTA WATTA</t>
  </si>
  <si>
    <t>ges chittawatta</t>
  </si>
  <si>
    <t>Chittawatta</t>
  </si>
  <si>
    <t>GHSS NARI</t>
  </si>
  <si>
    <t>VILLAGE POST OFFICE NARI</t>
  </si>
  <si>
    <t>Saleem Anwar</t>
  </si>
  <si>
    <t>48233</t>
  </si>
  <si>
    <t>31029</t>
  </si>
  <si>
    <t>12509</t>
  </si>
  <si>
    <t>GPS SIALAN</t>
  </si>
  <si>
    <t>muhammad pirhar</t>
  </si>
  <si>
    <t>basti sialain moza muhammad pirhar</t>
  </si>
  <si>
    <t>basti sialain</t>
  </si>
  <si>
    <t>nohan wali</t>
  </si>
  <si>
    <t>Muhammad Rashid minhas</t>
  </si>
  <si>
    <t>24262</t>
  </si>
  <si>
    <t>GPS KHAKHAN WALI</t>
  </si>
  <si>
    <t>khakhan wali</t>
  </si>
  <si>
    <t>khakhan wali tehsil pasroor district sialkot</t>
  </si>
  <si>
    <t>Khakhan Wali</t>
  </si>
  <si>
    <t>51697</t>
  </si>
  <si>
    <t>GPS 5-MARLA SCHEME ADDA CHAK BEDI</t>
  </si>
  <si>
    <t>5marla scheme bunga hayat</t>
  </si>
  <si>
    <t>5 marla scheme</t>
  </si>
  <si>
    <t>49300</t>
  </si>
  <si>
    <t>18311</t>
  </si>
  <si>
    <t>31042</t>
  </si>
  <si>
    <t>34672</t>
  </si>
  <si>
    <t>GGPS 6-T NO.1  P/S MAKHDOOM RASHEED</t>
  </si>
  <si>
    <t>Chak#6t</t>
  </si>
  <si>
    <t>p/s 6t#01 kharas wali bheni p/o makhdoom rashid</t>
  </si>
  <si>
    <t>Chak #6t</t>
  </si>
  <si>
    <t>Musarat Jabeen Sahu</t>
  </si>
  <si>
    <t>24279</t>
  </si>
  <si>
    <t>53062</t>
  </si>
  <si>
    <t>GHS 43 GD</t>
  </si>
  <si>
    <t>Chak 43/GD</t>
  </si>
  <si>
    <t>GHS 43 GD tehsil and district Okara</t>
  </si>
  <si>
    <t>Chak No 43/GD</t>
  </si>
  <si>
    <t>Burj Jeevay Khan</t>
  </si>
  <si>
    <t>GES NIAZBAIG NO.42 TEH.PATTOKI</t>
  </si>
  <si>
    <t>NIAZ BAIG CHAK42</t>
  </si>
  <si>
    <t>NIAZ BAIG CHAK 42</t>
  </si>
  <si>
    <t>Niazbaig Chak 42</t>
  </si>
  <si>
    <t>SHEIKHAM</t>
  </si>
  <si>
    <t>41096</t>
  </si>
  <si>
    <t>GPS 125/15-L MEHAR ABAD, MIAN CHANNU</t>
  </si>
  <si>
    <t>125/15l</t>
  </si>
  <si>
    <t>GPS MA 125/15l</t>
  </si>
  <si>
    <t>Javed Ashraf</t>
  </si>
  <si>
    <t>45668</t>
  </si>
  <si>
    <t>30822</t>
  </si>
  <si>
    <t>GMP/S Rehman abad khudian khas kasur</t>
  </si>
  <si>
    <t>Tahira Gulzar</t>
  </si>
  <si>
    <t>GPS CHAK NO.386 TDA</t>
  </si>
  <si>
    <t>Chak no. 386/TDA Tehsil and Distt. Layyah</t>
  </si>
  <si>
    <t>386/TDA</t>
  </si>
  <si>
    <t>GOLAY ADDA</t>
  </si>
  <si>
    <t>53670</t>
  </si>
  <si>
    <t>28206</t>
  </si>
  <si>
    <t>GHS RAIRKA BALA</t>
  </si>
  <si>
    <t>MUHAMMAD AKRAM SHAHEEN</t>
  </si>
  <si>
    <t>GPS CHAK NO.575 TDA</t>
  </si>
  <si>
    <t>575/tda</t>
  </si>
  <si>
    <t>chak no 575/tda p/o chowk  Sarwar shaheed  dist#M.garh Teh# kot adu</t>
  </si>
  <si>
    <t>567/tda</t>
  </si>
  <si>
    <t>Muhammad Asif Ramzan</t>
  </si>
  <si>
    <t>GES HAIL</t>
  </si>
  <si>
    <t>Hail</t>
  </si>
  <si>
    <t>village hail teh kharian distt gujrat</t>
  </si>
  <si>
    <t>Punjan Kissana</t>
  </si>
  <si>
    <t>Naeem Ahmad Tariq</t>
  </si>
  <si>
    <t>GGHS SARDAR PUR</t>
  </si>
  <si>
    <t>Nurhbha</t>
  </si>
  <si>
    <t>Sardarpurjhandir</t>
  </si>
  <si>
    <t>Anam Saleem</t>
  </si>
  <si>
    <t>51009</t>
  </si>
  <si>
    <t>33010</t>
  </si>
  <si>
    <t>GGCMS DAIRA</t>
  </si>
  <si>
    <t>Darya</t>
  </si>
  <si>
    <t>GGCMS darya</t>
  </si>
  <si>
    <t>Due ray David Wara</t>
  </si>
  <si>
    <t>samina azam</t>
  </si>
  <si>
    <t>mian wala</t>
  </si>
  <si>
    <t>Bazid Pur</t>
  </si>
  <si>
    <t>Zahida KaLsoom</t>
  </si>
  <si>
    <t>30843</t>
  </si>
  <si>
    <t>47459</t>
  </si>
  <si>
    <t>GGPS PAR WANDHI</t>
  </si>
  <si>
    <t>moh parwandhi p/o musa khel teh distt mianwali</t>
  </si>
  <si>
    <t>Kaneez Bibi</t>
  </si>
  <si>
    <t>GES FATEH WALA</t>
  </si>
  <si>
    <t>Baz Dar</t>
  </si>
  <si>
    <t>Fateh Wala p/O Makhdoom Makhdoom Rasheed Multan</t>
  </si>
  <si>
    <t>Fateh Wala</t>
  </si>
  <si>
    <t>Booty Wala</t>
  </si>
  <si>
    <t>30849</t>
  </si>
  <si>
    <t>GPS RUM BASTI AZAM ABAD</t>
  </si>
  <si>
    <t>GPS Rum Basti Azam Abad Markz Thul Hamza Tehsil Liaqutpur district Rahim Yar Khan</t>
  </si>
  <si>
    <t>Hafiz Ullah</t>
  </si>
  <si>
    <t>GMMS WAHID BAKHASH BHATAR</t>
  </si>
  <si>
    <t>Miyani Icha</t>
  </si>
  <si>
    <t>p/o thul hamza, basti jam nabi bux ghangla</t>
  </si>
  <si>
    <t>Jam Nabi Bux Ghangla</t>
  </si>
  <si>
    <t>Muhammad tariq</t>
  </si>
  <si>
    <t>GPS GULSHANDARA</t>
  </si>
  <si>
    <t>Qubba lal pir</t>
  </si>
  <si>
    <t>Gulshan Dara mauza qubba lal pir Teh.&amp; Distt.R.Y.Khan</t>
  </si>
  <si>
    <t>Gulshan Dara</t>
  </si>
  <si>
    <t>Mohammad Idrees</t>
  </si>
  <si>
    <t>37186</t>
  </si>
  <si>
    <t>GPS CHAK NO 336 TDA</t>
  </si>
  <si>
    <t>Chak No 336 TDA</t>
  </si>
  <si>
    <t>chak no 336/tda</t>
  </si>
  <si>
    <t>Chak No 336/Tda</t>
  </si>
  <si>
    <t>Layyah Thal Klan</t>
  </si>
  <si>
    <t>GPS WAKIL WALA</t>
  </si>
  <si>
    <t>Vakil Wala</t>
  </si>
  <si>
    <t>VAKIL WALA JASLANI KHURD</t>
  </si>
  <si>
    <t>Vakil Wala Nns</t>
  </si>
  <si>
    <t>JOGGAY KOT</t>
  </si>
  <si>
    <t>Shoaib Usman</t>
  </si>
  <si>
    <t>29725</t>
  </si>
  <si>
    <t>33667</t>
  </si>
  <si>
    <t>GGHS MC RAHIM ABAD MULTAN</t>
  </si>
  <si>
    <t>humaiyon Road ,Raheemabad</t>
  </si>
  <si>
    <t>24064</t>
  </si>
  <si>
    <t>GGHS QILA KALAR WALA</t>
  </si>
  <si>
    <t>Qila Kalar wala tehsil pasrur</t>
  </si>
  <si>
    <t>Shamaila Arshad</t>
  </si>
  <si>
    <t>Electrical motor</t>
  </si>
  <si>
    <t>30869</t>
  </si>
  <si>
    <t>GGPS HAMID PUR KANORA NO 2</t>
  </si>
  <si>
    <t>Dosu Wala</t>
  </si>
  <si>
    <t>GHS ISLAMIA OKARA CITY</t>
  </si>
  <si>
    <t>MANDI ROAD OAKAR</t>
  </si>
  <si>
    <t>MUHAMMAD SHAMSHAD</t>
  </si>
  <si>
    <t>GMPS PHATHI THARO KHELAN WALI</t>
  </si>
  <si>
    <t>Muzfrpur Janubi</t>
  </si>
  <si>
    <t>Phathi tharu khelan</t>
  </si>
  <si>
    <t>Phathi Tharu Khelan Wali</t>
  </si>
  <si>
    <t>Farzana Hayyat Khan</t>
  </si>
  <si>
    <t>30876</t>
  </si>
  <si>
    <t>GGHS SIKHANI WALA</t>
  </si>
  <si>
    <t>Govt Girls High School SIKHANI WALA</t>
  </si>
  <si>
    <t>Nighat Javaid</t>
  </si>
  <si>
    <t>GES 108/15-L, MIAN CHANNU</t>
  </si>
  <si>
    <t>108/15.L</t>
  </si>
  <si>
    <t>Chak No 108/15.L</t>
  </si>
  <si>
    <t>48267</t>
  </si>
  <si>
    <t>47489</t>
  </si>
  <si>
    <t>GGPS YAR BAGI</t>
  </si>
  <si>
    <t>ggps yarbaigi wandha yarbaigi district mianwali</t>
  </si>
  <si>
    <t>yar baigi</t>
  </si>
  <si>
    <t>Fazna Shaheen</t>
  </si>
  <si>
    <t>25373</t>
  </si>
  <si>
    <t>33734</t>
  </si>
  <si>
    <t>GPS MC NATH PURA AKBAR ROAD MULTAN</t>
  </si>
  <si>
    <t>New Bhoien</t>
  </si>
  <si>
    <t>Akbar Road Nath Pura</t>
  </si>
  <si>
    <t>Khankhah Inayat Shah</t>
  </si>
  <si>
    <t>47184</t>
  </si>
  <si>
    <t>GPS GHULAM MOHAMMAD WALA</t>
  </si>
  <si>
    <t>Shadia Janoobi</t>
  </si>
  <si>
    <t>dera ghulam Muhammad  wala shadia,tehsil and district mianwali</t>
  </si>
  <si>
    <t>GGHS CHAK NO. 45/A</t>
  </si>
  <si>
    <t>45A</t>
  </si>
  <si>
    <t>gGHS CHAK 45/A LQP</t>
  </si>
  <si>
    <t>CHAK 45/A</t>
  </si>
  <si>
    <t>46A</t>
  </si>
  <si>
    <t>30901</t>
  </si>
  <si>
    <t>GES BARA SADAT</t>
  </si>
  <si>
    <t>Gudaray Wala</t>
  </si>
  <si>
    <t>Bara sadaat</t>
  </si>
  <si>
    <t>Bara Sadaat</t>
  </si>
  <si>
    <t>SHAHID KHALIL</t>
  </si>
  <si>
    <t>34735</t>
  </si>
  <si>
    <t>GES KOT RUB NAWAZ P/O JHOKE LASHKER PUR</t>
  </si>
  <si>
    <t>Kot Rub Nawaz</t>
  </si>
  <si>
    <t>Basti kot rub nawaz</t>
  </si>
  <si>
    <t>Malik Abdul Ghaffar</t>
  </si>
  <si>
    <t>GHS RAJAN PUR KALAN</t>
  </si>
  <si>
    <t>p/o rajan pur kalan rahim yar khan</t>
  </si>
  <si>
    <t>rashid mehmood</t>
  </si>
  <si>
    <t>63706</t>
  </si>
  <si>
    <t>GGES MODEL 4/8-AR, KACHA KHUH</t>
  </si>
  <si>
    <t>chak no 4/8AR</t>
  </si>
  <si>
    <t>Sajida Waheed</t>
  </si>
  <si>
    <t>GES BANI AFGHAN</t>
  </si>
  <si>
    <t>Banniafghan</t>
  </si>
  <si>
    <t>post office banniafghan</t>
  </si>
  <si>
    <t>Muhammad Ayaz Khan</t>
  </si>
  <si>
    <t>from iskanderabad through van</t>
  </si>
  <si>
    <t>GGPS CHAK NO. 514 TDA</t>
  </si>
  <si>
    <t>Chak No 514   TDA</t>
  </si>
  <si>
    <t>chak No 514 tda</t>
  </si>
  <si>
    <t>Chak No 514 TDA</t>
  </si>
  <si>
    <t>Gulshan Perveen</t>
  </si>
  <si>
    <t>GGPS SHER KOT DHOLAN</t>
  </si>
  <si>
    <t>Sherkot</t>
  </si>
  <si>
    <t>Sher kot p/o Dholan hithar tehsil and District kasur</t>
  </si>
  <si>
    <t>Salma Mansha</t>
  </si>
  <si>
    <t>38729</t>
  </si>
  <si>
    <t>GHS MANAK</t>
  </si>
  <si>
    <t>teh/dist narowal</t>
  </si>
  <si>
    <t>Amjad Ali Ch</t>
  </si>
  <si>
    <t>GPS DERA AALAM SHAH</t>
  </si>
  <si>
    <t>Unran</t>
  </si>
  <si>
    <t>Basti juman shah</t>
  </si>
  <si>
    <t>Basti Syed Juman Shah</t>
  </si>
  <si>
    <t>54261</t>
  </si>
  <si>
    <t>GGPS GUJJAR KHADA MULTAN</t>
  </si>
  <si>
    <t>Sadu Hasam</t>
  </si>
  <si>
    <t>altamish road gujjar khadda</t>
  </si>
  <si>
    <t>Gujjar Khadda</t>
  </si>
  <si>
    <t>Abbas Colony</t>
  </si>
  <si>
    <t>Hina Zahoor</t>
  </si>
  <si>
    <t>GPS MOHKAY WALA</t>
  </si>
  <si>
    <t>MOHKAY WALA</t>
  </si>
  <si>
    <t>MOHKAY WALA MARKAZ USMAN WALA TEH AND DISTT KASUR</t>
  </si>
  <si>
    <t>RAJOWAL Nao</t>
  </si>
  <si>
    <t>10040</t>
  </si>
  <si>
    <t>34563</t>
  </si>
  <si>
    <t>GGPS BASTI SAHOO P/O BASTI SAHOO</t>
  </si>
  <si>
    <t>p/0 Basti Sahu Teh /Distt Multan</t>
  </si>
  <si>
    <t>Zaffer Parvin</t>
  </si>
  <si>
    <t>8426</t>
  </si>
  <si>
    <t>7452</t>
  </si>
  <si>
    <t>GHS CHAK NO. 56 MB</t>
  </si>
  <si>
    <t>56MB</t>
  </si>
  <si>
    <t>CHAK NO.56MB</t>
  </si>
  <si>
    <t>GGPS NIWAN THEH</t>
  </si>
  <si>
    <t>NEWAN Theh</t>
  </si>
  <si>
    <t>niwan theh mustafabad</t>
  </si>
  <si>
    <t>24124</t>
  </si>
  <si>
    <t>GGHS KOTLI FAQIR CHAND</t>
  </si>
  <si>
    <t>Kotli Faqir Chand</t>
  </si>
  <si>
    <t>Govt. Girls High School kotli faqir chand</t>
  </si>
  <si>
    <t>Kotli faqir chand</t>
  </si>
  <si>
    <t>Bun Bajwa</t>
  </si>
  <si>
    <t>TEHMINA</t>
  </si>
  <si>
    <t>basti baghoon post office kot samaba rahim yar khan</t>
  </si>
  <si>
    <t>baghoon</t>
  </si>
  <si>
    <t>kot samaba</t>
  </si>
  <si>
    <t>ghulam murtaza</t>
  </si>
  <si>
    <t>12343</t>
  </si>
  <si>
    <t>GPS PULL ARAIN WALA (ABBAS MINOR)</t>
  </si>
  <si>
    <t>Mouza Shadi khan Munda on left bank of Abbas Minor Near TP Link Canal Tehsil Kot Addu District Muzaffar Garh</t>
  </si>
  <si>
    <t>Arain Wala</t>
  </si>
  <si>
    <t>Muhammad Irshad Akhtar</t>
  </si>
  <si>
    <t>28253</t>
  </si>
  <si>
    <t>GGHS SEERAY</t>
  </si>
  <si>
    <t>SEERAY</t>
  </si>
  <si>
    <t>VPO SEERAY TEH PHALIA DISTT MANDI BAHA UDDIN</t>
  </si>
  <si>
    <t>DOUGAL</t>
  </si>
  <si>
    <t>Musarrat Azam</t>
  </si>
  <si>
    <t>24141</t>
  </si>
  <si>
    <t>GPS KALAYKAY NAGRA</t>
  </si>
  <si>
    <t>Kalaykay Nagra</t>
  </si>
  <si>
    <t>kalakay nagra tehsil pasrur District sialkot p/o adamkay nagra</t>
  </si>
  <si>
    <t>Mehak Rani</t>
  </si>
  <si>
    <t>27875</t>
  </si>
  <si>
    <t>GHS PUBLIC ISLAMIA MIANWAL RANJHA</t>
  </si>
  <si>
    <t>MIANWALRANJHA</t>
  </si>
  <si>
    <t>Village and post office Mianwal Ranjha</t>
  </si>
  <si>
    <t>10658</t>
  </si>
  <si>
    <t>GPS CHAK NO 339 TDA</t>
  </si>
  <si>
    <t>chak no 339/tda</t>
  </si>
  <si>
    <t>Chak No 339/Tda</t>
  </si>
  <si>
    <t>47417</t>
  </si>
  <si>
    <t>GGPS CHIRAGH KHELAN WALA</t>
  </si>
  <si>
    <t>NARI MIANA</t>
  </si>
  <si>
    <t>NARI MIANA NAZD CHAK MARIS DISTRICT MIANWALI</t>
  </si>
  <si>
    <t>Ghulam Sakeen</t>
  </si>
  <si>
    <t>30129</t>
  </si>
  <si>
    <t>25987</t>
  </si>
  <si>
    <t>GHS ALI PUR SYEDAN</t>
  </si>
  <si>
    <t>Alipur Syedan</t>
  </si>
  <si>
    <t>Village Alipur syedan</t>
  </si>
  <si>
    <t>Faleezpur</t>
  </si>
  <si>
    <t>Muhammad Suba Akmal</t>
  </si>
  <si>
    <t>30130</t>
  </si>
  <si>
    <t>37127</t>
  </si>
  <si>
    <t>GGHS 40/10-R, KACHA KHUH</t>
  </si>
  <si>
    <t>Chak No.40/10-R Khanewal</t>
  </si>
  <si>
    <t>GGHS Chak No.40/10-R Khanewal</t>
  </si>
  <si>
    <t>Chak no.40/10-R Khanewal</t>
  </si>
  <si>
    <t>36/10R</t>
  </si>
  <si>
    <t>Zill - e- Huma</t>
  </si>
  <si>
    <t>41666</t>
  </si>
  <si>
    <t>30131</t>
  </si>
  <si>
    <t>36023</t>
  </si>
  <si>
    <t>GGPS NALSHI WALA</t>
  </si>
  <si>
    <t>Nalshiwala Mouza Alam Pur tehsil mailsi district vehri</t>
  </si>
  <si>
    <t>Nalshiwala</t>
  </si>
  <si>
    <t>sheher bano</t>
  </si>
  <si>
    <t>GMPS BAHAWAL GARH QADEEM</t>
  </si>
  <si>
    <t>Bhwalgarh Qadeem</t>
  </si>
  <si>
    <t>bhwalghr</t>
  </si>
  <si>
    <t>Bhwalgarh</t>
  </si>
  <si>
    <t>Faidia Sha</t>
  </si>
  <si>
    <t>Zainab Anwer</t>
  </si>
  <si>
    <t>34749</t>
  </si>
  <si>
    <t>GPS MIRZAN PUR</t>
  </si>
  <si>
    <t>Mirzan Pur</t>
  </si>
  <si>
    <t>near chowk Nasser wala Basti mirzan pur</t>
  </si>
  <si>
    <t>Sharoon Stephen</t>
  </si>
  <si>
    <t>GGPS KANDI KHEL</t>
  </si>
  <si>
    <t>GGPS kandi khel post office Musakhel distt  Mianwali</t>
  </si>
  <si>
    <t>Saima  Khan</t>
  </si>
  <si>
    <t>14133</t>
  </si>
  <si>
    <t>GMPS PUL DHEENGAN</t>
  </si>
  <si>
    <t>Basti Nazroo</t>
  </si>
  <si>
    <t>kot mithan</t>
  </si>
  <si>
    <t>Pul Dhingan</t>
  </si>
  <si>
    <t>Dhingan</t>
  </si>
  <si>
    <t>Shumaila Shaheen</t>
  </si>
  <si>
    <t>GPS HAJI MEROO</t>
  </si>
  <si>
    <t>mouza fazilpur teh,liaqutpur</t>
  </si>
  <si>
    <t>30151</t>
  </si>
  <si>
    <t>GGPS JASPAL</t>
  </si>
  <si>
    <t>Jaspal</t>
  </si>
  <si>
    <t>Thillay</t>
  </si>
  <si>
    <t>Sania Asgher</t>
  </si>
  <si>
    <t>GPS NANGAL KAMLA</t>
  </si>
  <si>
    <t>Nangal Kamla</t>
  </si>
  <si>
    <t>Village Nagal P/O  ban bajwa Tehsil Pasrur District Sialkot</t>
  </si>
  <si>
    <t>Awais Rashid</t>
  </si>
  <si>
    <t>51454</t>
  </si>
  <si>
    <t>GPS BHEELA HITHAR</t>
  </si>
  <si>
    <t>Camerian</t>
  </si>
  <si>
    <t>camerian,jewna Mahtham post office Peer Thank Tensile and Distract Pakpattan</t>
  </si>
  <si>
    <t>Jewna Mahtham</t>
  </si>
  <si>
    <t>Peer Ghani</t>
  </si>
  <si>
    <t>GHS FIDAI SHAH</t>
  </si>
  <si>
    <t>FIDAI SHAH</t>
  </si>
  <si>
    <t>MOUZA FIDAI SHAH, CHAK FIDAI SHAH MINCHIN ABAD</t>
  </si>
  <si>
    <t>fidayee shah</t>
  </si>
  <si>
    <t>Hafiz Muhammad Sajid</t>
  </si>
  <si>
    <t>carry from water Filtration plant</t>
  </si>
  <si>
    <t>GPS HAZOOR BAKHSH BALHORA</t>
  </si>
  <si>
    <t>basti hazoorbux balhora fazilpur</t>
  </si>
  <si>
    <t>Basti Hazoor Bux Balhora</t>
  </si>
  <si>
    <t>Muhammad Moonis Javed</t>
  </si>
  <si>
    <t>53616</t>
  </si>
  <si>
    <t>GPS TIBBI KARYALI WARBURTON</t>
  </si>
  <si>
    <t>Doctor Wala</t>
  </si>
  <si>
    <t>tibbikaryali p/o Warburton</t>
  </si>
  <si>
    <t>Tibbi Karyali</t>
  </si>
  <si>
    <t>Jaslani Khurd</t>
  </si>
  <si>
    <t>12844</t>
  </si>
  <si>
    <t>GGPS KAMAL KORAI</t>
  </si>
  <si>
    <t>Kamal Korai</t>
  </si>
  <si>
    <t>kamal Korai</t>
  </si>
  <si>
    <t>Serein Dewan</t>
  </si>
  <si>
    <t>Shrif Chjrah</t>
  </si>
  <si>
    <t>Attia Sarfraz</t>
  </si>
  <si>
    <t>34075</t>
  </si>
  <si>
    <t>GES KOTLI SINDHOWAN</t>
  </si>
  <si>
    <t>Kotli Sandhuwan</t>
  </si>
  <si>
    <t>Chanderke Rajpootan</t>
  </si>
  <si>
    <t>Muhammad Ihsan Mahmood Saddiqui</t>
  </si>
  <si>
    <t>45179</t>
  </si>
  <si>
    <t>28221</t>
  </si>
  <si>
    <t>GES THATTA ALIA</t>
  </si>
  <si>
    <t>Thatha Alia</t>
  </si>
  <si>
    <t>V.P.O Thatha Alia</t>
  </si>
  <si>
    <t>GGES RURKI KALAN</t>
  </si>
  <si>
    <t>Rurki Kalan</t>
  </si>
  <si>
    <t>Village Rurki Kalan p/o Rurki Kalan Teh. Pasrur Dist. Sialkot</t>
  </si>
  <si>
    <t>Bajrah Gari</t>
  </si>
  <si>
    <t>Shahma Ashraf</t>
  </si>
  <si>
    <t>GMPS KALAY CHISHTI</t>
  </si>
  <si>
    <t>Kalay Chishti</t>
  </si>
  <si>
    <t>gmps Kalay chishti</t>
  </si>
  <si>
    <t>Feroz Pur Chishtian</t>
  </si>
  <si>
    <t>11054</t>
  </si>
  <si>
    <t>12866</t>
  </si>
  <si>
    <t>GES KOTLA RAHEEM SHAH</t>
  </si>
  <si>
    <t>kotla rahim</t>
  </si>
  <si>
    <t>dhigin</t>
  </si>
  <si>
    <t>Mian Muhammad Saeed</t>
  </si>
  <si>
    <t>37592</t>
  </si>
  <si>
    <t>GMPS 102/15-L JADEED, MIAN CHANNU</t>
  </si>
  <si>
    <t>102/L new</t>
  </si>
  <si>
    <t>102/15/L new</t>
  </si>
  <si>
    <t>102/15 L new</t>
  </si>
  <si>
    <t>102/15 L Old</t>
  </si>
  <si>
    <t>Shabana Mussrat</t>
  </si>
  <si>
    <t>46250</t>
  </si>
  <si>
    <t>G ZABS ES BHAGAT</t>
  </si>
  <si>
    <t>village Bhagat, Teh. Phalia, Distt. M.B.Din</t>
  </si>
  <si>
    <t>Dhareekan</t>
  </si>
  <si>
    <t>30197</t>
  </si>
  <si>
    <t>GPS KOTLI BOOTA SINGH</t>
  </si>
  <si>
    <t>Kotli Bota Singh</t>
  </si>
  <si>
    <t>Village kotli boota singh</t>
  </si>
  <si>
    <t>Shams Ul Haq</t>
  </si>
  <si>
    <t>GGHS SHER SHAH MULTAN</t>
  </si>
  <si>
    <t>BASTI DRBAR SHER SHAH MULTAN</t>
  </si>
  <si>
    <t>35928</t>
  </si>
  <si>
    <t>GGPS MALKU</t>
  </si>
  <si>
    <t>Malko</t>
  </si>
  <si>
    <t>Moza Malko po (box) Sargana</t>
  </si>
  <si>
    <t>Hasina Bibi</t>
  </si>
  <si>
    <t>24657</t>
  </si>
  <si>
    <t>GPS CHANDHAR</t>
  </si>
  <si>
    <t>Chandhar</t>
  </si>
  <si>
    <t>village chandar PO box basiwala teh pasrur distt Sialkot</t>
  </si>
  <si>
    <t>Chicheryali</t>
  </si>
  <si>
    <t>9594</t>
  </si>
  <si>
    <t>GGPS AHMAD KORAI</t>
  </si>
  <si>
    <t>Ahmad korai</t>
  </si>
  <si>
    <t>Ahmad Korai</t>
  </si>
  <si>
    <t>Almas Arshad Qureshi</t>
  </si>
  <si>
    <t>GGPS DERA UMER HAYAT</t>
  </si>
  <si>
    <t>kot balouch</t>
  </si>
  <si>
    <t>ggps duh kot balouch</t>
  </si>
  <si>
    <t>24475</t>
  </si>
  <si>
    <t>30213</t>
  </si>
  <si>
    <t>6411</t>
  </si>
  <si>
    <t>GPS BHUTTA KOT</t>
  </si>
  <si>
    <t>Bhutta Kot</t>
  </si>
  <si>
    <t>GBPS bhutta kot</t>
  </si>
  <si>
    <t>Amir Imrani</t>
  </si>
  <si>
    <t>GPS BASTI ARA</t>
  </si>
  <si>
    <t>basti ara, daira din panah</t>
  </si>
  <si>
    <t>Basti Ara</t>
  </si>
  <si>
    <t>MUHAMMAD IMRAN ALVI</t>
  </si>
  <si>
    <t>30221</t>
  </si>
  <si>
    <t>GPS CHAK NO. 43/3-R KARAM PUR</t>
  </si>
  <si>
    <t>43/3 R Km</t>
  </si>
  <si>
    <t>43/3.r KARAM PUR</t>
  </si>
  <si>
    <t>42/3 R</t>
  </si>
  <si>
    <t>29265</t>
  </si>
  <si>
    <t>GPS RAJJI WALA</t>
  </si>
  <si>
    <t>Rajji Wala Arian</t>
  </si>
  <si>
    <t>Rajji Wala Arian kasur</t>
  </si>
  <si>
    <t>GGES NAKWAL</t>
  </si>
  <si>
    <t>Nakwal</t>
  </si>
  <si>
    <t>Distt.Sialkot Teh.Pasrur P/O Charwa Vill.Nakwal</t>
  </si>
  <si>
    <t>Fatima Tul zahra</t>
  </si>
  <si>
    <t>28471</t>
  </si>
  <si>
    <t>GG BBS HS SAINTHAL</t>
  </si>
  <si>
    <t>Sainthal P.O Rajoya tehsil phalia mandi bahauddin</t>
  </si>
  <si>
    <t>Chak jano</t>
  </si>
  <si>
    <t>31056</t>
  </si>
  <si>
    <t>51706</t>
  </si>
  <si>
    <t>GPS BASTI GHOUS NAGAR P/O PAKPATTAN</t>
  </si>
  <si>
    <t>Basti Ghous Nager</t>
  </si>
  <si>
    <t>Basti ghous nager</t>
  </si>
  <si>
    <t>37 Sp</t>
  </si>
  <si>
    <t>35350</t>
  </si>
  <si>
    <t>34576</t>
  </si>
  <si>
    <t>GGPS BAZDAR WALA MULTAN</t>
  </si>
  <si>
    <t>bazdar wala</t>
  </si>
  <si>
    <t>basti sahu bazdar wala multan</t>
  </si>
  <si>
    <t>botay wala</t>
  </si>
  <si>
    <t>Sakiya Parveen</t>
  </si>
  <si>
    <t>31497</t>
  </si>
  <si>
    <t>29595</t>
  </si>
  <si>
    <t>GGPS WARA DALEEP SINGH</t>
  </si>
  <si>
    <t>Wara Daleep Sing</t>
  </si>
  <si>
    <t>waraa Daleep singh</t>
  </si>
  <si>
    <t>Wara Daleep Singh</t>
  </si>
  <si>
    <t>Lakhne Key</t>
  </si>
  <si>
    <t>Saima Arooj</t>
  </si>
  <si>
    <t>41312</t>
  </si>
  <si>
    <t>31504</t>
  </si>
  <si>
    <t>GGHS SANGRAL</t>
  </si>
  <si>
    <t>Sangral</t>
  </si>
  <si>
    <t>Village and PO Sangral District Rwp</t>
  </si>
  <si>
    <t>Rehana  Musarrat</t>
  </si>
  <si>
    <t>24535</t>
  </si>
  <si>
    <t>GGPS FAQIRAN WALI</t>
  </si>
  <si>
    <t>Village Faqiranwali P.O  Basiwala Teh Pasrur Distt Sialkot</t>
  </si>
  <si>
    <t>Tanzeela Qummer</t>
  </si>
  <si>
    <t>31506</t>
  </si>
  <si>
    <t>GMPS CHUHA JHURMAT</t>
  </si>
  <si>
    <t>Chuha Jurmat</t>
  </si>
  <si>
    <t>chuha jurmat</t>
  </si>
  <si>
    <t>Roshan Behla</t>
  </si>
  <si>
    <t>GGPS CHAK NO. 201/1-L</t>
  </si>
  <si>
    <t>25a Jinnah Abadi</t>
  </si>
  <si>
    <t>25a Jinnah abadi</t>
  </si>
  <si>
    <t>noureen akhtar</t>
  </si>
  <si>
    <t>47623</t>
  </si>
  <si>
    <t>GGPS DHOK MANGWAL (MAJHWAN)CHAKRLA</t>
  </si>
  <si>
    <t>GGPS  Majhwan Mangwal  Markaz Namal Janubi Tehsil and District Mianwali.</t>
  </si>
  <si>
    <t>Dhok Majhwan</t>
  </si>
  <si>
    <t>Jawahir Khatoon</t>
  </si>
  <si>
    <t>GHS KOT ADU</t>
  </si>
  <si>
    <t>OPPOSITE ABBAS PLAZA GT ROAD KOT ADDU</t>
  </si>
  <si>
    <t>MUHAMMAD AYOUB</t>
  </si>
  <si>
    <t>GGHS 83-85/10-R, KHANEWAL</t>
  </si>
  <si>
    <t>kwl</t>
  </si>
  <si>
    <t>chak no 83-85/10-r kwl</t>
  </si>
  <si>
    <t>chak no 83/10-R</t>
  </si>
  <si>
    <t>chak no 86/10-r</t>
  </si>
  <si>
    <t>GPS BASTI KHARAK</t>
  </si>
  <si>
    <t>basti kharak moza basti kharak</t>
  </si>
  <si>
    <t>Muhammad Zaman Sher</t>
  </si>
  <si>
    <t>GHS BURAJ MAHALAM CHAK NO.35</t>
  </si>
  <si>
    <t>Burjmahalm Christmas 35</t>
  </si>
  <si>
    <t>Burjmahalam chak. 35 Teh.Pattoki District. kasur</t>
  </si>
  <si>
    <t>Burjmahalam Chak 35</t>
  </si>
  <si>
    <t>SHoukat ali</t>
  </si>
  <si>
    <t>10569</t>
  </si>
  <si>
    <t>GES CHAK NO 150 A TDA</t>
  </si>
  <si>
    <t>Kunal Thal Jhandi</t>
  </si>
  <si>
    <t>chak number 150-A/tda  kotla narang sarang layyah</t>
  </si>
  <si>
    <t>Kotla Narang Sarang</t>
  </si>
  <si>
    <t>Maher Aziz Muhammad</t>
  </si>
  <si>
    <t>GGCMS GOHAR JAGEER</t>
  </si>
  <si>
    <t>Gohar Jageer</t>
  </si>
  <si>
    <t>Ggcms Goher Jageer</t>
  </si>
  <si>
    <t>Goher Jageer</t>
  </si>
  <si>
    <t>NASIM BARKAT</t>
  </si>
  <si>
    <t>18136</t>
  </si>
  <si>
    <t>GPS MICHHORA HASHIM</t>
  </si>
  <si>
    <t>Machora Hashim</t>
  </si>
  <si>
    <t>GGPS CHAK NO. 543 TDA</t>
  </si>
  <si>
    <t>Arain Gharbi</t>
  </si>
  <si>
    <t>chak No 543/TDA</t>
  </si>
  <si>
    <t>Chak 543/TDA</t>
  </si>
  <si>
    <t>Bushira Bashir</t>
  </si>
  <si>
    <t>GPS BASTI BOSAN</t>
  </si>
  <si>
    <t>Bayt Bakri Wala</t>
  </si>
  <si>
    <t>Muhammad Mazahar</t>
  </si>
  <si>
    <t>GPS KHAI CHAK NO. 26  PATTOKI</t>
  </si>
  <si>
    <t>Khai   Chak No 26</t>
  </si>
  <si>
    <t>khai Chak No 26</t>
  </si>
  <si>
    <t>Khai Chak No 26</t>
  </si>
  <si>
    <t>Dholan Chak No 27</t>
  </si>
  <si>
    <t>M Khalid Perviz</t>
  </si>
  <si>
    <t>25852</t>
  </si>
  <si>
    <t>Machana</t>
  </si>
  <si>
    <t>G G P S Machana</t>
  </si>
  <si>
    <t>Muhammad  Akmal</t>
  </si>
  <si>
    <t>30710</t>
  </si>
  <si>
    <t>47272</t>
  </si>
  <si>
    <t>GPS SAID MUHAMMAD WALA KOT BELIAN</t>
  </si>
  <si>
    <t>Basti Shah Gul  Muhammad Wali</t>
  </si>
  <si>
    <t>p/o basti shah gul Muhammad wali,Mianwali.</t>
  </si>
  <si>
    <t>Said Muhammad Wala</t>
  </si>
  <si>
    <t>Dher Umeed Ali Shah</t>
  </si>
  <si>
    <t>GPS BAHADAR KHAN</t>
  </si>
  <si>
    <t>moza ahmed alilar basti bahadur khan</t>
  </si>
  <si>
    <t>Basti Bahadur Khan</t>
  </si>
  <si>
    <t>Riaz Husain</t>
  </si>
  <si>
    <t>30719</t>
  </si>
  <si>
    <t>11729</t>
  </si>
  <si>
    <t>GPS DIRKHAN WALA</t>
  </si>
  <si>
    <t>Chak No 567 Tda</t>
  </si>
  <si>
    <t>chak no 567 tda</t>
  </si>
  <si>
    <t>567 Tda</t>
  </si>
  <si>
    <t>sultan mahmood</t>
  </si>
  <si>
    <t>GGPS JATRI</t>
  </si>
  <si>
    <t>Po coloney shoukat abad adda jatri</t>
  </si>
  <si>
    <t>Bismillah Kousar</t>
  </si>
  <si>
    <t>25330</t>
  </si>
  <si>
    <t>30721</t>
  </si>
  <si>
    <t>30376</t>
  </si>
  <si>
    <t>GPS MU ZUBAIDA MULTAN ROAD BAIT UR RAZA COLONY</t>
  </si>
  <si>
    <t>SAMAN ABAD</t>
  </si>
  <si>
    <t>Bait up Raza colony Lahore</t>
  </si>
  <si>
    <t>Paki ithatti</t>
  </si>
  <si>
    <t>Samina Zia</t>
  </si>
  <si>
    <t>34669</t>
  </si>
  <si>
    <t>Basti Awan  Mouza Dograna Budhla Sant Multan</t>
  </si>
  <si>
    <t>30732</t>
  </si>
  <si>
    <t>GPS DUGRI HARIAN</t>
  </si>
  <si>
    <t>Dogri Harrian</t>
  </si>
  <si>
    <t>village Dougri harrian</t>
  </si>
  <si>
    <t>Dogri harrian</t>
  </si>
  <si>
    <t>Dougri Harrian</t>
  </si>
  <si>
    <t>44986</t>
  </si>
  <si>
    <t>51605</t>
  </si>
  <si>
    <t>GGPS BASTI GHUREE</t>
  </si>
  <si>
    <t>Ghuree</t>
  </si>
  <si>
    <t>Mehwish Habib Khan</t>
  </si>
  <si>
    <t>12599</t>
  </si>
  <si>
    <t>GPS HASSAN PUR TAROR</t>
  </si>
  <si>
    <t>Hasanpur Taror</t>
  </si>
  <si>
    <t>Gps hasanpur taror</t>
  </si>
  <si>
    <t>Hasanpur Kacha</t>
  </si>
  <si>
    <t>Zia Ur rehman</t>
  </si>
  <si>
    <t>30741</t>
  </si>
  <si>
    <t>GMPS JAJJA AUR</t>
  </si>
  <si>
    <t>Jajja Aour</t>
  </si>
  <si>
    <t>Theseel
 PHALIA DISTRICT MBDIN GMPS JAJJA AOUR</t>
  </si>
  <si>
    <t>Kot Shermohammad</t>
  </si>
  <si>
    <t>GGPS KOTLI SHAH JAHANIN</t>
  </si>
  <si>
    <t>Koltli Shahjahanian</t>
  </si>
  <si>
    <t>kotli shahjahanian</t>
  </si>
  <si>
    <t>Kotli Shahjahanian</t>
  </si>
  <si>
    <t>Kulewal Sayyedan</t>
  </si>
  <si>
    <t>39683</t>
  </si>
  <si>
    <t>43886</t>
  </si>
  <si>
    <t>30746</t>
  </si>
  <si>
    <t>SHAMAS ABAD</t>
  </si>
  <si>
    <t>Govt. P/S Shamsabad Markaz Talbani teh liaquat pur</t>
  </si>
  <si>
    <t>GHOKA</t>
  </si>
  <si>
    <t>GGPS SAROO KHELAN WALA</t>
  </si>
  <si>
    <t>wandha sarro khelan wala  post office hathi khan wala</t>
  </si>
  <si>
    <t>Chidro</t>
  </si>
  <si>
    <t>30752</t>
  </si>
  <si>
    <t>29646</t>
  </si>
  <si>
    <t>GES HUNJRAI KHURD</t>
  </si>
  <si>
    <t>Hunjray Khurd</t>
  </si>
  <si>
    <t>hunjray khurd</t>
  </si>
  <si>
    <t>Hnjray Khurd</t>
  </si>
  <si>
    <t>Hunjray Kalan</t>
  </si>
  <si>
    <t>Naseem Ahmad Khan</t>
  </si>
  <si>
    <t>30753</t>
  </si>
  <si>
    <t>GHS CHAK 4 FAIZ MULTAN</t>
  </si>
  <si>
    <t>4/Faiz</t>
  </si>
  <si>
    <t>Chak No.4.Faiz P/O Lar  Tehsil &amp; District Multan</t>
  </si>
  <si>
    <t>Chak  No 5/F</t>
  </si>
  <si>
    <t>FAIZ ABBAS</t>
  </si>
  <si>
    <t>28406</t>
  </si>
  <si>
    <t>GPS BURJ AGRA</t>
  </si>
  <si>
    <t>Burj Agra PO  Miwan Wal</t>
  </si>
  <si>
    <t>Iben-ul-hassan</t>
  </si>
  <si>
    <t>GHS HAZRAT WALA</t>
  </si>
  <si>
    <t>Peer Bakhsh Sharqi</t>
  </si>
  <si>
    <t>Govt. high school hazrat Wala District Rajanpur</t>
  </si>
  <si>
    <t>30760</t>
  </si>
  <si>
    <t>GGPS CHAK NO. 92/NP</t>
  </si>
  <si>
    <t>GGPS chak 92/ NP</t>
  </si>
  <si>
    <t>Chak 92/NP</t>
  </si>
  <si>
    <t>33727</t>
  </si>
  <si>
    <t>GES MC AL-JEELLAN WALA MULTAN</t>
  </si>
  <si>
    <t>taraf ravi</t>
  </si>
  <si>
    <t>Govt MC elementary school aljeelan wala</t>
  </si>
  <si>
    <t>Aljeelan</t>
  </si>
  <si>
    <t>Gulzaib colony</t>
  </si>
  <si>
    <t>GPS BAIT PARARA</t>
  </si>
  <si>
    <t>Bait parara</t>
  </si>
  <si>
    <t>maoza bait parara liaqatpur</t>
  </si>
  <si>
    <t>Basti Jam Aziz</t>
  </si>
  <si>
    <t>GHS KHORI ALAM</t>
  </si>
  <si>
    <t>village and post office khori alam, city Dinga</t>
  </si>
  <si>
    <t>32728</t>
  </si>
  <si>
    <t>GPS TOWRI</t>
  </si>
  <si>
    <t>towri</t>
  </si>
  <si>
    <t>towri p.o bara ghar</t>
  </si>
  <si>
    <t>Muhammad Hussain Watto</t>
  </si>
  <si>
    <t>30779</t>
  </si>
  <si>
    <t>GGHS GADGORE</t>
  </si>
  <si>
    <t>v&amp; p/o GADGORE teh pasrur dist Sialkot</t>
  </si>
  <si>
    <t>GHS MAHRA</t>
  </si>
  <si>
    <t>Mahra post office Mahra tehsil and district Muzaffargarh</t>
  </si>
  <si>
    <t>Mahra City</t>
  </si>
  <si>
    <t>ABDUL QADIR TAHIR</t>
  </si>
  <si>
    <t>51384</t>
  </si>
  <si>
    <t>GPS SOHAIL P/O 27/SP</t>
  </si>
  <si>
    <t>Sohail</t>
  </si>
  <si>
    <t>Chak Sohail district Pakpattan</t>
  </si>
  <si>
    <t>26 Sp</t>
  </si>
  <si>
    <t>Muhammad Inam</t>
  </si>
  <si>
    <t>40617</t>
  </si>
  <si>
    <t>GGPS NO. 2 FAIZ</t>
  </si>
  <si>
    <t>2 Faiz</t>
  </si>
  <si>
    <t>chk no 2 faiz post office lar tehsil multan</t>
  </si>
  <si>
    <t>1 Faiz Shumali</t>
  </si>
  <si>
    <t>Hafiza Tahira Summaya</t>
  </si>
  <si>
    <t>GGHSS FAZILPUR</t>
  </si>
  <si>
    <t>mohallah aziz abad fazilpur</t>
  </si>
  <si>
    <t>MUBEEN SULTANA</t>
  </si>
  <si>
    <t>35958</t>
  </si>
  <si>
    <t>GGPS KAMBAR</t>
  </si>
  <si>
    <t>kamber</t>
  </si>
  <si>
    <t>moza kamber</t>
  </si>
  <si>
    <t>Saeed Mai</t>
  </si>
  <si>
    <t>30803</t>
  </si>
  <si>
    <t>GPS PURANA THANA</t>
  </si>
  <si>
    <t>Maloka Khurd</t>
  </si>
  <si>
    <t>purana thana post office hotta tehsil And distrect pakpattan</t>
  </si>
  <si>
    <t>30804</t>
  </si>
  <si>
    <t>54832</t>
  </si>
  <si>
    <t>GPS CHAK NO. 58 MB</t>
  </si>
  <si>
    <t>58 MB</t>
  </si>
  <si>
    <t>Mehnaz Khanam</t>
  </si>
  <si>
    <t>10835</t>
  </si>
  <si>
    <t>GGPS CHAK NO.381/TDA</t>
  </si>
  <si>
    <t>Lohanch Talklan</t>
  </si>
  <si>
    <t>Govt Model P/s 381_tda</t>
  </si>
  <si>
    <t>381/tda</t>
  </si>
  <si>
    <t>33042</t>
  </si>
  <si>
    <t>GGCMS CHAK 17/70</t>
  </si>
  <si>
    <t>Chak 17/70</t>
  </si>
  <si>
    <t>chak #17/70 markaz sayedwala NNS</t>
  </si>
  <si>
    <t>Misbah Jilani</t>
  </si>
  <si>
    <t>49618</t>
  </si>
  <si>
    <t>47609</t>
  </si>
  <si>
    <t>GGPS BHEIT BHUTTO</t>
  </si>
  <si>
    <t>Bait Bhutto</t>
  </si>
  <si>
    <t>bait bhutto</t>
  </si>
  <si>
    <t>Gul M Lanah</t>
  </si>
  <si>
    <t>Rabia Rasheed</t>
  </si>
  <si>
    <t>32378</t>
  </si>
  <si>
    <t>GGPS MC MOHALLAH MIANA ANTHA</t>
  </si>
  <si>
    <t>Govt Girls Primary School aintha, Moh. Miana</t>
  </si>
  <si>
    <t>Fatima Makki</t>
  </si>
  <si>
    <t>35147</t>
  </si>
  <si>
    <t>GPS BASTI MALKAN</t>
  </si>
  <si>
    <t>basti Malkan Rahim yar Khan</t>
  </si>
  <si>
    <t>34494</t>
  </si>
  <si>
    <t>31302</t>
  </si>
  <si>
    <t>53070</t>
  </si>
  <si>
    <t>GHS JABOKA</t>
  </si>
  <si>
    <t>JABOKA</t>
  </si>
  <si>
    <t>GOVT HIGH SCHOOL JABOKA OKARA</t>
  </si>
  <si>
    <t>MUHAMMAD MAQBOOL AHMAD KHAN</t>
  </si>
  <si>
    <t>9626</t>
  </si>
  <si>
    <t>GHSS LAB. MODEL (ATTACH WITH GCET) RANGEEL PUR</t>
  </si>
  <si>
    <t>Range else Pur</t>
  </si>
  <si>
    <t>range else Pur multan</t>
  </si>
  <si>
    <t>Ghulam Abbas Nasir</t>
  </si>
  <si>
    <t>61020</t>
  </si>
  <si>
    <t>50577</t>
  </si>
  <si>
    <t>46572</t>
  </si>
  <si>
    <t>GPS JHOKE KUMAR WALI NO. 1</t>
  </si>
  <si>
    <t>Ranawahain</t>
  </si>
  <si>
    <t>Pupil wala (Jhoke Kumharn wali no ) Chadhar</t>
  </si>
  <si>
    <t>Pupil Wala</t>
  </si>
  <si>
    <t>GGPS BASTI JALAL DIN</t>
  </si>
  <si>
    <t>mousakanju</t>
  </si>
  <si>
    <t>gggps basti jalal din markaz saja mouza mousa kanju</t>
  </si>
  <si>
    <t>basti jalal din</t>
  </si>
  <si>
    <t>najma ferdoos</t>
  </si>
  <si>
    <t>GGPS NEW PAGWARI RWP</t>
  </si>
  <si>
    <t>New Phagwari</t>
  </si>
  <si>
    <t>GGPSnew phagwari rwp</t>
  </si>
  <si>
    <t>F Block Satellite Town</t>
  </si>
  <si>
    <t>SHAMEEN SHAFIQUE</t>
  </si>
  <si>
    <t>GMPS MONI WALA</t>
  </si>
  <si>
    <t>MONIWALA</t>
  </si>
  <si>
    <t>MONIWALA, TEHSIL RENALA KHURD, DISTRICT OKARA</t>
  </si>
  <si>
    <t>BAZIDA</t>
  </si>
  <si>
    <t>MALIK NOOR HASSAN</t>
  </si>
  <si>
    <t>31314</t>
  </si>
  <si>
    <t>32825</t>
  </si>
  <si>
    <t>GPS KOT DOLAT</t>
  </si>
  <si>
    <t>Kot Dolat</t>
  </si>
  <si>
    <t>kot dolat p/o more khunda nankana sahib</t>
  </si>
  <si>
    <t>GPS  CHAK NO. 149-A TDA</t>
  </si>
  <si>
    <t>Gatt Thal Jandi</t>
  </si>
  <si>
    <t>Chak no. 149-A/TDA</t>
  </si>
  <si>
    <t>GGPS ALAMA IQBAL MOHALLAH USMANIA</t>
  </si>
  <si>
    <t>Muhallah Usmania Narowal</t>
  </si>
  <si>
    <t>Madiha Butt</t>
  </si>
  <si>
    <t>54944</t>
  </si>
  <si>
    <t>GPS KOT MAAN SINGH</t>
  </si>
  <si>
    <t>KOT MAAN SINGH</t>
  </si>
  <si>
    <t>KOT MAAN SINGH P/O CHAK BEDI  PAKPATTAN</t>
  </si>
  <si>
    <t>Imran Ahmed</t>
  </si>
  <si>
    <t>GHS HUNJRI KALAN</t>
  </si>
  <si>
    <t>Hanjra e kalan</t>
  </si>
  <si>
    <t>hanjra e kalan</t>
  </si>
  <si>
    <t>Baber Ali</t>
  </si>
  <si>
    <t>GPS GANGA</t>
  </si>
  <si>
    <t>besti &amp; mouza ganga p/mochi wali tehsil&amp; dist m garh</t>
  </si>
  <si>
    <t>84942</t>
  </si>
  <si>
    <t>GGES 47/P</t>
  </si>
  <si>
    <t>post office same teh RYK dist RYK</t>
  </si>
  <si>
    <t>47/p</t>
  </si>
  <si>
    <t>bahishtii</t>
  </si>
  <si>
    <t>Sumera Rani</t>
  </si>
  <si>
    <t>47526</t>
  </si>
  <si>
    <t>GMES KHAIR ABAD</t>
  </si>
  <si>
    <t>GMES Khairabad</t>
  </si>
  <si>
    <t>Khairabad</t>
  </si>
  <si>
    <t>Atiqa Sameen</t>
  </si>
  <si>
    <t>supply water from factory</t>
  </si>
  <si>
    <t>GMES 86/15-L, P/O 84/15-L, MIAN CHANNU</t>
  </si>
  <si>
    <t>86/15L</t>
  </si>
  <si>
    <t>86/15.L mian channu</t>
  </si>
  <si>
    <t>GGPS CHAK NO.49 SP</t>
  </si>
  <si>
    <t>GGPS 49/sp</t>
  </si>
  <si>
    <t>GGES K.M. ANDROON LOHARI GATE LAHORE</t>
  </si>
  <si>
    <t>Govt K.M girls middle school inside lohari gate lahore</t>
  </si>
  <si>
    <t>Lohari Gate</t>
  </si>
  <si>
    <t>Ghazala Rasheed</t>
  </si>
  <si>
    <t>16479</t>
  </si>
  <si>
    <t>GGPS MEHAR SHAH</t>
  </si>
  <si>
    <t>GGPS mehar shah teh/distt Muzaffargarh</t>
  </si>
  <si>
    <t>Alidah</t>
  </si>
  <si>
    <t>Kosar   Perveen</t>
  </si>
  <si>
    <t>21671</t>
  </si>
  <si>
    <t>GGPS ALLA BACHAYA RIND</t>
  </si>
  <si>
    <t>basti Allah Bachaya rind</t>
  </si>
  <si>
    <t>ALLAH Bachaya Rind</t>
  </si>
  <si>
    <t>Aqsa Mubeen</t>
  </si>
  <si>
    <t>31347</t>
  </si>
  <si>
    <t>GMPS CHAK BAZEEDA</t>
  </si>
  <si>
    <t>Najma Mumtaz</t>
  </si>
  <si>
    <t>49538</t>
  </si>
  <si>
    <t>GGPS MASTI WALA</t>
  </si>
  <si>
    <t>village mastiwala post office Ghundi Tehsil and district Mianwali</t>
  </si>
  <si>
    <t>Masti Wala</t>
  </si>
  <si>
    <t>Khan Bibi</t>
  </si>
  <si>
    <t>GPS KALAYARAN WALA</t>
  </si>
  <si>
    <t>kalayaran Wala postoffice musakhel mianwali</t>
  </si>
  <si>
    <t>Kalayran Wala</t>
  </si>
  <si>
    <t>Yasir Nawaz Khan</t>
  </si>
  <si>
    <t>12685</t>
  </si>
  <si>
    <t>24168</t>
  </si>
  <si>
    <t>GPS DULMAN WALI</t>
  </si>
  <si>
    <t>dulmanwali</t>
  </si>
  <si>
    <t>village dulmanwali P.O phillora tehsil Pasrur District Sialkot</t>
  </si>
  <si>
    <t>Dulmanwali</t>
  </si>
  <si>
    <t>47342</t>
  </si>
  <si>
    <t>GGPS MC GALI BANK</t>
  </si>
  <si>
    <t>Bank Street Mianwali</t>
  </si>
  <si>
    <t>GGPS CHAK NO.28/A</t>
  </si>
  <si>
    <t>Chak #28/A</t>
  </si>
  <si>
    <t>Chak #28/A daakkhana 24/A qadeem</t>
  </si>
  <si>
    <t>gHULAM ZAINAB</t>
  </si>
  <si>
    <t>GHS CHAK NO 125 P</t>
  </si>
  <si>
    <t>chak NO.125/P</t>
  </si>
  <si>
    <t>chak NO.125/P rahim yar khan</t>
  </si>
  <si>
    <t>waha kona</t>
  </si>
  <si>
    <t>wATER SUPPLY</t>
  </si>
  <si>
    <t>31373</t>
  </si>
  <si>
    <t>33049</t>
  </si>
  <si>
    <t>GGPS CHAK NO 12/68</t>
  </si>
  <si>
    <t>Chak no 12\68 marks syedwala e nns</t>
  </si>
  <si>
    <t>village Akal Garh p/o Baddomalhi dist. Narowal</t>
  </si>
  <si>
    <t>43585</t>
  </si>
  <si>
    <t>31375</t>
  </si>
  <si>
    <t>GMPS GANG</t>
  </si>
  <si>
    <t>Gang</t>
  </si>
  <si>
    <t>Village Gang Post Office Saroba Teh/Distt Rawalpindi</t>
  </si>
  <si>
    <t>Ateeqa Yasmin</t>
  </si>
  <si>
    <t>25182</t>
  </si>
  <si>
    <t>36414</t>
  </si>
  <si>
    <t>GGPS GHULAM KHEL</t>
  </si>
  <si>
    <t>Mari city tehsil &amp; district mianwali</t>
  </si>
  <si>
    <t>Hina Rasheed</t>
  </si>
  <si>
    <t>49336</t>
  </si>
  <si>
    <t>37626</t>
  </si>
  <si>
    <t>GMPS 103/15-L, MIAN CHANNU</t>
  </si>
  <si>
    <t>103/15-L</t>
  </si>
  <si>
    <t>103/15-L teh. mianchannu Dist. khanewal</t>
  </si>
  <si>
    <t>Zakiya Parveen</t>
  </si>
  <si>
    <t>31257</t>
  </si>
  <si>
    <t>GGES CDG JUNIOR MODEL MISRI SHAH</t>
  </si>
  <si>
    <t>Wassan</t>
  </si>
  <si>
    <t>wassan purs</t>
  </si>
  <si>
    <t>Wassannpura</t>
  </si>
  <si>
    <t>Sameera Yasmeen</t>
  </si>
  <si>
    <t>22996</t>
  </si>
  <si>
    <t>GGES DULLAN WALA</t>
  </si>
  <si>
    <t>LALAMUSA-IV-FEMALE</t>
  </si>
  <si>
    <t>Dullanwala</t>
  </si>
  <si>
    <t>dullanwala</t>
  </si>
  <si>
    <t>Riffat parveen</t>
  </si>
  <si>
    <t>47093</t>
  </si>
  <si>
    <t>GGES JUNIOR MODEL</t>
  </si>
  <si>
    <t>Junior model school near hockey stadium mianwali city</t>
  </si>
  <si>
    <t>Yaro  Khel</t>
  </si>
  <si>
    <t>45048</t>
  </si>
  <si>
    <t>33438</t>
  </si>
  <si>
    <t>GGPS NAWAB KHICHI, TULAMBA</t>
  </si>
  <si>
    <t>Nawab Khichi</t>
  </si>
  <si>
    <t>G G Primary school Nawab Khichi</t>
  </si>
  <si>
    <t>zareena malka ibrar</t>
  </si>
  <si>
    <t>24123</t>
  </si>
  <si>
    <t>GGHS KAMAL PUR CHISHTIAN</t>
  </si>
  <si>
    <t>Kamalpur Chish</t>
  </si>
  <si>
    <t>kamalpur chishtian tehsil pasrur district sialkot</t>
  </si>
  <si>
    <t>Kamal Pur Chishtian</t>
  </si>
  <si>
    <t>Balagn</t>
  </si>
  <si>
    <t>Tanveer kausar</t>
  </si>
  <si>
    <t>34418</t>
  </si>
  <si>
    <t>GPS DAIM WALA NO. 1</t>
  </si>
  <si>
    <t>GPS Daim Wala No.1 P/O AYAZABAD MARAL QASBA SANI TEHSIL MULTAN SADDAR District Multan</t>
  </si>
  <si>
    <t>11504</t>
  </si>
  <si>
    <t>GHS FAIZ ABAD CHAK NO.550/TDA</t>
  </si>
  <si>
    <t>CHAK NO 550 TDA</t>
  </si>
  <si>
    <t>CHAK NO 550 TDA TEH KOT ADU DISTT M GARH</t>
  </si>
  <si>
    <t>CHAK NO 567 TDA</t>
  </si>
  <si>
    <t>Muhammad Faisal Jabbar</t>
  </si>
  <si>
    <t>choudry</t>
  </si>
  <si>
    <t>gps basti kumharan</t>
  </si>
  <si>
    <t>Basti Rana Gul Bahar</t>
  </si>
  <si>
    <t>Muhammad Safder</t>
  </si>
  <si>
    <t>GPS MANDHIALA</t>
  </si>
  <si>
    <t>Mandhiala</t>
  </si>
  <si>
    <t>Village Mandhiala</t>
  </si>
  <si>
    <t>Barkhurdaar</t>
  </si>
  <si>
    <t>Navid Iqbal</t>
  </si>
  <si>
    <t>54263</t>
  </si>
  <si>
    <t>GGPS SOHNAY WALA</t>
  </si>
  <si>
    <t>Basti Arbi</t>
  </si>
  <si>
    <t>Basti Arbi P/O Makhdoom Rasheed, Tehsil Multan Saddar, District Multan</t>
  </si>
  <si>
    <t>Salma Jamil</t>
  </si>
  <si>
    <t>Jhandeer Duraja</t>
  </si>
  <si>
    <t>Basti Jassu Wala Mouza Jhandeer Duraja Sharqi</t>
  </si>
  <si>
    <t>Jassu Wala</t>
  </si>
  <si>
    <t>Ishrat  Fatima</t>
  </si>
  <si>
    <t>31944</t>
  </si>
  <si>
    <t>GGPS DERA MOHAMMAD NAWAZ KHAN WALA</t>
  </si>
  <si>
    <t>SWANCE-FEMALE</t>
  </si>
  <si>
    <t>DERA NAWAZ WALA</t>
  </si>
  <si>
    <t>DERA NAWAZ WALA SAWANCE</t>
  </si>
  <si>
    <t>SAWANCE</t>
  </si>
  <si>
    <t>24672</t>
  </si>
  <si>
    <t>48567</t>
  </si>
  <si>
    <t>23567</t>
  </si>
  <si>
    <t>GHS RUKEN PUR</t>
  </si>
  <si>
    <t>Tajpur Peerwala</t>
  </si>
  <si>
    <t>opposite police station rukan pur teh and distt rahim yar khan</t>
  </si>
  <si>
    <t>Thull Kher Muhammad</t>
  </si>
  <si>
    <t>MANSOOR MAJEED</t>
  </si>
  <si>
    <t>GGPS MC WANDHI WALI MOHAMMAD KHAN</t>
  </si>
  <si>
    <t>govt mc primary girls school wali mohammad khan mianwali</t>
  </si>
  <si>
    <t>Wandhi Ghund Wali</t>
  </si>
  <si>
    <t>GGPS BHEKIKE</t>
  </si>
  <si>
    <t>Bhike Ke</t>
  </si>
  <si>
    <t>village bhike ke</t>
  </si>
  <si>
    <t>Thillay Kalam</t>
  </si>
  <si>
    <t>Sobia Naimat</t>
  </si>
  <si>
    <t>31898</t>
  </si>
  <si>
    <t>GPS BHOCH KAY</t>
  </si>
  <si>
    <t>Bhouchky</t>
  </si>
  <si>
    <t>village bhouchkay</t>
  </si>
  <si>
    <t>bhouchkay</t>
  </si>
  <si>
    <t>bahadar pura</t>
  </si>
  <si>
    <t>11341</t>
  </si>
  <si>
    <t>18051</t>
  </si>
  <si>
    <t>Raqba Noor Khan</t>
  </si>
  <si>
    <t>basti hajana, raqba Noor khan, khangarh, m.garh</t>
  </si>
  <si>
    <t>Gaire Wahen</t>
  </si>
  <si>
    <t>Ali Murad</t>
  </si>
  <si>
    <t>31906</t>
  </si>
  <si>
    <t>GPS CHAK NO.83/NP ASLAM ABAD</t>
  </si>
  <si>
    <t>Chak Aslam Abad</t>
  </si>
  <si>
    <t>chak 83/np, Aslam abad</t>
  </si>
  <si>
    <t>Chak 83/np Aslam Abad</t>
  </si>
  <si>
    <t>Abdul Majeed Sajid</t>
  </si>
  <si>
    <t>GGPS CHAK NO.466/TDA</t>
  </si>
  <si>
    <t>Dhori Adda</t>
  </si>
  <si>
    <t>chak no 466/t.d.a</t>
  </si>
  <si>
    <t>Chak No 466/tda</t>
  </si>
  <si>
    <t>Jawaria Mansoor</t>
  </si>
  <si>
    <t>GGPS 21-1AL</t>
  </si>
  <si>
    <t>VICTORIA FORM -FEMALE</t>
  </si>
  <si>
    <t>21/1al</t>
  </si>
  <si>
    <t>22/1al</t>
  </si>
  <si>
    <t>Shamim Barkat</t>
  </si>
  <si>
    <t>23090</t>
  </si>
  <si>
    <t>48531</t>
  </si>
  <si>
    <t>53277</t>
  </si>
  <si>
    <t>GPS CHAK 35/2-L</t>
  </si>
  <si>
    <t>chak # 35/2-L okara</t>
  </si>
  <si>
    <t>31927</t>
  </si>
  <si>
    <t>GGPS NOOR MUHAMMAD KHAN</t>
  </si>
  <si>
    <t>Gg p/s Noor Muhammad Khan basti chotay lar P/o Khan Bela</t>
  </si>
  <si>
    <t>Chotay lar</t>
  </si>
  <si>
    <t>Haneefa Yaseen</t>
  </si>
  <si>
    <t>31929</t>
  </si>
  <si>
    <t>33733</t>
  </si>
  <si>
    <t>GPS MC SHAHDANA SHAHEED INSIDE DEHLI GATE MULTAN</t>
  </si>
  <si>
    <t>moh saeed khan qureshi inside dehli gate multan</t>
  </si>
  <si>
    <t>Kamangraan</t>
  </si>
  <si>
    <t>GGHS PHOOL NAGAR</t>
  </si>
  <si>
    <t>kot Radha kishan road Phool Nagar</t>
  </si>
  <si>
    <t>nasim mohsin</t>
  </si>
  <si>
    <t>31932</t>
  </si>
  <si>
    <t>GHS 55/15-L, MIAN CHANNU</t>
  </si>
  <si>
    <t>CHAK NO.55/15-L MIAN CHANNU</t>
  </si>
  <si>
    <t>chak no.57/15-L</t>
  </si>
  <si>
    <t>Muhammad Ayub Khan Lodhi</t>
  </si>
  <si>
    <t>GMES 71/10-R, KHANEWAL</t>
  </si>
  <si>
    <t>71 10r</t>
  </si>
  <si>
    <t>house #2a opposite unilever tea factory kwl</t>
  </si>
  <si>
    <t>71 10t</t>
  </si>
  <si>
    <t>GHS SHERAN WALA</t>
  </si>
  <si>
    <t>SARISHTA NASHAIB</t>
  </si>
  <si>
    <t>GHS SHERAN WALA P/O JAMAN SHAH TEHSIL &amp; DISTT LAYYAH</t>
  </si>
  <si>
    <t>SHERAN WALA</t>
  </si>
  <si>
    <t>MALIK SALEEM ABBAS</t>
  </si>
  <si>
    <t>GPS HAJUN DARWASH</t>
  </si>
  <si>
    <t>Basti Bilani Mauza saidpur tehsil liaqut pur</t>
  </si>
  <si>
    <t>Basti Bilani</t>
  </si>
  <si>
    <t>13679</t>
  </si>
  <si>
    <t>Mahboob Wala</t>
  </si>
  <si>
    <t>Darkhan wala moza mahboob wala p/o Basira  M.garh</t>
  </si>
  <si>
    <t>Ali Dah</t>
  </si>
  <si>
    <t>GGHS MC AMAR PURA</t>
  </si>
  <si>
    <t>street no 41 AMARPURA,  Rawalpindi</t>
  </si>
  <si>
    <t>Ammar pura</t>
  </si>
  <si>
    <t>Tasneem  Kouser</t>
  </si>
  <si>
    <t>34498</t>
  </si>
  <si>
    <t>GGPS MARDAN PUR NEAR BASTI KHAN WALA MULTAN</t>
  </si>
  <si>
    <t>basti khan wala</t>
  </si>
  <si>
    <t>Basti Khan</t>
  </si>
  <si>
    <t>Saira Batool</t>
  </si>
  <si>
    <t>47545</t>
  </si>
  <si>
    <t>GGPS DERA SAD ULLAH WALA</t>
  </si>
  <si>
    <t>ggpsderasaadullahkhan(sawans)mianwali</t>
  </si>
  <si>
    <t>Dera Saad Ullah Khan</t>
  </si>
  <si>
    <t>GGHS BARNALI</t>
  </si>
  <si>
    <t>vpo barnali Teh. Kharian distt. Gujrat</t>
  </si>
  <si>
    <t>Nasreen Shakoor</t>
  </si>
  <si>
    <t>GGPS 70 D</t>
  </si>
  <si>
    <t>70D</t>
  </si>
  <si>
    <t>GGPS70D</t>
  </si>
  <si>
    <t>31971</t>
  </si>
  <si>
    <t>GGPS WALGUN SATTAR</t>
  </si>
  <si>
    <t>Walgun Azeem</t>
  </si>
  <si>
    <t>Zubaida Begum</t>
  </si>
  <si>
    <t>24250</t>
  </si>
  <si>
    <t>GGHS ISLAM PUR</t>
  </si>
  <si>
    <t>GGHS Islampur multan sadar</t>
  </si>
  <si>
    <t>Khalida Saleem</t>
  </si>
  <si>
    <t>GHS ISLAMIA DAULAT GATE MULTAN</t>
  </si>
  <si>
    <t>govt. islamia high  school daulat gate multan</t>
  </si>
  <si>
    <t>Daulat Gate</t>
  </si>
  <si>
    <t>muhammad ramzan anjum</t>
  </si>
  <si>
    <t>30591</t>
  </si>
  <si>
    <t>GHS HUSSAIN KHAN WALA HITHAR</t>
  </si>
  <si>
    <t>Village Hussain Khan Wala Hithar Kasur</t>
  </si>
  <si>
    <t>Muhammad Yahya Zahid</t>
  </si>
  <si>
    <t>51399</t>
  </si>
  <si>
    <t>GPS 16 KB</t>
  </si>
  <si>
    <t>16kb</t>
  </si>
  <si>
    <t>chak no 16 kb p/o mari hazara distrect pakpattan</t>
  </si>
  <si>
    <t>Chak No 16kb P/o Mari Hazara</t>
  </si>
  <si>
    <t>26059</t>
  </si>
  <si>
    <t>GPS MALANAY WALA</t>
  </si>
  <si>
    <t>chujary wala</t>
  </si>
  <si>
    <t>Basti chujary wala,mouza hanjari 2 dd panah,kot addu,district M.garh</t>
  </si>
  <si>
    <t>nitkani basti</t>
  </si>
  <si>
    <t>Muhammad akhtar bhutta</t>
  </si>
  <si>
    <t>30604</t>
  </si>
  <si>
    <t>GPS CHAK NO 163 TDA</t>
  </si>
  <si>
    <t>Sarishtathaljundi</t>
  </si>
  <si>
    <t>chak no.163/TDA Layyah</t>
  </si>
  <si>
    <t>Chak No163/TDA</t>
  </si>
  <si>
    <t>Chak No164A/TDA</t>
  </si>
  <si>
    <t>30608</t>
  </si>
  <si>
    <t>GGPS NORANG KHELAN WALA</t>
  </si>
  <si>
    <t>30619</t>
  </si>
  <si>
    <t>GES BEGA MEHRAJ PUR</t>
  </si>
  <si>
    <t>BEGA MEHROJPUR TEH KHARIAN DISTT GUJRAT</t>
  </si>
  <si>
    <t>BEGA MEHROJPUR</t>
  </si>
  <si>
    <t>Bahrwal</t>
  </si>
  <si>
    <t>53660</t>
  </si>
  <si>
    <t>30621</t>
  </si>
  <si>
    <t>GPS MAKTA</t>
  </si>
  <si>
    <t>vill mukta,teh pasrur,dist sialkot</t>
  </si>
  <si>
    <t>mukta</t>
  </si>
  <si>
    <t>adamkey nagra</t>
  </si>
  <si>
    <t>GGPS WANDAR</t>
  </si>
  <si>
    <t>ggp/s wander</t>
  </si>
  <si>
    <t>Farah Yaqoob</t>
  </si>
  <si>
    <t>GHS ISLAMIA MILLAT MAMDANA</t>
  </si>
  <si>
    <t>Mundana</t>
  </si>
  <si>
    <t>mumdana tehsil phalia mandi baha ud din</t>
  </si>
  <si>
    <t>49925</t>
  </si>
  <si>
    <t>GPS CHAK NO.147 TDA</t>
  </si>
  <si>
    <t>Lohanch Thal jandi</t>
  </si>
  <si>
    <t>Govt Primary School Chak no 147/t.d.a Layyah</t>
  </si>
  <si>
    <t>Chak no 147/t.d.a</t>
  </si>
  <si>
    <t>Muhammad Shahbaz Afzal</t>
  </si>
  <si>
    <t>GGHS KOTLI MURAD</t>
  </si>
  <si>
    <t>KOTLI Murad</t>
  </si>
  <si>
    <t>Basti Abdul Aziz khan Moza KOTLI Murad UC Fath Pur Kamal Tehsil Khan Pur District Rahim Yar Khan</t>
  </si>
  <si>
    <t>Basti Abdul Aziz Khan</t>
  </si>
  <si>
    <t>Fath Pur Kamal</t>
  </si>
  <si>
    <t>Sobia Sadiq</t>
  </si>
  <si>
    <t>30648</t>
  </si>
  <si>
    <t>46163</t>
  </si>
  <si>
    <t>GGHS KHALIQABAD</t>
  </si>
  <si>
    <t>vpo Khalid abad Teh&amp;Dist Khushab</t>
  </si>
  <si>
    <t>34244</t>
  </si>
  <si>
    <t>GHS CHAK NO.14-FAIZ MULTAN</t>
  </si>
  <si>
    <t>Chak No. 14 faiz</t>
  </si>
  <si>
    <t>Chak No. 14 Faiz, P.O Lar, Multan SADDAR</t>
  </si>
  <si>
    <t>Chak No. 14 Faiz</t>
  </si>
  <si>
    <t>cHAK NO. 1 FAIZ</t>
  </si>
  <si>
    <t>MUHAMMAD KHALID MAHMOOD</t>
  </si>
  <si>
    <t>GPS POWER STATION PIRRAN GHAIB PIRAN GHAIB</t>
  </si>
  <si>
    <t>Pirran Gaib</t>
  </si>
  <si>
    <t>power station piran ghaib Multan</t>
  </si>
  <si>
    <t>11776</t>
  </si>
  <si>
    <t>23001</t>
  </si>
  <si>
    <t>GPS NO.2 KHARIAN</t>
  </si>
  <si>
    <t>Gujarat</t>
  </si>
  <si>
    <t>GPS#2 sittarpura kharian</t>
  </si>
  <si>
    <t>Fatima Gulzar</t>
  </si>
  <si>
    <t>30671</t>
  </si>
  <si>
    <t>GMPS CHAK NO. 33/A</t>
  </si>
  <si>
    <t>33A</t>
  </si>
  <si>
    <t>chak 33A liaquatpur</t>
  </si>
  <si>
    <t>33 A</t>
  </si>
  <si>
    <t>talat yasmeen</t>
  </si>
  <si>
    <t>GGPS JUNIOR MODEL IQBAL PARK</t>
  </si>
  <si>
    <t>iqbal park badami bagh lahore</t>
  </si>
  <si>
    <t>Iqbal park badami bagh</t>
  </si>
  <si>
    <t>Sehrish Zafar Raza</t>
  </si>
  <si>
    <t>1.11514e+006</t>
  </si>
  <si>
    <t>11863</t>
  </si>
  <si>
    <t>30673</t>
  </si>
  <si>
    <t>GMMS DHARANI</t>
  </si>
  <si>
    <t>basti Dherani</t>
  </si>
  <si>
    <t>Dherani</t>
  </si>
  <si>
    <t>Sadiq  Yasin</t>
  </si>
  <si>
    <t>47423</t>
  </si>
  <si>
    <t>GGPS TIBBI DAKHLI KUNDIAN</t>
  </si>
  <si>
    <t>muzaferpur</t>
  </si>
  <si>
    <t>village tibbi p/o muzafar pur teh /dist mianwali</t>
  </si>
  <si>
    <t>Gandhi</t>
  </si>
  <si>
    <t>memoona nasim</t>
  </si>
  <si>
    <t>54842</t>
  </si>
  <si>
    <t>GMPS MAMDANA</t>
  </si>
  <si>
    <t>Mamdana</t>
  </si>
  <si>
    <t>vpo box mamdana Teh phalia Dist Mande Bha Ud Din</t>
  </si>
  <si>
    <t>Sadia Shehrbano</t>
  </si>
  <si>
    <t>17597</t>
  </si>
  <si>
    <t>GPS KOTLA GHARAAM BASTI</t>
  </si>
  <si>
    <t>Gbps kotla gohram p/o pacca laran Tehsil liaquat pur district Rahim yar Khan</t>
  </si>
  <si>
    <t>Basti Ladhani</t>
  </si>
  <si>
    <t>Kotla doulat</t>
  </si>
  <si>
    <t>24651</t>
  </si>
  <si>
    <t>GPS RANAKAY NAGRA</t>
  </si>
  <si>
    <t>Raneky Nagra</t>
  </si>
  <si>
    <t>Raneky nagra P.O Malheky Nagra Tehsil Pasrur District Sialkot</t>
  </si>
  <si>
    <t>Adamky Nagra</t>
  </si>
  <si>
    <t>Muhammad Atif Iqbal</t>
  </si>
  <si>
    <t>41986</t>
  </si>
  <si>
    <t>GGPS THEH KAMAL</t>
  </si>
  <si>
    <t>Theh kamal</t>
  </si>
  <si>
    <t>sadia amin</t>
  </si>
  <si>
    <t>20057</t>
  </si>
  <si>
    <t>12587</t>
  </si>
  <si>
    <t>GPS DAOUD ARAIN</t>
  </si>
  <si>
    <t>basti heery wala</t>
  </si>
  <si>
    <t>GGPS KARTAR PUR HATTIAN</t>
  </si>
  <si>
    <t>Kartarpur Hattian</t>
  </si>
  <si>
    <t>kartarpur hattian</t>
  </si>
  <si>
    <t>17206</t>
  </si>
  <si>
    <t>7801</t>
  </si>
  <si>
    <t>GGPS OSHAN</t>
  </si>
  <si>
    <t>Oshan</t>
  </si>
  <si>
    <t>ggps oshan Narrow so w</t>
  </si>
  <si>
    <t>Afzal Akhter</t>
  </si>
  <si>
    <t>53092</t>
  </si>
  <si>
    <t>GHS CHAK 37/4-L</t>
  </si>
  <si>
    <t>37/4L</t>
  </si>
  <si>
    <t>37/4L okara</t>
  </si>
  <si>
    <t>31183</t>
  </si>
  <si>
    <t>GES KOT SULTAN NO 1</t>
  </si>
  <si>
    <t>Bhai Sadhu</t>
  </si>
  <si>
    <t>Bhai sadhu kot Sultan</t>
  </si>
  <si>
    <t>51660</t>
  </si>
  <si>
    <t>GMPS TIBBA NANAK SER</t>
  </si>
  <si>
    <t>Tibba Nanak Ser</t>
  </si>
  <si>
    <t>tibba nanak ser pakpattan</t>
  </si>
  <si>
    <t>Faisal Masood</t>
  </si>
  <si>
    <t>GES RAFIQ ISLAM PUR</t>
  </si>
  <si>
    <t>Basti Islam Pur, mouza thul hamza,tehsil. liaqat pur</t>
  </si>
  <si>
    <t>Abdul Wajid</t>
  </si>
  <si>
    <t>18914</t>
  </si>
  <si>
    <t>GMPS BAJARWALA</t>
  </si>
  <si>
    <t>Bajarwala</t>
  </si>
  <si>
    <t>Bajarwala P/O Amra Kalan</t>
  </si>
  <si>
    <t>Chak Jani Kalan</t>
  </si>
  <si>
    <t>Shagufta Shakeel</t>
  </si>
  <si>
    <t>33653</t>
  </si>
  <si>
    <t>GGHS BHAI KOT NO. 3</t>
  </si>
  <si>
    <t>bhai kot chak no.03</t>
  </si>
  <si>
    <t>kothi wala</t>
  </si>
  <si>
    <t>Rozina Kausar</t>
  </si>
  <si>
    <t>31199</t>
  </si>
  <si>
    <t>GGPS MEHRAY WALA</t>
  </si>
  <si>
    <t>basti chatty wala m.garh</t>
  </si>
  <si>
    <t>Chatty Wala</t>
  </si>
  <si>
    <t>farkhanda Bano</t>
  </si>
  <si>
    <t>31201</t>
  </si>
  <si>
    <t>11206</t>
  </si>
  <si>
    <t>GGPS TARORI</t>
  </si>
  <si>
    <t>basti tarruri</t>
  </si>
  <si>
    <t>Basti Tarruri</t>
  </si>
  <si>
    <t>Shumaila Mehdi</t>
  </si>
  <si>
    <t>31202</t>
  </si>
  <si>
    <t>47154</t>
  </si>
  <si>
    <t>GPS MODEL PORIAN WALA</t>
  </si>
  <si>
    <t>porianwala</t>
  </si>
  <si>
    <t>Porianwala</t>
  </si>
  <si>
    <t>35970</t>
  </si>
  <si>
    <t>GMPS GANWARI BALOCH</t>
  </si>
  <si>
    <t>Gahnwari Baloch</t>
  </si>
  <si>
    <t>Ghnwari baloch teh.mailsi distric vehari</t>
  </si>
  <si>
    <t>8903</t>
  </si>
  <si>
    <t>25752</t>
  </si>
  <si>
    <t>GGES DHODAY WALI</t>
  </si>
  <si>
    <t>Dhoday Wali</t>
  </si>
  <si>
    <t>Dhoday wali</t>
  </si>
  <si>
    <t>Nusrat Abdul Majeed</t>
  </si>
  <si>
    <t>11003</t>
  </si>
  <si>
    <t>GGPS BASTI BHAND LOHANCH</t>
  </si>
  <si>
    <t>Govt Girl primary School Basti Bhand</t>
  </si>
  <si>
    <t>BASTI BHAND</t>
  </si>
  <si>
    <t>Sarvat Fatima</t>
  </si>
  <si>
    <t>32276</t>
  </si>
  <si>
    <t>GGES 78-B/15-L, KACHA KHUH</t>
  </si>
  <si>
    <t>chak 78b 15 L</t>
  </si>
  <si>
    <t>78B/15L</t>
  </si>
  <si>
    <t>Azka Fayyaz</t>
  </si>
  <si>
    <t>44972</t>
  </si>
  <si>
    <t>GPS SADHAY WAHIN</t>
  </si>
  <si>
    <t>Saday Wahin</t>
  </si>
  <si>
    <t>govt.primary school Saday Wahin</t>
  </si>
  <si>
    <t>GGPS CHAK KAMAL</t>
  </si>
  <si>
    <t>Chak Kamal post office Sehna Tehsil Kharian District Gujrat</t>
  </si>
  <si>
    <t>Madeeha Riaz</t>
  </si>
  <si>
    <t>GGPS DORATTA</t>
  </si>
  <si>
    <t>Lang  Malana</t>
  </si>
  <si>
    <t>basti doratta</t>
  </si>
  <si>
    <t>Basti Doratta</t>
  </si>
  <si>
    <t>Mc M Garh</t>
  </si>
  <si>
    <t>Abida  Perveen</t>
  </si>
  <si>
    <t>GPS BASTI HIDAYAT ALI</t>
  </si>
  <si>
    <t>basti khokran p/o jetha butha tehsil khanpur distt,rahim yar kham</t>
  </si>
  <si>
    <t>Basti Khokran</t>
  </si>
  <si>
    <t>37282</t>
  </si>
  <si>
    <t>GMPS 88-A/10-R, KHANEWAL</t>
  </si>
  <si>
    <t>88 A /10R</t>
  </si>
  <si>
    <t>CHAK NO 88.A 10/R KHANEWAL</t>
  </si>
  <si>
    <t>88A 10R</t>
  </si>
  <si>
    <t>86 10R</t>
  </si>
  <si>
    <t>Shahzadi Andleeb</t>
  </si>
  <si>
    <t>19807</t>
  </si>
  <si>
    <t>12776</t>
  </si>
  <si>
    <t>GPS ISLAM WALA</t>
  </si>
  <si>
    <t>GPS ISLAM WALA  THATHA  BAHADUR SINGH</t>
  </si>
  <si>
    <t>Thatha Bahadur Singh</t>
  </si>
  <si>
    <t>NAEEM ULLAH KHAN</t>
  </si>
  <si>
    <t>GHS CHAK NO.136 P</t>
  </si>
  <si>
    <t>Chak No 136/P</t>
  </si>
  <si>
    <t>Chak No.136/P RYK</t>
  </si>
  <si>
    <t>CHAK NO.136/P RYK</t>
  </si>
  <si>
    <t>Chak No.92/P</t>
  </si>
  <si>
    <t>WAZIR AHMAD AGHA</t>
  </si>
  <si>
    <t>GPS MOADIB MUD ILYAS</t>
  </si>
  <si>
    <t>GPS mud ilyas</t>
  </si>
  <si>
    <t>Mari Allah Bachya</t>
  </si>
  <si>
    <t>Muhammad Sajjad Atta</t>
  </si>
  <si>
    <t>31259</t>
  </si>
  <si>
    <t>12292</t>
  </si>
  <si>
    <t>GGPS TATARY WALA</t>
  </si>
  <si>
    <t>Hunjrai Ghair Mustaqil Sharqi</t>
  </si>
  <si>
    <t>chah. malehy wala hunjrai ghair mustaqil sharqi p/o daira din panah</t>
  </si>
  <si>
    <t>Chah Malehy Wala</t>
  </si>
  <si>
    <t>Hunjrai</t>
  </si>
  <si>
    <t>Sadia Saeed</t>
  </si>
  <si>
    <t>53648</t>
  </si>
  <si>
    <t>GGES ISLAM PUR</t>
  </si>
  <si>
    <t>GGES Islam pur renala khurd</t>
  </si>
  <si>
    <t>Tabassum Shahnaz</t>
  </si>
  <si>
    <t>46552</t>
  </si>
  <si>
    <t>31261</t>
  </si>
  <si>
    <t>53199</t>
  </si>
  <si>
    <t>GPS CHAK 26/GD</t>
  </si>
  <si>
    <t>26gd</t>
  </si>
  <si>
    <t>chuk26gd</t>
  </si>
  <si>
    <t>Rai Ghulam Shabeer</t>
  </si>
  <si>
    <t>31266</t>
  </si>
  <si>
    <t>35534</t>
  </si>
  <si>
    <t>GHS CHAK NO 110 WB</t>
  </si>
  <si>
    <t>CHAK No 110WB</t>
  </si>
  <si>
    <t>CHAK NO 110 WB</t>
  </si>
  <si>
    <t>Shahid  Ali</t>
  </si>
  <si>
    <t>GGPS BASTI SULTAN</t>
  </si>
  <si>
    <t>Gulan Glkala</t>
  </si>
  <si>
    <t>basti sultan</t>
  </si>
  <si>
    <t>Basti Sultan</t>
  </si>
  <si>
    <t>GGPS Lamby Matam</t>
  </si>
  <si>
    <t>Lambay Matam</t>
  </si>
  <si>
    <t>lambay matam(gulzar jageer) phool nagar pattoki</t>
  </si>
  <si>
    <t>51482</t>
  </si>
  <si>
    <t>GPS MALIK PUR PO PAKPATTAN</t>
  </si>
  <si>
    <t>Malikpur Pur</t>
  </si>
  <si>
    <t>GPS MALIK PUR PAKPATTAN</t>
  </si>
  <si>
    <t>Bahram pur</t>
  </si>
  <si>
    <t>31271</t>
  </si>
  <si>
    <t>28242</t>
  </si>
  <si>
    <t>GGHS DHAREKAN KALAN</t>
  </si>
  <si>
    <t>dherakan kalan</t>
  </si>
  <si>
    <t>SAIMA NAWAZ</t>
  </si>
  <si>
    <t>GES CHAK NO. 275/ TDA</t>
  </si>
  <si>
    <t>Chak No 275 TDA</t>
  </si>
  <si>
    <t>chak no 275/TDA p/o same</t>
  </si>
  <si>
    <t>47554</t>
  </si>
  <si>
    <t>GGPS SOHRAB KHELLAN WALA</t>
  </si>
  <si>
    <t>SOHRAB KHELAN WALA</t>
  </si>
  <si>
    <t>SAWANCE DERA SOHRAB KHELAN WALA</t>
  </si>
  <si>
    <t>Gull e Anbreen Shahzadi</t>
  </si>
  <si>
    <t>31277</t>
  </si>
  <si>
    <t>11918</t>
  </si>
  <si>
    <t>GGCMS NIAZ WALA</t>
  </si>
  <si>
    <t>dia choka sharki</t>
  </si>
  <si>
    <t>GGCM school niyaz wala</t>
  </si>
  <si>
    <t>saboo wala</t>
  </si>
  <si>
    <t>Daya Chokha Sharki</t>
  </si>
  <si>
    <t>24325</t>
  </si>
  <si>
    <t>GGHS KHANAN WALI</t>
  </si>
  <si>
    <t>Khananwali</t>
  </si>
  <si>
    <t>khananwali</t>
  </si>
  <si>
    <t>42308</t>
  </si>
  <si>
    <t>GGHS SADWAL KALAN</t>
  </si>
  <si>
    <t>Sadwal kalan</t>
  </si>
  <si>
    <t>v p o sadwal kalan teh kharian district Gujrat</t>
  </si>
  <si>
    <t>Aalia Hameed</t>
  </si>
  <si>
    <t>GGPS CHAK NO 123 TDA AZHAR WALA</t>
  </si>
  <si>
    <t>Basti Noor Faqir</t>
  </si>
  <si>
    <t>Chak no 122b/tda basti noor faqeer</t>
  </si>
  <si>
    <t>Akhter Bibi</t>
  </si>
  <si>
    <t>47577</t>
  </si>
  <si>
    <t>GGPS BEGU KHELAN WALA DERA BEGU KHELAN WALA</t>
  </si>
  <si>
    <t>dera begu khel an wala Tri khel</t>
  </si>
  <si>
    <t>Teri Khel</t>
  </si>
  <si>
    <t>Sahrish Nosheen</t>
  </si>
  <si>
    <t>31292</t>
  </si>
  <si>
    <t>37527</t>
  </si>
  <si>
    <t>GPS 111/15-L, P/O KOT SINGH, MIAN CHANNU</t>
  </si>
  <si>
    <t>chak no.111/15-L mohsinwal mianchannu</t>
  </si>
  <si>
    <t>Chak No111/15-L</t>
  </si>
  <si>
    <t>31293</t>
  </si>
  <si>
    <t>35541</t>
  </si>
  <si>
    <t>GHSS ISLAMIA GARHA MORE</t>
  </si>
  <si>
    <t>GARHA MORE TEH. MAILSI DISTT.VEHARI</t>
  </si>
  <si>
    <t>53820</t>
  </si>
  <si>
    <t>GGPS CHAK NO.2-A/GD</t>
  </si>
  <si>
    <t>2A/GD</t>
  </si>
  <si>
    <t>chak No 2A/GD</t>
  </si>
  <si>
    <t>L Plot Faujian</t>
  </si>
  <si>
    <t>GPS MUHAMMAD ABAD</t>
  </si>
  <si>
    <t>Miani Ichha</t>
  </si>
  <si>
    <t>basti kalhora moza miani ichha</t>
  </si>
  <si>
    <t>31981</t>
  </si>
  <si>
    <t>24634</t>
  </si>
  <si>
    <t>GMPS CM KALOAY</t>
  </si>
  <si>
    <t>Kaloay</t>
  </si>
  <si>
    <t>kaloay</t>
  </si>
  <si>
    <t>33077</t>
  </si>
  <si>
    <t>GGPS AADEM PUR</t>
  </si>
  <si>
    <t>Adam Pur</t>
  </si>
  <si>
    <t>Adam pur</t>
  </si>
  <si>
    <t>Chak No589 Adam Pur</t>
  </si>
  <si>
    <t>Balilah</t>
  </si>
  <si>
    <t>34212</t>
  </si>
  <si>
    <t>GHSS LAR MULTAN</t>
  </si>
  <si>
    <t>Ghss Lar multan</t>
  </si>
  <si>
    <t>syed Khalid Hussian Hamdani Hamdani</t>
  </si>
  <si>
    <t>GES MC BLOCK NO. 3</t>
  </si>
  <si>
    <t>Circular Road,Near Wirelesspull</t>
  </si>
  <si>
    <t>MCRYKhan/E</t>
  </si>
  <si>
    <t>98013</t>
  </si>
  <si>
    <t>GPS KARIM BUKHSH GACHAL</t>
  </si>
  <si>
    <t>Umar Wada Gachal</t>
  </si>
  <si>
    <t>Basti Malik Ahmad Hassan umar wada gachal</t>
  </si>
  <si>
    <t>Basti Ahmad Hassan</t>
  </si>
  <si>
    <t>Muhammad Qasim Hussain</t>
  </si>
  <si>
    <t>44377</t>
  </si>
  <si>
    <t>31999</t>
  </si>
  <si>
    <t>GHSS ROHILLAN WALI</t>
  </si>
  <si>
    <t>GT Road Ali pur Near Police Station Rohillanwali</t>
  </si>
  <si>
    <t>GGPS CHAK NO. 153 ML</t>
  </si>
  <si>
    <t>Chak No 153 ML</t>
  </si>
  <si>
    <t>Chak no 153ml kot addu</t>
  </si>
  <si>
    <t>Chak no 153ml</t>
  </si>
  <si>
    <t>Noor shah</t>
  </si>
  <si>
    <t>11411</t>
  </si>
  <si>
    <t>GGPS MUD ADIL</t>
  </si>
  <si>
    <t>Mud adil</t>
  </si>
  <si>
    <t>Bastimahardakhanachachranshareef</t>
  </si>
  <si>
    <t>Basti mahar</t>
  </si>
  <si>
    <t>TAHIRA TAYYEBA</t>
  </si>
  <si>
    <t>GGPS 23-1AL</t>
  </si>
  <si>
    <t>23/1al</t>
  </si>
  <si>
    <t>Chak No. 231AL</t>
  </si>
  <si>
    <t>chak no 23 1AL</t>
  </si>
  <si>
    <t>221AL</t>
  </si>
  <si>
    <t>Rukhsana Baqir</t>
  </si>
  <si>
    <t>GES CHAK 52/3-R</t>
  </si>
  <si>
    <t>chak no 52/3R post office 49/3R Teh &amp; Distt Okara</t>
  </si>
  <si>
    <t>Muhammad Rashid Ali</t>
  </si>
  <si>
    <t>GPS SADHRIAN</t>
  </si>
  <si>
    <t>SADHRIAN</t>
  </si>
  <si>
    <t>village SADHRIAN post office BARNALI  tehsil kharian district gujrat</t>
  </si>
  <si>
    <t>BARNALI</t>
  </si>
  <si>
    <t>52937</t>
  </si>
  <si>
    <t>GGHS AROORD AFGHANAN</t>
  </si>
  <si>
    <t>Arood Afghanan</t>
  </si>
  <si>
    <t>village Arood Afghanan tehsil and district Narowal</t>
  </si>
  <si>
    <t>Ayesha Fayyaz</t>
  </si>
  <si>
    <t>31786</t>
  </si>
  <si>
    <t>23385</t>
  </si>
  <si>
    <t>GPS VASAN</t>
  </si>
  <si>
    <t>Vasan</t>
  </si>
  <si>
    <t>village vasan post office mirza tahir tehsil kharian district gujrat</t>
  </si>
  <si>
    <t>Muhammad Mulazam</t>
  </si>
  <si>
    <t>GGHS 148/TDA KOUSAR ABAD</t>
  </si>
  <si>
    <t>Chak No 148/TDA  Layyah</t>
  </si>
  <si>
    <t>GGHS 148/TDA Kousar Abad Layyah</t>
  </si>
  <si>
    <t>Asfa Kanwal</t>
  </si>
  <si>
    <t>6673</t>
  </si>
  <si>
    <t>GGPS CHAK NO. 82/NP</t>
  </si>
  <si>
    <t>82NP</t>
  </si>
  <si>
    <t>GGPS 82NP</t>
  </si>
  <si>
    <t>GGHS LESSER KALAN</t>
  </si>
  <si>
    <t>LASSER Kalan</t>
  </si>
  <si>
    <t>Village and po LASSER kalan  tehsil zafarwal district Narowal</t>
  </si>
  <si>
    <t>Sidra Saghir</t>
  </si>
  <si>
    <t>GGPS CHAK NO.103/DB</t>
  </si>
  <si>
    <t>TAIL WALA - FEMALE</t>
  </si>
  <si>
    <t>chak No103/D.B Tehsil Yazman District Bahawalpur</t>
  </si>
  <si>
    <t>Chak No 103/DB</t>
  </si>
  <si>
    <t>Areeba Anum</t>
  </si>
  <si>
    <t>GMPS CHAK NO.112/DB</t>
  </si>
  <si>
    <t>112/db</t>
  </si>
  <si>
    <t>Chak No 112/DB Tehsil Yazman</t>
  </si>
  <si>
    <t>Chack 112/DB</t>
  </si>
  <si>
    <t>Chack 108/DB</t>
  </si>
  <si>
    <t>Surraya Qaisar</t>
  </si>
  <si>
    <t>GPS CHAK NO.20/DNB (E)</t>
  </si>
  <si>
    <t>20/DNB</t>
  </si>
  <si>
    <t>chak No 20/DNB</t>
  </si>
  <si>
    <t>20/DNB E</t>
  </si>
  <si>
    <t>Chak 35/DNB</t>
  </si>
  <si>
    <t>ASIM HYYAT ANJUM</t>
  </si>
  <si>
    <t>GPS CHAK NO.8/DNB</t>
  </si>
  <si>
    <t>chak no 8/DNB</t>
  </si>
  <si>
    <t>8/DNB</t>
  </si>
  <si>
    <t>Jahanzaib Shoukat</t>
  </si>
  <si>
    <t>42251</t>
  </si>
  <si>
    <t>GHS CHAK NO.132/DNB MERANA</t>
  </si>
  <si>
    <t>Chak no 132/DNB. P/o Shahi wala</t>
  </si>
  <si>
    <t>132/DNB</t>
  </si>
  <si>
    <t>M YOUNAS SHAHID</t>
  </si>
  <si>
    <t>GGPS PINDI CHANANI</t>
  </si>
  <si>
    <t>Pindi Chanian</t>
  </si>
  <si>
    <t>pindi Chaniani P/o Marjal</t>
  </si>
  <si>
    <t>Pindi Chaniani</t>
  </si>
  <si>
    <t>Morara</t>
  </si>
  <si>
    <t>Roqiya Bilqees Akhtar</t>
  </si>
  <si>
    <t>GGPS MAJRA</t>
  </si>
  <si>
    <t>village majra P.O zafarwal district narowal</t>
  </si>
  <si>
    <t>GPS CHAK BAGH WALA</t>
  </si>
  <si>
    <t>chak baghwala markaz Adda pull 13000 tehsil yazman bahawalpur</t>
  </si>
  <si>
    <t>Chack No 35/DNB</t>
  </si>
  <si>
    <t>MUHAMMAD AWAIS IQBAL</t>
  </si>
  <si>
    <t>GPS SALOWAL</t>
  </si>
  <si>
    <t>Salowal</t>
  </si>
  <si>
    <t>Village Salowal P/O Marjal Tehsil zafarwal District Narowal</t>
  </si>
  <si>
    <t>42262</t>
  </si>
  <si>
    <t>26544</t>
  </si>
  <si>
    <t>GHSS RAMBRI</t>
  </si>
  <si>
    <t>village &amp; po Rambri tehsil Zafarwal district narowal</t>
  </si>
  <si>
    <t>42263</t>
  </si>
  <si>
    <t>GPS CHAK NO.113/DB (E)</t>
  </si>
  <si>
    <t>113/DB E</t>
  </si>
  <si>
    <t>GPS 113/DB (E) tahsil yazman bwp</t>
  </si>
  <si>
    <t>113/ DB E</t>
  </si>
  <si>
    <t>GGPS CHAK NO.95/DB</t>
  </si>
  <si>
    <t>95/db</t>
  </si>
  <si>
    <t>chak no 95/db p/o93/db Tehsil Yazman District Bahawalpur</t>
  </si>
  <si>
    <t>Chak No95/db</t>
  </si>
  <si>
    <t>Chak No 88/db</t>
  </si>
  <si>
    <t>Shabnam Shouket</t>
  </si>
  <si>
    <t>GES CHAK NO.89/DB</t>
  </si>
  <si>
    <t>Chak No 89 DB</t>
  </si>
  <si>
    <t>Chak No 88 DB</t>
  </si>
  <si>
    <t>GGPS CHAK NO.104/DB</t>
  </si>
  <si>
    <t>chack 104</t>
  </si>
  <si>
    <t>Shabana Noreen</t>
  </si>
  <si>
    <t>GGPS JAJIAL</t>
  </si>
  <si>
    <t>jajyal</t>
  </si>
  <si>
    <t>village jajyal p/o pindi porbian tehsil zafarwal district narowal</t>
  </si>
  <si>
    <t>bara pind</t>
  </si>
  <si>
    <t>Zainib Bibi</t>
  </si>
  <si>
    <t>42273</t>
  </si>
  <si>
    <t>GGCMS CHAK NO.90/DB</t>
  </si>
  <si>
    <t>Chak 90 DB</t>
  </si>
  <si>
    <t>Chak no 89/DB Yazman</t>
  </si>
  <si>
    <t>11803</t>
  </si>
  <si>
    <t>GPS CHAK NO.98/DB</t>
  </si>
  <si>
    <t>98 Db</t>
  </si>
  <si>
    <t>chak no.98 db tehseel yaaman</t>
  </si>
  <si>
    <t>88 Db</t>
  </si>
  <si>
    <t>GPS CHAK NO.137/DB</t>
  </si>
  <si>
    <t>137/db</t>
  </si>
  <si>
    <t>chak no 137 db</t>
  </si>
  <si>
    <t>137 Db</t>
  </si>
  <si>
    <t>67db</t>
  </si>
  <si>
    <t>M Altaf Shakir</t>
  </si>
  <si>
    <t>42279</t>
  </si>
  <si>
    <t>GPS CHAK NO. 21/DNB</t>
  </si>
  <si>
    <t>21/DNB</t>
  </si>
  <si>
    <t>Chak No.21/DNB. P/O Chak No.22/DNB. Tehsil Yazman. District Bahawal Pur.</t>
  </si>
  <si>
    <t>23985</t>
  </si>
  <si>
    <t>GPS CHAK NO.99/DB (E)</t>
  </si>
  <si>
    <t>Chak No 99 /db E</t>
  </si>
  <si>
    <t>chak no 99/db east yazman</t>
  </si>
  <si>
    <t>Chak 99/db E</t>
  </si>
  <si>
    <t>Chak No/88</t>
  </si>
  <si>
    <t>GGPS CHAK NO.41/DB (E)</t>
  </si>
  <si>
    <t>Chak No 41/DB East</t>
  </si>
  <si>
    <t>chak no 41 D.B East</t>
  </si>
  <si>
    <t>Chak  no.44 D/B</t>
  </si>
  <si>
    <t>Shahida Kouser</t>
  </si>
  <si>
    <t>GPS CHAK NO.90/DB</t>
  </si>
  <si>
    <t>Chak # 90 DB</t>
  </si>
  <si>
    <t>chak # 90 D.B</t>
  </si>
  <si>
    <t>Chak  # 90 DB</t>
  </si>
  <si>
    <t>Chak  # 88 DB</t>
  </si>
  <si>
    <t>GPS CHAK NO.1/DNB</t>
  </si>
  <si>
    <t>Chak No 1/DNB</t>
  </si>
  <si>
    <t>Chak No.1/DNB Yazman Bahawalpur</t>
  </si>
  <si>
    <t>Chak No 6/DNB</t>
  </si>
  <si>
    <t>Umar Alyas</t>
  </si>
  <si>
    <t>26834</t>
  </si>
  <si>
    <t>GGPS NEHER</t>
  </si>
  <si>
    <t>Nehar</t>
  </si>
  <si>
    <t>Nehar village</t>
  </si>
  <si>
    <t>Lesser Kalan</t>
  </si>
  <si>
    <t>Komal Sanaullah</t>
  </si>
  <si>
    <t>GPS CHAK NO.24/DNB</t>
  </si>
  <si>
    <t>Chak No 24 d n b tehsil yazman</t>
  </si>
  <si>
    <t>Chak No 24 D N B</t>
  </si>
  <si>
    <t>22 D N B</t>
  </si>
  <si>
    <t>GGPS CHAK NO.86/DB</t>
  </si>
  <si>
    <t>GGPS86DB</t>
  </si>
  <si>
    <t>86DB</t>
  </si>
  <si>
    <t>88DB</t>
  </si>
  <si>
    <t>Shaheen Shehzadi</t>
  </si>
  <si>
    <t>GGHS DARMAN</t>
  </si>
  <si>
    <t>vill. darman teh. zafarwal distt. narowal</t>
  </si>
  <si>
    <t>Shagufta Ghulam Nabi</t>
  </si>
  <si>
    <t>GPS CHAK NO.85/DB</t>
  </si>
  <si>
    <t>85/db</t>
  </si>
  <si>
    <t>chak no.85/db yazman</t>
  </si>
  <si>
    <t>Chak No. 75/dB</t>
  </si>
  <si>
    <t>Tanzeela Ghaffar</t>
  </si>
  <si>
    <t>GGES CHAK NO.106/DNB</t>
  </si>
  <si>
    <t>106/DNB</t>
  </si>
  <si>
    <t>GGES 106/Dnb</t>
  </si>
  <si>
    <t>Shaheen Razzaq</t>
  </si>
  <si>
    <t>517276</t>
  </si>
  <si>
    <t>GPS CHAK NO.40/DNB</t>
  </si>
  <si>
    <t>CHAK NO 40/DNB</t>
  </si>
  <si>
    <t>chak no 40/dnb. p/o. chak no 111/dnb</t>
  </si>
  <si>
    <t>40/DNB</t>
  </si>
  <si>
    <t>Abdul Rasheed Gujjar</t>
  </si>
  <si>
    <t>42305</t>
  </si>
  <si>
    <t>GMPS CHAK NO.99/DB (W)</t>
  </si>
  <si>
    <t>99 Db West</t>
  </si>
  <si>
    <t>post office 99 db west</t>
  </si>
  <si>
    <t>99 DB West</t>
  </si>
  <si>
    <t>MISBAH RAMZAN</t>
  </si>
  <si>
    <t>GPS CHAK NO.73/DB</t>
  </si>
  <si>
    <t>Chak 73 DB</t>
  </si>
  <si>
    <t>Ckak no 73/DB Yazman</t>
  </si>
  <si>
    <t>Chak No73/dB</t>
  </si>
  <si>
    <t>Chak No. 75/ DB</t>
  </si>
  <si>
    <t>GPS CHAK NO.30-32/DNB</t>
  </si>
  <si>
    <t>32/DNB</t>
  </si>
  <si>
    <t>chak no 32 DNB tehsil yazman bahawalpur</t>
  </si>
  <si>
    <t>Chak No 22 DNB</t>
  </si>
  <si>
    <t>GPS CHAK NO.74/DB CHOLISTAN YAZMAN</t>
  </si>
  <si>
    <t>74/db</t>
  </si>
  <si>
    <t>Chak No. 74/DB Cholistan Yazman</t>
  </si>
  <si>
    <t>Chak 74/db</t>
  </si>
  <si>
    <t>Mian Muhammad Tayyab</t>
  </si>
  <si>
    <t>42314</t>
  </si>
  <si>
    <t>GGCMS CHAK NO.51/DB (N)</t>
  </si>
  <si>
    <t>51/db I</t>
  </si>
  <si>
    <t>chak no 51db n</t>
  </si>
  <si>
    <t>Chak  no 51db  n</t>
  </si>
  <si>
    <t>Chak 117 DB</t>
  </si>
  <si>
    <t>42316</t>
  </si>
  <si>
    <t>GGCMS CHAK NO.55/DB</t>
  </si>
  <si>
    <t>Chak # 55 DB</t>
  </si>
  <si>
    <t>Chak # 55 DB tehsil yazman</t>
  </si>
  <si>
    <t>Chak # 50 DB</t>
  </si>
  <si>
    <t>Masooda Zeenat</t>
  </si>
  <si>
    <t>19605</t>
  </si>
  <si>
    <t>GGPS CHAK NO. 47/DB BHATTA COLONY</t>
  </si>
  <si>
    <t>47/DB</t>
  </si>
  <si>
    <t>Chak No 47DB Bhatta Colony Yazman</t>
  </si>
  <si>
    <t>68/DB</t>
  </si>
  <si>
    <t>Saima Zulfiqar</t>
  </si>
  <si>
    <t>GPS CHAK NO.118/DB</t>
  </si>
  <si>
    <t>118/db</t>
  </si>
  <si>
    <t>chak no 118 db yazman</t>
  </si>
  <si>
    <t>GPS 118 DB</t>
  </si>
  <si>
    <t>67 DB</t>
  </si>
  <si>
    <t>GPS MODEL CHAK NO.43/DB (E)</t>
  </si>
  <si>
    <t>post office 42/db chack no 43/db east tehsil yazman dist bwp</t>
  </si>
  <si>
    <t>43/db  east</t>
  </si>
  <si>
    <t>44/dB</t>
  </si>
  <si>
    <t>Firdos Kausar</t>
  </si>
  <si>
    <t>42326</t>
  </si>
  <si>
    <t>GGHS HAIBAT PUR</t>
  </si>
  <si>
    <t>haibat pur</t>
  </si>
  <si>
    <t>haibatpur tehsil zafarwal district narrowal</t>
  </si>
  <si>
    <t>uncha kalan</t>
  </si>
  <si>
    <t>Irshad bajwa</t>
  </si>
  <si>
    <t>54233</t>
  </si>
  <si>
    <t>GPS CHAK NO.39/DNB</t>
  </si>
  <si>
    <t>chak no.39\Dnb</t>
  </si>
  <si>
    <t>39Dnb</t>
  </si>
  <si>
    <t>36Dnb</t>
  </si>
  <si>
    <t>muhammad tayyab</t>
  </si>
  <si>
    <t>GPS CHAK NO.109/DNB</t>
  </si>
  <si>
    <t>Chak No 109/DNB</t>
  </si>
  <si>
    <t>chak no 109/DNB tehsil yazman distt bahawalpur</t>
  </si>
  <si>
    <t>Chak No 36/DNB</t>
  </si>
  <si>
    <t>GGES CHAK NO. 50/DB MUMTAZ ABAD</t>
  </si>
  <si>
    <t>50 Db</t>
  </si>
  <si>
    <t>chak 50 d.b</t>
  </si>
  <si>
    <t>Chak 50 Db Basti Mumtazabad</t>
  </si>
  <si>
    <t>Chak 50 DB</t>
  </si>
  <si>
    <t>Chanda PO Chakk dolaa Tehsil Zafarwal District Narowal</t>
  </si>
  <si>
    <t>GES CHAK NO.111/DNB</t>
  </si>
  <si>
    <t>Chak#111DNB</t>
  </si>
  <si>
    <t>chak#111dnb yazman</t>
  </si>
  <si>
    <t>111dnb</t>
  </si>
  <si>
    <t>36dnb</t>
  </si>
  <si>
    <t>Muhammad Faisal Rashid</t>
  </si>
  <si>
    <t>GGPS CHAK NO.19/DNB</t>
  </si>
  <si>
    <t>19 D N B</t>
  </si>
  <si>
    <t>GGPS 19 D . N .B</t>
  </si>
  <si>
    <t>35 D N B</t>
  </si>
  <si>
    <t>Qaisra Noreen</t>
  </si>
  <si>
    <t>GPS CHAK NO.112/DNB</t>
  </si>
  <si>
    <t>Chak 112 DNB</t>
  </si>
  <si>
    <t>GPS 112/DNB Headrajkan, Yazman</t>
  </si>
  <si>
    <t>112 DNB</t>
  </si>
  <si>
    <t>CHAK NO 36/DNB</t>
  </si>
  <si>
    <t>Akash Praym</t>
  </si>
  <si>
    <t>42340</t>
  </si>
  <si>
    <t>GGES CHAK NO.140/DB (N)</t>
  </si>
  <si>
    <t>140DBn</t>
  </si>
  <si>
    <t>140 DB. n Tehsil Yazman , district Bahawalpur</t>
  </si>
  <si>
    <t>Chak 140 DB North</t>
  </si>
  <si>
    <t>Chak 67 DB</t>
  </si>
  <si>
    <t>31782</t>
  </si>
  <si>
    <t>GHS BARA PIND</t>
  </si>
  <si>
    <t>Vpo barapind</t>
  </si>
  <si>
    <t>GGPS CHAK NO.65/DB (S)</t>
  </si>
  <si>
    <t>65/d.b south tahsil yazman district bahawalpur.</t>
  </si>
  <si>
    <t>65/db South</t>
  </si>
  <si>
    <t>117/db</t>
  </si>
  <si>
    <t>GPS CHAK NO.113/DNB</t>
  </si>
  <si>
    <t>Chak No 113</t>
  </si>
  <si>
    <t>chak no 113 dnb.</t>
  </si>
  <si>
    <t>Chak 113 D N B</t>
  </si>
  <si>
    <t>Chak No 17 Dnb</t>
  </si>
  <si>
    <t>Mohammed Tahir Rasheed</t>
  </si>
  <si>
    <t>GGPS CHAK NO.102/DB (N)</t>
  </si>
  <si>
    <t>102 dB-n</t>
  </si>
  <si>
    <t>102 Db N</t>
  </si>
  <si>
    <t>Tahseen Anjum</t>
  </si>
  <si>
    <t>53082</t>
  </si>
  <si>
    <t>GGES CHAK NO.139/DB</t>
  </si>
  <si>
    <t>139/db</t>
  </si>
  <si>
    <t>chak no 139/db</t>
  </si>
  <si>
    <t>47377</t>
  </si>
  <si>
    <t>GPS CHAK NO.33/DNB (W)</t>
  </si>
  <si>
    <t>Chack No 33dnb</t>
  </si>
  <si>
    <t>chack no 33dnb w yazman</t>
  </si>
  <si>
    <t>Chack No 33dnb W</t>
  </si>
  <si>
    <t>Chack 35dnb</t>
  </si>
  <si>
    <t>GPS CHAK NO.41/DNB</t>
  </si>
  <si>
    <t>chak no 41 dnb p/o 111 dnb tehsil yazman  bahawalpur</t>
  </si>
  <si>
    <t>41DNB W</t>
  </si>
  <si>
    <t>Shahid Jameel</t>
  </si>
  <si>
    <t>42359</t>
  </si>
  <si>
    <t>GPS Chak No. 71/DB</t>
  </si>
  <si>
    <t>Basti Jagan Peer</t>
  </si>
  <si>
    <t>Chak # 71 DB Cholistan Basti Jagan peer , Yazman</t>
  </si>
  <si>
    <t>71 DB Cholistan</t>
  </si>
  <si>
    <t>Sadia Ameen</t>
  </si>
  <si>
    <t>GGPS CHAK NO.49/DB (E)</t>
  </si>
  <si>
    <t>chak 49 db east</t>
  </si>
  <si>
    <t>Chak 49 DB East</t>
  </si>
  <si>
    <t>48957</t>
  </si>
  <si>
    <t>GPS NO.1 CHAK NO.40 SB</t>
  </si>
  <si>
    <t>Chak No 40 SB</t>
  </si>
  <si>
    <t>chak No 40 SB Sargodha</t>
  </si>
  <si>
    <t>Chak No 42 SB</t>
  </si>
  <si>
    <t>Hassan Ejaz</t>
  </si>
  <si>
    <t>54524</t>
  </si>
  <si>
    <t>GGPS ANWAR SHAH (De-consolidated April-2016)</t>
  </si>
  <si>
    <t>Anwar Shah</t>
  </si>
  <si>
    <t>Anwar Shah, H B Shah</t>
  </si>
  <si>
    <t>H B Shah</t>
  </si>
  <si>
    <t>GGPS YOUSAF WALA</t>
  </si>
  <si>
    <t>H B SHAH</t>
  </si>
  <si>
    <t>Yousaf Wala, H B Shah</t>
  </si>
  <si>
    <t>Nusrat Ambreen</t>
  </si>
  <si>
    <t>GPS FAISAL TOWN</t>
  </si>
  <si>
    <t>GGES SAHJOWAL</t>
  </si>
  <si>
    <t>sehjowal</t>
  </si>
  <si>
    <t>VILLAGE SEHHUWAL.TEHSIL SHARAQPUR</t>
  </si>
  <si>
    <t>GPS AYYA PUR</t>
  </si>
  <si>
    <t>Ayya pur</t>
  </si>
  <si>
    <t>ayya pur</t>
  </si>
  <si>
    <t>Muhammad Moeen</t>
  </si>
  <si>
    <t>GMPS HAYDRI CHAMAN</t>
  </si>
  <si>
    <t>gulgusht</t>
  </si>
  <si>
    <t>Haidry Chamn</t>
  </si>
  <si>
    <t>GES PACCA GARHA</t>
  </si>
  <si>
    <t>pacca Garha</t>
  </si>
  <si>
    <t>Pacca Garha Sialkot</t>
  </si>
  <si>
    <t>Muhammad Rafiq Chaychee</t>
  </si>
  <si>
    <t>38098</t>
  </si>
  <si>
    <t>GES SEHJOWAL</t>
  </si>
  <si>
    <t>Sehjowal P.O. sharqpur Tehsil Sharqpur Distrect sheikhupura</t>
  </si>
  <si>
    <t>Muhammad Siddique Tahir</t>
  </si>
  <si>
    <t>38099</t>
  </si>
  <si>
    <t>32393</t>
  </si>
  <si>
    <t>GPS CHATTI (DERA SUBHAN ALLAH)</t>
  </si>
  <si>
    <t>Lalo Phoman</t>
  </si>
  <si>
    <t>govt primary school chatti subhanAllah</t>
  </si>
  <si>
    <t>Kudalthi</t>
  </si>
  <si>
    <t>GGPS KHIZAR ABAD</t>
  </si>
  <si>
    <t>Khizar Abad</t>
  </si>
  <si>
    <t>Khizar Abad, H B Shah</t>
  </si>
  <si>
    <t>Nazma Batool</t>
  </si>
  <si>
    <t>38103</t>
  </si>
  <si>
    <t>25151</t>
  </si>
  <si>
    <t>GMPS SUKHIAL</t>
  </si>
  <si>
    <t>Sukhial</t>
  </si>
  <si>
    <t>village sukhial p/o kachi mand bajwat sialkot</t>
  </si>
  <si>
    <t>46234</t>
  </si>
  <si>
    <t>38105</t>
  </si>
  <si>
    <t>GGPS SHAHBAZ ABAD</t>
  </si>
  <si>
    <t>Shehbaz Abad</t>
  </si>
  <si>
    <t>Shehbaz Abad, Rustam Sargana</t>
  </si>
  <si>
    <t>Farhat Bi Bi</t>
  </si>
  <si>
    <t>GGPS DERA CHARAGHDIN</t>
  </si>
  <si>
    <t>P/O Kharianwala Dis. Sheikhupura GGPS Dera Charagdin</t>
  </si>
  <si>
    <t>Dera Charagdin</t>
  </si>
  <si>
    <t>Khudija Ashraf</t>
  </si>
  <si>
    <t>19657</t>
  </si>
  <si>
    <t>18087</t>
  </si>
  <si>
    <t>GPS CHAK NO 491 JB CHADHAR</t>
  </si>
  <si>
    <t>491 Abadi Chadhar</t>
  </si>
  <si>
    <t>chak no 491 Abadi chadhar Tehsil shorkot District Jhang</t>
  </si>
  <si>
    <t>Peer wala</t>
  </si>
  <si>
    <t>GGPS AMEER SHAH MOZA PEER WALA</t>
  </si>
  <si>
    <t>Ameer shah</t>
  </si>
  <si>
    <t>REHANA JABEEN</t>
  </si>
  <si>
    <t>18028</t>
  </si>
  <si>
    <t>GMPS RAJIN AMAM</t>
  </si>
  <si>
    <t>Gmps rajan Imam Moza peer Wala</t>
  </si>
  <si>
    <t>Rajin Imam</t>
  </si>
  <si>
    <t>48961</t>
  </si>
  <si>
    <t>GPS AHLI RAWAN CHAK NO. 110 SB</t>
  </si>
  <si>
    <t>Ahli Rawan</t>
  </si>
  <si>
    <t>Ahli Rawan Chak 110 SB</t>
  </si>
  <si>
    <t>Chak 110 SB</t>
  </si>
  <si>
    <t>111 SB</t>
  </si>
  <si>
    <t>GGPS CHAK 17 UCC</t>
  </si>
  <si>
    <t>chak # 17 ucc teh. sharaqpur dist. sheikhupura</t>
  </si>
  <si>
    <t>Chak # 17 UCC</t>
  </si>
  <si>
    <t>Shama Ghulam Rasool</t>
  </si>
  <si>
    <t>32509</t>
  </si>
  <si>
    <t>GPS KOT MAHMOOD</t>
  </si>
  <si>
    <t>kot mehmood p/o kot mehmood tehsil sharaqpur district sheikhupura</t>
  </si>
  <si>
    <t>GES HUNDAL</t>
  </si>
  <si>
    <t>Hundal PO Same Tehsil &amp; District Sialkot</t>
  </si>
  <si>
    <t>Qaisar Majeed Butt</t>
  </si>
  <si>
    <t>16304</t>
  </si>
  <si>
    <t>54037</t>
  </si>
  <si>
    <t>GGPS GHULAM</t>
  </si>
  <si>
    <t>GHULAM</t>
  </si>
  <si>
    <t>chak GHULAM</t>
  </si>
  <si>
    <t>Salma Hanif</t>
  </si>
  <si>
    <t>32291</t>
  </si>
  <si>
    <t>GGPS SODAH TANKI</t>
  </si>
  <si>
    <t>Shahar Fareed</t>
  </si>
  <si>
    <t>G. G. P. S soda tainki chishtian</t>
  </si>
  <si>
    <t>Soda Tainki</t>
  </si>
  <si>
    <t>Umber Sohail</t>
  </si>
  <si>
    <t>GHS JAMO WACHAL</t>
  </si>
  <si>
    <t>Jammu Wachhal</t>
  </si>
  <si>
    <t>GGHS GLOTIAN KHURD</t>
  </si>
  <si>
    <t>Galotian Khurd</t>
  </si>
  <si>
    <t>Vill. &amp; P.O Galotian Khurd teh. Daska Distt. Sialkot</t>
  </si>
  <si>
    <t>Galotian khurd</t>
  </si>
  <si>
    <t>uzma parveen</t>
  </si>
  <si>
    <t>GES CHAK NO. 239-B TDA</t>
  </si>
  <si>
    <t>RAKH MOJ GARH</t>
  </si>
  <si>
    <t>chak no.239b tda fatehpur tehsil karor district Layyah</t>
  </si>
  <si>
    <t>CHAK NO.239-B/TDA</t>
  </si>
  <si>
    <t>FATEH PUR RURAL</t>
  </si>
  <si>
    <t>GPS CHAK 262 RB III</t>
  </si>
  <si>
    <t>GPS 262RBIII</t>
  </si>
  <si>
    <t>262RB</t>
  </si>
  <si>
    <t>50097</t>
  </si>
  <si>
    <t>GHS RAI NIAZ CCE</t>
  </si>
  <si>
    <t>BLOCK NO 8</t>
  </si>
  <si>
    <t>BLOCK NO 8 OKANWALA ROAD CHICHAWATNI</t>
  </si>
  <si>
    <t>Block No 8</t>
  </si>
  <si>
    <t>MC CCI</t>
  </si>
  <si>
    <t>MUHAMMAD ARSHAD ALI</t>
  </si>
  <si>
    <t>53024</t>
  </si>
  <si>
    <t>GGPS DELIAN WALI</t>
  </si>
  <si>
    <t>DELIAN Wali</t>
  </si>
  <si>
    <t>GGPS DELIAN wali</t>
  </si>
  <si>
    <t>SANA SALEEM</t>
  </si>
  <si>
    <t>52428</t>
  </si>
  <si>
    <t>GPS BADRI DAS</t>
  </si>
  <si>
    <t>Badri Das</t>
  </si>
  <si>
    <t>badri das hujra shah muqeem</t>
  </si>
  <si>
    <t>Badri  Das</t>
  </si>
  <si>
    <t>Bhon  Manzabtah</t>
  </si>
  <si>
    <t>muhammad Yasin</t>
  </si>
  <si>
    <t>GPS BHANGOO WALA</t>
  </si>
  <si>
    <t>Bhangoo Wala</t>
  </si>
  <si>
    <t>GPS Bhangoo wala Markaz Mokal</t>
  </si>
  <si>
    <t>Kottha</t>
  </si>
  <si>
    <t>43382</t>
  </si>
  <si>
    <t>GHS CHAK NO 657/8 GB</t>
  </si>
  <si>
    <t>657/ 8 G B Kot Hassan Kan</t>
  </si>
  <si>
    <t>Chak  No 657/ 8 G. B Kot Hassan Khan jaranwala faisalabad</t>
  </si>
  <si>
    <t>Chak No 657/ 8 G B</t>
  </si>
  <si>
    <t>GGES KOTLI NOSHERA</t>
  </si>
  <si>
    <t>Kotlinoshehra</t>
  </si>
  <si>
    <t>village kotlinoshehra p/o wadala sundhwan the daska</t>
  </si>
  <si>
    <t>Azra Sajid</t>
  </si>
  <si>
    <t>52734</t>
  </si>
  <si>
    <t>GMPS BONGA SODHI WALA</t>
  </si>
  <si>
    <t>Bunga Sodi Wala</t>
  </si>
  <si>
    <t>bunga sodhi Wala p/o shergarh Teh. depalpur ( Okara)</t>
  </si>
  <si>
    <t>Bunga Sodhi Wala</t>
  </si>
  <si>
    <t>Bhutta Mohabbat</t>
  </si>
  <si>
    <t>36995</t>
  </si>
  <si>
    <t>GPS QURESHIAN WALA, P/O QATAL PUR, SARAI SIDHU</t>
  </si>
  <si>
    <t>qureshian wala qatal pur</t>
  </si>
  <si>
    <t>50373</t>
  </si>
  <si>
    <t>GPS 162/9-L</t>
  </si>
  <si>
    <t>chak no.162/9.L Chichawatni Distt. Sahiwal</t>
  </si>
  <si>
    <t>16379</t>
  </si>
  <si>
    <t>GGES CHAK NO.107/TDA</t>
  </si>
  <si>
    <t>thal</t>
  </si>
  <si>
    <t>chak no 107/TDA karor</t>
  </si>
  <si>
    <t>chak no 107/tDA</t>
  </si>
  <si>
    <t>gray wala</t>
  </si>
  <si>
    <t>39028</t>
  </si>
  <si>
    <t>33697</t>
  </si>
  <si>
    <t>GPS BEHL PUR</t>
  </si>
  <si>
    <t>Behal Pur</t>
  </si>
  <si>
    <t>village post office behal pur teh&amp;ditts gujrat</t>
  </si>
  <si>
    <t>Kasooki</t>
  </si>
  <si>
    <t>Sohail Ahsan</t>
  </si>
  <si>
    <t>GGES RAHGO SEYDAN</t>
  </si>
  <si>
    <t>Ragho Syedan</t>
  </si>
  <si>
    <t>village RAHGO  Syedan, Teh and District hafizabad</t>
  </si>
  <si>
    <t>Kot Said  Muhammad</t>
  </si>
  <si>
    <t>Musarrat Tahira</t>
  </si>
  <si>
    <t>34484</t>
  </si>
  <si>
    <t>3334</t>
  </si>
  <si>
    <t>44146</t>
  </si>
  <si>
    <t>GGES MOHAN</t>
  </si>
  <si>
    <t>VILLAGE MOHAN PO SALOI</t>
  </si>
  <si>
    <t>MOHAN</t>
  </si>
  <si>
    <t>BASHARAT</t>
  </si>
  <si>
    <t>SHAMSA ASIF</t>
  </si>
  <si>
    <t>GPS CHAK NO 42</t>
  </si>
  <si>
    <t>Chack 42</t>
  </si>
  <si>
    <t>chack no 42 tehsil ferozwala district sheikhupura</t>
  </si>
  <si>
    <t>Chack No 42</t>
  </si>
  <si>
    <t>GES MARI HAZARA</t>
  </si>
  <si>
    <t>Mari hazara</t>
  </si>
  <si>
    <t>Tariq Mahmood Amer</t>
  </si>
  <si>
    <t>37805</t>
  </si>
  <si>
    <t>GGCMS CHAK NO.143/M</t>
  </si>
  <si>
    <t>143/m</t>
  </si>
  <si>
    <t>GGCMS 143/M Hasilpur</t>
  </si>
  <si>
    <t>shazia Ehsan</t>
  </si>
  <si>
    <t>42969</t>
  </si>
  <si>
    <t>GGPS NANDNA MANGRAL</t>
  </si>
  <si>
    <t>Numb</t>
  </si>
  <si>
    <t>ggpsNandnamangral villNumb po chowkpandori kallar Rwp</t>
  </si>
  <si>
    <t>Rashada Qayyum</t>
  </si>
  <si>
    <t>41044</t>
  </si>
  <si>
    <t>GHS HANESAR</t>
  </si>
  <si>
    <t>HANESAR</t>
  </si>
  <si>
    <t>VILL &amp; P.O HANESAR</t>
  </si>
  <si>
    <t>Raja Muhammad Jamil</t>
  </si>
  <si>
    <t>GPS GHAGH WALA</t>
  </si>
  <si>
    <t>GPS Ghagh Wala moza nither Kay tehsilbhowana disst chiniot</t>
  </si>
  <si>
    <t>Ghagh Wala</t>
  </si>
  <si>
    <t>Chack No 195</t>
  </si>
  <si>
    <t>36695</t>
  </si>
  <si>
    <t>GPS SOLGI, P/O JAWIND SING WALA, KABIRWALA</t>
  </si>
  <si>
    <t>SOLGI</t>
  </si>
  <si>
    <t>Basti Tariqabad Solgi.Tehsil Kabirwala</t>
  </si>
  <si>
    <t>Basti Tariqabad</t>
  </si>
  <si>
    <t>5 KASSI</t>
  </si>
  <si>
    <t>AMEER AHMAD</t>
  </si>
  <si>
    <t>GPS CHAK NO 251 JB NORTH</t>
  </si>
  <si>
    <t>chak no. 251 (N) tahsil and district jhang</t>
  </si>
  <si>
    <t>Chak No 251 N</t>
  </si>
  <si>
    <t>GGHS PIPLI PAHAR</t>
  </si>
  <si>
    <t>Pipli pahar</t>
  </si>
  <si>
    <t>NUZHAT SULTANA</t>
  </si>
  <si>
    <t>GMPS FAZAL COLONY</t>
  </si>
  <si>
    <t>fazal colony</t>
  </si>
  <si>
    <t>Fazal colony</t>
  </si>
  <si>
    <t>Mundaykey Goraya</t>
  </si>
  <si>
    <t>safeena yasmeen</t>
  </si>
  <si>
    <t>41043</t>
  </si>
  <si>
    <t>village and p.o nara</t>
  </si>
  <si>
    <t>Malik  Shahzad Khan</t>
  </si>
  <si>
    <t>BOOR</t>
  </si>
  <si>
    <t>GHS CHAK NO 185 JB</t>
  </si>
  <si>
    <t>CHAK NO 185/JB</t>
  </si>
  <si>
    <t>CHAK NO 185/JB TEHSIL BHOWANA DISTRICT CHINIOT</t>
  </si>
  <si>
    <t>CHAK NO 184/JB</t>
  </si>
  <si>
    <t>AMANAT ALI</t>
  </si>
  <si>
    <t>39794</t>
  </si>
  <si>
    <t>village and post office sultanpur tehsil hassan abdal attock</t>
  </si>
  <si>
    <t>ASHRAF KHAN</t>
  </si>
  <si>
    <t>Choni South</t>
  </si>
  <si>
    <t>jhar bhar,U.c yousaf shah,Bhakkar</t>
  </si>
  <si>
    <t>Jhar Bhar</t>
  </si>
  <si>
    <t>Sammar Abbas Khan</t>
  </si>
  <si>
    <t>GMPS 12 GHAGH, ABDUL HAKIM</t>
  </si>
  <si>
    <t>12 Ghagh</t>
  </si>
  <si>
    <t>chak no 12 ghagh tehsil kabirwala district khanewal</t>
  </si>
  <si>
    <t>Chak No12 Ghagh</t>
  </si>
  <si>
    <t>Anuam Shahzadi</t>
  </si>
  <si>
    <t>GGHS PHULARWAN</t>
  </si>
  <si>
    <t>phularwan</t>
  </si>
  <si>
    <t>Touqeer Asmat</t>
  </si>
  <si>
    <t>Hussain  Abad</t>
  </si>
  <si>
    <t>8253</t>
  </si>
  <si>
    <t>GPS SARDARI BALOCH</t>
  </si>
  <si>
    <t>Goth Mehru</t>
  </si>
  <si>
    <t>Basti sardari baloch moza goth mehru musafir khana bahawalpur</t>
  </si>
  <si>
    <t>Basti Sardari baloch</t>
  </si>
  <si>
    <t>Muhammad Jamshed Akhtar</t>
  </si>
  <si>
    <t>GGPS CHAK NO.184/M-A</t>
  </si>
  <si>
    <t>po186m check no 184m teh HSP dist Bwp</t>
  </si>
  <si>
    <t>184m</t>
  </si>
  <si>
    <t>42473</t>
  </si>
  <si>
    <t>GPS GUJAR KHAN NO. 2</t>
  </si>
  <si>
    <t>Government primary school gujar khan no 2</t>
  </si>
  <si>
    <t>31430</t>
  </si>
  <si>
    <t>GPS CHAK NO 46</t>
  </si>
  <si>
    <t>Chak no 46 ferozewala</t>
  </si>
  <si>
    <t>Shabeer Hussain</t>
  </si>
  <si>
    <t>GHS CHAK 417 JB</t>
  </si>
  <si>
    <t>Seowal Nawaday</t>
  </si>
  <si>
    <t>chak no 417 j.b, tehsilgojra</t>
  </si>
  <si>
    <t>417 JB</t>
  </si>
  <si>
    <t>417 Jb</t>
  </si>
  <si>
    <t>MUHAMMAD SHAHBAZ HUSSAIN</t>
  </si>
  <si>
    <t>GPS KHICHI WALA</t>
  </si>
  <si>
    <t>Gallah Colony Khichiwala</t>
  </si>
  <si>
    <t>people's colony khichiwala</t>
  </si>
  <si>
    <t>Chak No 187/7-R</t>
  </si>
  <si>
    <t>M  Naveed Ul Haq</t>
  </si>
  <si>
    <t>12266</t>
  </si>
  <si>
    <t>GPS DAJAL</t>
  </si>
  <si>
    <t>PATTI QAZI</t>
  </si>
  <si>
    <t>BASTI KHAIR MUHAMMAD KHOSA NEAR BASTI DULL</t>
  </si>
  <si>
    <t>KHAIR MUHAMMAD</t>
  </si>
  <si>
    <t>Muhammad Suhail Arshad</t>
  </si>
  <si>
    <t>GHS CHAK NO. 482 TDA LAYYAH</t>
  </si>
  <si>
    <t>shair garh</t>
  </si>
  <si>
    <t>chak no.482/TDA tehsil choubara district layyah</t>
  </si>
  <si>
    <t>chak no.482/tDA</t>
  </si>
  <si>
    <t>samsoon emanouel</t>
  </si>
  <si>
    <t>20489</t>
  </si>
  <si>
    <t>GMPS DHINGARAN WALI CANTT</t>
  </si>
  <si>
    <t>Gmps Dhingranwali</t>
  </si>
  <si>
    <t>Dhingranwali</t>
  </si>
  <si>
    <t>Canttboard</t>
  </si>
  <si>
    <t>40870</t>
  </si>
  <si>
    <t>GES CHAKOHA</t>
  </si>
  <si>
    <t>chakoha</t>
  </si>
  <si>
    <t>GPS SAIFULLAH ABAD</t>
  </si>
  <si>
    <t>Basti Mohana, markaz-Mir Hazar Khan, Tehsil-Jatoi, Distt-Muzaffargarh</t>
  </si>
  <si>
    <t>Tahir Saeed</t>
  </si>
  <si>
    <t>50584</t>
  </si>
  <si>
    <t>GGCMES 3/14-L</t>
  </si>
  <si>
    <t>chak no 3.14.l</t>
  </si>
  <si>
    <t>3/14/L</t>
  </si>
  <si>
    <t>GGPS CHAK NO.5 EB</t>
  </si>
  <si>
    <t>05/EB post office 07/EBArifwala</t>
  </si>
  <si>
    <t>05/EB</t>
  </si>
  <si>
    <t>Jeewan Shah</t>
  </si>
  <si>
    <t>49022</t>
  </si>
  <si>
    <t>28817</t>
  </si>
  <si>
    <t>GPS NABAHOO WALA</t>
  </si>
  <si>
    <t>Nabahoo Wala</t>
  </si>
  <si>
    <t>Village Nabahoo wala Post office Kangan Pur</t>
  </si>
  <si>
    <t>Lunday</t>
  </si>
  <si>
    <t>Habib Hamad</t>
  </si>
  <si>
    <t>41182</t>
  </si>
  <si>
    <t>GGHS SEHR</t>
  </si>
  <si>
    <t>Vpo sehr tehsil kahuta</t>
  </si>
  <si>
    <t>Iram  Mustafa</t>
  </si>
  <si>
    <t>GGPS CHAK NO.149/M</t>
  </si>
  <si>
    <t>149/m</t>
  </si>
  <si>
    <t>Ggps 149/m  Hsp</t>
  </si>
  <si>
    <t>17694</t>
  </si>
  <si>
    <t>GGPS PIR BEHLOL</t>
  </si>
  <si>
    <t>Ù…ÙˆØ¶Ø¹ Ù¾ÛŒØ± Ø¨ÛÙ„ÙˆÙ„ Û” ÚˆØ§Ú©Ø®Ø§Ù†Û Ø­ÙˆÛŒÙ„ÛŒ Ø´ÛŒØ® Ø±Ø§Ø¬ÙˆÛ” ØªÚ¾Ø§Ù†Û Ù…Ø³Ù†Û” ØªØ­ØµÛŒÙ„ Ùˆ Ø¶Ù„Ø¹ Ø¬Ú¾Ù†Ú¯</t>
  </si>
  <si>
    <t>20583</t>
  </si>
  <si>
    <t>GPS AHMAD MAHTAM</t>
  </si>
  <si>
    <t>Ahmad Mehtam</t>
  </si>
  <si>
    <t>GPS Ahmad Mehtam</t>
  </si>
  <si>
    <t>Hahi Hussain</t>
  </si>
  <si>
    <t>GGES DALAIL PUR</t>
  </si>
  <si>
    <t>v@ p.o; dalail pur,teh; choa saiden shah,distt; chakwal</t>
  </si>
  <si>
    <t>GPS LAILAN WALA P/O JALAL PUR PIR WALA</t>
  </si>
  <si>
    <t>Kanhon</t>
  </si>
  <si>
    <t>ajansi stop permet road moza kanhooh</t>
  </si>
  <si>
    <t>Lailan Wala</t>
  </si>
  <si>
    <t>muhammad khurshid</t>
  </si>
  <si>
    <t>38565</t>
  </si>
  <si>
    <t>42650</t>
  </si>
  <si>
    <t>GES CHAK NO 49 ML PO AMIR ABAD</t>
  </si>
  <si>
    <t>48ML</t>
  </si>
  <si>
    <t>CHAK NO 49ML TEHSIL DARYA KHAN BHAKKAR</t>
  </si>
  <si>
    <t>49ML</t>
  </si>
  <si>
    <t>25367</t>
  </si>
  <si>
    <t>GHS NATIONAL SAROKI</t>
  </si>
  <si>
    <t>post office saroki tel&amp; distt. Gujrat</t>
  </si>
  <si>
    <t>Muhammad Kaleem Saleh</t>
  </si>
  <si>
    <t>GPS AKHTAR ABAD, P/O MAHNI SIAL, KABIRWALA</t>
  </si>
  <si>
    <t>Mahni Sial</t>
  </si>
  <si>
    <t>Akhtar Abad ,P/O Mahni Sial,Kabirwala, District Khanewal</t>
  </si>
  <si>
    <t>Rao Niamat Ali</t>
  </si>
  <si>
    <t>16436</t>
  </si>
  <si>
    <t>GGHS CHAK 155 RB PUNWAN</t>
  </si>
  <si>
    <t>GGHS 155 RB</t>
  </si>
  <si>
    <t>Chak No 155 RB Panwan</t>
  </si>
  <si>
    <t>GHS KALA</t>
  </si>
  <si>
    <t>p/o kala</t>
  </si>
  <si>
    <t>Ghulam Abbass</t>
  </si>
  <si>
    <t>54868</t>
  </si>
  <si>
    <t>GMPS Railway Godam</t>
  </si>
  <si>
    <t>GMPS Godam   Mohallah sharif farm Rahwali</t>
  </si>
  <si>
    <t>Cantonment Board Gujranwala</t>
  </si>
  <si>
    <t>42960</t>
  </si>
  <si>
    <t>GPS MANGLOORA</t>
  </si>
  <si>
    <t>Khush Bakht Aliya</t>
  </si>
  <si>
    <t>41122</t>
  </si>
  <si>
    <t>GPS SANGIAN</t>
  </si>
  <si>
    <t>Sangian</t>
  </si>
  <si>
    <t>village sangian p.o narar tehsil kahuta distt rwp</t>
  </si>
  <si>
    <t>Muhammad Zaheer</t>
  </si>
  <si>
    <t>GGES DAOKAY KHURD</t>
  </si>
  <si>
    <t>Daokey Khurd</t>
  </si>
  <si>
    <t>village daokey khurd p/o peerochak tehsil daska sailkot</t>
  </si>
  <si>
    <t>44188</t>
  </si>
  <si>
    <t>GHS WASNAL</t>
  </si>
  <si>
    <t>WASNAL</t>
  </si>
  <si>
    <t>NAUMAN SAFDAR</t>
  </si>
  <si>
    <t>WATER BORE</t>
  </si>
  <si>
    <t>44124</t>
  </si>
  <si>
    <t>GGPS PIR MAKHDOOM JHANIAN</t>
  </si>
  <si>
    <t>Pir makhdoom jahanian</t>
  </si>
  <si>
    <t>Vpo pir makhdoom jahanian</t>
  </si>
  <si>
    <t>Lehr sultan pur</t>
  </si>
  <si>
    <t>seemab urooj</t>
  </si>
  <si>
    <t>35282</t>
  </si>
  <si>
    <t>GPS 469 EB</t>
  </si>
  <si>
    <t>Chak no 469/EB</t>
  </si>
  <si>
    <t>Chak no 469/EB burewala</t>
  </si>
  <si>
    <t>Chak no 469EB</t>
  </si>
  <si>
    <t>Chak No 447/EB</t>
  </si>
  <si>
    <t>Water supplies</t>
  </si>
  <si>
    <t>GPS CHAK NO. 3/FW DOLAT</t>
  </si>
  <si>
    <t>3 / F Wah Dolat Ali</t>
  </si>
  <si>
    <t>g.p.s.3fwah Dolat Ali Tehran CHISHTIAN district bahawalnagar</t>
  </si>
  <si>
    <t>3/F W Dolat Ali</t>
  </si>
  <si>
    <t>3/F Wah</t>
  </si>
  <si>
    <t>Hafiz Muhammad Saeed Ahmed</t>
  </si>
  <si>
    <t>GGES RANJHA</t>
  </si>
  <si>
    <t>vpo ranjha</t>
  </si>
  <si>
    <t>Kot Chohdrian</t>
  </si>
  <si>
    <t>Samia Naz</t>
  </si>
  <si>
    <t>GPS SARISHTA DARMYANI</t>
  </si>
  <si>
    <t>gps sarishta darmyani chah arraian wala nawan kot</t>
  </si>
  <si>
    <t>MUHAMMAD ARSLAN</t>
  </si>
  <si>
    <t>GGPS DAOKAY KALAN</t>
  </si>
  <si>
    <t>Daokaykalan</t>
  </si>
  <si>
    <t>villagedaokaykalan tahsil daska district sialkot p.o peerochak</t>
  </si>
  <si>
    <t>Hina Rafiq</t>
  </si>
  <si>
    <t>54639</t>
  </si>
  <si>
    <t>43544</t>
  </si>
  <si>
    <t>GGPS NADRAL</t>
  </si>
  <si>
    <t>Nadral</t>
  </si>
  <si>
    <t>gmps Nadral teh chakwal p.office Minwal</t>
  </si>
  <si>
    <t>Zakia naz</t>
  </si>
  <si>
    <t>Electric pump</t>
  </si>
  <si>
    <t>33421</t>
  </si>
  <si>
    <t>9642</t>
  </si>
  <si>
    <t>GPS CHAK NO 450 TDA</t>
  </si>
  <si>
    <t>MC Chubara</t>
  </si>
  <si>
    <t>33395</t>
  </si>
  <si>
    <t>52207</t>
  </si>
  <si>
    <t>GHS KOT HEERASINGH P.O SAME</t>
  </si>
  <si>
    <t>Kot Heera Singh</t>
  </si>
  <si>
    <t>ghs kot heera singh p/o same teh. arifwala District Pakpattan</t>
  </si>
  <si>
    <t>kot Heera singh</t>
  </si>
  <si>
    <t>48206</t>
  </si>
  <si>
    <t>GPS CHAK NO.6 SB</t>
  </si>
  <si>
    <t>Chak No 6SB</t>
  </si>
  <si>
    <t>chak No 6 SB bhalwal</t>
  </si>
  <si>
    <t>Chak No 6 SB</t>
  </si>
  <si>
    <t>Muhammad Zubair Rafiq</t>
  </si>
  <si>
    <t>GPS FATEH MUHAMMAD KHURD</t>
  </si>
  <si>
    <t>Fateh Muhammad Khurd</t>
  </si>
  <si>
    <t>Fateh Muhammad khurd</t>
  </si>
  <si>
    <t>Roken Pura</t>
  </si>
  <si>
    <t>Ahmad  Saeed Saif</t>
  </si>
  <si>
    <t>43507</t>
  </si>
  <si>
    <t>GGES PATALIAN  P O PATALIAN</t>
  </si>
  <si>
    <t>VPO Patalian Teh  Distt Chakwal</t>
  </si>
  <si>
    <t>Kot  Chudrian</t>
  </si>
  <si>
    <t>50271</t>
  </si>
  <si>
    <t>GGPS 457/EB</t>
  </si>
  <si>
    <t>Lona Mardani</t>
  </si>
  <si>
    <t>Chak no. 457/eb loona mardani burewala</t>
  </si>
  <si>
    <t>457/eb</t>
  </si>
  <si>
    <t>GPS 186 RB-II</t>
  </si>
  <si>
    <t>CHAK JHUMRA - MALE</t>
  </si>
  <si>
    <t>Dogranwala Dogranwala</t>
  </si>
  <si>
    <t>Chak No. 186 RB Dogranwala Chak Jhumra Faisalabad.</t>
  </si>
  <si>
    <t>GPS CHAK NO.104 EB</t>
  </si>
  <si>
    <t>104/EB</t>
  </si>
  <si>
    <t>104/EB Teh Burewala Dist Vehari</t>
  </si>
  <si>
    <t>Chak 124/EB</t>
  </si>
  <si>
    <t>chak jandwala Tehsil and Dissit Bwn</t>
  </si>
  <si>
    <t>Muhammad Arshad Mehmood</t>
  </si>
  <si>
    <t>GES KARANI</t>
  </si>
  <si>
    <t>Karani</t>
  </si>
  <si>
    <t>Basti Karani Moza Karani UC Mari Shaikh Shujra Markaz Sama Satta Teh Saddar district BWP</t>
  </si>
  <si>
    <t>Mari Shaikh Shujra</t>
  </si>
  <si>
    <t>Muhammad Ramzan Bhatti</t>
  </si>
  <si>
    <t>GHS CHAK NO 200 JB</t>
  </si>
  <si>
    <t>Chak No. 200 JB NASRANA</t>
  </si>
  <si>
    <t>Chak No 200 Nasrana</t>
  </si>
  <si>
    <t>Khawar Abbas</t>
  </si>
  <si>
    <t>GPS NO. 2 CHAK JHUMRA</t>
  </si>
  <si>
    <t>MohallahTariq Colony, Chak Jhumra, Faisalabad.</t>
  </si>
  <si>
    <t>MC Chak Jhumra</t>
  </si>
  <si>
    <t>Qamar uz Zaman</t>
  </si>
  <si>
    <t>38913</t>
  </si>
  <si>
    <t>GGPS DHOK JOGIAN</t>
  </si>
  <si>
    <t>Dhok jogian</t>
  </si>
  <si>
    <t>dhok jogian</t>
  </si>
  <si>
    <t>GHS FIM KASSAR</t>
  </si>
  <si>
    <t>ghs fim kassar</t>
  </si>
  <si>
    <t>Sultan Tahir Abbas</t>
  </si>
  <si>
    <t>38783</t>
  </si>
  <si>
    <t>GHS CHHOI BANGLA</t>
  </si>
  <si>
    <t>CHHOI GARYALA</t>
  </si>
  <si>
    <t>POST OFFICE CHHOI (KOT NAWAB KHAN), TEHSIL AND DISTRICT ATTOCK</t>
  </si>
  <si>
    <t>CHHOI</t>
  </si>
  <si>
    <t>Liaqat Ali Khan</t>
  </si>
  <si>
    <t>9098</t>
  </si>
  <si>
    <t>23436</t>
  </si>
  <si>
    <t>50464</t>
  </si>
  <si>
    <t>GPS 33/14-L</t>
  </si>
  <si>
    <t>33/14</t>
  </si>
  <si>
    <t>33/14 chichawatni</t>
  </si>
  <si>
    <t>33/14L</t>
  </si>
  <si>
    <t>Salman Sadiq</t>
  </si>
  <si>
    <t>44070</t>
  </si>
  <si>
    <t>GHS DHARIYALA KAHOON</t>
  </si>
  <si>
    <t>DHARYALA KAHOON</t>
  </si>
  <si>
    <t>VPO DHARYALA KAHOON, TEHSIL CHOA SAIDEN SHAH, DISTRICT CHAKWAL</t>
  </si>
  <si>
    <t>DULMIAL</t>
  </si>
  <si>
    <t>43393</t>
  </si>
  <si>
    <t>GPS 155 RB</t>
  </si>
  <si>
    <t>155 rb</t>
  </si>
  <si>
    <t>chak no. 155 rb faisalabad</t>
  </si>
  <si>
    <t>maqsood Ahmad</t>
  </si>
  <si>
    <t>51950</t>
  </si>
  <si>
    <t>GPS 22/EB P/O 22/EB ARIFWALA</t>
  </si>
  <si>
    <t>Aftab Ahamad</t>
  </si>
  <si>
    <t>GPS CHAH GHULAM NABI WALA</t>
  </si>
  <si>
    <t>Basti bhudan shah mouza uttera tehsil Bahawalpu sadar</t>
  </si>
  <si>
    <t>Basti bhudhan shah</t>
  </si>
  <si>
    <t>Muhammad Maqbool Hassan</t>
  </si>
  <si>
    <t>GPS CHAK NO.10 ML</t>
  </si>
  <si>
    <t>Chak No 10ML</t>
  </si>
  <si>
    <t>Chak No 10ML, Teh Bhalwal, District Sargodha</t>
  </si>
  <si>
    <t>GPS GLASS WALI</t>
  </si>
  <si>
    <t>Labhsingh</t>
  </si>
  <si>
    <t>GPS Glass wali markaz no 17 Tehsil and Dist Bahawalnagar</t>
  </si>
  <si>
    <t>Blasspur</t>
  </si>
  <si>
    <t>Teku Rampura</t>
  </si>
  <si>
    <t>43493</t>
  </si>
  <si>
    <t>VPO Noorpur district and tehsil chakwal</t>
  </si>
  <si>
    <t>GES 159 RB I</t>
  </si>
  <si>
    <t>159 RB</t>
  </si>
  <si>
    <t>chak no 159 Rb</t>
  </si>
  <si>
    <t>Muhammed Amir shahzad</t>
  </si>
  <si>
    <t>GGPS KOT BISMILLAH</t>
  </si>
  <si>
    <t>Mandi kangan pur Tehsil Chunian District Kasur</t>
  </si>
  <si>
    <t>Mc Kangan Pur</t>
  </si>
  <si>
    <t>Zahida  Siddiqa</t>
  </si>
  <si>
    <t>48361</t>
  </si>
  <si>
    <t>GPS DERA NABU</t>
  </si>
  <si>
    <t>Dera Nabu Uc Dhori</t>
  </si>
  <si>
    <t>43447</t>
  </si>
  <si>
    <t>GGPS KHINGAR PO PADSHAN CHAKWAL</t>
  </si>
  <si>
    <t>Khinger</t>
  </si>
  <si>
    <t>Vill Khinger P/O Padshahan</t>
  </si>
  <si>
    <t>Roomana Tallat</t>
  </si>
  <si>
    <t>45573</t>
  </si>
  <si>
    <t>GGES CHAK NO.13 TDA</t>
  </si>
  <si>
    <t>chak no 13tda darya khan</t>
  </si>
  <si>
    <t>13 TDA</t>
  </si>
  <si>
    <t>Chak No 29 BC</t>
  </si>
  <si>
    <t>Basti Faiz abad chak no 29 BC</t>
  </si>
  <si>
    <t>Chak No 12 BC</t>
  </si>
  <si>
    <t>28633</t>
  </si>
  <si>
    <t>GPS CHAK NO. 407 TDA</t>
  </si>
  <si>
    <t>Chak no 407 tda tehsial choubara district Layyah</t>
  </si>
  <si>
    <t>407TDA</t>
  </si>
  <si>
    <t>7678</t>
  </si>
  <si>
    <t>GPS IMAMOON ARAIN</t>
  </si>
  <si>
    <t>IMAMOON ARAIN</t>
  </si>
  <si>
    <t>Adda zahirpeer mame wala stop</t>
  </si>
  <si>
    <t>Imamoon arain</t>
  </si>
  <si>
    <t>GGHS PIR ABDUL REHMAN</t>
  </si>
  <si>
    <t>Pir abdul Rehman</t>
  </si>
  <si>
    <t>Pir Abdul Rehman P/O Pir Abdul Rehman Tehsil Ahmed Pur Sial District Jhang</t>
  </si>
  <si>
    <t>GMPS CHAK NO 5/2 L</t>
  </si>
  <si>
    <t>GMRaja</t>
  </si>
  <si>
    <t>Chak No 5 / 2 L Garh Maharaja Tehsil A.P.Sial.</t>
  </si>
  <si>
    <t>Chak No 5/ 2-L</t>
  </si>
  <si>
    <t>G M Raja</t>
  </si>
  <si>
    <t>Nazia Zafar</t>
  </si>
  <si>
    <t>10854</t>
  </si>
  <si>
    <t>GGPS MAHDI ABAD</t>
  </si>
  <si>
    <t>Jana</t>
  </si>
  <si>
    <t>GGPS Mehdiabad</t>
  </si>
  <si>
    <t>MehdiAbad</t>
  </si>
  <si>
    <t>18346</t>
  </si>
  <si>
    <t>GPS CHAK NO 1/2-R GARH MAHRAJA</t>
  </si>
  <si>
    <t>chak no 1/2R moza sial kot  teh a.p . sial jhang</t>
  </si>
  <si>
    <t>Chak no 1/2R</t>
  </si>
  <si>
    <t>Ureed Abbas Khan</t>
  </si>
  <si>
    <t>GPS BASTI MUHAMMAD WAH</t>
  </si>
  <si>
    <t>Ahmad Naich</t>
  </si>
  <si>
    <t>mahand sharif tehsil ahmad pur dist bwp</t>
  </si>
  <si>
    <t>Mohammad Wah</t>
  </si>
  <si>
    <t>Tauseef Abbas</t>
  </si>
  <si>
    <t>GGPS ISLAM WALA</t>
  </si>
  <si>
    <t>chah dala wala</t>
  </si>
  <si>
    <t>Chah dala Wala</t>
  </si>
  <si>
    <t>GES BAILDARAN</t>
  </si>
  <si>
    <t>Baildaran</t>
  </si>
  <si>
    <t>Government Elementary school baildaran near Abu- zahbi canal Tehsil Ahmad Pur East</t>
  </si>
  <si>
    <t>Rasheed Ahmed Akhtar</t>
  </si>
  <si>
    <t>11351</t>
  </si>
  <si>
    <t>GPS BUDHWANI</t>
  </si>
  <si>
    <t>KHANANI</t>
  </si>
  <si>
    <t>BASTI BUDHWANI MOUZA KHANANI P/O SEET PUR</t>
  </si>
  <si>
    <t>BASTI BUDHWANI</t>
  </si>
  <si>
    <t>SEET PUR</t>
  </si>
  <si>
    <t>GPS MUNIR ABAD</t>
  </si>
  <si>
    <t>Duri Gondal</t>
  </si>
  <si>
    <t>muneer abad p/o shareef abad</t>
  </si>
  <si>
    <t>Muneer Abad</t>
  </si>
  <si>
    <t>GPS BASTI JASKANI</t>
  </si>
  <si>
    <t>Nao Abad</t>
  </si>
  <si>
    <t>p/o murad pur janobi Teh.Ali pur Disstt.Muzaffar Garh</t>
  </si>
  <si>
    <t>GPS TANZEEM JINDWADA CHANNAR</t>
  </si>
  <si>
    <t>tanzeem primary school jind wadda channer</t>
  </si>
  <si>
    <t>Uch Gilani</t>
  </si>
  <si>
    <t>Muhammad Kaleem Ullah</t>
  </si>
  <si>
    <t>11346</t>
  </si>
  <si>
    <t>GPS BHAMBHRI</t>
  </si>
  <si>
    <t>SEET PUR-I- MALE</t>
  </si>
  <si>
    <t>Malik Araen</t>
  </si>
  <si>
    <t>BASTI SAEED ABAD NAI WALA</t>
  </si>
  <si>
    <t>Langar Wah</t>
  </si>
  <si>
    <t>GPS BUDHAN</t>
  </si>
  <si>
    <t>kot hameed ullah</t>
  </si>
  <si>
    <t>Basti Anwar Kakis Muza Kot Hameed Ullah P/O Uch Sharif</t>
  </si>
  <si>
    <t>BAsti Anwar Kakis</t>
  </si>
  <si>
    <t>GPS BASTI NAMBERDAR</t>
  </si>
  <si>
    <t>kchi lal</t>
  </si>
  <si>
    <t>Maoza kchi Lal basti  phulaili p/o seet pur</t>
  </si>
  <si>
    <t>kachi lal</t>
  </si>
  <si>
    <t>latti</t>
  </si>
  <si>
    <t>Syed Mujtaba Mehdi</t>
  </si>
  <si>
    <t>GGPS BASTI ABBAS KHAN</t>
  </si>
  <si>
    <t>Moza Dori Gondal</t>
  </si>
  <si>
    <t>moza dori gondal</t>
  </si>
  <si>
    <t>Basti Abbas Khan</t>
  </si>
  <si>
    <t>Dori Gondal</t>
  </si>
  <si>
    <t>GGPS JHANGRA SHARQI</t>
  </si>
  <si>
    <t>jhangra sharki</t>
  </si>
  <si>
    <t>ggps jhangra sharki</t>
  </si>
  <si>
    <t>bhawalpur ghalwan</t>
  </si>
  <si>
    <t>Nasreen Akhtar Jameel</t>
  </si>
  <si>
    <t>12277</t>
  </si>
  <si>
    <t>GMPS BASTI MUNAWAR ALI KHAN</t>
  </si>
  <si>
    <t>basti munawar ali khan</t>
  </si>
  <si>
    <t>Basti Munawar Ali</t>
  </si>
  <si>
    <t>MUNAZA PERVEEN</t>
  </si>
  <si>
    <t>18318</t>
  </si>
  <si>
    <t>GMPS BASTI MUSHTAQ NAGAR</t>
  </si>
  <si>
    <t>Jaewain</t>
  </si>
  <si>
    <t>mushtaq nagar</t>
  </si>
  <si>
    <t>Mushtaq Nagr</t>
  </si>
  <si>
    <t>Jawwaen</t>
  </si>
  <si>
    <t>Muhammad Asif Farooq</t>
  </si>
  <si>
    <t>16030</t>
  </si>
  <si>
    <t>GPS HAWELI JEEWAN SHAH SHARIF ABAD</t>
  </si>
  <si>
    <t>Hawely Jeewsn Hawely Jeewan Shah JeewanShah</t>
  </si>
  <si>
    <t>hawely jeewan shah markaz kot bahadar teh.ap.sial distt.jhang</t>
  </si>
  <si>
    <t>Hawely Jeewan Shah</t>
  </si>
  <si>
    <t>GPS UCH GILANI</t>
  </si>
  <si>
    <t>basti bhein mauza uch gillani uch sharif tehseel ahmad pur east district bahawal pur</t>
  </si>
  <si>
    <t>Basti Bhein</t>
  </si>
  <si>
    <t>Muhammad Iqbal Ahmad Khan</t>
  </si>
  <si>
    <t>Bait Nabii Shah</t>
  </si>
  <si>
    <t>bakhoo wala</t>
  </si>
  <si>
    <t>Bait Mullanwaalee</t>
  </si>
  <si>
    <t>Farzana  Yasmeen</t>
  </si>
  <si>
    <t>9650</t>
  </si>
  <si>
    <t>GES CHAK NO.160/NP</t>
  </si>
  <si>
    <t>Chk No 160Np</t>
  </si>
  <si>
    <t>GES Chk No 160Np Teh.Ahmed pur east bahawalpur</t>
  </si>
  <si>
    <t>Qazi Abdul-Rsheed</t>
  </si>
  <si>
    <t>mineral water perches</t>
  </si>
  <si>
    <t>45056</t>
  </si>
  <si>
    <t>GPS NAIKO KARA</t>
  </si>
  <si>
    <t>ali wali</t>
  </si>
  <si>
    <t>Basti naiko kara moza ali wali, tehsil alipur distt. muzaffargarh</t>
  </si>
  <si>
    <t>bsti naiko kara</t>
  </si>
  <si>
    <t>Muhammad Aslam Bhutta</t>
  </si>
  <si>
    <t>GPS RAKH HARDIT SINGH</t>
  </si>
  <si>
    <t>Rakh Hardat Singh</t>
  </si>
  <si>
    <t>Govt P/S Rakh Hardat Singh Wagha Town Lahore Cantt</t>
  </si>
  <si>
    <t>Hudaira</t>
  </si>
  <si>
    <t>GHS ISLAMIA LAHORE CANTT</t>
  </si>
  <si>
    <t>GHS ISLAMIA SADAR LAHORE CANTT</t>
  </si>
  <si>
    <t>muhammad ghyas saber</t>
  </si>
  <si>
    <t>GES LEEL</t>
  </si>
  <si>
    <t>LEEL LAHORE CANTT</t>
  </si>
  <si>
    <t>CANTT AREA WCB</t>
  </si>
  <si>
    <t>GPS PHULARWAN LAHORE CANTT</t>
  </si>
  <si>
    <t>phularwan village barki road Lahore Pakistan</t>
  </si>
  <si>
    <t>HAFIZ MUHAMMED USMAN</t>
  </si>
  <si>
    <t>30289</t>
  </si>
  <si>
    <t>GPS OPAL</t>
  </si>
  <si>
    <t>Opal</t>
  </si>
  <si>
    <t>village opal</t>
  </si>
  <si>
    <t>GMPS BRANCH NO 2</t>
  </si>
  <si>
    <t>Ahmad pur sial</t>
  </si>
  <si>
    <t>mohllah saeed abad Ahmad pur sial</t>
  </si>
  <si>
    <t>Saeeda Akhtar</t>
  </si>
  <si>
    <t>GPS TIBBI ARBI BASTI GHUNIA</t>
  </si>
  <si>
    <t>Mouza Ghunia, Ahmad Pur East</t>
  </si>
  <si>
    <t>18364</t>
  </si>
  <si>
    <t>GGPS MUMTAZ COLONY</t>
  </si>
  <si>
    <t>ahmad pur sial</t>
  </si>
  <si>
    <t>chah Qasim Wala\\n</t>
  </si>
  <si>
    <t>chah qasim wala</t>
  </si>
  <si>
    <t>Qamar Shahzadi</t>
  </si>
  <si>
    <t>GGPS BASTI SULTAN WALI</t>
  </si>
  <si>
    <t>JAIWAIN-FEMALE</t>
  </si>
  <si>
    <t>Tango</t>
  </si>
  <si>
    <t>Basti sultan wali moza tango p/o mud rajbana</t>
  </si>
  <si>
    <t>Basti Sultan Wali</t>
  </si>
  <si>
    <t>Jaiwain</t>
  </si>
  <si>
    <t>GMPS ALI KHANANA SIAL</t>
  </si>
  <si>
    <t>GMPS Ali Khanana Sial</t>
  </si>
  <si>
    <t>GPS BABBER JADEED</t>
  </si>
  <si>
    <t>Murad pur Janobi</t>
  </si>
  <si>
    <t>Basti macchi Murad pur janobi</t>
  </si>
  <si>
    <t>Basti macchi</t>
  </si>
  <si>
    <t>GPS BASTI BUCHA</t>
  </si>
  <si>
    <t>Gps Basti Bucha Markaz Mehrab wala Ahmadpur East</t>
  </si>
  <si>
    <t>Basti Bucha</t>
  </si>
  <si>
    <t>Mohammad shabbir</t>
  </si>
  <si>
    <t>18409</t>
  </si>
  <si>
    <t>GGPS MEHMOOD SHAH</t>
  </si>
  <si>
    <t>Mehmood Shah</t>
  </si>
  <si>
    <t>mehmood shah, p/o garh maharaja tehsil A p sial district jhang</t>
  </si>
  <si>
    <t>Jaivain</t>
  </si>
  <si>
    <t>Farzana Mukhtar</t>
  </si>
  <si>
    <t>GPS RAMZAN JUIYA</t>
  </si>
  <si>
    <t>Ramzan Joiya</t>
  </si>
  <si>
    <t>Basti numberdaran moza ramzan joiya ahmadpur east</t>
  </si>
  <si>
    <t>Basti Numberdaran</t>
  </si>
  <si>
    <t>Tibbi Izat</t>
  </si>
  <si>
    <t>Hafiz Rafeeq Ahmad</t>
  </si>
  <si>
    <t>18423</t>
  </si>
  <si>
    <t>GGPS NEKUKARA</t>
  </si>
  <si>
    <t>Nekokara</t>
  </si>
  <si>
    <t>ggps nekokara</t>
  </si>
  <si>
    <t>Kotmpal</t>
  </si>
  <si>
    <t>9690</t>
  </si>
  <si>
    <t>18394</t>
  </si>
  <si>
    <t>GGPS MIAN JALLAL</t>
  </si>
  <si>
    <t>Anayat Shah</t>
  </si>
  <si>
    <t>Govt Girls Primary School Mian Jalal Shah</t>
  </si>
  <si>
    <t>Mian Jalal Shah</t>
  </si>
  <si>
    <t>Gulzar Naseem</t>
  </si>
  <si>
    <t>47951</t>
  </si>
  <si>
    <t>GPS BASTI CHACHAR</t>
  </si>
  <si>
    <t>Fateh Pur Janoobi</t>
  </si>
  <si>
    <t>basti chachar</t>
  </si>
  <si>
    <t>Basti  Chachar</t>
  </si>
  <si>
    <t>48389</t>
  </si>
  <si>
    <t>GPS CHAK NO.145/NP</t>
  </si>
  <si>
    <t>CHANNI GOTH - MALE</t>
  </si>
  <si>
    <t>Govt.p/s chak no 145/NP markaz channi goth</t>
  </si>
  <si>
    <t>Chak No 145/NP</t>
  </si>
  <si>
    <t>Channi Goth</t>
  </si>
  <si>
    <t>Nazeer Ahmed Ghallo</t>
  </si>
  <si>
    <t>GPS MARI GUSSAIEN</t>
  </si>
  <si>
    <t>Basti Mari Gussaein, Ahmad pur east0</t>
  </si>
  <si>
    <t>Basti Mari Gussaein</t>
  </si>
  <si>
    <t>GPS NOOR SHAH BUKHARI</t>
  </si>
  <si>
    <t>hamza town Ahmad pur east</t>
  </si>
  <si>
    <t>Ahmed Pur East</t>
  </si>
  <si>
    <t>Ahmad Hussain</t>
  </si>
  <si>
    <t>GGPS MIR MUHAMMAD</t>
  </si>
  <si>
    <t>HASSU BALAIL -FEMALE</t>
  </si>
  <si>
    <t>p/o kot bahadar tehsil ap sial distt jhang</t>
  </si>
  <si>
    <t>Wat Wala</t>
  </si>
  <si>
    <t>Nida Shaheen</t>
  </si>
  <si>
    <t>Islam Wala</t>
  </si>
  <si>
    <t>mouza islam wala</t>
  </si>
  <si>
    <t>11319</t>
  </si>
  <si>
    <t>Fateh Pur Janobi Il</t>
  </si>
  <si>
    <t>Basti Walwat, mauza fateh pur janobi 2, p/o khair pur sadat, tehsil ali pur, district muzaffar Garh</t>
  </si>
  <si>
    <t>Khizir Hayyat</t>
  </si>
  <si>
    <t>GMPS BASTI HASNANI</t>
  </si>
  <si>
    <t>Anyyat shah</t>
  </si>
  <si>
    <t>GMPS basti hasnana</t>
  </si>
  <si>
    <t>Basti hasnana</t>
  </si>
  <si>
    <t>Fakhar Abbas Shah</t>
  </si>
  <si>
    <t>18403</t>
  </si>
  <si>
    <t>GGPS ISLAM PUR NASHEEB</t>
  </si>
  <si>
    <t>Islam Pur Nasheeb1</t>
  </si>
  <si>
    <t>Islam pur nasheeb p.o. haso balial tassel Ahmed pur sail distic ham
jhang</t>
  </si>
  <si>
    <t>Islam Pur Nasheeb</t>
  </si>
  <si>
    <t>Fatah Pur Peratii</t>
  </si>
  <si>
    <t>Shazia Khan</t>
  </si>
  <si>
    <t>Khangarh Dooma</t>
  </si>
  <si>
    <t>Kotla Bakhsh No1</t>
  </si>
  <si>
    <t>Muhammad Shoaib Farooq</t>
  </si>
  <si>
    <t>GMPS ANAYAT SHAH</t>
  </si>
  <si>
    <t>GMPS ANAYAT SHAH .MOUZA ANAYAT SHAH .P/O Garh maharaja</t>
  </si>
  <si>
    <t>GGPS TIBBA GAILY DAST</t>
  </si>
  <si>
    <t>Tiba Gehli</t>
  </si>
  <si>
    <t>tiba gehli</t>
  </si>
  <si>
    <t>Hasu Balail</t>
  </si>
  <si>
    <t>Aysha Nusrat</t>
  </si>
  <si>
    <t>GPS BASTI QURESHI</t>
  </si>
  <si>
    <t>Peerowali</t>
  </si>
  <si>
    <t>basti qureshi mouza peerowali uc bandyshah</t>
  </si>
  <si>
    <t>Basti Qureshi</t>
  </si>
  <si>
    <t>Bandyshah</t>
  </si>
  <si>
    <t>GPS GHIRI</t>
  </si>
  <si>
    <t>Ghiri</t>
  </si>
  <si>
    <t>moza ghiri, tehsil alipur district muzaffargarh</t>
  </si>
  <si>
    <t>Basti Ghiri</t>
  </si>
  <si>
    <t>GPS SIPRAN WALA</t>
  </si>
  <si>
    <t>Bahar Sharqi</t>
  </si>
  <si>
    <t>mouza bahar sharqi AP Sial jhang</t>
  </si>
  <si>
    <t>Ghulam Shabir Khan</t>
  </si>
  <si>
    <t>GPS TANZEEM ALLAH DAD</t>
  </si>
  <si>
    <t>Mouza Tibbi Izzat basti Talbani APE</t>
  </si>
  <si>
    <t>18469</t>
  </si>
  <si>
    <t>GGPS BASTI KATALA</t>
  </si>
  <si>
    <t>Basti qatala mouza Meer muhammad p.o kot bahadar shah District jhang tehsil ahmed pure sial</t>
  </si>
  <si>
    <t>Basti Qatala</t>
  </si>
  <si>
    <t>Prveen Kousar</t>
  </si>
  <si>
    <t>18821</t>
  </si>
  <si>
    <t>11354</t>
  </si>
  <si>
    <t>GPS BASTI MEHMOOD</t>
  </si>
  <si>
    <t>Kotla Agar</t>
  </si>
  <si>
    <t>mauza seet put</t>
  </si>
  <si>
    <t>Basti Mehmood</t>
  </si>
  <si>
    <t>Seet Pur</t>
  </si>
  <si>
    <t>GPS AHMADPUR KOHNA</t>
  </si>
  <si>
    <t>Ahmadpur Kohna</t>
  </si>
  <si>
    <t>Govt Primary School , Ahmadpur Kohna, Tehsil Ahmadpur East , Bahawalpur.</t>
  </si>
  <si>
    <t>M Iqbal Shahid</t>
  </si>
  <si>
    <t>32126</t>
  </si>
  <si>
    <t>Bait Burrah</t>
  </si>
  <si>
    <t>Gps machi wala p/o seet pur Ali pur M.garh</t>
  </si>
  <si>
    <t>GGES MC MODEL AHMADPUR EAST</t>
  </si>
  <si>
    <t>near municipal office ape</t>
  </si>
  <si>
    <t>Marym Qureshi</t>
  </si>
  <si>
    <t>GMPS ISLAM PUR FARAZ</t>
  </si>
  <si>
    <t>Islam Pur Faraz</t>
  </si>
  <si>
    <t>GMPS lslam Pur Faraz</t>
  </si>
  <si>
    <t>Fateh Pur Paretti</t>
  </si>
  <si>
    <t>GES SEETPUR</t>
  </si>
  <si>
    <t>GES SEET PUR KHANANI ALI PUR M.GARH</t>
  </si>
  <si>
    <t>Seet pur</t>
  </si>
  <si>
    <t>18398</t>
  </si>
  <si>
    <t>GGES MEERNAY WALA</t>
  </si>
  <si>
    <t>Meernaywala</t>
  </si>
  <si>
    <t>mouza meernaywala</t>
  </si>
  <si>
    <t>Kotmapal</t>
  </si>
  <si>
    <t>Sadaf Manzoor</t>
  </si>
  <si>
    <t>GGPS TRAGRAN WALA</t>
  </si>
  <si>
    <t>ggps tragran wala</t>
  </si>
  <si>
    <t>Tragran Wala</t>
  </si>
  <si>
    <t>22202</t>
  </si>
  <si>
    <t>GES CHOWKI GABOL</t>
  </si>
  <si>
    <t>Bait Nabi Shah</t>
  </si>
  <si>
    <t>Basti Chowki Gabool Tehsil Alipur District Muzaffargarh</t>
  </si>
  <si>
    <t>Chowki Gabool</t>
  </si>
  <si>
    <t>Bait Mullan Wali</t>
  </si>
  <si>
    <t>19010</t>
  </si>
  <si>
    <t>GGPS BOOLA</t>
  </si>
  <si>
    <t>Boola</t>
  </si>
  <si>
    <t>government girls primary school boola</t>
  </si>
  <si>
    <t>Kot Mapal</t>
  </si>
  <si>
    <t>Gulnaz Akram</t>
  </si>
  <si>
    <t>GGPS MASSOW WALA</t>
  </si>
  <si>
    <t>ggps massu wala islam pur nasheb</t>
  </si>
  <si>
    <t>Massu Wala</t>
  </si>
  <si>
    <t>Fateh Pur Pritty</t>
  </si>
  <si>
    <t>Qandeel</t>
  </si>
  <si>
    <t>27455</t>
  </si>
  <si>
    <t>GGPS mumtaz abad mouza mehmood shah tehsil ahmad pur sial distt jhang</t>
  </si>
  <si>
    <t>Nazia Khatoon</t>
  </si>
  <si>
    <t>GGCMS SHEIKH ABAD</t>
  </si>
  <si>
    <t>Hassu Blail</t>
  </si>
  <si>
    <t>GGCMS SHAIKH ABAD P/o hassu blail teh a.p sial</t>
  </si>
  <si>
    <t>Shaikhabad</t>
  </si>
  <si>
    <t>Ishrat Zahra</t>
  </si>
  <si>
    <t>GPS ARABIC NAND PURA</t>
  </si>
  <si>
    <t>Nandpura</t>
  </si>
  <si>
    <t>Basti Atta Ullah jhamat Mouza Nandpura APE BWP</t>
  </si>
  <si>
    <t>Basti Atta Ullah Jhamat</t>
  </si>
  <si>
    <t>GPS TIBBA NOOR GOPANG</t>
  </si>
  <si>
    <t>gps tibba noor gopang teh#alipur dist#m garh</t>
  </si>
  <si>
    <t>Basti Daya</t>
  </si>
  <si>
    <t>GGES FATEH PUR PERITTI</t>
  </si>
  <si>
    <t>FATEH PUR PERITTI</t>
  </si>
  <si>
    <t>Moza Fateh Pur peritti</t>
  </si>
  <si>
    <t>Fateh Pur Peritti</t>
  </si>
  <si>
    <t>Sumaira Jabeen</t>
  </si>
  <si>
    <t>GPS CHAH HAJI PEER WALA</t>
  </si>
  <si>
    <t>Ahmedpur Kohna</t>
  </si>
  <si>
    <t>Basti Machian Moza Ahmedpur Kohna Thesil Ahmed Pur East</t>
  </si>
  <si>
    <t>NASIR ZAMAN KHAN</t>
  </si>
  <si>
    <t>GPS AHMAD BUKHSH BALOCH</t>
  </si>
  <si>
    <t>Gps Ahmad bux balouch basti ghulam Muhammad number dar</t>
  </si>
  <si>
    <t>Basti Ghulam Muhammad Numbers Dar Muhammad Number</t>
  </si>
  <si>
    <t>Sukhail-46</t>
  </si>
  <si>
    <t>NowAbad</t>
  </si>
  <si>
    <t>Moza Nouabad Basti Langah</t>
  </si>
  <si>
    <t>Murad Pur Jonubi</t>
  </si>
  <si>
    <t>GPS BALAIL WALA</t>
  </si>
  <si>
    <t>Chah balail wala moza hassu balail</t>
  </si>
  <si>
    <t>Balail Wala</t>
  </si>
  <si>
    <t>M Yousaf Khan</t>
  </si>
  <si>
    <t>GPS ARABIC IMAMOON ARAIN</t>
  </si>
  <si>
    <t>Chak Gobind</t>
  </si>
  <si>
    <t>Moza chak gobind p/o hatheji tehsil ahmed pur east ditrict bahawalpur</t>
  </si>
  <si>
    <t>Haji Nawab Lang</t>
  </si>
  <si>
    <t>Muhammad Waqas Ahmed</t>
  </si>
  <si>
    <t>GPS JUSSA</t>
  </si>
  <si>
    <t>mouza  jussa  tehsil ahmad pur sial disst jhang</t>
  </si>
  <si>
    <t>Fateh Pur Pretty</t>
  </si>
  <si>
    <t>GGPS FAZAL FOGANA</t>
  </si>
  <si>
    <t>Bakhoo Arbi</t>
  </si>
  <si>
    <t>moaza bakho arbi ,basti kharwala near mehmood shahid chowk .ahmed pur east</t>
  </si>
  <si>
    <t>Basti Kharwala</t>
  </si>
  <si>
    <t>Aaina Peerzada</t>
  </si>
  <si>
    <t>11303</t>
  </si>
  <si>
    <t>GPS BAIT MOIZ UD DIN</t>
  </si>
  <si>
    <t>bait moiz ud din</t>
  </si>
  <si>
    <t>gps bait moiz ud din nalka adda</t>
  </si>
  <si>
    <t>nalka adda</t>
  </si>
  <si>
    <t>dummer wala janubi</t>
  </si>
  <si>
    <t>GPS ABDUL GHAFFAR</t>
  </si>
  <si>
    <t>Noshehra Jadid</t>
  </si>
  <si>
    <t>Basti Abdul Ghaffar Moza Noshehra jadid Tehsil Ahmed Pur East District Bahawalpur</t>
  </si>
  <si>
    <t>GPS BASTI SIALAN</t>
  </si>
  <si>
    <t>Basti sialan mouza mithan wali p/o khair pur sadat teh. alipr</t>
  </si>
  <si>
    <t>Basti Sialan</t>
  </si>
  <si>
    <t>moza manik Noshehra basti kumharaan</t>
  </si>
  <si>
    <t>Kumhran</t>
  </si>
  <si>
    <t>Younis Ali</t>
  </si>
  <si>
    <t>GPS PHULLAN KHAN MEHRAB WALA</t>
  </si>
  <si>
    <t>basti boobak gasoora moza mehrabwala ape distt bwp</t>
  </si>
  <si>
    <t>Basti Boobak Gasoora</t>
  </si>
  <si>
    <t>54749</t>
  </si>
  <si>
    <t>GGPS AKRAM BHATTI</t>
  </si>
  <si>
    <t>Moza Mud Rasheed Union council kulab 061 Basti Bhattiyan</t>
  </si>
  <si>
    <t>Madiha Umbreen</t>
  </si>
  <si>
    <t>GGHS MUHAMMAD BUKHSH MAHAR</t>
  </si>
  <si>
    <t>Muhammad Buksh Maher</t>
  </si>
  <si>
    <t>govt girls high school Muhammad buksh maher Ahmed pur east district bahawal pur</t>
  </si>
  <si>
    <t>GGPS MAKKIN COLONY</t>
  </si>
  <si>
    <t>Makin Colony</t>
  </si>
  <si>
    <t>makin colony ahmad pur sial</t>
  </si>
  <si>
    <t>Muncipal Committee  Mc Ap Sial</t>
  </si>
  <si>
    <t>GGPS ISRAI PUR</t>
  </si>
  <si>
    <t>GGPS israipur</t>
  </si>
  <si>
    <t>Aziza Bad</t>
  </si>
  <si>
    <t>Sadiq ABad</t>
  </si>
  <si>
    <t>Rameem Bibi</t>
  </si>
  <si>
    <t>GGPS CHAK NO. 7/3-L FARM</t>
  </si>
  <si>
    <t>Chak No 7/3-L</t>
  </si>
  <si>
    <t>Chak No 7//3L</t>
  </si>
  <si>
    <t>Shazia basheer</t>
  </si>
  <si>
    <t>GGPS BASTI LALOO</t>
  </si>
  <si>
    <t>banwala</t>
  </si>
  <si>
    <t>basti laloo</t>
  </si>
  <si>
    <t>Sidrah Anjum</t>
  </si>
  <si>
    <t>GMPS DHARA QAMBAR SHAH</t>
  </si>
  <si>
    <t>Pir Abdulrehman</t>
  </si>
  <si>
    <t>dhara qambar shah</t>
  </si>
  <si>
    <t>Dhara Qambar Shah</t>
  </si>
  <si>
    <t>Pirabdulrehman</t>
  </si>
  <si>
    <t>Fiaz Ahmad Shah</t>
  </si>
  <si>
    <t>25365</t>
  </si>
  <si>
    <t>19451</t>
  </si>
  <si>
    <t>Village Sora P/O Kahna Nau Lahore</t>
  </si>
  <si>
    <t>30214</t>
  </si>
  <si>
    <t>GES ORDINANCE DEPOT</t>
  </si>
  <si>
    <t>Sarfraz Rafique Road Lahore  Cantt</t>
  </si>
  <si>
    <t>44730</t>
  </si>
  <si>
    <t>GES RAJA BOLA</t>
  </si>
  <si>
    <t>RAJA BOLA</t>
  </si>
  <si>
    <t>VILLAGE RAJA BOLA P/O KAHNA NAU LAHORE</t>
  </si>
  <si>
    <t>34490</t>
  </si>
  <si>
    <t>GPS BASTI RAJPUTAN</t>
  </si>
  <si>
    <t>Basti Rajputan Ahloo Road Kahna Nau Lahore</t>
  </si>
  <si>
    <t>Basti Rajputan</t>
  </si>
  <si>
    <t>30498</t>
  </si>
  <si>
    <t>GPS AHLOO</t>
  </si>
  <si>
    <t>Ahloo village</t>
  </si>
  <si>
    <t>29108</t>
  </si>
  <si>
    <t>GPS GURUMANGAT NAU ABAD</t>
  </si>
  <si>
    <t>Gurumangat Nau Abad</t>
  </si>
  <si>
    <t>Gurumangat Nau Abad, PO Khana Nau, Tehsil Cantt Lahore</t>
  </si>
  <si>
    <t>48980</t>
  </si>
  <si>
    <t>36984</t>
  </si>
  <si>
    <t>GGPS DHOORI</t>
  </si>
  <si>
    <t>Ggps dhoori Lahore cantt</t>
  </si>
  <si>
    <t>Mumtaz Akhter</t>
  </si>
  <si>
    <t>electric water cooler4</t>
  </si>
  <si>
    <t>GPS HAVELI KARBATH</t>
  </si>
  <si>
    <t>Havalian</t>
  </si>
  <si>
    <t>village  Havalian Karbath</t>
  </si>
  <si>
    <t>Have listed Karbath</t>
  </si>
  <si>
    <t>Muhammad Imtiaz Ahmad</t>
  </si>
  <si>
    <t>GPS KOTHA MALLIAN</t>
  </si>
  <si>
    <t>Khota Malian</t>
  </si>
  <si>
    <t>Village Khota Malian, P.O. Khana Nua, Tehsil Cantt, Lahore</t>
  </si>
  <si>
    <t>GPS MALAKHO KE</t>
  </si>
  <si>
    <t>Malkho Ki</t>
  </si>
  <si>
    <t>village Malkho ki, PO Theater, Tehsil Cantt</t>
  </si>
  <si>
    <t>Akhter Hussain</t>
  </si>
  <si>
    <t>govt filter</t>
  </si>
  <si>
    <t>26669</t>
  </si>
  <si>
    <t>GPS KOT SAROOB KHAN LAHORE</t>
  </si>
  <si>
    <t>Kot Saroob Khan</t>
  </si>
  <si>
    <t>GPS Kot Saroob Khan</t>
  </si>
  <si>
    <t>Jhaman</t>
  </si>
  <si>
    <t>30459</t>
  </si>
  <si>
    <t>GPS TATLEY</t>
  </si>
  <si>
    <t>Tatley</t>
  </si>
  <si>
    <t>Village Tatley, PO  Heir, Tehsil Cantt, Lahore</t>
  </si>
  <si>
    <t>Abdur Rahim Khan</t>
  </si>
  <si>
    <t>7423</t>
  </si>
  <si>
    <t>30462</t>
  </si>
  <si>
    <t>GPS THATA KHURD</t>
  </si>
  <si>
    <t>Thatha Khurd</t>
  </si>
  <si>
    <t>Thatha Khurd, PO Khana Nau, Tehsil Cantt, Lahore</t>
  </si>
  <si>
    <t>30281</t>
  </si>
  <si>
    <t>Village gaga Post office Same Gaga Tehsil lahore Cantt District Lahore</t>
  </si>
  <si>
    <t>Malik Muhammad Naeem</t>
  </si>
  <si>
    <t>48240</t>
  </si>
  <si>
    <t>48236</t>
  </si>
  <si>
    <t>30553</t>
  </si>
  <si>
    <t>GGPS GHUNIKAY KAY</t>
  </si>
  <si>
    <t>Ghanikay</t>
  </si>
  <si>
    <t>G G p/s ghanikay</t>
  </si>
  <si>
    <t>Hadiara</t>
  </si>
  <si>
    <t>Iffat Tahira</t>
  </si>
  <si>
    <t>32986</t>
  </si>
  <si>
    <t>GGES KOHRIAN</t>
  </si>
  <si>
    <t>Kohrian</t>
  </si>
  <si>
    <t>Barki kohrian lahore cantt</t>
  </si>
  <si>
    <t>Danish Sheraz</t>
  </si>
  <si>
    <t>GHS PADHANA LAHORE</t>
  </si>
  <si>
    <t>Padhana</t>
  </si>
  <si>
    <t>Govt High School Padhana Lahore Cantt</t>
  </si>
  <si>
    <t>Hudyara</t>
  </si>
  <si>
    <t>GPS SOYIAN KALAN</t>
  </si>
  <si>
    <t>Soyian Kalan</t>
  </si>
  <si>
    <t>village soyian kalan p/o barki cantt lahore</t>
  </si>
  <si>
    <t>GPS RAM PURA KHURD</t>
  </si>
  <si>
    <t>village Rampura khurd p/o Barki tehsil cantt district Lahore</t>
  </si>
  <si>
    <t>Rampura Khurd</t>
  </si>
  <si>
    <t>MUHAMMAD ANWAR KHAN</t>
  </si>
  <si>
    <t>GPS BARKA KHURD</t>
  </si>
  <si>
    <t>Barka Khurd</t>
  </si>
  <si>
    <t>gps barka khurd village barka khurd p/o barki lahore cantt</t>
  </si>
  <si>
    <t>Abdul Majeed Son Of Inayat Ali</t>
  </si>
  <si>
    <t>30447</t>
  </si>
  <si>
    <t>GPS BRAHMAN ABAD</t>
  </si>
  <si>
    <t>Brehaman Abad</t>
  </si>
  <si>
    <t>berhaman abad Barki road Lahore cantt</t>
  </si>
  <si>
    <t>Berhaman Abad</t>
  </si>
  <si>
    <t>Muhammad Shabeer</t>
  </si>
  <si>
    <t>20664</t>
  </si>
  <si>
    <t>GGPS PATHAN KEY</t>
  </si>
  <si>
    <t>Pathankey</t>
  </si>
  <si>
    <t>village Pathankey</t>
  </si>
  <si>
    <t>Hudiara</t>
  </si>
  <si>
    <t>GGPS THATAR</t>
  </si>
  <si>
    <t>Theater</t>
  </si>
  <si>
    <t>Thatar daak khana khas</t>
  </si>
  <si>
    <t>Thatar</t>
  </si>
  <si>
    <t>uzma jalani</t>
  </si>
  <si>
    <t>81678</t>
  </si>
  <si>
    <t>30414</t>
  </si>
  <si>
    <t>GPS KEERKA</t>
  </si>
  <si>
    <t>Keerka</t>
  </si>
  <si>
    <t>village keerka post office bediyan tehsil can't district Lahore</t>
  </si>
  <si>
    <t>Jaman</t>
  </si>
  <si>
    <t>Abdul Haq Asim</t>
  </si>
  <si>
    <t>GES MADINA COLONY</t>
  </si>
  <si>
    <t>Amer Sadhu Eid Gah</t>
  </si>
  <si>
    <t>Govt. elementary school madina colony,amar sadhu</t>
  </si>
  <si>
    <t>Amar Sadhu</t>
  </si>
  <si>
    <t>Walton Cantonment Board</t>
  </si>
  <si>
    <t>Mohammad Ibrahim</t>
  </si>
  <si>
    <t>packages tube well</t>
  </si>
  <si>
    <t>GGPS LALLOH</t>
  </si>
  <si>
    <t>Lalloh</t>
  </si>
  <si>
    <t>lalloh barki lahore cantt</t>
  </si>
  <si>
    <t>Abida Sadiq</t>
  </si>
  <si>
    <t>30467</t>
  </si>
  <si>
    <t>GPS LIDHER</t>
  </si>
  <si>
    <t>gps lidher</t>
  </si>
  <si>
    <t>lidher</t>
  </si>
  <si>
    <t>30709</t>
  </si>
  <si>
    <t>GGPS AHLO JHUGIAN</t>
  </si>
  <si>
    <t>Ahloo Jhuggian</t>
  </si>
  <si>
    <t>basti Rajputana ahloo jhuggian Lahore.</t>
  </si>
  <si>
    <t>Dhloki</t>
  </si>
  <si>
    <t>Saira Azal</t>
  </si>
  <si>
    <t>GGHS CDG JUNIOR MODEL MIAN MIR SAHIB</t>
  </si>
  <si>
    <t>C.D.G. Girls High School Mian Mir Lahore Cantt</t>
  </si>
  <si>
    <t>Main Meer</t>
  </si>
  <si>
    <t>zaman park</t>
  </si>
  <si>
    <t>Tayyaba Tabbasum D/O Muhammad</t>
  </si>
  <si>
    <t>GHS MUSLIM LAHORE CANTT</t>
  </si>
  <si>
    <t>sarwar road lhr cantt</t>
  </si>
  <si>
    <t>cantt. board</t>
  </si>
  <si>
    <t>30287</t>
  </si>
  <si>
    <t>GPS RAM PURA KALAN</t>
  </si>
  <si>
    <t>Rampura Kalan</t>
  </si>
  <si>
    <t>Village Rampura Kalan P/O Barki Teh Cantt Lahore</t>
  </si>
  <si>
    <t>Kashif Munir</t>
  </si>
  <si>
    <t>GPS DHALWAN (DHALAM)</t>
  </si>
  <si>
    <t>village dhilwan, p.o. barki, lahore cantt</t>
  </si>
  <si>
    <t>M.Ashraf Awan</t>
  </si>
  <si>
    <t>GPS MANAWALA LHR CANTT</t>
  </si>
  <si>
    <t>Village Manawala, Badian Road Lahore Cantt. Lahore</t>
  </si>
  <si>
    <t>GPS JALEEYAH</t>
  </si>
  <si>
    <t>Jhallian</t>
  </si>
  <si>
    <t>village jhallian post office barki tehsil lahore cantt dist lahore</t>
  </si>
  <si>
    <t>Shams Ul Islam Sulehri</t>
  </si>
  <si>
    <t>GGPS KUALIKI</t>
  </si>
  <si>
    <t>kullaki</t>
  </si>
  <si>
    <t>Village Noor Pur</t>
  </si>
  <si>
    <t>48399</t>
  </si>
  <si>
    <t>GGHS MUHAMMAD PURA</t>
  </si>
  <si>
    <t>shoukat town</t>
  </si>
  <si>
    <t>Shoukat Town</t>
  </si>
  <si>
    <t>Walton Cantonment</t>
  </si>
  <si>
    <t>Aroosa Ashan</t>
  </si>
  <si>
    <t>GHS WALTON</t>
  </si>
  <si>
    <t>Govt. High school, walton road, Lahore Cantt</t>
  </si>
  <si>
    <t>Walton cantt</t>
  </si>
  <si>
    <t>Tariq Rafiq</t>
  </si>
  <si>
    <t>GGHS CDG PUBLIC MODEL NO.1 MUSTAFA ABAD</t>
  </si>
  <si>
    <t>cgd girls high schloo no.1 mustafabad lhr st.no 35</t>
  </si>
  <si>
    <t>Ateeqa Bashir</t>
  </si>
  <si>
    <t>36095</t>
  </si>
  <si>
    <t>18252</t>
  </si>
  <si>
    <t>GGHS PADHANA</t>
  </si>
  <si>
    <t>Village Padhana</t>
  </si>
  <si>
    <t>GGHS RAFIQ-E-NISWAN MUSTAFA ABAD</t>
  </si>
  <si>
    <t>Mutafa  Abad</t>
  </si>
  <si>
    <t>main bazar mustafa abad lhr</t>
  </si>
  <si>
    <t>Aziz Bhatti Town</t>
  </si>
  <si>
    <t>Rashida Habib</t>
  </si>
  <si>
    <t>30527</t>
  </si>
  <si>
    <t>GGPS THATHA QURESHIAN WALA</t>
  </si>
  <si>
    <t>Thatha Qureshia</t>
  </si>
  <si>
    <t>thatha Qureshian Kahna nu</t>
  </si>
  <si>
    <t>30201</t>
  </si>
  <si>
    <t>GHS JAHMAN</t>
  </si>
  <si>
    <t>GHS JAHMAN,  VILLAGE JAHMAN, BEDIAN ROAD, LAHORE</t>
  </si>
  <si>
    <t>M MOHSIN ANWAR</t>
  </si>
  <si>
    <t>GHS CHUNJAN</t>
  </si>
  <si>
    <t>Azmat Pur</t>
  </si>
  <si>
    <t>Govt. High School Chanjan Tehsil Alipur District Muzaffargarh</t>
  </si>
  <si>
    <t>Chanjan</t>
  </si>
  <si>
    <t>GHS SEET PUR</t>
  </si>
  <si>
    <t>Govt. Boys High School Seet Pur</t>
  </si>
  <si>
    <t>Muhammad Shahzad Liaqat</t>
  </si>
  <si>
    <t>GGPS BASTI JAKHAR</t>
  </si>
  <si>
    <t>Faqeer Sial</t>
  </si>
  <si>
    <t>ggps basti jakhar</t>
  </si>
  <si>
    <t>Basti Jakhar</t>
  </si>
  <si>
    <t>Asma Irshad</t>
  </si>
  <si>
    <t>GGHS ALIPUR</t>
  </si>
  <si>
    <t>MUTAFIRQA</t>
  </si>
  <si>
    <t>JATOI CHOWK ALIPUR</t>
  </si>
  <si>
    <t>MUNCIPAL COMMETTY</t>
  </si>
  <si>
    <t>NAHEED ALMAS</t>
  </si>
  <si>
    <t>GGPS NIWAZISH NAGAR</t>
  </si>
  <si>
    <t>nawazish nagr</t>
  </si>
  <si>
    <t>Nawazish Nagr</t>
  </si>
  <si>
    <t>Fouzia Malik</t>
  </si>
  <si>
    <t>GPS ARABIC BHATTIAN</t>
  </si>
  <si>
    <t>Ahmad Pur Tapa</t>
  </si>
  <si>
    <t>Mouza Ahmed Pur Tapa Basti Farooq e Azam Thesil Ahmad Pur East District Bhawalpur</t>
  </si>
  <si>
    <t>Ayaz Ahmed</t>
  </si>
  <si>
    <t>34232</t>
  </si>
  <si>
    <t>GMPS BURJI WALA</t>
  </si>
  <si>
    <t>Garh Mahraja</t>
  </si>
  <si>
    <t>Gmps burji wala</t>
  </si>
  <si>
    <t>Burji Wala</t>
  </si>
  <si>
    <t>Garhmahraja</t>
  </si>
  <si>
    <t>GPS ARABIC FAIZ ABAD</t>
  </si>
  <si>
    <t>Basti Maril Mouza Kot Khalifa</t>
  </si>
  <si>
    <t>Basti Maril</t>
  </si>
  <si>
    <t>Faiz ur Rahman Rabbani</t>
  </si>
  <si>
    <t>GPS CHAK NO 1/3-R GARH MAHRAJA</t>
  </si>
  <si>
    <t>Vijhi</t>
  </si>
  <si>
    <t>GPS Chak No. 1/3R</t>
  </si>
  <si>
    <t>Chak No1/3R</t>
  </si>
  <si>
    <t>SYED MUZAMMIL ABBAS SHAH</t>
  </si>
  <si>
    <t>GPS HAMID PUR KHURD</t>
  </si>
  <si>
    <t>Hamid Pur Khurd</t>
  </si>
  <si>
    <t>Basti Jhulan</t>
  </si>
  <si>
    <t>kot Khalifa</t>
  </si>
  <si>
    <t>11474</t>
  </si>
  <si>
    <t>GGPS BAQAR SHAH</t>
  </si>
  <si>
    <t>Baqir Shah</t>
  </si>
  <si>
    <t>Baqir Shah Shumali Alipur District Muzaffar Garh</t>
  </si>
  <si>
    <t>11353</t>
  </si>
  <si>
    <t>GPS BAIT CHANNA</t>
  </si>
  <si>
    <t>Bait Channah</t>
  </si>
  <si>
    <t>mouza bait channah seet pur tehsile ali pur</t>
  </si>
  <si>
    <t>GPS RUSTAM ABAD</t>
  </si>
  <si>
    <t>Fateh Pur Peratti</t>
  </si>
  <si>
    <t>chah machi wala</t>
  </si>
  <si>
    <t>Akhtar Abbas Sial</t>
  </si>
  <si>
    <t>11302</t>
  </si>
  <si>
    <t>GPS DHUDHI</t>
  </si>
  <si>
    <t>Dammar Wala Janubi</t>
  </si>
  <si>
    <t>Basit obachr moza Dammar wala janubi Teh.Ali pur distt m.garh</t>
  </si>
  <si>
    <t>Basti obachr</t>
  </si>
  <si>
    <t>GPS BADH BAILA</t>
  </si>
  <si>
    <t>Badh Baila</t>
  </si>
  <si>
    <t>badh baila ahmad pur sial jhang</t>
  </si>
  <si>
    <t>Rameez Khalid</t>
  </si>
  <si>
    <t>11492</t>
  </si>
  <si>
    <t>GGPS GHULAM SARWAR WALI</t>
  </si>
  <si>
    <t>basti Muhammadi  khanani seet pur.</t>
  </si>
  <si>
    <t>Basti Muhammadi</t>
  </si>
  <si>
    <t>Tayyaba Arshad</t>
  </si>
  <si>
    <t>GPS CHAK NO 5/3 L</t>
  </si>
  <si>
    <t>cHAK 5/3L</t>
  </si>
  <si>
    <t>CHAK 5/3L P/O Chak no.5/3l MARKAZ BANGLA YASMEEN TEH A.P.S JHANG</t>
  </si>
  <si>
    <t>CHAK 5/3L</t>
  </si>
  <si>
    <t>Muhammad Tahir Abbas</t>
  </si>
  <si>
    <t>GPS GULAN LAR</t>
  </si>
  <si>
    <t>Basti Lar, Moza Gulan Lar, Tehsil Ahmed Pur East.</t>
  </si>
  <si>
    <t>BASHEER AHMED</t>
  </si>
  <si>
    <t>GPS MEERNAY WALA</t>
  </si>
  <si>
    <t>MeernaywalaAhmad pur sial jhang</t>
  </si>
  <si>
    <t>Nazakat Ali Khan</t>
  </si>
  <si>
    <t>18818</t>
  </si>
  <si>
    <t>GPS PALLA HAMSHERA</t>
  </si>
  <si>
    <t>Palla Hamshira</t>
  </si>
  <si>
    <t>Basti  Kharwala mouza Palla Hamshira</t>
  </si>
  <si>
    <t>Kotla Mosa Khan</t>
  </si>
  <si>
    <t>Malik Muhammad Aslam</t>
  </si>
  <si>
    <t>GGPS HAMID PUR KALAN NO.2</t>
  </si>
  <si>
    <t>post office wahi jogian, hamid pur kalan, Ahmed pur east,bahawalpur.</t>
  </si>
  <si>
    <t>Saira Chishti</t>
  </si>
  <si>
    <t>GPS DEGREE REGULAR</t>
  </si>
  <si>
    <t>Dugree</t>
  </si>
  <si>
    <t>mouza and p, o  Dugree teh A P Sial</t>
  </si>
  <si>
    <t>Fateh Pur Pretti</t>
  </si>
  <si>
    <t>Sajid Mahmood Bilal</t>
  </si>
  <si>
    <t>KULACHI</t>
  </si>
  <si>
    <t>chah talib wala moza kulachi</t>
  </si>
  <si>
    <t>KKULACHI</t>
  </si>
  <si>
    <t>PIr Abdul Rehman</t>
  </si>
  <si>
    <t>GPS AMIN TARAPA</t>
  </si>
  <si>
    <t>Hasil Lar</t>
  </si>
  <si>
    <t>Moza hasil lar basti amin tarapa</t>
  </si>
  <si>
    <t>Amin Tarapa</t>
  </si>
  <si>
    <t>Muhammad Arif Raza</t>
  </si>
  <si>
    <t>18442</t>
  </si>
  <si>
    <t>GMPS MUJAHID ABAD</t>
  </si>
  <si>
    <t>Koshak Baloch</t>
  </si>
  <si>
    <t>GMPS Mujahidabad</t>
  </si>
  <si>
    <t>Mumtaz Fatima</t>
  </si>
  <si>
    <t>GPS SUFI SADIQ</t>
  </si>
  <si>
    <t>Mukhdoom Pur</t>
  </si>
  <si>
    <t>basti sufi sadiq mauza mukhdoom pur markaz dhor kot</t>
  </si>
  <si>
    <t>Sufi Sadiq</t>
  </si>
  <si>
    <t>Zulfiqar ali</t>
  </si>
  <si>
    <t>18284</t>
  </si>
  <si>
    <t>GPS KULACHI CHAK NO 8/3</t>
  </si>
  <si>
    <t>KOLACHI</t>
  </si>
  <si>
    <t>GPS chak no 8/3L kolachi p/o pir abdulrehman tehsil ahmed pur sial district jhang</t>
  </si>
  <si>
    <t>Kolachi</t>
  </si>
  <si>
    <t>PIR ABDUL REHMAN</t>
  </si>
  <si>
    <t>GGPS MUD ARAIN</t>
  </si>
  <si>
    <t>Paati Chung</t>
  </si>
  <si>
    <t>basti fateh Muhammad arain moza paati chung</t>
  </si>
  <si>
    <t>Basti Fateh Muhammad Arian</t>
  </si>
  <si>
    <t>Sumera shamim</t>
  </si>
  <si>
    <t>Shikhani</t>
  </si>
  <si>
    <t>Phulwala, Moza Shikhani P/O Sitpur Teh. Alipur Distt. Muzaffargarh</t>
  </si>
  <si>
    <t>Phulwala</t>
  </si>
  <si>
    <t>Missan Kot</t>
  </si>
  <si>
    <t>Siffat Abbas Khan</t>
  </si>
  <si>
    <t>18307</t>
  </si>
  <si>
    <t>GPS BASTI WAN</t>
  </si>
  <si>
    <t>Basti wan moza Pir Abdul Rehman tehseel Ahmad pur sial distt Jhang</t>
  </si>
  <si>
    <t>Basti Wan</t>
  </si>
  <si>
    <t>GES AZMAT PUR</t>
  </si>
  <si>
    <t>basti naichwala moza Bait Mullanwai</t>
  </si>
  <si>
    <t>Basti Naich Wala</t>
  </si>
  <si>
    <t>Shahnawaz Khan</t>
  </si>
  <si>
    <t>GGPS ALIPUR NO. 2</t>
  </si>
  <si>
    <t>MutaFarqa</t>
  </si>
  <si>
    <t>Fath por road Alipur</t>
  </si>
  <si>
    <t>Fatehpur Janubi</t>
  </si>
  <si>
    <t>Hand pump water pump</t>
  </si>
  <si>
    <t>GPS MAKHDOM WALA</t>
  </si>
  <si>
    <t>Dull</t>
  </si>
  <si>
    <t>GPS Chah Makhdoom Wala, Mouza Dull, Tehsil Ahmad Pur Sial, Jhang</t>
  </si>
  <si>
    <t>Makhdoom Wala</t>
  </si>
  <si>
    <t>M Sibtain</t>
  </si>
  <si>
    <t>GPS BASTI DIRAJ</t>
  </si>
  <si>
    <t>GPS Basti diraj Moza DIRAJ Tehsil Ahmed pur sial district Jhang</t>
  </si>
  <si>
    <t>BASTI DIRAJ</t>
  </si>
  <si>
    <t>Syed Asad Abbas</t>
  </si>
  <si>
    <t>Basti Gunjpur Mubarakpur</t>
  </si>
  <si>
    <t>GGPS BASTI KHOKHRAN</t>
  </si>
  <si>
    <t>Thehri Zabti</t>
  </si>
  <si>
    <t>Basti Khokhran moza thehri zabti DNS</t>
  </si>
  <si>
    <t>21330</t>
  </si>
  <si>
    <t>mC CITY ALI PUR</t>
  </si>
  <si>
    <t>MULTAN ROAD ALI PUR</t>
  </si>
  <si>
    <t>MC CITY ALI PUR</t>
  </si>
  <si>
    <t>ENAYAT ULLAH</t>
  </si>
  <si>
    <t>GGPS DERA CHADHAR</t>
  </si>
  <si>
    <t>Ggps dera chadhar a.p sial</t>
  </si>
  <si>
    <t>Bohit Chadhar</t>
  </si>
  <si>
    <t>Fehmida Yasmeen</t>
  </si>
  <si>
    <t>JANA</t>
  </si>
  <si>
    <t>GPS SULTAN WALA MOZA JANA</t>
  </si>
  <si>
    <t>HUSSAIN WALA</t>
  </si>
  <si>
    <t>17937</t>
  </si>
  <si>
    <t>GHS NEKUKARA</t>
  </si>
  <si>
    <t>P/O Nekokara Teh Ahmad Pur Sial, Jhang.</t>
  </si>
  <si>
    <t>muhammad yousuf</t>
  </si>
  <si>
    <t>GPS DILAWAR WARN</t>
  </si>
  <si>
    <t>basti dilawar waran</t>
  </si>
  <si>
    <t>Dhor Kot</t>
  </si>
  <si>
    <t>Khawaja Ali Raza</t>
  </si>
  <si>
    <t>GGPS NAWAN DERA</t>
  </si>
  <si>
    <t>Mail majeeth</t>
  </si>
  <si>
    <t>GGPS nawan dera basti gopi wala</t>
  </si>
  <si>
    <t>Basti gopi wala</t>
  </si>
  <si>
    <t>Fateh pur janobi</t>
  </si>
  <si>
    <t>Nowsheen Ashiq</t>
  </si>
  <si>
    <t>18264</t>
  </si>
  <si>
    <t>GES CHAK NO. 1/3-L</t>
  </si>
  <si>
    <t>GES CHAK NO. 1/3L, NEAR DAINA MORE, A.P.SIAL,
JHANG</t>
  </si>
  <si>
    <t>Chak No 1/3L</t>
  </si>
  <si>
    <t>Kapuri</t>
  </si>
  <si>
    <t>Main Khizar Hayat</t>
  </si>
  <si>
    <t>24874</t>
  </si>
  <si>
    <t>GHS PIPLI RAJAN</t>
  </si>
  <si>
    <t>Pippli Rajan</t>
  </si>
  <si>
    <t>usman pur mauza pippli rajan tehsil ahmed pur east dist bahawalpur</t>
  </si>
  <si>
    <t>Usman Pur</t>
  </si>
  <si>
    <t>Naushehra Jadeed</t>
  </si>
  <si>
    <t>GES MAKORIAN WALA</t>
  </si>
  <si>
    <t>Janan</t>
  </si>
  <si>
    <t>Makorian wala Teh Ahmad Pur sial</t>
  </si>
  <si>
    <t>Makorian Wala</t>
  </si>
  <si>
    <t>GPS GHULAM NABI ARAIN</t>
  </si>
  <si>
    <t>GPS Ghulam Nabi Arain</t>
  </si>
  <si>
    <t>Arain</t>
  </si>
  <si>
    <t>Arshad Rasool Khan</t>
  </si>
  <si>
    <t>GGPS AZHAR ABAD</t>
  </si>
  <si>
    <t>Azhar Abad</t>
  </si>
  <si>
    <t>Misbah Zafar</t>
  </si>
  <si>
    <t>GPS YASMIN</t>
  </si>
  <si>
    <t>essay wala janoobi</t>
  </si>
  <si>
    <t>moza  essay wala janoobi</t>
  </si>
  <si>
    <t>essay wala</t>
  </si>
  <si>
    <t>bangla yasmeen</t>
  </si>
  <si>
    <t>zulfiqar Ali</t>
  </si>
  <si>
    <t>GGPS CHAK NO.149/NP</t>
  </si>
  <si>
    <t>Kakis</t>
  </si>
  <si>
    <t>basti ghulam nabbi Kakis</t>
  </si>
  <si>
    <t>Rajor Hoo</t>
  </si>
  <si>
    <t>SAIMA BATOOL</t>
  </si>
  <si>
    <t>GGPS NASIR LODHRA</t>
  </si>
  <si>
    <t>Haji jhabel</t>
  </si>
  <si>
    <t>Ggps nasir lodhra hatheji</t>
  </si>
  <si>
    <t>Basti bseera lodhra</t>
  </si>
  <si>
    <t>51 Hatheji</t>
  </si>
  <si>
    <t>Rozina Fareed</t>
  </si>
  <si>
    <t>4189</t>
  </si>
  <si>
    <t>GMPS BASTI KABEER</t>
  </si>
  <si>
    <t>Serwer Abad</t>
  </si>
  <si>
    <t>Gmps besti kabir</t>
  </si>
  <si>
    <t>Besti Kabir</t>
  </si>
  <si>
    <t>Chanab Resoolpur</t>
  </si>
  <si>
    <t>Shakila Fayyaz</t>
  </si>
  <si>
    <t>mouza Rasoolpur p/o uch sharif</t>
  </si>
  <si>
    <t>bakhtiari</t>
  </si>
  <si>
    <t>muhammad ilyas</t>
  </si>
  <si>
    <t>7284</t>
  </si>
  <si>
    <t>PIR ABDUL RAHMAN</t>
  </si>
  <si>
    <t>GPS SHAH ALLAM WALA NEAR PIR ABDUL RAHMAN</t>
  </si>
  <si>
    <t>SHAH ALLAM WALA</t>
  </si>
  <si>
    <t>PIR ABDUl RAHMAN</t>
  </si>
  <si>
    <t>SYED MUHAMMAH RAZA SHAH</t>
  </si>
  <si>
    <t>GPS GUDARA SHARQI</t>
  </si>
  <si>
    <t>GPS Gudara Sharqi Mouza Gudara</t>
  </si>
  <si>
    <t>GUDARA SHARQI</t>
  </si>
  <si>
    <t>Azhar Iqbal Khalid</t>
  </si>
  <si>
    <t>GHS PIR ABDUL REHMAN</t>
  </si>
  <si>
    <t>pir abdul rehman</t>
  </si>
  <si>
    <t>p/o pir abdul rehman tehsil ahmad  pur sial district jhang</t>
  </si>
  <si>
    <t>ijaz hussain</t>
  </si>
  <si>
    <t>GGPS KHUDA BUKHSH KHAN WALA</t>
  </si>
  <si>
    <t>Khuda Bux Khan Wala</t>
  </si>
  <si>
    <t>basti khuda bux khan wala</t>
  </si>
  <si>
    <t>Nabila Hameed</t>
  </si>
  <si>
    <t>GGPS CHAH SARDAR KHAN</t>
  </si>
  <si>
    <t>muhala mahmood khan jadeed hospital road,mehrab waladak khana khas tehsil ahmed pur east district BWP</t>
  </si>
  <si>
    <t>Chah Sardar Khan</t>
  </si>
  <si>
    <t>Rafia Mahmood</t>
  </si>
  <si>
    <t>GGPS THERI ZABTI</t>
  </si>
  <si>
    <t>Theri Zabti sukhail</t>
  </si>
  <si>
    <t>Qurat ul Ain</t>
  </si>
  <si>
    <t>11371</t>
  </si>
  <si>
    <t>GGPS BASTI CHACHAR</t>
  </si>
  <si>
    <t>KOTLA AFGHAN</t>
  </si>
  <si>
    <t>Basti Rind Mouza Kotla Afghan Sultanpur to Khairpur Road</t>
  </si>
  <si>
    <t>SULTANPUR</t>
  </si>
  <si>
    <t>GHS CHAK LOHARAN</t>
  </si>
  <si>
    <t>chak nourang</t>
  </si>
  <si>
    <t>BASTI CHAK LOHARAN VIA MUBARAK PUR, TEHSIL AHMADPUR EAST</t>
  </si>
  <si>
    <t>CHAK LOHARAN</t>
  </si>
  <si>
    <t>NOUSHEHR JADEED</t>
  </si>
  <si>
    <t>muhammad muneer alvi</t>
  </si>
  <si>
    <t>18347</t>
  </si>
  <si>
    <t>GPS CHAK NO 3/2 L</t>
  </si>
  <si>
    <t>Post Office Garh Maharaja Tehsil Ahmad Pur Sial Distt. Jhang</t>
  </si>
  <si>
    <t>Chak 3/2 L</t>
  </si>
  <si>
    <t>MUHAMMAD Yaseen</t>
  </si>
  <si>
    <t>GGPS ABDUL GHANNI</t>
  </si>
  <si>
    <t>Mehmood Mehtm</t>
  </si>
  <si>
    <t>mouza mwhmood mehtm po box uch sharif thsil ape district bwp.</t>
  </si>
  <si>
    <t>Rajarho</t>
  </si>
  <si>
    <t>Zahida Rehman</t>
  </si>
  <si>
    <t>GGES CHAK NO.160/NP</t>
  </si>
  <si>
    <t>Chak number 160 NP Station chani goth moaza arain wala</t>
  </si>
  <si>
    <t>Chak Number 160 NP chani Goth</t>
  </si>
  <si>
    <t>Summrina Khan</t>
  </si>
  <si>
    <t>31146</t>
  </si>
  <si>
    <t>GGPS BASTI BIDANI</t>
  </si>
  <si>
    <t>basti bidani</t>
  </si>
  <si>
    <t>Basti Bidani</t>
  </si>
  <si>
    <t>GES MAKHWARA</t>
  </si>
  <si>
    <t>Makhwara</t>
  </si>
  <si>
    <t>moza makhwara p.o box hatheji teh.ape distt bwp</t>
  </si>
  <si>
    <t>GHS THAHEEM WALA</t>
  </si>
  <si>
    <t>Chani Goth Road Basti Thaheem Wala Alipur</t>
  </si>
  <si>
    <t>Thaheem Wala</t>
  </si>
  <si>
    <t>GGES MEHMOOD MAHTAM</t>
  </si>
  <si>
    <t>Mehmood Mehtam Mahtam</t>
  </si>
  <si>
    <t>GGES Mehmood Mahtam</t>
  </si>
  <si>
    <t>Mehmood Mahtam</t>
  </si>
  <si>
    <t>Perveen Gulshan</t>
  </si>
  <si>
    <t>GGPS TILLAN WALI</t>
  </si>
  <si>
    <t>Lalu Naich</t>
  </si>
  <si>
    <t>basti tillan wali chak 147/n.p</t>
  </si>
  <si>
    <t>tillan wali</t>
  </si>
  <si>
    <t>channi goth</t>
  </si>
  <si>
    <t>33737</t>
  </si>
  <si>
    <t>11373</t>
  </si>
  <si>
    <t>GGPS GHATTI NAHAR</t>
  </si>
  <si>
    <t>Ghree</t>
  </si>
  <si>
    <t>basti ghatti Nahar mouza ghree</t>
  </si>
  <si>
    <t>Ghatti Nahar</t>
  </si>
  <si>
    <t>GGPS BAIRAN WALI</t>
  </si>
  <si>
    <t>Lang Gerwn</t>
  </si>
  <si>
    <t>basti barien wali</t>
  </si>
  <si>
    <t>Barien Wala</t>
  </si>
  <si>
    <t>Ruqia Riaz</t>
  </si>
  <si>
    <t>GGPS BASTI MALIK FAZAL AHMAD</t>
  </si>
  <si>
    <t>Arian Wala</t>
  </si>
  <si>
    <t>Basti Qasim khan Moza Arian wala Chani. goth Tehsil  Ahmed pur East Distt;BWP</t>
  </si>
  <si>
    <t>Sumaira Fayyaz</t>
  </si>
  <si>
    <t>wadhnor</t>
  </si>
  <si>
    <t>moza WadhnorBastiArain</t>
  </si>
  <si>
    <t>BastiArian</t>
  </si>
  <si>
    <t>khairpurdaha</t>
  </si>
  <si>
    <t>Shabana Bano</t>
  </si>
  <si>
    <t>fateh Muhammad Wala Ali Wali Ali pur</t>
  </si>
  <si>
    <t>Fateh Muhammad Wala</t>
  </si>
  <si>
    <t>MUHAMMAD DILAWAR</t>
  </si>
  <si>
    <t>GGPS GULZAR ARAIN</t>
  </si>
  <si>
    <t>Mahand Shareef</t>
  </si>
  <si>
    <t>muhammad wah basti gulzar arrain p/o same chani goth</t>
  </si>
  <si>
    <t>Muhammad Wah</t>
  </si>
  <si>
    <t>GHS DULL</t>
  </si>
  <si>
    <t>DULL</t>
  </si>
  <si>
    <t>TEHSIL AHMAD PUR SIAL (JHANG)</t>
  </si>
  <si>
    <t>HAZRAT SULTAN BAHOO</t>
  </si>
  <si>
    <t>TALIB HUISSAIN ZAHID</t>
  </si>
  <si>
    <t>GGPS KORA KULYAR</t>
  </si>
  <si>
    <t>ggps kura kulyar chani goth</t>
  </si>
  <si>
    <t>Peer Bakhsh</t>
  </si>
  <si>
    <t>SHAISTA SARFRAZ</t>
  </si>
  <si>
    <t>basti chanran</t>
  </si>
  <si>
    <t>Basti Chanran</t>
  </si>
  <si>
    <t>GGPS CHAMAN ABBAS</t>
  </si>
  <si>
    <t>GGPS Chaman abbas ranjeet kot</t>
  </si>
  <si>
    <t>Chak chaman abbas</t>
  </si>
  <si>
    <t>Ranjeet kot</t>
  </si>
  <si>
    <t>salma perveen</t>
  </si>
  <si>
    <t>GGPS CHAK NO.159/NP</t>
  </si>
  <si>
    <t>g.g p/s chak no.159/np</t>
  </si>
  <si>
    <t>suriyya kousar</t>
  </si>
  <si>
    <t>GPS GHATTI NAHAR</t>
  </si>
  <si>
    <t>Ghiree</t>
  </si>
  <si>
    <t>ghatti nahar Mouza Ghiree u.c sultan pur tehsil Ali pur district muzaffar garh</t>
  </si>
  <si>
    <t>Muhammad Shakil</t>
  </si>
  <si>
    <t>GMPS MOUZA JANA</t>
  </si>
  <si>
    <t>Moza Jana  Teh. A P Sial Jhang</t>
  </si>
  <si>
    <t>Moza Jana</t>
  </si>
  <si>
    <t>Ghudara</t>
  </si>
  <si>
    <t>51758</t>
  </si>
  <si>
    <t>GHS KHANGARH DOMA</t>
  </si>
  <si>
    <t>missan kot bhua</t>
  </si>
  <si>
    <t>khangarh doma p/o seepur tehsil alipur district muzaffar garh</t>
  </si>
  <si>
    <t>langar wah</t>
  </si>
  <si>
    <t>54202</t>
  </si>
  <si>
    <t>48979</t>
  </si>
  <si>
    <t>GES GAGRAY WALI</t>
  </si>
  <si>
    <t>Gagray wali Basti Ghulam Muhammad</t>
  </si>
  <si>
    <t>Riaz Ahmed Khan</t>
  </si>
  <si>
    <t>Chak 157 Np</t>
  </si>
  <si>
    <t>Basti Ashiq Abad uc rajar hoo</t>
  </si>
  <si>
    <t>Basti Ashiq Abad</t>
  </si>
  <si>
    <t>HAMEEDA IBRAHEEM</t>
  </si>
  <si>
    <t>Yaray Wali</t>
  </si>
  <si>
    <t>Basti Yaray Wali</t>
  </si>
  <si>
    <t>GES FAIZ PUR</t>
  </si>
  <si>
    <t>Mouza Faiz Pur, Tehsil Ahmad Pur East</t>
  </si>
  <si>
    <t>43835</t>
  </si>
  <si>
    <t>GGPS MAULVI MUHAMMAD HUSSAIN</t>
  </si>
  <si>
    <t>Kharwala</t>
  </si>
  <si>
    <t>government girls primary school Moulvi Muhammad Hussainl Ahmed pur east district bwp</t>
  </si>
  <si>
    <t>Subz Ali Member</t>
  </si>
  <si>
    <t>Nayyar Sultana</t>
  </si>
  <si>
    <t>GHS ALI WALI</t>
  </si>
  <si>
    <t>Mouza Ali Wali</t>
  </si>
  <si>
    <t>Sajid Ali Sajid</t>
  </si>
  <si>
    <t>GMPS BASTI CHACHRAN</t>
  </si>
  <si>
    <t>Govt Model primary Basti Chachran</t>
  </si>
  <si>
    <t>GMPS BASTI KHALIFA</t>
  </si>
  <si>
    <t>P A  Rehman</t>
  </si>
  <si>
    <t>moza pir Abdul Rehman Basti  khalifa</t>
  </si>
  <si>
    <t>GGPS WADHNORE</t>
  </si>
  <si>
    <t>Wadhnore</t>
  </si>
  <si>
    <t>post office khairpur daha mouza wadhnore</t>
  </si>
  <si>
    <t>Rehana Habib</t>
  </si>
  <si>
    <t>24759</t>
  </si>
  <si>
    <t>GPS AHMAD BUKHSH BHATTI</t>
  </si>
  <si>
    <t>Basti bhattian mouza rajor hoo</t>
  </si>
  <si>
    <t>GHS MARIAN</t>
  </si>
  <si>
    <t>Basti, moza marrian tehsil alipur m. garh</t>
  </si>
  <si>
    <t>MUHAMMAD SALEEM AKHTAR</t>
  </si>
  <si>
    <t>14876</t>
  </si>
  <si>
    <t>GGPS BASTI KABIR THIRAJ</t>
  </si>
  <si>
    <t>Ranjeetcot</t>
  </si>
  <si>
    <t>government  girls  primary school abadi kabeer thiraj</t>
  </si>
  <si>
    <t>Kabeer Tharaj</t>
  </si>
  <si>
    <t>Shahnaz Fatima</t>
  </si>
  <si>
    <t>11852</t>
  </si>
  <si>
    <t>vpo kot chaudhrian</t>
  </si>
  <si>
    <t>Gulistan Khan</t>
  </si>
  <si>
    <t>elect motor</t>
  </si>
  <si>
    <t>6850</t>
  </si>
  <si>
    <t>16583</t>
  </si>
  <si>
    <t>GGCMS GHULAM SARWAR WARAN</t>
  </si>
  <si>
    <t>Wahi Bhawal Shah</t>
  </si>
  <si>
    <t>basti waran mouza wahi bhawal Shah UC kotla mousa Khan</t>
  </si>
  <si>
    <t>Basti Waran</t>
  </si>
  <si>
    <t>Kotla Mousa Khan</t>
  </si>
  <si>
    <t>Sabahat Bano</t>
  </si>
  <si>
    <t>GGPS BASTI RASOOL BAKHSH</t>
  </si>
  <si>
    <t>Seetpur Khanani</t>
  </si>
  <si>
    <t>GGPS basti rasool bakhsh</t>
  </si>
  <si>
    <t>Basti Rasool Bakhsh</t>
  </si>
  <si>
    <t>GGPS MALIK MUHAMMAD HUSSAIN</t>
  </si>
  <si>
    <t>khokhran</t>
  </si>
  <si>
    <t>basti malik muhammad hussain khokhar ahmedpur east</t>
  </si>
  <si>
    <t>tibbi izzat</t>
  </si>
  <si>
    <t>PO SULTAN PUR</t>
  </si>
  <si>
    <t>saif ullah khan</t>
  </si>
  <si>
    <t>GPS BASTI BHATTIAN</t>
  </si>
  <si>
    <t>basti bhattian</t>
  </si>
  <si>
    <t>Muhammad Ayoub</t>
  </si>
  <si>
    <t>Near Adda Hazrat Peer Abdul Rehman</t>
  </si>
  <si>
    <t>Cha Ghagha Wala</t>
  </si>
  <si>
    <t>Ghulam Fatima Sarwat</t>
  </si>
  <si>
    <t>GGPS NABI PUR NO.2</t>
  </si>
  <si>
    <t>Pka Naich</t>
  </si>
  <si>
    <t>Basti Allahwsya moza ghouse pur adi wala</t>
  </si>
  <si>
    <t>Basti Allahwasya</t>
  </si>
  <si>
    <t>Rehana Shamshad</t>
  </si>
  <si>
    <t>18376</t>
  </si>
  <si>
    <t>GGPS CHAK NO 8/3 L SHUMALI</t>
  </si>
  <si>
    <t>GGPS Chak NO. 8/3PL</t>
  </si>
  <si>
    <t>25061</t>
  </si>
  <si>
    <t>18482</t>
  </si>
  <si>
    <t>GPS MEHMOOD WALA</t>
  </si>
  <si>
    <t>fateh pur perati</t>
  </si>
  <si>
    <t>mehmood wala fateh pur perati p/o same A.p sial Jhang</t>
  </si>
  <si>
    <t>Mehmood wala</t>
  </si>
  <si>
    <t>GGES SURUJ GUNJ</t>
  </si>
  <si>
    <t>Suraj Gunj</t>
  </si>
  <si>
    <t>Government Girls Elementary School Suraj Gunj, Tehsil and District Bahawalnagar.</t>
  </si>
  <si>
    <t>Islam Un Nisa Kanwal</t>
  </si>
  <si>
    <t>Harrar Tehsil &amp; District Chakwal</t>
  </si>
  <si>
    <t>Chakumra</t>
  </si>
  <si>
    <t>Hafeeza Mudassar</t>
  </si>
  <si>
    <t>GPS 154/RB</t>
  </si>
  <si>
    <t>154 rb</t>
  </si>
  <si>
    <t>chak no. 154 rb, faisalabad</t>
  </si>
  <si>
    <t>Bagiara</t>
  </si>
  <si>
    <t>38785</t>
  </si>
  <si>
    <t>GHS SHAKAR DARA</t>
  </si>
  <si>
    <t>GBHS SHAKARDARA (ATTOCK)</t>
  </si>
  <si>
    <t>Irfan  Ali Cheema</t>
  </si>
  <si>
    <t>GMPS CHAK NO 224 JB</t>
  </si>
  <si>
    <t>AEO (W) BHOWANA NO.29</t>
  </si>
  <si>
    <t>Chuchkana</t>
  </si>
  <si>
    <t>chak no 224 J/B</t>
  </si>
  <si>
    <t>Chak No 224</t>
  </si>
  <si>
    <t>Chak No 190 Arby</t>
  </si>
  <si>
    <t>GES 33 EB</t>
  </si>
  <si>
    <t>Chak No 33 EB</t>
  </si>
  <si>
    <t>Chak # 33 eb Arifwala distt ppn</t>
  </si>
  <si>
    <t>Chak # 33eb</t>
  </si>
  <si>
    <t>Chak #75eb</t>
  </si>
  <si>
    <t>Mian Fazal Mahmood Joyia</t>
  </si>
  <si>
    <t>GGPS MUNAWAR ABAD</t>
  </si>
  <si>
    <t>GGPS MUNAWAR ABAD, UC.39 THATTA MUHAMMAD SHAH,P/O DARBAR DHUNDAY SHAH,TEHSIL BHOWANA,DISTRICT CHINIOT</t>
  </si>
  <si>
    <t>MUNAWAR ABAD</t>
  </si>
  <si>
    <t>KANWAL BATOOL</t>
  </si>
  <si>
    <t>38822</t>
  </si>
  <si>
    <t>GPS KAMRA KHURD</t>
  </si>
  <si>
    <t>GGPS KAHOTTRA</t>
  </si>
  <si>
    <t>Kahoutra</t>
  </si>
  <si>
    <t>Near post office kahoutra</t>
  </si>
  <si>
    <t>Amrazia Bibi</t>
  </si>
  <si>
    <t>GPS SADEVE</t>
  </si>
  <si>
    <t>Sadave</t>
  </si>
  <si>
    <t>moza sadeve tibba Mutmallan teh.bhowana distt.chiniot</t>
  </si>
  <si>
    <t>Tibba Mutmallan</t>
  </si>
  <si>
    <t>GPS RASOOL BUKHSH SANGI</t>
  </si>
  <si>
    <t>basti rasool bux sangi moza rukrani P/O khalil abad distt bwp</t>
  </si>
  <si>
    <t>Sangi</t>
  </si>
  <si>
    <t>Syed Niaz Ahmad Shah</t>
  </si>
  <si>
    <t>48351</t>
  </si>
  <si>
    <t>GMPS HAVELI QURESHIAN</t>
  </si>
  <si>
    <t>Haveli Qureshian</t>
  </si>
  <si>
    <t>gmps haveli qureshian</t>
  </si>
  <si>
    <t>38770</t>
  </si>
  <si>
    <t>GPS DHOLAN WALI</t>
  </si>
  <si>
    <t>Elahi Bukhsh Dhool</t>
  </si>
  <si>
    <t>basti nambardar moza ilahi bakhsh dhool bahawalpur</t>
  </si>
  <si>
    <t>GGPS MIR PUR HUSSAIN</t>
  </si>
  <si>
    <t>Mohalla Mir Pur Hussain Kamra Kalan</t>
  </si>
  <si>
    <t>Motahirah Noor Anjum</t>
  </si>
  <si>
    <t>36633</t>
  </si>
  <si>
    <t>47504</t>
  </si>
  <si>
    <t>GGPS MOZA MUHAMMAD ASAD KHAN</t>
  </si>
  <si>
    <t>Asad Khan</t>
  </si>
  <si>
    <t>Moza Asad Khan near Kat Ganga Singh</t>
  </si>
  <si>
    <t>Moza Asad khan</t>
  </si>
  <si>
    <t>Shakila Nazir</t>
  </si>
  <si>
    <t>GGHS BOOTA</t>
  </si>
  <si>
    <t>Boota</t>
  </si>
  <si>
    <t>village and post office boota tehsil and district attock</t>
  </si>
  <si>
    <t>akhori</t>
  </si>
  <si>
    <t>81605</t>
  </si>
  <si>
    <t>GPS GAH</t>
  </si>
  <si>
    <t>Gah</t>
  </si>
  <si>
    <t>VPO GAH Teh. &amp; District Chakwal</t>
  </si>
  <si>
    <t>GGPS TIBBI LAL BAIG</t>
  </si>
  <si>
    <t>TIBBI LAL BAIG</t>
  </si>
  <si>
    <t>TIBBI LAL BAIG, PO KHAS, ARIFWALA, PAKPATTAN</t>
  </si>
  <si>
    <t>KALSOOM NAWAZ</t>
  </si>
  <si>
    <t>GPS 162 RB I</t>
  </si>
  <si>
    <t>162 rB</t>
  </si>
  <si>
    <t>CHAK NO. 162 RB, FAISALABAD</t>
  </si>
  <si>
    <t>33943</t>
  </si>
  <si>
    <t>GGPS DHOK HAJI AHMED</t>
  </si>
  <si>
    <t>Dhok Haji Ahmed</t>
  </si>
  <si>
    <t>Dhok haji ahmed</t>
  </si>
  <si>
    <t>Rubina Saba</t>
  </si>
  <si>
    <t>51924</t>
  </si>
  <si>
    <t>GPS 42 EB</t>
  </si>
  <si>
    <t>42 eb</t>
  </si>
  <si>
    <t>chak no 42.e.b</t>
  </si>
  <si>
    <t>42 EB</t>
  </si>
  <si>
    <t>Chak 48eb</t>
  </si>
  <si>
    <t>19406</t>
  </si>
  <si>
    <t>Noor pur Arian Mouza Mari Mian Sahib Bahawalnagar</t>
  </si>
  <si>
    <t>Noor Pur Arian</t>
  </si>
  <si>
    <t>Muhammad Saeed Shahid</t>
  </si>
  <si>
    <t>38786</t>
  </si>
  <si>
    <t>GHS BOOTA</t>
  </si>
  <si>
    <t>VPO Boota, Tehsil &amp; Distt. Attock</t>
  </si>
  <si>
    <t>GGPS BAGH NELAB</t>
  </si>
  <si>
    <t>Bagh Neelab</t>
  </si>
  <si>
    <t>Teh &amp; Dis Attock p/o &amp; village Bagh Neelab GGPS Bagh Neelab</t>
  </si>
  <si>
    <t>Rehana Sajjad</t>
  </si>
  <si>
    <t>electric motor is used to take water from nearby river</t>
  </si>
  <si>
    <t>13433</t>
  </si>
  <si>
    <t>GGPS DHOK AULIA</t>
  </si>
  <si>
    <t>Bolinwal</t>
  </si>
  <si>
    <t>vill.dhok aulia vpo bulianwal tehsil and disst attock</t>
  </si>
  <si>
    <t>Dhok Aulia</t>
  </si>
  <si>
    <t>Roqiya Bibi</t>
  </si>
  <si>
    <t>GPS FAZAL DIN</t>
  </si>
  <si>
    <t>Fazal Din</t>
  </si>
  <si>
    <t>moza Fazal din tehsil Arifwala district Pakpattan</t>
  </si>
  <si>
    <t>Mazhar Hussain Safdar</t>
  </si>
  <si>
    <t>GPS MUHAMMAD YAR HANCE</t>
  </si>
  <si>
    <t>Qadri Pur</t>
  </si>
  <si>
    <t>basti Muhammad Yar hance</t>
  </si>
  <si>
    <t>Muhammad Yar Hance</t>
  </si>
  <si>
    <t>Mari Mian Sb</t>
  </si>
  <si>
    <t>Gohar Ali</t>
  </si>
  <si>
    <t>GGPS CHAK NO.27/BC</t>
  </si>
  <si>
    <t>27/bc</t>
  </si>
  <si>
    <t>chak no 27/bc</t>
  </si>
  <si>
    <t>27/Bc</t>
  </si>
  <si>
    <t>24/Bc</t>
  </si>
  <si>
    <t>Safia Hafeez</t>
  </si>
  <si>
    <t>19829</t>
  </si>
  <si>
    <t>GGPS CHAK NO 196 JB KARAM SHAH WALA</t>
  </si>
  <si>
    <t>chak no 196 karam shah</t>
  </si>
  <si>
    <t>Chak No 196 Karam Shah</t>
  </si>
  <si>
    <t>Bhalo</t>
  </si>
  <si>
    <t>Syeda Shahnaz Akhtar</t>
  </si>
  <si>
    <t>48603</t>
  </si>
  <si>
    <t>GGES SALAM</t>
  </si>
  <si>
    <t>GGES Salam</t>
  </si>
  <si>
    <t>IRAM SABA</t>
  </si>
  <si>
    <t>40320</t>
  </si>
  <si>
    <t>GPS MATRAN</t>
  </si>
  <si>
    <t>Matran</t>
  </si>
  <si>
    <t>chak matran</t>
  </si>
  <si>
    <t>GPS ARABIC CHAH ASIM WALA</t>
  </si>
  <si>
    <t>Dera Masti</t>
  </si>
  <si>
    <t>basti loharan</t>
  </si>
  <si>
    <t>Mangwani</t>
  </si>
  <si>
    <t>Rama</t>
  </si>
  <si>
    <t>GGPS CHAK NO. 80/ML</t>
  </si>
  <si>
    <t>Chak No 80ML</t>
  </si>
  <si>
    <t>chak No 80ML</t>
  </si>
  <si>
    <t>78ML</t>
  </si>
  <si>
    <t>GPS BHELAN</t>
  </si>
  <si>
    <t>basti bhelan moaza Habib misson</t>
  </si>
  <si>
    <t>Bhelan</t>
  </si>
  <si>
    <t>Waleed Mazhar</t>
  </si>
  <si>
    <t>19497</t>
  </si>
  <si>
    <t>GPS KHAI BODLA</t>
  </si>
  <si>
    <t>Khai Bodla</t>
  </si>
  <si>
    <t>chack kahi bodla tehsil and district bahawalnagar</t>
  </si>
  <si>
    <t>Chack Khai Bodla</t>
  </si>
  <si>
    <t>GGPS CHAH WADHOO WALA</t>
  </si>
  <si>
    <t>chah wadhoo wala</t>
  </si>
  <si>
    <t>Wadhoo wala</t>
  </si>
  <si>
    <t>52191</t>
  </si>
  <si>
    <t>GGPS CHOWK MARLAY</t>
  </si>
  <si>
    <t>Chowk  Marlay</t>
  </si>
  <si>
    <t>chowk  Marlay bahawalnagr road tahsel arifwala district pakpattan</t>
  </si>
  <si>
    <t>Chowk Marlay</t>
  </si>
  <si>
    <t>Machhi Singh</t>
  </si>
  <si>
    <t>Misbah Shoukat</t>
  </si>
  <si>
    <t>23386</t>
  </si>
  <si>
    <t>38791</t>
  </si>
  <si>
    <t>GHS DAKHNAIR (ATTOCK)</t>
  </si>
  <si>
    <t>v.p.o Dakhnair Tehsil &amp; Distt Attock</t>
  </si>
  <si>
    <t>Zia Ul Hassan</t>
  </si>
  <si>
    <t>19811</t>
  </si>
  <si>
    <t>GGES SULEMAN</t>
  </si>
  <si>
    <t>rehman colony</t>
  </si>
  <si>
    <t>Thatta muhammad Shah</t>
  </si>
  <si>
    <t>GPS PEER SHAH-WEST</t>
  </si>
  <si>
    <t>PEER SHAH</t>
  </si>
  <si>
    <t>CHACK PEER SHAH TEHSIL &amp;DISTICT BAHAWAL NAGAR</t>
  </si>
  <si>
    <t>MARI MIAN SHAB</t>
  </si>
  <si>
    <t>AHMAD HASSAN</t>
  </si>
  <si>
    <t>44735</t>
  </si>
  <si>
    <t>GGPS SULTAN WALA</t>
  </si>
  <si>
    <t>GGPS Sultan Wala</t>
  </si>
  <si>
    <t>Dagar Aulkha</t>
  </si>
  <si>
    <t>SADIA HUMA</t>
  </si>
  <si>
    <t>GHS BOLIAN WAL</t>
  </si>
  <si>
    <t>village bolianwal Teh &amp; Distt Attiock</t>
  </si>
  <si>
    <t>Bollianwal</t>
  </si>
  <si>
    <t>syed taqi abbas</t>
  </si>
  <si>
    <t>48602</t>
  </si>
  <si>
    <t>GGPS DERA AHMAD ALI JASPAL</t>
  </si>
  <si>
    <t>ggps dera ahmad ali jaspal salam</t>
  </si>
  <si>
    <t>11565</t>
  </si>
  <si>
    <t>48613</t>
  </si>
  <si>
    <t>GGPS DERA SHAN WALA</t>
  </si>
  <si>
    <t>Ggps dera shan wala markaz salam</t>
  </si>
  <si>
    <t>GGES 105-EB</t>
  </si>
  <si>
    <t>105EB</t>
  </si>
  <si>
    <t>105EB, PO QABOOLA, ARIFWALA, PAKPATTAN</t>
  </si>
  <si>
    <t>Chak No 105EB</t>
  </si>
  <si>
    <t>MEHDI KHAN</t>
  </si>
  <si>
    <t>ROMANA SHAHAB</t>
  </si>
  <si>
    <t>GGCMS PIND TRAIR</t>
  </si>
  <si>
    <t>Pind Trair</t>
  </si>
  <si>
    <t>pind Trair</t>
  </si>
  <si>
    <t>Bolianwall</t>
  </si>
  <si>
    <t>Kaniz Khatoon</t>
  </si>
  <si>
    <t>GGPS ANNANT PURA PHULARWAN</t>
  </si>
  <si>
    <t>Chaba Purana</t>
  </si>
  <si>
    <t>GGP/S Annant pura</t>
  </si>
  <si>
    <t>Annant Pura</t>
  </si>
  <si>
    <t>GPS BAHAR BORANA</t>
  </si>
  <si>
    <t>Bahar Burana</t>
  </si>
  <si>
    <t>Basti langah mouza bahar born a teh.bahawal pur dist.bwp</t>
  </si>
  <si>
    <t>Bahar Borana</t>
  </si>
  <si>
    <t>Khan Qah Sharif</t>
  </si>
  <si>
    <t>Muhamad Nawaz</t>
  </si>
  <si>
    <t>43489</t>
  </si>
  <si>
    <t>GGPS PANJ DHERA NO.1</t>
  </si>
  <si>
    <t>Panjdhera</t>
  </si>
  <si>
    <t>VPO panjdhera,  Chakwal</t>
  </si>
  <si>
    <t>Nafeesa Adil</t>
  </si>
  <si>
    <t>GPS BUNGA AHSAN BIBI</t>
  </si>
  <si>
    <t>Bunga Ahsan Bibi</t>
  </si>
  <si>
    <t>Bonga Agsan Bibi</t>
  </si>
  <si>
    <t>GPS UTTERA</t>
  </si>
  <si>
    <t>chah qaim wala mouza uttera tehsel sadder distric bahawalpur</t>
  </si>
  <si>
    <t>GMPS 22 KB P/O MACHI SINGHTEH</t>
  </si>
  <si>
    <t>22KB</t>
  </si>
  <si>
    <t>22KB, PO MACHHI SINGH, ARIFWALA, PAKPATTAN</t>
  </si>
  <si>
    <t>Tasnim Kausar</t>
  </si>
  <si>
    <t>GPS BASTI NAWAZ SHAH</t>
  </si>
  <si>
    <t>Noroarain</t>
  </si>
  <si>
    <t>gps basti nawaz shah bwp sadar</t>
  </si>
  <si>
    <t>BASTI NAWAZ SHAH</t>
  </si>
  <si>
    <t>11547</t>
  </si>
  <si>
    <t>48059</t>
  </si>
  <si>
    <t>GHS CHAK NO.22 NB</t>
  </si>
  <si>
    <t>Chak No 22 NB</t>
  </si>
  <si>
    <t>Chak No 22 NB Tehsil Bhalwal District Sargodha</t>
  </si>
  <si>
    <t>Muhammad Shafqat  Hussain Shah</t>
  </si>
  <si>
    <t>49915</t>
  </si>
  <si>
    <t>GPS HAJI PURA-WEST</t>
  </si>
  <si>
    <t>Cutta Bhuk Utar</t>
  </si>
  <si>
    <t>Govt.P.S.Haji Pura West  chak salamat mouza chutta bhok otar Tehsil and Distt.Bahawal nagar Markaz Bahawal Nagar iii</t>
  </si>
  <si>
    <t>Chak Salamat</t>
  </si>
  <si>
    <t>Noor us Samad</t>
  </si>
  <si>
    <t>GGPS CHAK NO.12/BC (S)</t>
  </si>
  <si>
    <t>12 BC south</t>
  </si>
  <si>
    <t>Near Rehmat khyer cotton factory 12 BC south</t>
  </si>
  <si>
    <t>Chak 12 BC</t>
  </si>
  <si>
    <t>Iffat Siddique</t>
  </si>
  <si>
    <t>GPS BASTI SADIQ PUR WAROOD</t>
  </si>
  <si>
    <t>Chutta Bukh</t>
  </si>
  <si>
    <t>Sadiq pur</t>
  </si>
  <si>
    <t>Mousa Bhotta</t>
  </si>
  <si>
    <t>19893</t>
  </si>
  <si>
    <t>GPS TALEEM UL ISLAM MANGENI</t>
  </si>
  <si>
    <t>Gps T. I Mangini Moza Mangini tehsil Bhowana District Chiniot</t>
  </si>
  <si>
    <t>7592</t>
  </si>
  <si>
    <t>GGPS CHAK NO.23/BC</t>
  </si>
  <si>
    <t>23 BC</t>
  </si>
  <si>
    <t>ggps 23 bc colony</t>
  </si>
  <si>
    <t>23 BC Colony</t>
  </si>
  <si>
    <t>GPS 189 RB II RASOOLPUR</t>
  </si>
  <si>
    <t>CHak No 189 R.B Rasool Pur</t>
  </si>
  <si>
    <t>Chak No 189 R.B Rasool Pur, Tehsil Chak Jhumra, Faisalabad</t>
  </si>
  <si>
    <t>189 R.B Rasool Pur</t>
  </si>
  <si>
    <t>ZAHID MAQBOOL</t>
  </si>
  <si>
    <t>49491</t>
  </si>
  <si>
    <t>51972</t>
  </si>
  <si>
    <t>GPS 48 EB P.O 50 EB ARIF WALA</t>
  </si>
  <si>
    <t>chak no 48eb , Arifwala</t>
  </si>
  <si>
    <t>AbdulRazzaq</t>
  </si>
  <si>
    <t>47124</t>
  </si>
  <si>
    <t>43314</t>
  </si>
  <si>
    <t>GPS PIPLI</t>
  </si>
  <si>
    <t>vpo pipli district chakwal</t>
  </si>
  <si>
    <t>40926</t>
  </si>
  <si>
    <t>GPS 132 RB I</t>
  </si>
  <si>
    <t>SAHUWALA</t>
  </si>
  <si>
    <t>CHAK NO. 132 RB Sahu wala Chak Jhumara Faisal abad</t>
  </si>
  <si>
    <t>127 RB BEHLOLPUR</t>
  </si>
  <si>
    <t>53901</t>
  </si>
  <si>
    <t>38864</t>
  </si>
  <si>
    <t>GGPS ARANG</t>
  </si>
  <si>
    <t>Arang</t>
  </si>
  <si>
    <t>village arang teh &amp; dist attock</t>
  </si>
  <si>
    <t>Azmat Jan</t>
  </si>
  <si>
    <t>9867</t>
  </si>
  <si>
    <t>GPS NAWAZ DIRKHAN WALA</t>
  </si>
  <si>
    <t>Nawaz Dirkhan Wala  Tehsile Chobara Distt. Layyah</t>
  </si>
  <si>
    <t>Nawaz Dirkhan Wala</t>
  </si>
  <si>
    <t>Nosheen Aslam</t>
  </si>
  <si>
    <t>36392</t>
  </si>
  <si>
    <t>GGPS KOKARAN WALI</t>
  </si>
  <si>
    <t>Dunga Akuka</t>
  </si>
  <si>
    <t>kokaran Wali</t>
  </si>
  <si>
    <t>Kokaran Wali</t>
  </si>
  <si>
    <t>MC Dunga Bungs</t>
  </si>
  <si>
    <t>GES LAKHWAL</t>
  </si>
  <si>
    <t>vpo Lakhwal Teh and District Chakwal</t>
  </si>
  <si>
    <t>Ishfaq Hussain</t>
  </si>
  <si>
    <t>17463</t>
  </si>
  <si>
    <t>16296</t>
  </si>
  <si>
    <t>GPS 165 RB</t>
  </si>
  <si>
    <t>165 RB</t>
  </si>
  <si>
    <t>CHAK NO. 165 RB</t>
  </si>
  <si>
    <t>JAND WALI</t>
  </si>
  <si>
    <t>DAIDH</t>
  </si>
  <si>
    <t>Hafiz Ihsan ELAHI</t>
  </si>
  <si>
    <t>51907</t>
  </si>
  <si>
    <t>GPS CHAK NO. 19 KB</t>
  </si>
  <si>
    <t>19kb</t>
  </si>
  <si>
    <t>Muhammad  Yar</t>
  </si>
  <si>
    <t>9904</t>
  </si>
  <si>
    <t>GPS GUDDAY WALA</t>
  </si>
  <si>
    <t>NAWAN kot choubara</t>
  </si>
  <si>
    <t>Gudday Wala</t>
  </si>
  <si>
    <t>16279</t>
  </si>
  <si>
    <t>GPS 146 RB I</t>
  </si>
  <si>
    <t>146 RB I</t>
  </si>
  <si>
    <t>CHAK NO. 146 RB I</t>
  </si>
  <si>
    <t>Tayyba Rani</t>
  </si>
  <si>
    <t>51393</t>
  </si>
  <si>
    <t>48609</t>
  </si>
  <si>
    <t>GGPS AHLI DAKHLI 4 NB</t>
  </si>
  <si>
    <t>Chak 4 NB AHLI Dakhli</t>
  </si>
  <si>
    <t>ahli dakhli 4 nb</t>
  </si>
  <si>
    <t>Ahli Dakhli 4 Nb</t>
  </si>
  <si>
    <t>Afsana Kanwal</t>
  </si>
  <si>
    <t>19765</t>
  </si>
  <si>
    <t>GGES CHAK NO.11/BC</t>
  </si>
  <si>
    <t>11 bc</t>
  </si>
  <si>
    <t>chak 11 bc</t>
  </si>
  <si>
    <t>12 bc</t>
  </si>
  <si>
    <t>48598</t>
  </si>
  <si>
    <t>GGPS CHAK NO.7 ML</t>
  </si>
  <si>
    <t>GGPS CHAK NO. 7 ML</t>
  </si>
  <si>
    <t>Kausar Jabeen</t>
  </si>
  <si>
    <t>GPS GHULAM AKBER KHOKHAR</t>
  </si>
  <si>
    <t>MACHAR</t>
  </si>
  <si>
    <t>BASTI KHOKHAR TEHSIL &amp; DISTRICT BHAKKAR</t>
  </si>
  <si>
    <t>BASTI GHULAM AKBAR KHOKHAR</t>
  </si>
  <si>
    <t>BADYANI</t>
  </si>
  <si>
    <t>Amir Hussain Khan</t>
  </si>
  <si>
    <t>GGPS UCH MUGHLAN</t>
  </si>
  <si>
    <t>Uch Mughla</t>
  </si>
  <si>
    <t>bsti sbzzar uch moughla</t>
  </si>
  <si>
    <t>Zobia Shafiq</t>
  </si>
  <si>
    <t>GMPS KOT HAMEED ULLAH</t>
  </si>
  <si>
    <t>basti kote hammed ullah mouza kakis</t>
  </si>
  <si>
    <t>Kote Hameed Ullah</t>
  </si>
  <si>
    <t>Kote Khalifa</t>
  </si>
  <si>
    <t>Makhan Bella</t>
  </si>
  <si>
    <t>basti Mohana near head punjnad moza makhan bella</t>
  </si>
  <si>
    <t>Makhanbela</t>
  </si>
  <si>
    <t>Damar Wala Janoobi</t>
  </si>
  <si>
    <t>GES DOULU ANA</t>
  </si>
  <si>
    <t>DOULUANA GHARBI</t>
  </si>
  <si>
    <t>Ges douluana chak petal moza douluana gharbi</t>
  </si>
  <si>
    <t>CHAK PETAL</t>
  </si>
  <si>
    <t>Kausar Abbas Khan</t>
  </si>
  <si>
    <t>GHS SADIQ ABBAS AHMADPUR EAST</t>
  </si>
  <si>
    <t>AHMADPUR KOHANA</t>
  </si>
  <si>
    <t>NEAR MEEZAN BANK AHMADPUR  EAST</t>
  </si>
  <si>
    <t>MOH. NOOR SHAH BUKHARI</t>
  </si>
  <si>
    <t>AHMADPUR EAST CITY</t>
  </si>
  <si>
    <t>AKHTAR HUSSAIN KAMAL</t>
  </si>
  <si>
    <t>GES BAHAR</t>
  </si>
  <si>
    <t>bahar gharbi</t>
  </si>
  <si>
    <t>Mohammad Arif</t>
  </si>
  <si>
    <t>GPS DAGRI WEST</t>
  </si>
  <si>
    <t>Dagree</t>
  </si>
  <si>
    <t>GPS Dagree west</t>
  </si>
  <si>
    <t>Fateh pur peratti</t>
  </si>
  <si>
    <t>Muhammad Ashraf Parvez</t>
  </si>
  <si>
    <t>GGPS GHULAM MUHAMMAD COUNCELLOR</t>
  </si>
  <si>
    <t>BASTI GHULAM MUHAMMAD COUNCILOR</t>
  </si>
  <si>
    <t>Kaosar Sultana</t>
  </si>
  <si>
    <t>18481</t>
  </si>
  <si>
    <t>GPS BASTI MOHAMMAD WALA</t>
  </si>
  <si>
    <t>Basti Mohammad Wala Moza Hassu Balail</t>
  </si>
  <si>
    <t>Mohammad Wala</t>
  </si>
  <si>
    <t>M Asif Raza Shah</t>
  </si>
  <si>
    <t>GGPS BUDHOO WALI</t>
  </si>
  <si>
    <t>Mamoonabad</t>
  </si>
  <si>
    <t>Basti Dairy farm moza Mamoonabad</t>
  </si>
  <si>
    <t>Dairy Farm</t>
  </si>
  <si>
    <t>Khurum Pur</t>
  </si>
  <si>
    <t>GGPS BATI KAKAR MOUZA PATI CHANG</t>
  </si>
  <si>
    <t>Pati Chang</t>
  </si>
  <si>
    <t>basti kakar, mouza pati chang APE</t>
  </si>
  <si>
    <t>Basti Kakar</t>
  </si>
  <si>
    <t>Amna Tariq</t>
  </si>
  <si>
    <t>54751</t>
  </si>
  <si>
    <t>GGPS FAIZ KHAN KHAKWANI</t>
  </si>
  <si>
    <t>malkani basti</t>
  </si>
  <si>
    <t>adda mahmood shaheed dera faiz khan khakwani</t>
  </si>
  <si>
    <t>faiz khan</t>
  </si>
  <si>
    <t>Iqra Mumtaz qureshi</t>
  </si>
  <si>
    <t>GGPS AGHRANI</t>
  </si>
  <si>
    <t>Bait Burra</t>
  </si>
  <si>
    <t>Basti Aghrani, Bait Burra</t>
  </si>
  <si>
    <t>Basti Aghrani</t>
  </si>
  <si>
    <t>Sumaira Zawar</t>
  </si>
  <si>
    <t>GGPS HAMID PUR KALAN NO.1</t>
  </si>
  <si>
    <t>Bisti mochiyan p/o  kotla mosa khan Ahmed pur east</t>
  </si>
  <si>
    <t>Bisti Mochiyan</t>
  </si>
  <si>
    <t>Wahi Bahwal Shah</t>
  </si>
  <si>
    <t>34003</t>
  </si>
  <si>
    <t>GPS AZEEM SHAH</t>
  </si>
  <si>
    <t>Mohammad Ramzan</t>
  </si>
  <si>
    <t>19041</t>
  </si>
  <si>
    <t>Bastilal</t>
  </si>
  <si>
    <t>GOVT BOYS PRIMARY SCHOOL BASTI AZHARABAD, NEAR GARH  MORE</t>
  </si>
  <si>
    <t>Manzoor Hussain Shahid</t>
  </si>
  <si>
    <t>49350</t>
  </si>
  <si>
    <t>GGES ANAIT PUR</t>
  </si>
  <si>
    <t>govt girls E/S Annayat pur</t>
  </si>
  <si>
    <t>Ruqia Bukhari</t>
  </si>
  <si>
    <t>GPS ARABIC MEHMOOD MAHTAM</t>
  </si>
  <si>
    <t>GPS ISMAIL ABAD HASUU BALIL</t>
  </si>
  <si>
    <t>Govt p/s ismailabad</t>
  </si>
  <si>
    <t>Muhammad Yousaf Nasir</t>
  </si>
  <si>
    <t>GGPS BASTI SIAL</t>
  </si>
  <si>
    <t>ggps basti sial</t>
  </si>
  <si>
    <t>basti sial</t>
  </si>
  <si>
    <t>Razia mariam</t>
  </si>
  <si>
    <t>6811</t>
  </si>
  <si>
    <t>GGES LALA ZAR</t>
  </si>
  <si>
    <t>Mahtle Wala</t>
  </si>
  <si>
    <t>G.G/E School Lalazr A.P Sial</t>
  </si>
  <si>
    <t>A P Sial</t>
  </si>
  <si>
    <t>38304</t>
  </si>
  <si>
    <t>GPS GARH SHUMALI</t>
  </si>
  <si>
    <t>Wighi</t>
  </si>
  <si>
    <t>Garh Maharaja More</t>
  </si>
  <si>
    <t>Garh More</t>
  </si>
  <si>
    <t>M C Garh Maharaja</t>
  </si>
  <si>
    <t>14328</t>
  </si>
  <si>
    <t>GPS PASHA ABAD</t>
  </si>
  <si>
    <t>Pasha abad</t>
  </si>
  <si>
    <t>Haase Balail</t>
  </si>
  <si>
    <t>GPS BASTI ABDUL MAALIK</t>
  </si>
  <si>
    <t>moza khokhran basti khokhran tehsil Ahmadpur east bahawalpur</t>
  </si>
  <si>
    <t>Muhammad Wajid</t>
  </si>
  <si>
    <t>GPS MULAZIM WALA</t>
  </si>
  <si>
    <t>Mouza Kulachi P/O Pir Abdul Rehman Teh.A.P Sial Distt Jhang</t>
  </si>
  <si>
    <t>GGPS (MODEL) CHAH MUNSHI WALA</t>
  </si>
  <si>
    <t>g m p/s chah munshi wala moza kharwala mubarakpur</t>
  </si>
  <si>
    <t>BastiKharwala</t>
  </si>
  <si>
    <t>Mud Peer wah</t>
  </si>
  <si>
    <t>GMPS CHAK NO. 10/3-L</t>
  </si>
  <si>
    <t>Chak No 10/3-L</t>
  </si>
  <si>
    <t>GMPS chak no 10/ 3-L ahmad pur sial</t>
  </si>
  <si>
    <t>Chak No 10/ 3-L</t>
  </si>
  <si>
    <t>38151</t>
  </si>
  <si>
    <t>GPS WARD NO. 13 ALIPUR</t>
  </si>
  <si>
    <t>Gujjar chok alipur</t>
  </si>
  <si>
    <t>Muhammad Imran Yamin</t>
  </si>
  <si>
    <t>GHS DAGREE EAST</t>
  </si>
  <si>
    <t>Moza Dagree Tahsil Ahmad Pur Sial District Jhang</t>
  </si>
  <si>
    <t>Fateh Pur Piratti</t>
  </si>
  <si>
    <t>SHAHID WASEEM ABBAS</t>
  </si>
  <si>
    <t>GPS PEER JHANDEER</t>
  </si>
  <si>
    <t>Gps Peer Jhandeer</t>
  </si>
  <si>
    <t>Basti Tabi</t>
  </si>
  <si>
    <t>GGPS BASTI IMAMOON ARAIN</t>
  </si>
  <si>
    <t>Imammon Arain</t>
  </si>
  <si>
    <t>immammon arain</t>
  </si>
  <si>
    <t>Imamon arain</t>
  </si>
  <si>
    <t>GPS SHAMS UL ULOOM</t>
  </si>
  <si>
    <t>nada gabool choxk</t>
  </si>
  <si>
    <t>Khawaja Muhammad Abbas</t>
  </si>
  <si>
    <t>GPS NAZEER ABAD</t>
  </si>
  <si>
    <t>Basti nazeer abad,moza mehrab wala ahmadpur east,bwp</t>
  </si>
  <si>
    <t>Nazeer Abad</t>
  </si>
  <si>
    <t>Mohammad Abuzar</t>
  </si>
  <si>
    <t>GPS KHARORA FAZIL</t>
  </si>
  <si>
    <t>kharora fazil muhammad</t>
  </si>
  <si>
    <t>basti awan mouza kharora fazil mud wala</t>
  </si>
  <si>
    <t>basti awan</t>
  </si>
  <si>
    <t>damar wala janobi</t>
  </si>
  <si>
    <t>43948</t>
  </si>
  <si>
    <t>GES MUGHLAN</t>
  </si>
  <si>
    <t>Uch Moghla</t>
  </si>
  <si>
    <t>Basti sabzazaar mouza Uch Moghla Uch Sharif</t>
  </si>
  <si>
    <t>Sabzazaar</t>
  </si>
  <si>
    <t>Muhammad  Zaheer Afzal</t>
  </si>
  <si>
    <t>GGPS NAZEER ABAD NO.1</t>
  </si>
  <si>
    <t>Basti Nazir Abad moza Mehrab Wala</t>
  </si>
  <si>
    <t>Nazir Abad</t>
  </si>
  <si>
    <t>Fariha Rehman</t>
  </si>
  <si>
    <t>GPS MALIK ARAIN</t>
  </si>
  <si>
    <t>Malik Arain</t>
  </si>
  <si>
    <t>p/o Malik Arain</t>
  </si>
  <si>
    <t>GPS JHOK DARAGHI SHAH</t>
  </si>
  <si>
    <t>Jhok Dargahi Shah</t>
  </si>
  <si>
    <t>Mouza Jhok Dargahi Shah Markaz Garh Maharaja Tehsil Ahmad pur Sial  Jhang</t>
  </si>
  <si>
    <t>Akhlaq Ahmad Saad</t>
  </si>
  <si>
    <t>GPS BASTI ABBASS KHAN</t>
  </si>
  <si>
    <t>chah Abbas wala mouza duri gondal p/o same teh APS distt jhang</t>
  </si>
  <si>
    <t>Imran Ali Khan</t>
  </si>
  <si>
    <t>GPS INAYAT SHAH</t>
  </si>
  <si>
    <t>INAYAT SHAH</t>
  </si>
  <si>
    <t>GPS INAYAT SHAH  TEHSIL AHMAD PUR SIAL DISTRICT JHANG</t>
  </si>
  <si>
    <t>GGES MUD MASTOI</t>
  </si>
  <si>
    <t>Ghanu Wali</t>
  </si>
  <si>
    <t>basti mud mastoi dok khana gammani shareef</t>
  </si>
  <si>
    <t>Mud Mastoi</t>
  </si>
  <si>
    <t>Nadia Hameed</t>
  </si>
  <si>
    <t>GGCMS RANJEET KOT</t>
  </si>
  <si>
    <t>Ranjeet kot AP Sial</t>
  </si>
  <si>
    <t>Basti lakha sial</t>
  </si>
  <si>
    <t>Shaheen Irshad</t>
  </si>
  <si>
    <t>9118</t>
  </si>
  <si>
    <t>6649</t>
  </si>
  <si>
    <t>11486</t>
  </si>
  <si>
    <t>GGPS LUHARKI</t>
  </si>
  <si>
    <t>Missankot Bhowa</t>
  </si>
  <si>
    <t>Saeed Ali Jhulan</t>
  </si>
  <si>
    <t>Ishrat Batool</t>
  </si>
  <si>
    <t>GGPS HASIL LAR</t>
  </si>
  <si>
    <t>moza faiz pur basti chachrran tehseel Ahmad pur district bahawalpur</t>
  </si>
  <si>
    <t>GGES 89/EB</t>
  </si>
  <si>
    <t>89EB</t>
  </si>
  <si>
    <t>89EB, PO QABOOLA, ARIFWALA, PAKPATTAN</t>
  </si>
  <si>
    <t>Tasneem Sheraz</t>
  </si>
  <si>
    <t>GES CHAK NO.35/F</t>
  </si>
  <si>
    <t>Akhtar Ali Rafiqi</t>
  </si>
  <si>
    <t>GGHS HAJI SHAH</t>
  </si>
  <si>
    <t>Bank stop, GGHS Hajishah, Attock</t>
  </si>
  <si>
    <t>Naj mul Sahir</t>
  </si>
  <si>
    <t>19762</t>
  </si>
  <si>
    <t>GPS CHAK NO 192 JB NORTH</t>
  </si>
  <si>
    <t>chak#192 j. b to bhawana  dist  chiniot</t>
  </si>
  <si>
    <t>Chak #192</t>
  </si>
  <si>
    <t>Arbian Wala</t>
  </si>
  <si>
    <t>Faseeh Ur Rehman</t>
  </si>
  <si>
    <t>16309</t>
  </si>
  <si>
    <t>GPS 4 CHAK JHUMRA CHINIOT ROAD</t>
  </si>
  <si>
    <t>Chiniot Road Chak Jhumra Faisalabad.</t>
  </si>
  <si>
    <t>GGHS CHAK NO.22 NB</t>
  </si>
  <si>
    <t>Chak No 22nb</t>
  </si>
  <si>
    <t>Chak No 22 Nb</t>
  </si>
  <si>
    <t>Chak No10 Nb</t>
  </si>
  <si>
    <t>Rahila Nahid</t>
  </si>
  <si>
    <t>54228</t>
  </si>
  <si>
    <t>GPS AHMED ABAD DAKHLI HASIL</t>
  </si>
  <si>
    <t>Tehsil &amp; Distt Chakwal,village Hasil</t>
  </si>
  <si>
    <t>neighbour house</t>
  </si>
  <si>
    <t>41973</t>
  </si>
  <si>
    <t>38307</t>
  </si>
  <si>
    <t>43613</t>
  </si>
  <si>
    <t>GPS DHOK MIRZA HASIL</t>
  </si>
  <si>
    <t>D Mirza</t>
  </si>
  <si>
    <t>hasil</t>
  </si>
  <si>
    <t>Anjum Naseer</t>
  </si>
  <si>
    <t>GGPS CHAK NO. 174 MC</t>
  </si>
  <si>
    <t>174 M C</t>
  </si>
  <si>
    <t>chak no 174 m c</t>
  </si>
  <si>
    <t>173 M</t>
  </si>
  <si>
    <t>GPS DERH SHAHANI</t>
  </si>
  <si>
    <t>Derh Shahani</t>
  </si>
  <si>
    <t>derh shahani</t>
  </si>
  <si>
    <t>38768</t>
  </si>
  <si>
    <t>GHSS DAURDAD</t>
  </si>
  <si>
    <t>VILLAGE &amp; PO  Daurdad Teh &amp; Distt Attock</t>
  </si>
  <si>
    <t>TAHIR MAHMOOD KHAN</t>
  </si>
  <si>
    <t>16299</t>
  </si>
  <si>
    <t>GPS 186 RB I</t>
  </si>
  <si>
    <t>CHAK NO 186 RB DHILUM, CHAK JHUMRA, FAISALABAD.</t>
  </si>
  <si>
    <t>DHILUM</t>
  </si>
  <si>
    <t>DOGRANWALA</t>
  </si>
  <si>
    <t>SAMRA AZAM</t>
  </si>
  <si>
    <t>GPS MOUZA DALAIL KAY NO 1 P/O 22/E.B</t>
  </si>
  <si>
    <t>Mouza Dalail kay</t>
  </si>
  <si>
    <t>Mouza Dalail Kay ( basti sulmanki)</t>
  </si>
  <si>
    <t>Mouza dalail kay</t>
  </si>
  <si>
    <t>Chak 50/Sp</t>
  </si>
  <si>
    <t>GPS KAT BOLEY WALE</t>
  </si>
  <si>
    <t>Likhmair Dhdui</t>
  </si>
  <si>
    <t>boly wali</t>
  </si>
  <si>
    <t>Bolay Wali</t>
  </si>
  <si>
    <t>Kot Fateh</t>
  </si>
  <si>
    <t>GMPS CHAK NO. 178/M B</t>
  </si>
  <si>
    <t>178 MB</t>
  </si>
  <si>
    <t>GMPS178MB Tehsil Chistian District Bahawlnagr</t>
  </si>
  <si>
    <t>178MB</t>
  </si>
  <si>
    <t>Chak No 177M</t>
  </si>
  <si>
    <t>Muneera Bagum</t>
  </si>
  <si>
    <t>GGPS BASTI DAIYAN</t>
  </si>
  <si>
    <t>Mahand shareef</t>
  </si>
  <si>
    <t>GGPS School Basti Daiyan Hafizabad Markaz Mahand shareef</t>
  </si>
  <si>
    <t>Basti Daiyan</t>
  </si>
  <si>
    <t>GGES RASOOLPUR SHIKRANI</t>
  </si>
  <si>
    <t>basti dad potra moza rasool pur</t>
  </si>
  <si>
    <t>Bakhtyari</t>
  </si>
  <si>
    <t>29536</t>
  </si>
  <si>
    <t>GGPS DAIM WALA BASTI CHATTA</t>
  </si>
  <si>
    <t>Daim Wala</t>
  </si>
  <si>
    <t>uc # 43, uc name Mud peer wah, moza Daim wala, APE</t>
  </si>
  <si>
    <t>Rashida Malik</t>
  </si>
  <si>
    <t>GMPS MAJEED ABAD</t>
  </si>
  <si>
    <t>uch gillani uch sharif</t>
  </si>
  <si>
    <t>Majeed Abad</t>
  </si>
  <si>
    <t>Mairaj Husnain</t>
  </si>
  <si>
    <t>GES LALU NAICH</t>
  </si>
  <si>
    <t>moza Lalu Naich</t>
  </si>
  <si>
    <t>Basti Mullanwali Mouza Lalu Naich, P/O Channi Goth Tehsil Ahmad Pur East, Distt. Bahawalpur</t>
  </si>
  <si>
    <t>Aftab Rasool</t>
  </si>
  <si>
    <t>GHS DHOOR KOT</t>
  </si>
  <si>
    <t>Govt. high School Dhoorkot P/O Uch Sharif Tehsil Ahmad Pur east</t>
  </si>
  <si>
    <t>M Aamir Fareed</t>
  </si>
  <si>
    <t>GPS CHAK NO.159/NP</t>
  </si>
  <si>
    <t>chak#159NP PO chani goth tehsil Ahmed Pur East Bahawal Pur</t>
  </si>
  <si>
    <t>S Chak#159NP</t>
  </si>
  <si>
    <t>GGPS TIBBI ARBI NO.1</t>
  </si>
  <si>
    <t>Moza Tibbi Arbi. Basti mujawar.Ahmed  Pur East</t>
  </si>
  <si>
    <t>Khuda BUX Mahar</t>
  </si>
  <si>
    <t>GPS ARABIC MAHAND</t>
  </si>
  <si>
    <t>Mouza Mahand</t>
  </si>
  <si>
    <t>GMPS AZIZ ABAD</t>
  </si>
  <si>
    <t>aziz abad ban wala uch sharif</t>
  </si>
  <si>
    <t>Ban WaLa</t>
  </si>
  <si>
    <t>Rihana Abbasi</t>
  </si>
  <si>
    <t>GHS HATHEJI</t>
  </si>
  <si>
    <t>Govt. secondary School Hatheji</t>
  </si>
  <si>
    <t>Malik Muhammad Ayyaz</t>
  </si>
  <si>
    <t>29815</t>
  </si>
  <si>
    <t>GGHS NABI PUR</t>
  </si>
  <si>
    <t>GOVT.GIRLS HIGH SCHOOL NABIPUR APE NEAR POST OFFICE NABIPUR</t>
  </si>
  <si>
    <t>NABIPUR</t>
  </si>
  <si>
    <t>KHUDA BUKSH MAHAR</t>
  </si>
  <si>
    <t>GGHS CHAK LOHARAN</t>
  </si>
  <si>
    <t>CHAK NOURANG</t>
  </si>
  <si>
    <t>GGHS CHAK LOHARAN TEHSIL APE BAHAWALPUR</t>
  </si>
  <si>
    <t>NOWSHAHRAH JADEED</t>
  </si>
  <si>
    <t>MISBAH SHAHID</t>
  </si>
  <si>
    <t>GGHS DHOOR KOT</t>
  </si>
  <si>
    <t>dhoor kot post office uch sharief tehseel Ahmad pur east dst bwp</t>
  </si>
  <si>
    <t>utera, Mouza Qadir Pur, APE</t>
  </si>
  <si>
    <t>Utera</t>
  </si>
  <si>
    <t>Mudpeerwah</t>
  </si>
  <si>
    <t>Basti Hafizabad mouza Mouza mahand chanigoth thesil Ahmad put east district bahawalpur</t>
  </si>
  <si>
    <t>GMPS BASTI MASHKIAN</t>
  </si>
  <si>
    <t>SADIQ GARH PALACE</t>
  </si>
  <si>
    <t>BASTI MASHKIYAN DERA NAWAB SAHIB</t>
  </si>
  <si>
    <t>MASHKIYAN</t>
  </si>
  <si>
    <t>City Ape</t>
  </si>
  <si>
    <t>Qudsia Bibi</t>
  </si>
  <si>
    <t>GGHS MEHRAB WALA</t>
  </si>
  <si>
    <t>chah sardar road, mehrab wala</t>
  </si>
  <si>
    <t>GHS GHAUS PUR</t>
  </si>
  <si>
    <t>post office ghous pur ,</t>
  </si>
  <si>
    <t>GGHS TAHIR WALI</t>
  </si>
  <si>
    <t>Tahir Wali</t>
  </si>
  <si>
    <t>P/o Jhelan wali Basti Tahir wali chani goth</t>
  </si>
  <si>
    <t>Mouza Qadir Pur, APE</t>
  </si>
  <si>
    <t>Basti Channar Kulyar</t>
  </si>
  <si>
    <t>Asrar Ahmed</t>
  </si>
  <si>
    <t>GPS CHAK NAURANG</t>
  </si>
  <si>
    <t>Manhdal</t>
  </si>
  <si>
    <t>Moza mandala basti juma Arina the silver Ahmed purple East</t>
  </si>
  <si>
    <t>Juma Arin</t>
  </si>
  <si>
    <t>No Shera Jadeed</t>
  </si>
  <si>
    <t>M Ashiq</t>
  </si>
  <si>
    <t>GGPS RAMZAN JUIYA</t>
  </si>
  <si>
    <t>ramzan joyia</t>
  </si>
  <si>
    <t>Ramzan joyia</t>
  </si>
  <si>
    <t>numberdaran</t>
  </si>
  <si>
    <t>Madiha Hassan</t>
  </si>
  <si>
    <t>36207</t>
  </si>
  <si>
    <t>18909</t>
  </si>
  <si>
    <t>GPS TANZEEM BAQIR SHAH</t>
  </si>
  <si>
    <t>Basti Hafizabad Moza Bakhoo ArbiTehsil Ahmedpur East</t>
  </si>
  <si>
    <t>Syed Mohsin Ali</t>
  </si>
  <si>
    <t>Basti jhulan mouza Bakhtiari</t>
  </si>
  <si>
    <t>Jhullan</t>
  </si>
  <si>
    <t>Muhammad  Zeeshan Haider</t>
  </si>
  <si>
    <t>GGHSS MUBARAKPUR</t>
  </si>
  <si>
    <t>Govt.Girls.Higher Secondary School Mubarakpur</t>
  </si>
  <si>
    <t>anjum shaheen</t>
  </si>
  <si>
    <t>GGPS BASTI SADIQ LANGHA</t>
  </si>
  <si>
    <t>Jheelan Wali</t>
  </si>
  <si>
    <t>po box jheelan Wali basti Haji Sadiq</t>
  </si>
  <si>
    <t>Haji Sadiq Langah</t>
  </si>
  <si>
    <t>GGHS KOTLA MUSA KHAN</t>
  </si>
  <si>
    <t>Kotla Musa Khn</t>
  </si>
  <si>
    <t>govt girls high school kotla musa khan tehsil ahmed pur east</t>
  </si>
  <si>
    <t>Kotla Musa Kahn</t>
  </si>
  <si>
    <t>GGHS CHAK NO.150/NP</t>
  </si>
  <si>
    <t>Mahmood Mahtam</t>
  </si>
  <si>
    <t>jhagir wali puli chak no 150 np</t>
  </si>
  <si>
    <t>Chak No 150 Np</t>
  </si>
  <si>
    <t>GHS JANOO WALA</t>
  </si>
  <si>
    <t>GHS JANUWALA MOHALLAH SADAT AHMADPUR EAST</t>
  </si>
  <si>
    <t>MUHAMMAD OVAIS ASLAM</t>
  </si>
  <si>
    <t>GMPS ZAFAR ABAD</t>
  </si>
  <si>
    <t>Bala Jhulan</t>
  </si>
  <si>
    <t>basti sadat mouza bala jhulan</t>
  </si>
  <si>
    <t>sumaira iqbal</t>
  </si>
  <si>
    <t>GGPS JHELAN WALI</t>
  </si>
  <si>
    <t>Basti Jheelan Wali Maoza Jheelan wali</t>
  </si>
  <si>
    <t>Shakeela Bi Bi</t>
  </si>
  <si>
    <t>GGPS CHAK NO.152/NP</t>
  </si>
  <si>
    <t>GGP/School chak no 152/np PO Chani goth.</t>
  </si>
  <si>
    <t>Chak No 152/np</t>
  </si>
  <si>
    <t>Ladan Wali</t>
  </si>
  <si>
    <t>Basti Arain moza ladan wali dakhana gamani</t>
  </si>
  <si>
    <t>Aneesa Bibi</t>
  </si>
  <si>
    <t>GPS AALI WAHAN</t>
  </si>
  <si>
    <t>Aaliwahan</t>
  </si>
  <si>
    <t>basti talwala moza aaliwahan,teh ape</t>
  </si>
  <si>
    <t>Talwala</t>
  </si>
  <si>
    <t>Hafiz Muhammad Arbi Janbaz</t>
  </si>
  <si>
    <t>52068</t>
  </si>
  <si>
    <t>GMPS SADULLAHPUR</t>
  </si>
  <si>
    <t>SADULLAHPUR</t>
  </si>
  <si>
    <t>chack Saadullahpur</t>
  </si>
  <si>
    <t>SHAFQAT BIBI</t>
  </si>
  <si>
    <t>GGHS BALLA JHULLAN</t>
  </si>
  <si>
    <t>Balla Jhullan</t>
  </si>
  <si>
    <t>GGES BAlla Jhullan post office Gummani uch sharif</t>
  </si>
  <si>
    <t>Jagir Sadiq Abad</t>
  </si>
  <si>
    <t>GPS ARABIC MANDHAL</t>
  </si>
  <si>
    <t>maoza mandhal</t>
  </si>
  <si>
    <t>Bast Abdul Hameed Bagga</t>
  </si>
  <si>
    <t>GPS MANDHAL</t>
  </si>
  <si>
    <t>pulfarooqabad mandhal ape bwp</t>
  </si>
  <si>
    <t>Pulfarooqabad</t>
  </si>
  <si>
    <t>Hafiz Muhammad Tayib</t>
  </si>
  <si>
    <t>GPS BASTI PAHORAN</t>
  </si>
  <si>
    <t>moza uttera us no 11  jalalabad</t>
  </si>
  <si>
    <t>Basti Pahoran</t>
  </si>
  <si>
    <t>38825</t>
  </si>
  <si>
    <t>GPS BAGH NELAB</t>
  </si>
  <si>
    <t>Bagh Nelab</t>
  </si>
  <si>
    <t>vpo Bagh Nelab teh and district ATTOCK</t>
  </si>
  <si>
    <t>44739</t>
  </si>
  <si>
    <t>GGPS DAYA MURAAD</t>
  </si>
  <si>
    <t>Daggar Aulakh Dak khana khas tehsil Bhakkar</t>
  </si>
  <si>
    <t>Mehtab Alam Shabana</t>
  </si>
  <si>
    <t>Electrical cooler</t>
  </si>
  <si>
    <t>44408</t>
  </si>
  <si>
    <t>GPS DAJAL GHARBI</t>
  </si>
  <si>
    <t>Dajal Gharbi</t>
  </si>
  <si>
    <t>GPS ARABIC MUSHTAQ WALA</t>
  </si>
  <si>
    <t>Noor Arain</t>
  </si>
  <si>
    <t>basti ghulamu arain moza noor arain sama sata</t>
  </si>
  <si>
    <t>Ghulamun Arain</t>
  </si>
  <si>
    <t>GGPS HAPHI</t>
  </si>
  <si>
    <t>GGPS HAPHÄ° p/o Chakora</t>
  </si>
  <si>
    <t>mogla</t>
  </si>
  <si>
    <t>Sibgha Hafeez</t>
  </si>
  <si>
    <t>48269</t>
  </si>
  <si>
    <t>36334</t>
  </si>
  <si>
    <t>GPS 186 RB III</t>
  </si>
  <si>
    <t>Street No. 1,Mohallah Rasool Pura,Chak Jhumra,Faisalabad</t>
  </si>
  <si>
    <t>Faiz Ur Rasool</t>
  </si>
  <si>
    <t>51971</t>
  </si>
  <si>
    <t>GPS 46 EB</t>
  </si>
  <si>
    <t>46EB</t>
  </si>
  <si>
    <t>chak number 46/EB tehsil Arifwala District Pakpattan</t>
  </si>
  <si>
    <t>Shakeel Anjum</t>
  </si>
  <si>
    <t>GPS NAGAN WALA</t>
  </si>
  <si>
    <t>chah nangan wala moza nawan kot tehsil chobara district layyah</t>
  </si>
  <si>
    <t>Muhammad Aamir Islam</t>
  </si>
  <si>
    <t>48370</t>
  </si>
  <si>
    <t>GPS HAVELI RAMDAS</t>
  </si>
  <si>
    <t>HAVELI RAMDAS SALAM</t>
  </si>
  <si>
    <t>GGPS KHOKAR PO NICHANDI CHAKWAL</t>
  </si>
  <si>
    <t>p.o nachindi vill khokhar</t>
  </si>
  <si>
    <t>33521</t>
  </si>
  <si>
    <t>GPS TAKOO RAM PURA</t>
  </si>
  <si>
    <t>Takoo Ram Pura</t>
  </si>
  <si>
    <t>Moza takoo ram pura, teh&amp;distt. Bwn</t>
  </si>
  <si>
    <t>GPS CHAK NO 118 ML</t>
  </si>
  <si>
    <t>chak no 118 ml</t>
  </si>
  <si>
    <t>Chak 118 ml</t>
  </si>
  <si>
    <t>aftab aziz</t>
  </si>
  <si>
    <t>44117</t>
  </si>
  <si>
    <t>GGPS NO.1 CHOA SAIDAN SHAH</t>
  </si>
  <si>
    <t>thana gali choa saiden shah Teh choa saiden shah</t>
  </si>
  <si>
    <t>Choa saiden Shah</t>
  </si>
  <si>
    <t>Tallat Shaheen</t>
  </si>
  <si>
    <t>moter pump</t>
  </si>
  <si>
    <t>GPS CHAK NO. 124 ML</t>
  </si>
  <si>
    <t>Shair Ghar</t>
  </si>
  <si>
    <t>chak no 124ml choubara layyah</t>
  </si>
  <si>
    <t>Chak No124ML</t>
  </si>
  <si>
    <t>Shair Ghsr</t>
  </si>
  <si>
    <t>48098</t>
  </si>
  <si>
    <t>GES CHAK NO.16 SB</t>
  </si>
  <si>
    <t>Chak No 16/SB</t>
  </si>
  <si>
    <t>GES chak No 16/SB</t>
  </si>
  <si>
    <t>Chak No 16/Sb</t>
  </si>
  <si>
    <t>Chak No15/SB</t>
  </si>
  <si>
    <t>Ahmad Munir Zia</t>
  </si>
  <si>
    <t>GPS CATHOLIC CHAK JHUMRA</t>
  </si>
  <si>
    <t>Chiniot Road Near Church, Chak Jhumra, Faisalabad.</t>
  </si>
  <si>
    <t>Iffat sultan</t>
  </si>
  <si>
    <t>50646</t>
  </si>
  <si>
    <t>GGPS 32-35/14-L BASTI SAYYADAN</t>
  </si>
  <si>
    <t>Basti Sayyeda</t>
  </si>
  <si>
    <t>chak 32-35/14</t>
  </si>
  <si>
    <t>32-35/14</t>
  </si>
  <si>
    <t>31/14</t>
  </si>
  <si>
    <t>Alia Mubarik</t>
  </si>
  <si>
    <t>GPS DHOK PANJAIN</t>
  </si>
  <si>
    <t>Dhok Panjain</t>
  </si>
  <si>
    <t>Village dhokepanjain. PO Dhudial</t>
  </si>
  <si>
    <t>Muneeba Raza</t>
  </si>
  <si>
    <t>GGPS KHANPUR NAURANGA NO.1</t>
  </si>
  <si>
    <t>Ahmad Mahtam</t>
  </si>
  <si>
    <t>GGPS khan pur1</t>
  </si>
  <si>
    <t>Adeela Naz</t>
  </si>
  <si>
    <t>32247</t>
  </si>
  <si>
    <t>GHS GARYALA</t>
  </si>
  <si>
    <t>GARYALA</t>
  </si>
  <si>
    <t>GBHS GARYALA TEHSIL AND DISTRICT ATTOCK</t>
  </si>
  <si>
    <t>48203</t>
  </si>
  <si>
    <t>GPS CHAK NO.3 NB</t>
  </si>
  <si>
    <t>chak No.3 nb</t>
  </si>
  <si>
    <t>GPS Chak no. 3 nB</t>
  </si>
  <si>
    <t>chak no.3 nb</t>
  </si>
  <si>
    <t>chak no. 10 ML</t>
  </si>
  <si>
    <t>GES KHODAY</t>
  </si>
  <si>
    <t>KHODAY</t>
  </si>
  <si>
    <t>PO.BOX.KHODAY</t>
  </si>
  <si>
    <t>BALLO KASAR</t>
  </si>
  <si>
    <t>GGES 144 EB</t>
  </si>
  <si>
    <t>144 EB</t>
  </si>
  <si>
    <t>148 eb</t>
  </si>
  <si>
    <t>Rubina khawar</t>
  </si>
  <si>
    <t>47836</t>
  </si>
  <si>
    <t>GGPS CHAK NO.24/BC (E) COLONY</t>
  </si>
  <si>
    <t>24/BC Colony East</t>
  </si>
  <si>
    <t>24/BC Colony (East)</t>
  </si>
  <si>
    <t>24/BC (Alif)</t>
  </si>
  <si>
    <t>Rifat tahira</t>
  </si>
  <si>
    <t>GPS 187 RB III</t>
  </si>
  <si>
    <t>Kacha Jhumra</t>
  </si>
  <si>
    <t>Chak No. 187 RB Kacha Jhumra Tehsil  Chak Jhumra Faisalabad</t>
  </si>
  <si>
    <t>16894</t>
  </si>
  <si>
    <t>45635</t>
  </si>
  <si>
    <t>38815</t>
  </si>
  <si>
    <t>GPS KAHUTRA</t>
  </si>
  <si>
    <t>Kahutra</t>
  </si>
  <si>
    <t>Vpo Kahutra</t>
  </si>
  <si>
    <t>bring from village</t>
  </si>
  <si>
    <t>51815</t>
  </si>
  <si>
    <t>GES CHAK NO. 25 / EB</t>
  </si>
  <si>
    <t>25/EB</t>
  </si>
  <si>
    <t>chak no 25/EB tensile arifwala</t>
  </si>
  <si>
    <t>IQRAR HUSSAIN AMIR</t>
  </si>
  <si>
    <t>GPS RAJOA EAST</t>
  </si>
  <si>
    <t>Rajoa sadat</t>
  </si>
  <si>
    <t>Rajoa sadat tehsil and distract chiniot</t>
  </si>
  <si>
    <t>GPS CHAK NO 368 TDA</t>
  </si>
  <si>
    <t>368 Tda</t>
  </si>
  <si>
    <t>chak # 368 TDA</t>
  </si>
  <si>
    <t>368 TDA</t>
  </si>
  <si>
    <t>Sohail Abbas</t>
  </si>
  <si>
    <t>40973</t>
  </si>
  <si>
    <t>GGPS PIR SHAH WASAN</t>
  </si>
  <si>
    <t>pir shah wasan</t>
  </si>
  <si>
    <t>village pir shah wasan p/o dina</t>
  </si>
  <si>
    <t>garh mahal</t>
  </si>
  <si>
    <t>Mehreen Arooj</t>
  </si>
  <si>
    <t>33336</t>
  </si>
  <si>
    <t>44099</t>
  </si>
  <si>
    <t>GPS MAKHIALA</t>
  </si>
  <si>
    <t>Makhiala</t>
  </si>
  <si>
    <t>Village Makhiala P.O Saloi Tehsil Choa Saiden Shah District  Chakwal</t>
  </si>
  <si>
    <t>Saif Ali Mohsin</t>
  </si>
  <si>
    <t>GGES DHERI KOT</t>
  </si>
  <si>
    <t>DEHRI KOT</t>
  </si>
  <si>
    <t>GGES DEHRI KOT</t>
  </si>
  <si>
    <t>SURG SALAR</t>
  </si>
  <si>
    <t>FAKHAR UN NISA</t>
  </si>
  <si>
    <t>GPS DOMALI</t>
  </si>
  <si>
    <t>Vlg Domali P/O Dhoong Teh &amp;Distt Chakwal</t>
  </si>
  <si>
    <t>Ansar Mehmood</t>
  </si>
  <si>
    <t>GGES CHAK NO. 98/F</t>
  </si>
  <si>
    <t>CHAK NO 98/F</t>
  </si>
  <si>
    <t>CHAK  98/F</t>
  </si>
  <si>
    <t>CHAK NO.98/F</t>
  </si>
  <si>
    <t>44105</t>
  </si>
  <si>
    <t>GPS GURRA</t>
  </si>
  <si>
    <t>Gurrah</t>
  </si>
  <si>
    <t>Villege Gurrah</t>
  </si>
  <si>
    <t>Sadia Jabeen</t>
  </si>
  <si>
    <t>GPS 187 RB I</t>
  </si>
  <si>
    <t>Katcha Jhumra</t>
  </si>
  <si>
    <t>Chak # 187 RB Katcha Jhumra Chak Jhumra Faisalabad</t>
  </si>
  <si>
    <t>Sardar Ali</t>
  </si>
  <si>
    <t>47017</t>
  </si>
  <si>
    <t>28975</t>
  </si>
  <si>
    <t>GGPS LANDIAN WALA</t>
  </si>
  <si>
    <t>Landianwala</t>
  </si>
  <si>
    <t>govt girls primary school landianwala</t>
  </si>
  <si>
    <t>Rizwana Kalsoom</t>
  </si>
  <si>
    <t>GGPS CHAK NO. 8 TDA</t>
  </si>
  <si>
    <t>8 TDA</t>
  </si>
  <si>
    <t>GGPS 8 TDA</t>
  </si>
  <si>
    <t>50475</t>
  </si>
  <si>
    <t>38803</t>
  </si>
  <si>
    <t>GGHS KAMRA KALAN</t>
  </si>
  <si>
    <t>kisraan</t>
  </si>
  <si>
    <t>govt girls high school kamra kalan</t>
  </si>
  <si>
    <t>MARIAM  Sultana</t>
  </si>
  <si>
    <t>16319</t>
  </si>
  <si>
    <t>GPS 130 RB</t>
  </si>
  <si>
    <t>GPS 130 rb Ratian tehsil ckj jhumra fsd.</t>
  </si>
  <si>
    <t>130 RB FSD</t>
  </si>
  <si>
    <t>Pakka Dala</t>
  </si>
  <si>
    <t>Subae Khan</t>
  </si>
  <si>
    <t>52176</t>
  </si>
  <si>
    <t>GMMS CHAH KHOKHRAN WALA</t>
  </si>
  <si>
    <t>chak no.113 EB</t>
  </si>
  <si>
    <t>GMMS Chah Khokhran wala</t>
  </si>
  <si>
    <t>Chak No.113 EB</t>
  </si>
  <si>
    <t>chak 109 EB</t>
  </si>
  <si>
    <t>43198</t>
  </si>
  <si>
    <t>GGES AMIR PUR MANGAN</t>
  </si>
  <si>
    <t>Amir Pur Mangan</t>
  </si>
  <si>
    <t>gges amir pur mangan p/o bheen teh and dist chakwal</t>
  </si>
  <si>
    <t>GGES CHAK NO 136 MURAD</t>
  </si>
  <si>
    <t>136/M</t>
  </si>
  <si>
    <t>GGES 136 M P/O 134/M</t>
  </si>
  <si>
    <t>134M</t>
  </si>
  <si>
    <t>zakia naheed</t>
  </si>
  <si>
    <t>GGPS KOT CHANGIAN</t>
  </si>
  <si>
    <t>Village Kot Changian PO Kangan Pur Tehsil Chunian District Kasur</t>
  </si>
  <si>
    <t>Kot Changian</t>
  </si>
  <si>
    <t>RASHDA HAFEEZ</t>
  </si>
  <si>
    <t>48212</t>
  </si>
  <si>
    <t>GPS DERA BUCHIAN WALA</t>
  </si>
  <si>
    <t>GPS Dera Bachian Wala, Deowal, Tehsil Bhalwal, Dist Sargodha</t>
  </si>
  <si>
    <t>51601</t>
  </si>
  <si>
    <t>GPS 270/HR EAST</t>
  </si>
  <si>
    <t>270/hr east</t>
  </si>
  <si>
    <t>chak no 270/hr east p/o Tibba Alamgeer</t>
  </si>
  <si>
    <t>muncipal committy</t>
  </si>
  <si>
    <t>GPS CHAK NO 11FW  JATAN WALA</t>
  </si>
  <si>
    <t>11fw</t>
  </si>
  <si>
    <t>chak no 11fw jattan wala</t>
  </si>
  <si>
    <t>11fw Jattanwala</t>
  </si>
  <si>
    <t>10 Fw</t>
  </si>
  <si>
    <t>Umar Waqas</t>
  </si>
  <si>
    <t>GPS KOT MOHAMMAD YAR</t>
  </si>
  <si>
    <t>KOT MUHAMMAD  YAR</t>
  </si>
  <si>
    <t>2 Km SARGODHA ROAD CHINIOT</t>
  </si>
  <si>
    <t>GGPS 511 EB</t>
  </si>
  <si>
    <t>CHANU MORR ROAD 511/EB BUREWALA DISTRICT VEHARI</t>
  </si>
  <si>
    <t>GPS MIANI HAKRA</t>
  </si>
  <si>
    <t>basti lal jhabil moza miani post office khajgan bwp</t>
  </si>
  <si>
    <t>LallJhabil</t>
  </si>
  <si>
    <t>Miani 12</t>
  </si>
  <si>
    <t>GGES CHAK NO 319 TDA</t>
  </si>
  <si>
    <t>chak no 319/tda tehsile choubara district layyah</t>
  </si>
  <si>
    <t>Chak No 319/tda</t>
  </si>
  <si>
    <t>Sabra Kousar</t>
  </si>
  <si>
    <t>GGPS BHOBHANGI</t>
  </si>
  <si>
    <t>Bhobhangi</t>
  </si>
  <si>
    <t>village bhobhangi p/o peerochak tehsil daska district sialkot</t>
  </si>
  <si>
    <t>Peerochuk</t>
  </si>
  <si>
    <t>Sobia Rani</t>
  </si>
  <si>
    <t>32064</t>
  </si>
  <si>
    <t>28989</t>
  </si>
  <si>
    <t>GGPS BASTI HASHIM PURA</t>
  </si>
  <si>
    <t>Hashim Pura Kangan Pur Tehsil Chunian District Kasur</t>
  </si>
  <si>
    <t>Hashim Pura</t>
  </si>
  <si>
    <t>MC Kangan Pur</t>
  </si>
  <si>
    <t>GGCMS CHAK NO 168/MR MURAD</t>
  </si>
  <si>
    <t>168M</t>
  </si>
  <si>
    <t>G.G.C.M.S 168M</t>
  </si>
  <si>
    <t>26266</t>
  </si>
  <si>
    <t>44103</t>
  </si>
  <si>
    <t>GPS BASHARAT</t>
  </si>
  <si>
    <t>48195</t>
  </si>
  <si>
    <t>GPS SULTAN PUR NOON</t>
  </si>
  <si>
    <t>Purana bhalwal</t>
  </si>
  <si>
    <t>sultan pur Noon Bhalwal</t>
  </si>
  <si>
    <t>Sultan pur Noon</t>
  </si>
  <si>
    <t>Gulfam Muhammad Ashraf</t>
  </si>
  <si>
    <t>50833</t>
  </si>
  <si>
    <t>GGPS BASTI ABDUR REHMAN</t>
  </si>
  <si>
    <t>Tibi Data Khan</t>
  </si>
  <si>
    <t>government girls primary school basti abdul rehman tehsil &amp; district bahawalpur</t>
  </si>
  <si>
    <t>Basti Abdul Rehman</t>
  </si>
  <si>
    <t>Jammal Channar</t>
  </si>
  <si>
    <t>GPS CHAK NO.197/HB A (MUHAMMAD PURA)</t>
  </si>
  <si>
    <t>Chak No197/hb</t>
  </si>
  <si>
    <t>Chak no. 197/H.B (A)</t>
  </si>
  <si>
    <t>197/H B  A</t>
  </si>
  <si>
    <t>204 /9 R</t>
  </si>
  <si>
    <t>GHS AKHORI</t>
  </si>
  <si>
    <t>govt boys high school akhori teh attock distt attock</t>
  </si>
  <si>
    <t>tahir hussain  shah</t>
  </si>
  <si>
    <t>40331</t>
  </si>
  <si>
    <t>40004</t>
  </si>
  <si>
    <t>GGPS KOT PIR SHAH</t>
  </si>
  <si>
    <t>kot pir shah po propi nagra Tehsil daska district sialkot</t>
  </si>
  <si>
    <t>Aqsa Naqvi</t>
  </si>
  <si>
    <t>48209</t>
  </si>
  <si>
    <t>GPS CHAK NO.5 SB</t>
  </si>
  <si>
    <t>Chak 5 Sb</t>
  </si>
  <si>
    <t>chak 5 sb bhalwal</t>
  </si>
  <si>
    <t>Chak 6 Sb</t>
  </si>
  <si>
    <t>50397</t>
  </si>
  <si>
    <t>GPS JHALAR DINA TULLA</t>
  </si>
  <si>
    <t>chak no 116/7-cr basti abubakar</t>
  </si>
  <si>
    <t>Chak No 116/7-cr</t>
  </si>
  <si>
    <t>28974</t>
  </si>
  <si>
    <t>GGPS FATEH MUHAMMAD KHURD</t>
  </si>
  <si>
    <t>Fathe Mohd Kurd</t>
  </si>
  <si>
    <t>Amtal Shafique</t>
  </si>
  <si>
    <t>51894</t>
  </si>
  <si>
    <t>GPS CHAK NO. 27 KB P.O QABOOLA</t>
  </si>
  <si>
    <t>27KB</t>
  </si>
  <si>
    <t>Chak No 27-KB  Posts Office  QABULA  Tehsil Arifwala District Pakpattan</t>
  </si>
  <si>
    <t>43527</t>
  </si>
  <si>
    <t>GGPS BEKHARI KHURD P/O DULLAH</t>
  </si>
  <si>
    <t>village Bikhari Khurd p / o Dullah Teh &amp;District Chakwal</t>
  </si>
  <si>
    <t>46075</t>
  </si>
  <si>
    <t>20310</t>
  </si>
  <si>
    <t>GPS HAVELI BATA</t>
  </si>
  <si>
    <t>Nitherkey</t>
  </si>
  <si>
    <t>haveli Bata tehsil bhowana distt chiniot</t>
  </si>
  <si>
    <t>Haveli Bata</t>
  </si>
  <si>
    <t>Muhammad Ghaffar</t>
  </si>
  <si>
    <t>28982</t>
  </si>
  <si>
    <t>GGPS CHEENA BELA SINGH</t>
  </si>
  <si>
    <t>Cheena Bella Singh</t>
  </si>
  <si>
    <t>Cheena Bella Singh Po kangan Pur Tehsil Chunian Kasur</t>
  </si>
  <si>
    <t>Razia Noor</t>
  </si>
  <si>
    <t>39179</t>
  </si>
  <si>
    <t>GGPS ISMAIL</t>
  </si>
  <si>
    <t>district attock tehsil fateh jang p/o kot fateh khan village ismail</t>
  </si>
  <si>
    <t>Bibi Kinzulhasnat</t>
  </si>
  <si>
    <t>GGCMES CHAK NO. 9/TDA</t>
  </si>
  <si>
    <t>Ggcmes chak no 9tda</t>
  </si>
  <si>
    <t>Chak No 9tda</t>
  </si>
  <si>
    <t>Chakno 6da</t>
  </si>
  <si>
    <t>HUMAIRA SHOUKAT</t>
  </si>
  <si>
    <t>GPS NEW STANDARD CHAK JHUMRA</t>
  </si>
  <si>
    <t>Mohalla Muhammad Pura Chak Jhumra Faisalabad</t>
  </si>
  <si>
    <t>Zahid Naseem</t>
  </si>
  <si>
    <t>30292</t>
  </si>
  <si>
    <t>13106</t>
  </si>
  <si>
    <t>GES ALI GARH</t>
  </si>
  <si>
    <t>Ali Gharh</t>
  </si>
  <si>
    <t>ali gharh basirpur</t>
  </si>
  <si>
    <t>Syed Rashid Ali Zaidi</t>
  </si>
  <si>
    <t>8769</t>
  </si>
  <si>
    <t>51921</t>
  </si>
  <si>
    <t>GPS 60 SP POST OFFICE MALKA HANS</t>
  </si>
  <si>
    <t>60sp</t>
  </si>
  <si>
    <t>chak no 60\sp  p/o malka Hans teh Arifwala</t>
  </si>
  <si>
    <t>Chak No 60sp</t>
  </si>
  <si>
    <t>43730</t>
  </si>
  <si>
    <t>GPS CHAK NO. 411 TDA</t>
  </si>
  <si>
    <t>chak no 411/tda</t>
  </si>
  <si>
    <t>Chak No 411/TDA</t>
  </si>
  <si>
    <t>GGPS BASTI HAKIM SHAH</t>
  </si>
  <si>
    <t>Basti Hakim Shah</t>
  </si>
  <si>
    <t>Basti Hakim Shah Kangana pur</t>
  </si>
  <si>
    <t>Rural Kangana Pur</t>
  </si>
  <si>
    <t>Amtal Mateen</t>
  </si>
  <si>
    <t>GPS WAGWAL ZER</t>
  </si>
  <si>
    <t>Waghwal Zer</t>
  </si>
  <si>
    <t>GPS Waghwal zer</t>
  </si>
  <si>
    <t>Namra Qureshi</t>
  </si>
  <si>
    <t>GGPS MAULVI WAZEER AHMAD</t>
  </si>
  <si>
    <t>KHAIR PUR DAHA</t>
  </si>
  <si>
    <t>Hafiz Kammal Deen</t>
  </si>
  <si>
    <t>NAHEED KISHWAR SADDIQUE</t>
  </si>
  <si>
    <t>GGHS BASTI SHEIKH ROSHAN</t>
  </si>
  <si>
    <t>Mouza and Basti Sheikh Roshan.Tehsil Ahmad Pur East.</t>
  </si>
  <si>
    <t>Rabia Fakharullah</t>
  </si>
  <si>
    <t>GPS CHAK WAHNI QADEEM</t>
  </si>
  <si>
    <t>basti arrain muza mahand</t>
  </si>
  <si>
    <t>M Ismail</t>
  </si>
  <si>
    <t>GHSS MUBARAK PUR</t>
  </si>
  <si>
    <t>Chak Loharan road mubarakpur</t>
  </si>
  <si>
    <t>GPS MEHAR ABAD</t>
  </si>
  <si>
    <t>Basti meharabad mouza muhammadpur uch Sharif teh ahmadpur East  bahawalpur</t>
  </si>
  <si>
    <t>Meharabad</t>
  </si>
  <si>
    <t>ban Wala</t>
  </si>
  <si>
    <t>GHS UCH SHAREEF</t>
  </si>
  <si>
    <t>Uch Sharif</t>
  </si>
  <si>
    <t>Ali Pur road Uch Sharif</t>
  </si>
  <si>
    <t>MC Uch Sharif</t>
  </si>
  <si>
    <t>mehmood ul hassan</t>
  </si>
  <si>
    <t>GPS RATAR LAL KHAN</t>
  </si>
  <si>
    <t>Basti rattur lal khan mauza Bakhri Chenab rasool pur Ahmed pur east</t>
  </si>
  <si>
    <t>Rattur Lal</t>
  </si>
  <si>
    <t>Chenab Rasool Pur</t>
  </si>
  <si>
    <t>GHS TIBBI IZZAT</t>
  </si>
  <si>
    <t>Mouza Tibbi Izzat Tehsil Ahmad Pur East District Bahawalpur.</t>
  </si>
  <si>
    <t>Abdul Rauf Sipra</t>
  </si>
  <si>
    <t>Kotla Remat Shah</t>
  </si>
  <si>
    <t>basti habib abad moza kotla rehmat shah uch sharif</t>
  </si>
  <si>
    <t>Basti Habib Abad</t>
  </si>
  <si>
    <t>Sajida Tehseen</t>
  </si>
  <si>
    <t>GPS MITHA LAR</t>
  </si>
  <si>
    <t>Mitho Lar</t>
  </si>
  <si>
    <t>Moza mitho lar p/o ghouse pur tehsil ahmad pur east district bahawalpur</t>
  </si>
  <si>
    <t>GES AHMAD NAICH</t>
  </si>
  <si>
    <t>Mohammad Naich</t>
  </si>
  <si>
    <t>Post office chani Goth Tehsil Ahmad pur East District Bahawalpur</t>
  </si>
  <si>
    <t>Mohand Sharif</t>
  </si>
  <si>
    <t>Muhammad Abdul Samee</t>
  </si>
  <si>
    <t>GHS FAZIL AHMADPUR EAST</t>
  </si>
  <si>
    <t>GOVT. FAZIL HIGH SCHOOL. AMADPUR EAST.</t>
  </si>
  <si>
    <t>MUHALLA SHIKARI. APE</t>
  </si>
  <si>
    <t>APE CITY</t>
  </si>
  <si>
    <t>GPS ARABIC MUD MASTOI</t>
  </si>
  <si>
    <t>Basti Mud Mastoi</t>
  </si>
  <si>
    <t>Ejaz Ahamed</t>
  </si>
  <si>
    <t>GMPS MAKHDOOM PUR</t>
  </si>
  <si>
    <t>Moza Makhdoompur Post Ofgice Uch Sharif</t>
  </si>
  <si>
    <t>Makhdoom Pur</t>
  </si>
  <si>
    <t>Azra Kouser</t>
  </si>
  <si>
    <t>GGES SHABBIR NAICH</t>
  </si>
  <si>
    <t>GGES shabbir Naich</t>
  </si>
  <si>
    <t>Shabbir Naich</t>
  </si>
  <si>
    <t>Mahnd Sharif</t>
  </si>
  <si>
    <t>Nazia Shaukat</t>
  </si>
  <si>
    <t>GGPS KOTLA NAICHAN</t>
  </si>
  <si>
    <t>Thari Zabti</t>
  </si>
  <si>
    <t>Kotla naichan</t>
  </si>
  <si>
    <t>Kotla Naichan</t>
  </si>
  <si>
    <t>Nazia Gillani</t>
  </si>
  <si>
    <t>37206</t>
  </si>
  <si>
    <t>GMPS KANDI PERHAR</t>
  </si>
  <si>
    <t>Kandi Perhar</t>
  </si>
  <si>
    <t>BASTI  JAM MANZOOR AHMED</t>
  </si>
  <si>
    <t>BASTI JAM MANZOOR AHMED</t>
  </si>
  <si>
    <t>KHURAMPUR</t>
  </si>
  <si>
    <t>GPS MODEL KOTLA REHMAT SHAH</t>
  </si>
  <si>
    <t>Mouza Kotla Rehmat shah</t>
  </si>
  <si>
    <t>Uch Bokhari</t>
  </si>
  <si>
    <t>Alia Rani</t>
  </si>
  <si>
    <t>ggps  Ali Muhammad Wala</t>
  </si>
  <si>
    <t>Ali Muhammad  Wala</t>
  </si>
  <si>
    <t>Khuda Bakhsh Mahar</t>
  </si>
  <si>
    <t>Klsoom Akhtar</t>
  </si>
  <si>
    <t>GGPS KOTLA SHEIKHAN NO.1</t>
  </si>
  <si>
    <t>Fazil gumani</t>
  </si>
  <si>
    <t>FZil Gumani Uch sharif</t>
  </si>
  <si>
    <t>FZil Gumani</t>
  </si>
  <si>
    <t>Shahida Atta</t>
  </si>
  <si>
    <t>GGPS UTTERA</t>
  </si>
  <si>
    <t>basti uttera moza uttera</t>
  </si>
  <si>
    <t>Sadia Satttar</t>
  </si>
  <si>
    <t>GGPS WAHI MUHAMMAD DHUDDI</t>
  </si>
  <si>
    <t>gg ps wahi dhuddi</t>
  </si>
  <si>
    <t>Saima Sayed</t>
  </si>
  <si>
    <t>GGPS BASTI JALIL KHAN</t>
  </si>
  <si>
    <t>Basti Jangla, Mousa Makhdoom pur</t>
  </si>
  <si>
    <t>Sajida Siddiqui</t>
  </si>
  <si>
    <t>GGPS NINDAY LAL</t>
  </si>
  <si>
    <t>HAIDER PUR</t>
  </si>
  <si>
    <t>Basti Haider Pur Mouza pur Uch Sharif</t>
  </si>
  <si>
    <t>Sobia Malik</t>
  </si>
  <si>
    <t>GMPS KHURRAMPUR</t>
  </si>
  <si>
    <t>basti khuram pur,moza khuram pur,p/o uch sharif,teh.ape,dist.bwp</t>
  </si>
  <si>
    <t>GHSS CHANNI GOTH</t>
  </si>
  <si>
    <t>Chani Goth P/O Chani Goth Tehsil Ahmadpur East</t>
  </si>
  <si>
    <t>GPS TANZEEM LALOO WALA</t>
  </si>
  <si>
    <t>Malkani Basti</t>
  </si>
  <si>
    <t>Mouza malkani basti p/o ghous pur</t>
  </si>
  <si>
    <t>Basti Hafiz Allah Yar</t>
  </si>
  <si>
    <t>GGPS NAKHLORE</t>
  </si>
  <si>
    <t>Nakhlore</t>
  </si>
  <si>
    <t>Basti Nakhlore.P.O Hatheji</t>
  </si>
  <si>
    <t>Madiha Akhtar</t>
  </si>
  <si>
    <t>GGPS ALI AHMAD CHATTA</t>
  </si>
  <si>
    <t>Nizam Pur</t>
  </si>
  <si>
    <t>basti Ali Ahmed Chatta APE</t>
  </si>
  <si>
    <t>Basti Ali Ahmed Chatta</t>
  </si>
  <si>
    <t>51473</t>
  </si>
  <si>
    <t>GPS HASIL LAR</t>
  </si>
  <si>
    <t>basti hasil lar markaz chani goth</t>
  </si>
  <si>
    <t>Muhammad Tariq Majeed</t>
  </si>
  <si>
    <t>GGPS ABDUR REHMAN GHUMMAN</t>
  </si>
  <si>
    <t>Basti haji abdul rehman ghuman</t>
  </si>
  <si>
    <t>Mumtaz Tabsum</t>
  </si>
  <si>
    <t>GES BAKHOO ARBI</t>
  </si>
  <si>
    <t>Bakho Arbi</t>
  </si>
  <si>
    <t>Basti bakir shah, tehsil Ahmad Pur East</t>
  </si>
  <si>
    <t>Bakir Shah</t>
  </si>
  <si>
    <t>Shams Ud Din</t>
  </si>
  <si>
    <t>GPS PALOLI</t>
  </si>
  <si>
    <t>PALOOLI</t>
  </si>
  <si>
    <t>BASTI NUMBER DAAR MOZA PALOOLI P.O. KOTLA MUSA KHAN TEHSEEL AHMADPUR EAST DISTRICT BAHAWALPUR</t>
  </si>
  <si>
    <t>BASTI NUMBERDAAR</t>
  </si>
  <si>
    <t>MUHAMMAD SALEEM AKHTER</t>
  </si>
  <si>
    <t>GGPS FAZIL GUMANI</t>
  </si>
  <si>
    <t>habib Abad moza gamani</t>
  </si>
  <si>
    <t>HabibAbad</t>
  </si>
  <si>
    <t>GGPS GULPUR</t>
  </si>
  <si>
    <t>Basti Gulpur Moza Thehri Zabti dak khana khas sadiq gargh Palace DNS</t>
  </si>
  <si>
    <t>GHS KULAB</t>
  </si>
  <si>
    <t>basti kot sipra kulab</t>
  </si>
  <si>
    <t>GGPS QADIR ABAD NO.1</t>
  </si>
  <si>
    <t>Qadri Abad</t>
  </si>
  <si>
    <t>Mouza Qadir Abad UC Ban Wala</t>
  </si>
  <si>
    <t>Qadir ABad</t>
  </si>
  <si>
    <t>54747</t>
  </si>
  <si>
    <t>GGPS NOOR MUHAMMAD SIAL</t>
  </si>
  <si>
    <t>Manjhi Wala</t>
  </si>
  <si>
    <t>basti Noor Muhammad Sial</t>
  </si>
  <si>
    <t>Ayesha Zahoor</t>
  </si>
  <si>
    <t>GMPS MANJHI WALA</t>
  </si>
  <si>
    <t>govt cms manjhi wala post ofc uch sharif</t>
  </si>
  <si>
    <t>Rabia Manazir</t>
  </si>
  <si>
    <t>GGHS BUKHTIARI</t>
  </si>
  <si>
    <t>gghs bakhtiari moza bakhtiari,uch sharif</t>
  </si>
  <si>
    <t>nazish mushrif</t>
  </si>
  <si>
    <t>GGPS BAKHSHOO WALI</t>
  </si>
  <si>
    <t>Chak No 159/NP</t>
  </si>
  <si>
    <t>ggp/s bakhshoo wali 159N/P</t>
  </si>
  <si>
    <t>Chani Goth 62</t>
  </si>
  <si>
    <t>Parveen Akther</t>
  </si>
  <si>
    <t>GGPS DARKHANAN</t>
  </si>
  <si>
    <t>Shak Roshan</t>
  </si>
  <si>
    <t>Basti Darkhana APE</t>
  </si>
  <si>
    <t>Basti Darkhanan</t>
  </si>
  <si>
    <t>Nasim  Akhter</t>
  </si>
  <si>
    <t>GPS MUNSHI IBRAHIM JUIYA</t>
  </si>
  <si>
    <t>Wahi Mochiyan</t>
  </si>
  <si>
    <t>wahi Michigan basti joya</t>
  </si>
  <si>
    <t>Basti Joya</t>
  </si>
  <si>
    <t>Muhammad JALIL YASIN</t>
  </si>
  <si>
    <t>GGPS PALLA HAMSHERA</t>
  </si>
  <si>
    <t>Palla Hamshera</t>
  </si>
  <si>
    <t>palla hamshera</t>
  </si>
  <si>
    <t>Kotla Musa</t>
  </si>
  <si>
    <t>GGPS THATH WARN</t>
  </si>
  <si>
    <t>Moza Dhoor Kot Basti Thath Waran Uch Shsrif Tehsil Ahmed Pur East District Bahawalpur</t>
  </si>
  <si>
    <t>Thath Waran</t>
  </si>
  <si>
    <t>Nasreen Khadim</t>
  </si>
  <si>
    <t>GGPS MOULVI ABDUL GHANNI</t>
  </si>
  <si>
    <t>basti moulvi abdul ghanni</t>
  </si>
  <si>
    <t>GGPS ABDULLAH KHOJI</t>
  </si>
  <si>
    <t>Daiye Wala</t>
  </si>
  <si>
    <t>GGPS Abdullah Khoji moza daiye wala</t>
  </si>
  <si>
    <t>Abdullah Khoji</t>
  </si>
  <si>
    <t>Samina Ali</t>
  </si>
  <si>
    <t>Kotla Sultan Ahmed</t>
  </si>
  <si>
    <t>p/o kotla musa khan</t>
  </si>
  <si>
    <t>kotla musa khan</t>
  </si>
  <si>
    <t>Attique Ur Rehman</t>
  </si>
  <si>
    <t>GPS SANJAR WAHIN</t>
  </si>
  <si>
    <t>sangar wahan</t>
  </si>
  <si>
    <t>moza sangar wahan p/o sangar wahan tehsil ahmad  pur east  bwp</t>
  </si>
  <si>
    <t>ali kharik</t>
  </si>
  <si>
    <t>GMPS BASTI KAKIS</t>
  </si>
  <si>
    <t>Basti Kakis moza Chanab rasoolpur</t>
  </si>
  <si>
    <t>Basti Kakis</t>
  </si>
  <si>
    <t>29124</t>
  </si>
  <si>
    <t>17705</t>
  </si>
  <si>
    <t>GGHS BASTI HAJI MUHAMMAD ALI</t>
  </si>
  <si>
    <t>GGES Basti Haji M.Ali mouza mandhel post office Chuck lohara Teh.APE District BWP</t>
  </si>
  <si>
    <t>basti Haji M Ali</t>
  </si>
  <si>
    <t>Farzana Qasim</t>
  </si>
  <si>
    <t>54911</t>
  </si>
  <si>
    <t>GTPS BHINDA LAR</t>
  </si>
  <si>
    <t>BHINDA LAR</t>
  </si>
  <si>
    <t>Basti Malik nazeer moza Bhinda lar post office ghous PUR Tehsil Ahmadpur East District bahawalpur</t>
  </si>
  <si>
    <t>Basti Malik nazeer</t>
  </si>
  <si>
    <t>Ghous PUR</t>
  </si>
  <si>
    <t>51925</t>
  </si>
  <si>
    <t>GPS 44 EB</t>
  </si>
  <si>
    <t>44eb</t>
  </si>
  <si>
    <t>chak no. 44.eb</t>
  </si>
  <si>
    <t>Babar Sultan</t>
  </si>
  <si>
    <t>43346</t>
  </si>
  <si>
    <t>GPS MONA MIRWAL</t>
  </si>
  <si>
    <t>Mona</t>
  </si>
  <si>
    <t>vpo Mona</t>
  </si>
  <si>
    <t>Chakwal Umra</t>
  </si>
  <si>
    <t>Pirandad</t>
  </si>
  <si>
    <t>52088</t>
  </si>
  <si>
    <t>GGPS LUQMAN MEHROOKA</t>
  </si>
  <si>
    <t>LUQMAN MEROKA</t>
  </si>
  <si>
    <t>LUQMAN MEhro kA, uc,MACHHI SINGH, ARIFWALA, PAKPATTAN</t>
  </si>
  <si>
    <t>LUQMAN MEhroo Ka</t>
  </si>
  <si>
    <t>Summia Sattar</t>
  </si>
  <si>
    <t>16283</t>
  </si>
  <si>
    <t>GPS 153 RB II</t>
  </si>
  <si>
    <t>153 rb</t>
  </si>
  <si>
    <t>gps 153 rb 2</t>
  </si>
  <si>
    <t>do wala</t>
  </si>
  <si>
    <t>muhammad naveed arif</t>
  </si>
  <si>
    <t>9849</t>
  </si>
  <si>
    <t>GPS BASTI MANJHI</t>
  </si>
  <si>
    <t>phatay Wala nawankot</t>
  </si>
  <si>
    <t>Phatay Wala</t>
  </si>
  <si>
    <t>Muhammad maqsood</t>
  </si>
  <si>
    <t>43523</t>
  </si>
  <si>
    <t>GGPS NAIN SUKH WALA</t>
  </si>
  <si>
    <t>Kot Chudrian</t>
  </si>
  <si>
    <t>Syeda Arooje Fatima</t>
  </si>
  <si>
    <t>4967</t>
  </si>
  <si>
    <t>GPS CHAK NO 299 TDA</t>
  </si>
  <si>
    <t>chak no. 299/t.d.a tehsil choubara district layyah</t>
  </si>
  <si>
    <t>Chak No 299/tda</t>
  </si>
  <si>
    <t>Hameed Ullah</t>
  </si>
  <si>
    <t>GGES KALAY PATHAN</t>
  </si>
  <si>
    <t>Kalay Pathan</t>
  </si>
  <si>
    <t>Tubewe Iqbal khan moza kalay pathan, PO 19KB, ARIFWALA, PAKPATTAN</t>
  </si>
  <si>
    <t>Kaly Pathan</t>
  </si>
  <si>
    <t>GMPS NAJEEB ABAD</t>
  </si>
  <si>
    <t>Najeeb Abad</t>
  </si>
  <si>
    <t>Najeeb abad</t>
  </si>
  <si>
    <t>Nathy  Wala</t>
  </si>
  <si>
    <t>Tayyiba Shafique</t>
  </si>
  <si>
    <t>44757</t>
  </si>
  <si>
    <t>GGPS CHAH HAJI WALA</t>
  </si>
  <si>
    <t>Notak Dagar</t>
  </si>
  <si>
    <t>Govt Girls Primary school Hajiwala</t>
  </si>
  <si>
    <t>43172</t>
  </si>
  <si>
    <t>GGHS SOHAWA</t>
  </si>
  <si>
    <t>VPO Sohawa via Khanpur , Tehsil And District Chakwal</t>
  </si>
  <si>
    <t>49389</t>
  </si>
  <si>
    <t>GMPS SANJAR MIAN DE BASTI</t>
  </si>
  <si>
    <t>Mian ki basti moza Sanjar markaz Dera bakha sadar</t>
  </si>
  <si>
    <t>Basti Mian Sb</t>
  </si>
  <si>
    <t>Tahira Mahmood</t>
  </si>
  <si>
    <t>52209</t>
  </si>
  <si>
    <t>GGPS KALAY PATHAN AZAFI ABADI</t>
  </si>
  <si>
    <t>Kalay pathan P/O 19K.B Tehsil Arifwala District Pakpattan</t>
  </si>
  <si>
    <t>Izafi Abadi</t>
  </si>
  <si>
    <t>Sabahat Rafiq</t>
  </si>
  <si>
    <t>GPS HAVELI SHAHANI</t>
  </si>
  <si>
    <t>Haveli Shahani</t>
  </si>
  <si>
    <t>Moza Haveli Shahani, Chak No 13 SB, Tehsil Bhalwal, District Sargodha</t>
  </si>
  <si>
    <t>Chak No 13 SB</t>
  </si>
  <si>
    <t>Chak No 15 SB</t>
  </si>
  <si>
    <t>Saba Sherien</t>
  </si>
  <si>
    <t>GMPS CHAK NO 212 JB</t>
  </si>
  <si>
    <t>gmps212jb sargana</t>
  </si>
  <si>
    <t>Naila Tabassum</t>
  </si>
  <si>
    <t>GHS CHAK NO. 10/FW</t>
  </si>
  <si>
    <t>10/F.W</t>
  </si>
  <si>
    <t>Chak 10/F.W, P/O Same, Tehsil Chishtian</t>
  </si>
  <si>
    <t>Chak 10/F.W</t>
  </si>
  <si>
    <t>GPS 40 EB</t>
  </si>
  <si>
    <t>40/eb</t>
  </si>
  <si>
    <t>chak no.40/eb</t>
  </si>
  <si>
    <t>GPS BHULLAR WALA</t>
  </si>
  <si>
    <t>NAWANKOT</t>
  </si>
  <si>
    <t>BHULLAR WALA MUZA NAWANKOT TEHSILE CHOUBARA DISTRICT LAYYAH</t>
  </si>
  <si>
    <t>BHULLAR WALA</t>
  </si>
  <si>
    <t>43392</t>
  </si>
  <si>
    <t>GGPS JOYA MAIR</t>
  </si>
  <si>
    <t>Joya Mair</t>
  </si>
  <si>
    <t>village joya mair post office khoday tehsil and district chakwal</t>
  </si>
  <si>
    <t>Farah Nisar</t>
  </si>
  <si>
    <t>GPS MUKHTAR COLONY</t>
  </si>
  <si>
    <t>Mukhtar Colony Bhalwal</t>
  </si>
  <si>
    <t>Muhammad Awais Ulqurnain</t>
  </si>
  <si>
    <t>43144</t>
  </si>
  <si>
    <t>GES DHAB KALAN</t>
  </si>
  <si>
    <t>Dhab kalan</t>
  </si>
  <si>
    <t>VPO DHAB KALAN CHAKWAL</t>
  </si>
  <si>
    <t>muhammad akmal</t>
  </si>
  <si>
    <t>38762</t>
  </si>
  <si>
    <t>GHS (ISLAMIA) ATTOCK</t>
  </si>
  <si>
    <t>Near Reailway Park</t>
  </si>
  <si>
    <t>Malik Mohsin Abbas</t>
  </si>
  <si>
    <t>50248</t>
  </si>
  <si>
    <t>GGES 58/12-L</t>
  </si>
  <si>
    <t>58/12-L</t>
  </si>
  <si>
    <t>62 /12-L</t>
  </si>
  <si>
    <t>Nida Kanwal</t>
  </si>
  <si>
    <t>15274</t>
  </si>
  <si>
    <t>GPS CHAK NO.406/TDA</t>
  </si>
  <si>
    <t>406 TDA</t>
  </si>
  <si>
    <t>chak no. 406 TDA</t>
  </si>
  <si>
    <t>Muhammad qasim</t>
  </si>
  <si>
    <t>GPS RUKRANI</t>
  </si>
  <si>
    <t>JAMAL CHANNAR - MALE</t>
  </si>
  <si>
    <t>Basti Haq Nawaz Mission mouza Rukrani</t>
  </si>
  <si>
    <t>16351</t>
  </si>
  <si>
    <t>GPS 5 CHAK JHUMRA</t>
  </si>
  <si>
    <t>MOHALLAH ASLAM ABAD CHAK JHUMRA FAISALABAD.</t>
  </si>
  <si>
    <t>MC CHAK JHUMRA</t>
  </si>
  <si>
    <t>Shahid Akhtar</t>
  </si>
  <si>
    <t>GGPS KOLAIN PO CHAKORA CHAKWAL</t>
  </si>
  <si>
    <t>Koliyan</t>
  </si>
  <si>
    <t>village Koliyan P.O Chakora tehsil distt Chakwal</t>
  </si>
  <si>
    <t>uzma razaq</t>
  </si>
  <si>
    <t>44153</t>
  </si>
  <si>
    <t>GGPS DHERI JABA</t>
  </si>
  <si>
    <t>GGPSDherijaba</t>
  </si>
  <si>
    <t>Dehrijaba</t>
  </si>
  <si>
    <t>LehrSultanPur</t>
  </si>
  <si>
    <t>Tauqir Un Nisa Bibi</t>
  </si>
  <si>
    <t>12678</t>
  </si>
  <si>
    <t>GGES 158/EB</t>
  </si>
  <si>
    <t>chak No. 158 EB</t>
  </si>
  <si>
    <t>Chak No158 EB</t>
  </si>
  <si>
    <t>yasmeen abdul sattar</t>
  </si>
  <si>
    <t>43672</t>
  </si>
  <si>
    <t>GPS DHUSRI</t>
  </si>
  <si>
    <t>Dhusri</t>
  </si>
  <si>
    <t>Moza Dhusri Chiniot</t>
  </si>
  <si>
    <t>Mehran Ali</t>
  </si>
  <si>
    <t>10171</t>
  </si>
  <si>
    <t>GPS 148 RB</t>
  </si>
  <si>
    <t>sohna toba</t>
  </si>
  <si>
    <t>chak no 148 rb tehsile chak jumrah dis faisalabad</t>
  </si>
  <si>
    <t>chak dairh 156 rb</t>
  </si>
  <si>
    <t>35340</t>
  </si>
  <si>
    <t>GGPS CHAK NO 154/EB P.O. BUREWALA</t>
  </si>
  <si>
    <t>154 EB</t>
  </si>
  <si>
    <t>chak no 154/EB P.O. Burewala</t>
  </si>
  <si>
    <t>zhahida parveen</t>
  </si>
  <si>
    <t>48345</t>
  </si>
  <si>
    <t>GPS PHULARWAN KOHNA</t>
  </si>
  <si>
    <t>Nai abadi ward no 6 near sui gas Phularwan</t>
  </si>
  <si>
    <t>21086</t>
  </si>
  <si>
    <t>GGCMHS 369-A/TDA</t>
  </si>
  <si>
    <t>chack# 369A/tda coubara district layyah</t>
  </si>
  <si>
    <t>Chack# 369 A/tda</t>
  </si>
  <si>
    <t>Rafiq abad</t>
  </si>
  <si>
    <t>Uzma Khadim</t>
  </si>
  <si>
    <t>12765</t>
  </si>
  <si>
    <t>6684</t>
  </si>
  <si>
    <t>36515</t>
  </si>
  <si>
    <t>GGPS MACHHI WALA</t>
  </si>
  <si>
    <t>MACHI WALA SAWANCE</t>
  </si>
  <si>
    <t>19381</t>
  </si>
  <si>
    <t>GPS MUSTAFA WALA</t>
  </si>
  <si>
    <t>Umar Pur</t>
  </si>
  <si>
    <t>mustafawala nawabpur road</t>
  </si>
  <si>
    <t>GGHS NAWAZ SHARIF LALA MUSA</t>
  </si>
  <si>
    <t>main bazar lalamusa</t>
  </si>
  <si>
    <t>ambreen fatima</t>
  </si>
  <si>
    <t>GES CHAK NO.465 TDA</t>
  </si>
  <si>
    <t>Chak no. 465/tda</t>
  </si>
  <si>
    <t>465/tda</t>
  </si>
  <si>
    <t>Abdul Khalid</t>
  </si>
  <si>
    <t>48621</t>
  </si>
  <si>
    <t>11503</t>
  </si>
  <si>
    <t>GHS EHSAN PUR</t>
  </si>
  <si>
    <t>P/oehsan pur</t>
  </si>
  <si>
    <t>Abdul Hameed Tabassum</t>
  </si>
  <si>
    <t>47546</t>
  </si>
  <si>
    <t>GGHS SAWANS</t>
  </si>
  <si>
    <t>gghs sawans dera khani khelan wala sawans</t>
  </si>
  <si>
    <t>gul afshan</t>
  </si>
  <si>
    <t>GGPS TALWARA MALHIAN</t>
  </si>
  <si>
    <t>Talwara Maliyan</t>
  </si>
  <si>
    <t>talwara maliyan</t>
  </si>
  <si>
    <t>Tayyaba Imtiaz</t>
  </si>
  <si>
    <t>19207</t>
  </si>
  <si>
    <t>GPS SHAH MUHAMMAD MARAL</t>
  </si>
  <si>
    <t>Shah Muhammad Maril</t>
  </si>
  <si>
    <t>ada Mud Shadu p / o mari Allah bachaya tehseel khan pur RYKhan</t>
  </si>
  <si>
    <t>Ada Mud Shadu</t>
  </si>
  <si>
    <t>GHS SERAI</t>
  </si>
  <si>
    <t>KOTLA QAZI Nashaib NASHAIB</t>
  </si>
  <si>
    <t>RIZWAN ALAM</t>
  </si>
  <si>
    <t>GGPS DHULIAN</t>
  </si>
  <si>
    <t>village dhulian</t>
  </si>
  <si>
    <t>Sadia Hussain</t>
  </si>
  <si>
    <t>47632</t>
  </si>
  <si>
    <t>GGPS IQBAL ZAILDAR (DHOK GHAZI KEHL)</t>
  </si>
  <si>
    <t>stala more po dhibba karsial mianwali</t>
  </si>
  <si>
    <t>Stala More</t>
  </si>
  <si>
    <t>31827</t>
  </si>
  <si>
    <t>GGPS BULANDI OUTAR</t>
  </si>
  <si>
    <t>BULANDI OTTAR</t>
  </si>
  <si>
    <t>VILLAGE BULANDI OTTAR P/O RAJA JUNG KASUR</t>
  </si>
  <si>
    <t>THEH SHEIKHEM</t>
  </si>
  <si>
    <t>NAJMA ISHAQ</t>
  </si>
  <si>
    <t>GGPS 10 MR</t>
  </si>
  <si>
    <t>10MR</t>
  </si>
  <si>
    <t>chak no 10MR makhdoom rasheed multan</t>
  </si>
  <si>
    <t>Chak No 10MR</t>
  </si>
  <si>
    <t>Muneeba Ashiq</t>
  </si>
  <si>
    <t>GGES SHER GERH</t>
  </si>
  <si>
    <t>GGES shergarh zahir peer</t>
  </si>
  <si>
    <t>Madiha Munir</t>
  </si>
  <si>
    <t>22844</t>
  </si>
  <si>
    <t>23143</t>
  </si>
  <si>
    <t>Teh: Kharian Dist: Gujrat</t>
  </si>
  <si>
    <t>Samra Shakoor</t>
  </si>
  <si>
    <t>29754</t>
  </si>
  <si>
    <t>GPS KOT HAASHIM BAIG</t>
  </si>
  <si>
    <t>Kot Hashim Baig</t>
  </si>
  <si>
    <t>Govt primary school kot Hashim baig. phool nager</t>
  </si>
  <si>
    <t>Ghuman K</t>
  </si>
  <si>
    <t>GHS SHEIKH PURA NAU</t>
  </si>
  <si>
    <t>sheikh pura nau</t>
  </si>
  <si>
    <t>sheikh pura nau , kasur</t>
  </si>
  <si>
    <t>sehra</t>
  </si>
  <si>
    <t>36283</t>
  </si>
  <si>
    <t>33815</t>
  </si>
  <si>
    <t>GGES GOGERA KHAS</t>
  </si>
  <si>
    <t>13430</t>
  </si>
  <si>
    <t>31854</t>
  </si>
  <si>
    <t>village doga tehsil kharian district Gujrat</t>
  </si>
  <si>
    <t>JUNAID IQBAL</t>
  </si>
  <si>
    <t>34252</t>
  </si>
  <si>
    <t>GGHS LOOTHER MULTAN</t>
  </si>
  <si>
    <t>loother</t>
  </si>
  <si>
    <t>GOvt  Girls High School Loother</t>
  </si>
  <si>
    <t>Loother</t>
  </si>
  <si>
    <t>GGPS AJMAL ABAD</t>
  </si>
  <si>
    <t>Ggps ajmal abad,basti ajmal abad,U/C kot mehdi shah,Rahim yar khan</t>
  </si>
  <si>
    <t>Basti Ajmal Abad</t>
  </si>
  <si>
    <t>51748</t>
  </si>
  <si>
    <t>GGPS LADHI, TULAMBA</t>
  </si>
  <si>
    <t>Ladhi</t>
  </si>
  <si>
    <t>PS laddhi</t>
  </si>
  <si>
    <t>Moza Ladhi</t>
  </si>
  <si>
    <t>gose Pour</t>
  </si>
  <si>
    <t>Mehnaz Kousar</t>
  </si>
  <si>
    <t>34912</t>
  </si>
  <si>
    <t>GGPS KOT GUHINYA MOUZA</t>
  </si>
  <si>
    <t>Kot Ghunya</t>
  </si>
  <si>
    <t>moza kot ghunya basti shah muhammad chak 94 np.tehsil khanpur</t>
  </si>
  <si>
    <t>Basti Shah Muhammad</t>
  </si>
  <si>
    <t>Chak 94 NP</t>
  </si>
  <si>
    <t>GGPS SHARQI ABADI</t>
  </si>
  <si>
    <t>Sharqi Aadi</t>
  </si>
  <si>
    <t>ggps sharqi abadi mustafa abad kasur</t>
  </si>
  <si>
    <t>Sharqi Abadi</t>
  </si>
  <si>
    <t>Municiple Committee Mustafa Abad</t>
  </si>
  <si>
    <t>32823</t>
  </si>
  <si>
    <t>GGPS 68 KB</t>
  </si>
  <si>
    <t>68 Kb</t>
  </si>
  <si>
    <t>68 kb mailsi</t>
  </si>
  <si>
    <t>Kotlimahtm</t>
  </si>
  <si>
    <t>Shamshad Kousar</t>
  </si>
  <si>
    <t>44755</t>
  </si>
  <si>
    <t>23201</t>
  </si>
  <si>
    <t>GGCMS PUNJAN KASANA</t>
  </si>
  <si>
    <t>panjan kasana teh. kharian Dist . Gujarat</t>
  </si>
  <si>
    <t>Rubina Sabir</t>
  </si>
  <si>
    <t>31875</t>
  </si>
  <si>
    <t>GGES MONDRA</t>
  </si>
  <si>
    <t>Mondra, Bara Sadaat P/O Aali Daha District Muzafargarh</t>
  </si>
  <si>
    <t>Mondra</t>
  </si>
  <si>
    <t>Sajida Zaib Un Nisa</t>
  </si>
  <si>
    <t>31877</t>
  </si>
  <si>
    <t>GGES ALLAH DITTA KHAN</t>
  </si>
  <si>
    <t>Mohammad Pur Qureshain</t>
  </si>
  <si>
    <t>Basti Allah Ditta Khan</t>
  </si>
  <si>
    <t>Mianwali Qureshain</t>
  </si>
  <si>
    <t>Ayesha Murad</t>
  </si>
  <si>
    <t>53413</t>
  </si>
  <si>
    <t>GMPS CHAK NO. 26/4-L</t>
  </si>
  <si>
    <t>26 / 4L</t>
  </si>
  <si>
    <t>Chak No. 26 / 4L Tehsil &amp; District Okara</t>
  </si>
  <si>
    <t>Chak26/4L</t>
  </si>
  <si>
    <t>31888</t>
  </si>
  <si>
    <t>37669</t>
  </si>
  <si>
    <t>GGPS KALU PITRA, TULAMBA</t>
  </si>
  <si>
    <t>Kalu Pitra</t>
  </si>
  <si>
    <t>moza kalu pitra tulamba  markaz Ist
tehsil mian chanu district khanewal</t>
  </si>
  <si>
    <t>GGPS CHAK NO. 149/TDA</t>
  </si>
  <si>
    <t>Gut Nashaib</t>
  </si>
  <si>
    <t>GGPS149/TDA</t>
  </si>
  <si>
    <t>Kamaii Wala</t>
  </si>
  <si>
    <t>Jamman SHAH</t>
  </si>
  <si>
    <t>Shakeela fazal</t>
  </si>
  <si>
    <t>32015</t>
  </si>
  <si>
    <t>GGPS CHOUR CHAK</t>
  </si>
  <si>
    <t>Chour chak</t>
  </si>
  <si>
    <t>Village chour chak p/o rajowal tehsil kharian</t>
  </si>
  <si>
    <t>Alia rasheed</t>
  </si>
  <si>
    <t>32025</t>
  </si>
  <si>
    <t>23292</t>
  </si>
  <si>
    <t>GGPS YAQEEN PUR</t>
  </si>
  <si>
    <t>Yaqeen Pur</t>
  </si>
  <si>
    <t>District Gujrat Tehsil kharian post office dinga village yaqeen pur</t>
  </si>
  <si>
    <t>komal Ashraf</t>
  </si>
  <si>
    <t>32034</t>
  </si>
  <si>
    <t>29511</t>
  </si>
  <si>
    <t>GGPS BASTI HIMMAT PURA</t>
  </si>
  <si>
    <t>Khudian</t>
  </si>
  <si>
    <t>qila ganja</t>
  </si>
  <si>
    <t>Rafiqa Sahi</t>
  </si>
  <si>
    <t>53335</t>
  </si>
  <si>
    <t>50449</t>
  </si>
  <si>
    <t>GES CHAK DINA</t>
  </si>
  <si>
    <t>Chak Dina p/o Shahsarmast. tehsil Kharian district. Gujrat</t>
  </si>
  <si>
    <t>GES SALEEM SHAH BODLA</t>
  </si>
  <si>
    <t>saleem shah bodla</t>
  </si>
  <si>
    <t>Chak Saleem Shah bodla</t>
  </si>
  <si>
    <t>Saleem Shah bodla</t>
  </si>
  <si>
    <t>kumhariwala</t>
  </si>
  <si>
    <t>33785</t>
  </si>
  <si>
    <t>GGPS 20-A/1.AL MALKI</t>
  </si>
  <si>
    <t>20A/1Al Malki</t>
  </si>
  <si>
    <t>GGPS 20A/1.AL MALKI</t>
  </si>
  <si>
    <t>20A/1AL Malki</t>
  </si>
  <si>
    <t>25/1AL</t>
  </si>
  <si>
    <t>Amara Sarwar</t>
  </si>
  <si>
    <t>30982</t>
  </si>
  <si>
    <t>GGES DEV SAMAJ ROAD, LAHORE</t>
  </si>
  <si>
    <t>dev samaaj road Lahore</t>
  </si>
  <si>
    <t>Sunat Nagar</t>
  </si>
  <si>
    <t>Farida  Rafique</t>
  </si>
  <si>
    <t>32053</t>
  </si>
  <si>
    <t>GPS 41-A/15-L, BANGLA, MIAN CHANNU</t>
  </si>
  <si>
    <t>41-a/15-l Bangla</t>
  </si>
  <si>
    <t>chak # 41-a/15-l main channu</t>
  </si>
  <si>
    <t>41-a/15-l</t>
  </si>
  <si>
    <t>127/15-l</t>
  </si>
  <si>
    <t>Said Muhammad</t>
  </si>
  <si>
    <t>32055</t>
  </si>
  <si>
    <t>GPS DOCTOR WALA NANKANA</t>
  </si>
  <si>
    <t>doctor wala nankana sahib</t>
  </si>
  <si>
    <t>32056</t>
  </si>
  <si>
    <t>GGHS 121/1-L</t>
  </si>
  <si>
    <t>Chak 121/1L</t>
  </si>
  <si>
    <t>chak 121/1L KPR</t>
  </si>
  <si>
    <t>chak 121/1L</t>
  </si>
  <si>
    <t>Aisha Siddiqa</t>
  </si>
  <si>
    <t>10603</t>
  </si>
  <si>
    <t>GGES HAJI YAR MUHAMMAD JHORA</t>
  </si>
  <si>
    <t>Sohiya Thal</t>
  </si>
  <si>
    <t>GGES HAJI YAR MUHAMMAD JHORAR</t>
  </si>
  <si>
    <t>samina yasmeen</t>
  </si>
  <si>
    <t>GGPS TAWANA</t>
  </si>
  <si>
    <t>Tawana</t>
  </si>
  <si>
    <t>viillage tawana</t>
  </si>
  <si>
    <t>Chichher Wali</t>
  </si>
  <si>
    <t>Asifa Noreen</t>
  </si>
  <si>
    <t>19580</t>
  </si>
  <si>
    <t>GGPS 22-1AL</t>
  </si>
  <si>
    <t>Chak#22/1al</t>
  </si>
  <si>
    <t>Syeda Gulshana Hassan Kirmani</t>
  </si>
  <si>
    <t>GGPS PALLO SHAH</t>
  </si>
  <si>
    <t>pallu shah</t>
  </si>
  <si>
    <t>ggs pallu shah</t>
  </si>
  <si>
    <t>bahodi pur qureshian</t>
  </si>
  <si>
    <t>32669</t>
  </si>
  <si>
    <t>GES JOGAY KOT</t>
  </si>
  <si>
    <t>Jogay KOT</t>
  </si>
  <si>
    <t>village jogay kot p/o More Khunda NNS</t>
  </si>
  <si>
    <t>Jogay Kot Nao Bahaar</t>
  </si>
  <si>
    <t>44713</t>
  </si>
  <si>
    <t>GPS MODEL 72/10-R, DHORIYAN WALI, KHANEWAL</t>
  </si>
  <si>
    <t>72/10r basti dodhorian</t>
  </si>
  <si>
    <t>72/10R</t>
  </si>
  <si>
    <t>51654</t>
  </si>
  <si>
    <t>GMPS CHAK NO 6-KB</t>
  </si>
  <si>
    <t>Chak 6 KB</t>
  </si>
  <si>
    <t>Chak 6 KB, Pakpattan</t>
  </si>
  <si>
    <t>Ferozpur Chishtian</t>
  </si>
  <si>
    <t>Asia Anwer</t>
  </si>
  <si>
    <t>47034</t>
  </si>
  <si>
    <t>GHS DHOK ALI KHAN</t>
  </si>
  <si>
    <t>vpo dhoke ali khan</t>
  </si>
  <si>
    <t>DHOKE ALI KHAN</t>
  </si>
  <si>
    <t>24608</t>
  </si>
  <si>
    <t>GGPS JAL KHO</t>
  </si>
  <si>
    <t>Jalkhu</t>
  </si>
  <si>
    <t>Village Jalkho P/O Mrajkay Tehsil Pasrur District Sialkot</t>
  </si>
  <si>
    <t>Mrajkay</t>
  </si>
  <si>
    <t>Sobia Tazem</t>
  </si>
  <si>
    <t>GPS JINDWADA</t>
  </si>
  <si>
    <t>Moza mori, Basti jindwada abbasi near basti Jan Muhammad, Nawankot, Tehsil khanpur</t>
  </si>
  <si>
    <t>Jaan Muhammad</t>
  </si>
  <si>
    <t>Asad Idrees</t>
  </si>
  <si>
    <t>32088</t>
  </si>
  <si>
    <t>51571</t>
  </si>
  <si>
    <t>GGPS 85 D</t>
  </si>
  <si>
    <t>Chak No. 85/D</t>
  </si>
  <si>
    <t>Tahira Iman</t>
  </si>
  <si>
    <t>29715</t>
  </si>
  <si>
    <t>53629</t>
  </si>
  <si>
    <t>GGHS 12/1-AL</t>
  </si>
  <si>
    <t>gghs/12/1AL tehsil renala khurd district okara</t>
  </si>
  <si>
    <t>Samina Iftikhar</t>
  </si>
  <si>
    <t>32093</t>
  </si>
  <si>
    <t>37280</t>
  </si>
  <si>
    <t>GGPS 83/10-R, KHANEWAL</t>
  </si>
  <si>
    <t>83/10R tibba kwl</t>
  </si>
  <si>
    <t>83/10 R tibba</t>
  </si>
  <si>
    <t>76/10R</t>
  </si>
  <si>
    <t>Nazma Liaquat</t>
  </si>
  <si>
    <t>GGPS SHEIKHO PURIAN</t>
  </si>
  <si>
    <t>Sheikhu Purian</t>
  </si>
  <si>
    <t>Sheikhu purian Usman wala</t>
  </si>
  <si>
    <t>GGES GULLAN KHEL</t>
  </si>
  <si>
    <t>Gullen Khel</t>
  </si>
  <si>
    <t>g g e m s gullen  khel</t>
  </si>
  <si>
    <t>Packi Shah Mardan</t>
  </si>
  <si>
    <t>35596</t>
  </si>
  <si>
    <t>GGHS CHAK NO.69/WB</t>
  </si>
  <si>
    <t>69/WB</t>
  </si>
  <si>
    <t>GGHS 69/WB MAILSI</t>
  </si>
  <si>
    <t>36974</t>
  </si>
  <si>
    <t>GGPS GUD PUR</t>
  </si>
  <si>
    <t>Whagwhan</t>
  </si>
  <si>
    <t>basti gudpur</t>
  </si>
  <si>
    <t>Shamshad Kosir</t>
  </si>
  <si>
    <t>20567</t>
  </si>
  <si>
    <t>32104</t>
  </si>
  <si>
    <t>GHS ANAR WALA</t>
  </si>
  <si>
    <t>sumra nashaib</t>
  </si>
  <si>
    <t>Anarwala</t>
  </si>
  <si>
    <t>muhammad shakeel ahmad</t>
  </si>
  <si>
    <t>GHSS GULIANA</t>
  </si>
  <si>
    <t>GULIANA</t>
  </si>
  <si>
    <t>VILLAGE AND POST OFFICE GULIANA</t>
  </si>
  <si>
    <t>Mian Shaukat Ali</t>
  </si>
  <si>
    <t>127955</t>
  </si>
  <si>
    <t>GMPS FATEH MUHAMMAD DARKHAN</t>
  </si>
  <si>
    <t>Taranda Muhammad Pannah</t>
  </si>
  <si>
    <t>basti ghara taranda Muhammad panah tehsil liqat pur</t>
  </si>
  <si>
    <t>Basti Ghara</t>
  </si>
  <si>
    <t>Tranda Muhammad Pannah</t>
  </si>
  <si>
    <t>34221</t>
  </si>
  <si>
    <t>GHS LOOTHER MULTAN</t>
  </si>
  <si>
    <t>Station Riazabad Mauza Loother</t>
  </si>
  <si>
    <t>Station Riazabad</t>
  </si>
  <si>
    <t>ejaz ahmad sumra</t>
  </si>
  <si>
    <t>46815</t>
  </si>
  <si>
    <t>GHS MUD MANGLA</t>
  </si>
  <si>
    <t>Mud Mangla Khan pur</t>
  </si>
  <si>
    <t>Mud Mangla</t>
  </si>
  <si>
    <t>ASIM ALI WASIM</t>
  </si>
  <si>
    <t>Hand Pump.Coolers</t>
  </si>
  <si>
    <t>31064</t>
  </si>
  <si>
    <t>29526</t>
  </si>
  <si>
    <t>GGES DHINGH SHAH</t>
  </si>
  <si>
    <t>Govt Girls E/S Dhing Shah</t>
  </si>
  <si>
    <t>Rehana Shahzadi</t>
  </si>
  <si>
    <t>43462</t>
  </si>
  <si>
    <t>GGPS BUDHOWAL</t>
  </si>
  <si>
    <t>Budhowal</t>
  </si>
  <si>
    <t>village budhowal p/o head rasool tehsil kharian district gujrat</t>
  </si>
  <si>
    <t>Yasmeen Liaqat</t>
  </si>
  <si>
    <t>31070</t>
  </si>
  <si>
    <t>GGES CHUHAR MUNDA</t>
  </si>
  <si>
    <t>Chuhrmunda</t>
  </si>
  <si>
    <t>Chuhrmunda kalasswala Pasrur sialkot</t>
  </si>
  <si>
    <t>Sauknwind</t>
  </si>
  <si>
    <t>Azmat Bano</t>
  </si>
  <si>
    <t>31075</t>
  </si>
  <si>
    <t>54653</t>
  </si>
  <si>
    <t>GHS ISLAMIA BHATTI GATE</t>
  </si>
  <si>
    <t>bhaati GATE lahore</t>
  </si>
  <si>
    <t>Bhaati GATE</t>
  </si>
  <si>
    <t>Naeem Akhtar Mughal</t>
  </si>
  <si>
    <t>31083</t>
  </si>
  <si>
    <t>33639</t>
  </si>
  <si>
    <t>GES MC CHAH AMBB WALA MULTAN</t>
  </si>
  <si>
    <t>Amb Wala</t>
  </si>
  <si>
    <t>Chah Amb Wala Timber Market Vehari Road Multan</t>
  </si>
  <si>
    <t>JAMIL AHMAD SUBHANI</t>
  </si>
  <si>
    <t>48151</t>
  </si>
  <si>
    <t>31084</t>
  </si>
  <si>
    <t>53102</t>
  </si>
  <si>
    <t>GHS CHAK 44/3-R</t>
  </si>
  <si>
    <t>gASHKORI</t>
  </si>
  <si>
    <t>44/3R OKARA</t>
  </si>
  <si>
    <t>42/3R SACHANWALA</t>
  </si>
  <si>
    <t>19610</t>
  </si>
  <si>
    <t>GHS GULZAR PUR DUNIA PUR ROAD</t>
  </si>
  <si>
    <t>Government high school Gulzar pur multan</t>
  </si>
  <si>
    <t>Shair Singh</t>
  </si>
  <si>
    <t>GGPS KHURSHID ALI FRASH</t>
  </si>
  <si>
    <t>basti khurshid ali farash moza sadiq pur</t>
  </si>
  <si>
    <t>Basti Sher Baloch</t>
  </si>
  <si>
    <t>Gokha</t>
  </si>
  <si>
    <t>47284</t>
  </si>
  <si>
    <t>GPS KHAWAJA ABAD SHARIF</t>
  </si>
  <si>
    <t>KHAWAJA ABAD SHARIF NEAR MADARAH AL-KAMAL KHAWAJA ABAD SHARIF</t>
  </si>
  <si>
    <t>KHAWAJA ABAD SHARIF</t>
  </si>
  <si>
    <t>Muhammad Nawaz KHAN</t>
  </si>
  <si>
    <t>4811</t>
  </si>
  <si>
    <t>GGPS CHAK NO.137/1-L</t>
  </si>
  <si>
    <t>Neel Ghar</t>
  </si>
  <si>
    <t>Govt girls primay school chak #137/1.l..teh khanpur.dist R.Y.K</t>
  </si>
  <si>
    <t>137\1.L</t>
  </si>
  <si>
    <t>Bhataa shaikhaan</t>
  </si>
  <si>
    <t>Ishrat Maqsood</t>
  </si>
  <si>
    <t>GPS CHAH DHABAN WALA</t>
  </si>
  <si>
    <t>chah dhabah wala</t>
  </si>
  <si>
    <t>Chah Dhabah Wala</t>
  </si>
  <si>
    <t>31099</t>
  </si>
  <si>
    <t>GGPS GAGHAR SAHARI</t>
  </si>
  <si>
    <t>p.o box gaggar,kasur</t>
  </si>
  <si>
    <t>YASMIN KHALIL</t>
  </si>
  <si>
    <t>GPS MOADIB PARAN SHARIF</t>
  </si>
  <si>
    <t>Praran shrif</t>
  </si>
  <si>
    <t>praran shrif</t>
  </si>
  <si>
    <t>Muhammed Ahsan</t>
  </si>
  <si>
    <t>23403</t>
  </si>
  <si>
    <t>GGHS MATWANWALA</t>
  </si>
  <si>
    <t>matwanwala</t>
  </si>
  <si>
    <t>Village Matwanwala, Tehsil Kharian District Gujrat</t>
  </si>
  <si>
    <t>MATWANWALA</t>
  </si>
  <si>
    <t>2.96672e+006</t>
  </si>
  <si>
    <t>GGPS BULAQI WALI</t>
  </si>
  <si>
    <t>Dhando</t>
  </si>
  <si>
    <t>GGP/S Bulaqi Wali markiz zahir peer tahsil khanpur</t>
  </si>
  <si>
    <t>Humaira Shahzadi</t>
  </si>
  <si>
    <t>GGES CHAKAR DARI</t>
  </si>
  <si>
    <t>chakar dari</t>
  </si>
  <si>
    <t>mouza patal ghair mustakil chakar dari</t>
  </si>
  <si>
    <t>choudari</t>
  </si>
  <si>
    <t>shenaz bano</t>
  </si>
  <si>
    <t>GGES 107/1-L</t>
  </si>
  <si>
    <t>gges107/1L</t>
  </si>
  <si>
    <t>107/1L</t>
  </si>
  <si>
    <t>Arfa Ajmal</t>
  </si>
  <si>
    <t>41251</t>
  </si>
  <si>
    <t>40793</t>
  </si>
  <si>
    <t>34298</t>
  </si>
  <si>
    <t>GGHS BOSAN UTTAR</t>
  </si>
  <si>
    <t>Bosan</t>
  </si>
  <si>
    <t>Basti bosan ottar multan sadar</t>
  </si>
  <si>
    <t>12643</t>
  </si>
  <si>
    <t>44559</t>
  </si>
  <si>
    <t>GGPS NAHMAT ALI SIPHON</t>
  </si>
  <si>
    <t>Chadhar Bhinda</t>
  </si>
  <si>
    <t>moza chaddhar bhinda syphon</t>
  </si>
  <si>
    <t>Basti Ibraheem</t>
  </si>
  <si>
    <t>Sumara Sarwar</t>
  </si>
  <si>
    <t>GPS SHAH MUHAMMAD JANUBI</t>
  </si>
  <si>
    <t>basti horay wala shah muhammad janobi</t>
  </si>
  <si>
    <t>basti horay wala</t>
  </si>
  <si>
    <t>Muhammad irfan kareem</t>
  </si>
  <si>
    <t>GGPS HARI KAY NAUL</t>
  </si>
  <si>
    <t>HARI KAY NOUL</t>
  </si>
  <si>
    <t>village HARI KAY NOUL</t>
  </si>
  <si>
    <t>31129</t>
  </si>
  <si>
    <t>51678</t>
  </si>
  <si>
    <t>GGPS CHAK MEHNAT DURSHAN</t>
  </si>
  <si>
    <t>Chak Mahanat Darshan</t>
  </si>
  <si>
    <t>53485</t>
  </si>
  <si>
    <t>GGPS CHAK FATTO ANA</t>
  </si>
  <si>
    <t>Fattoana</t>
  </si>
  <si>
    <t>moza fattoana</t>
  </si>
  <si>
    <t>Hifza</t>
  </si>
  <si>
    <t>Bait Malana</t>
  </si>
  <si>
    <t>basti jarh ,bait malana, ghazi ghat</t>
  </si>
  <si>
    <t>Basti Jarh</t>
  </si>
  <si>
    <t>Aisha Marryyam</t>
  </si>
  <si>
    <t>47022</t>
  </si>
  <si>
    <t>GHS CHHIDRU</t>
  </si>
  <si>
    <t>p.o chhidru distt. mianwali</t>
  </si>
  <si>
    <t>Chhiddu</t>
  </si>
  <si>
    <t>Sana Ullah khan</t>
  </si>
  <si>
    <t>GHS GANJA</t>
  </si>
  <si>
    <t>GANJA</t>
  </si>
  <si>
    <t>V.P.O. GANJA TEHSIL KHARIAN DISTRICT GUJRAT</t>
  </si>
  <si>
    <t>AZEEM NAIMAT</t>
  </si>
  <si>
    <t>41335</t>
  </si>
  <si>
    <t>31142</t>
  </si>
  <si>
    <t>GHS CHAK 1/P JETHA BHUTTA</t>
  </si>
  <si>
    <t>chak 1 p</t>
  </si>
  <si>
    <t>chak no. 1P jeatha bhutta teh. khanpur</t>
  </si>
  <si>
    <t>chak 1p</t>
  </si>
  <si>
    <t>chak no. 1P</t>
  </si>
  <si>
    <t>FARHAN ALI</t>
  </si>
  <si>
    <t>31143</t>
  </si>
  <si>
    <t>GGHS GODHA</t>
  </si>
  <si>
    <t>village godha, p.o. Randhawa, Tehsil Pasrur, Distt. Sialkot</t>
  </si>
  <si>
    <t>tayyaba nasir</t>
  </si>
  <si>
    <t>39046</t>
  </si>
  <si>
    <t>GGHS CHAK NO 146 TDA DAGREE</t>
  </si>
  <si>
    <t>CHAK 146/TDA DAGREE</t>
  </si>
  <si>
    <t>146/TDA DAGREE</t>
  </si>
  <si>
    <t>Imtiaz tabassum</t>
  </si>
  <si>
    <t>GPS MITHAN WALA</t>
  </si>
  <si>
    <t>Noorshah Talia Sharqi</t>
  </si>
  <si>
    <t>chah tappa mouza noorshah talia sharqi tehsil kot addu</t>
  </si>
  <si>
    <t>Chah Tappa</t>
  </si>
  <si>
    <t>31156</t>
  </si>
  <si>
    <t>GGPS RAKH AARBI P/O CHAH DEWAN WALA  JALALABAD</t>
  </si>
  <si>
    <t>chah dewan wala P/O jalalabad shumali multan</t>
  </si>
  <si>
    <t>Umme Ammara</t>
  </si>
  <si>
    <t>31157</t>
  </si>
  <si>
    <t>GGHS 138 WB</t>
  </si>
  <si>
    <t>138wb</t>
  </si>
  <si>
    <t>gghs138wb</t>
  </si>
  <si>
    <t>Asia Noureen</t>
  </si>
  <si>
    <t>18422</t>
  </si>
  <si>
    <t>GPS ADDA BUCHEKI</t>
  </si>
  <si>
    <t>Chah Jeedha</t>
  </si>
  <si>
    <t>Chah Jeeda Adda Bucheki Tehsil &amp; Nankana Sahib</t>
  </si>
  <si>
    <t>31164</t>
  </si>
  <si>
    <t>GPS JHONJHAN WALI</t>
  </si>
  <si>
    <t>Jhonjhan Wali</t>
  </si>
  <si>
    <t>Maoza Jhonjhan Wali, Tehsil Kot Addu, District Muzaffargarh</t>
  </si>
  <si>
    <t>Mohammad Bilal</t>
  </si>
  <si>
    <t>34405</t>
  </si>
  <si>
    <t>GPS BAQIR PUR</t>
  </si>
  <si>
    <t>Basti Moza Baqir pur</t>
  </si>
  <si>
    <t>Kabir Pur</t>
  </si>
  <si>
    <t>Mohammad Qasim</t>
  </si>
  <si>
    <t>GGHS DAIWAL</t>
  </si>
  <si>
    <t>post office daiwal</t>
  </si>
  <si>
    <t>Tayyaba Masood</t>
  </si>
  <si>
    <t>21361</t>
  </si>
  <si>
    <t>GPS NEEL GARH</t>
  </si>
  <si>
    <t>Neel-garh</t>
  </si>
  <si>
    <t>neelgarh</t>
  </si>
  <si>
    <t>Shahid-hassan</t>
  </si>
  <si>
    <t>36111</t>
  </si>
  <si>
    <t>GHS 4/GD</t>
  </si>
  <si>
    <t>mahmood ahmad</t>
  </si>
  <si>
    <t>31178</t>
  </si>
  <si>
    <t>47171</t>
  </si>
  <si>
    <t>GES KHABARI</t>
  </si>
  <si>
    <t>khabari mianwali</t>
  </si>
  <si>
    <t>Khabari</t>
  </si>
  <si>
    <t>Muzafarpur Janobi</t>
  </si>
  <si>
    <t>Muhammad Munir Ahmed</t>
  </si>
  <si>
    <t>GMES CITY PASRUR NO. 1</t>
  </si>
  <si>
    <t>Mohallah Namay Shah Pasrur</t>
  </si>
  <si>
    <t>10812</t>
  </si>
  <si>
    <t>GGPS CHAK NO.415/TDA</t>
  </si>
  <si>
    <t>415/TDA</t>
  </si>
  <si>
    <t>415/TDA Layyah</t>
  </si>
  <si>
    <t>Gole Wala 393/TDA</t>
  </si>
  <si>
    <t>Ghazala Naazir</t>
  </si>
  <si>
    <t>GGPS CHAK NO. 154/TDA</t>
  </si>
  <si>
    <t>chak no 154</t>
  </si>
  <si>
    <t>GGPS CHAK no. 154</t>
  </si>
  <si>
    <t>chak no154</t>
  </si>
  <si>
    <t>35861</t>
  </si>
  <si>
    <t>GGPS KIKRI KHURD</t>
  </si>
  <si>
    <t>ggp/s kikri khurd</t>
  </si>
  <si>
    <t>Kauser Perveen</t>
  </si>
  <si>
    <t>33659</t>
  </si>
  <si>
    <t>31671</t>
  </si>
  <si>
    <t>GPS BASTI MUD GANGO</t>
  </si>
  <si>
    <t>Mud Gango Hussain Abad</t>
  </si>
  <si>
    <t>Humera Abbasi</t>
  </si>
  <si>
    <t>53805</t>
  </si>
  <si>
    <t>GGHS NOSHERA KAKAY ZIAN</t>
  </si>
  <si>
    <t>Noshera Kaky Ziian</t>
  </si>
  <si>
    <t>Talwandi innayt khan</t>
  </si>
  <si>
    <t>Noshera Kaky Zian</t>
  </si>
  <si>
    <t>Talwandi Innayt Khan</t>
  </si>
  <si>
    <t>Tehmeena Kiran</t>
  </si>
  <si>
    <t>25993</t>
  </si>
  <si>
    <t>GMPS AMRA KHURD</t>
  </si>
  <si>
    <t>amra khurd</t>
  </si>
  <si>
    <t>Amra Khurd</t>
  </si>
  <si>
    <t>Fahmida Ismail</t>
  </si>
  <si>
    <t>48822</t>
  </si>
  <si>
    <t>54389</t>
  </si>
  <si>
    <t>GGPS COLONY SHOUKAT ABAD</t>
  </si>
  <si>
    <t>Colony Shoukat Abad</t>
  </si>
  <si>
    <t>ggps colony Shoukat Abad head baloki road</t>
  </si>
  <si>
    <t>Haft Mader</t>
  </si>
  <si>
    <t>Rashada Muzaffar</t>
  </si>
  <si>
    <t>GGPS ABDULLAH KHOSA</t>
  </si>
  <si>
    <t>ahmad kudan</t>
  </si>
  <si>
    <t>basti abdullah khosa</t>
  </si>
  <si>
    <t>Mujahida Bibi</t>
  </si>
  <si>
    <t>GPS CHAK NO.170-A TDA</t>
  </si>
  <si>
    <t>Chak No 170-A TDA</t>
  </si>
  <si>
    <t>Chak No.170A/T.D.A</t>
  </si>
  <si>
    <t>170A</t>
  </si>
  <si>
    <t>GMPS CHAK 11-T</t>
  </si>
  <si>
    <t>Chack No11/T</t>
  </si>
  <si>
    <t>Chak 11/T P/O Multani Wala</t>
  </si>
  <si>
    <t>11/T</t>
  </si>
  <si>
    <t>Qamar Javed</t>
  </si>
  <si>
    <t>GGPS AHMED BUX NAICH</t>
  </si>
  <si>
    <t>basti haji azeem bux naich</t>
  </si>
  <si>
    <t>Basti Haji Azeem Bux Naich</t>
  </si>
  <si>
    <t>Bushra</t>
  </si>
  <si>
    <t>53765</t>
  </si>
  <si>
    <t>GGPS 28/1-AL</t>
  </si>
  <si>
    <t>281AL</t>
  </si>
  <si>
    <t>25/ 1AL</t>
  </si>
  <si>
    <t>Zubeida Aslam</t>
  </si>
  <si>
    <t>12018</t>
  </si>
  <si>
    <t>GGCMS DARKHAN WALA</t>
  </si>
  <si>
    <t>basti dirkhan  wala mouza halh  kot adu</t>
  </si>
  <si>
    <t>Dirkhan Wala</t>
  </si>
  <si>
    <t>Zarqa Shamim</t>
  </si>
  <si>
    <t>34428</t>
  </si>
  <si>
    <t>GPS jalal shah traggarh Multan</t>
  </si>
  <si>
    <t>GGPS PARARAN SHARIF(QADEEM)</t>
  </si>
  <si>
    <t>Kadu wali</t>
  </si>
  <si>
    <t>Basti Rahim bukhsh Prarah sharif</t>
  </si>
  <si>
    <t>Prarah Sharif</t>
  </si>
  <si>
    <t>AminAbad</t>
  </si>
  <si>
    <t>Fozia arshad</t>
  </si>
  <si>
    <t>GES 62/10-R, KHANEWAL</t>
  </si>
  <si>
    <t>Wali khan 62/10-R</t>
  </si>
  <si>
    <t>Chak 62/10-R kwl</t>
  </si>
  <si>
    <t>Chak 62/10-R</t>
  </si>
  <si>
    <t>Chak Shahana 58/10-R</t>
  </si>
  <si>
    <t>Danish Hussain Shah</t>
  </si>
  <si>
    <t>19733</t>
  </si>
  <si>
    <t>GHS BHAGIARI</t>
  </si>
  <si>
    <t>bhagiari</t>
  </si>
  <si>
    <t>bhagiari p.o kingra tehsil pasrur distt. sialkot</t>
  </si>
  <si>
    <t>47462</t>
  </si>
  <si>
    <t>GGPS DHADIAN WALA</t>
  </si>
  <si>
    <t>Dhadian wala Musa khel.</t>
  </si>
  <si>
    <t>Nasim Bibi</t>
  </si>
  <si>
    <t>40458</t>
  </si>
  <si>
    <t>41789</t>
  </si>
  <si>
    <t>GMPS GAHI SYEDAN</t>
  </si>
  <si>
    <t>Gahi Syedan</t>
  </si>
  <si>
    <t>village Gahi syedan p/o tatral district &amp; tehsil rwp</t>
  </si>
  <si>
    <t>Nabeela Kousar</t>
  </si>
  <si>
    <t>GPS SHER PUR</t>
  </si>
  <si>
    <t>sher pur tahsil pattoki district kasur</t>
  </si>
  <si>
    <t>Dena Nath</t>
  </si>
  <si>
    <t>Tahir Hussain Ansari</t>
  </si>
  <si>
    <t>GGPS TAL WALA</t>
  </si>
  <si>
    <t>ward no 2. kot adu</t>
  </si>
  <si>
    <t>Ward 2</t>
  </si>
  <si>
    <t>Fariha Jabeen</t>
  </si>
  <si>
    <t>GPS CHAK MAHNI</t>
  </si>
  <si>
    <t>Chak Mahni</t>
  </si>
  <si>
    <t>vill chak mahni p/o chak mahni via suraj miani multan</t>
  </si>
  <si>
    <t>Muhammad Aftab Ali</t>
  </si>
  <si>
    <t>GMPS BAGHDAD NO.1 TULAMBA</t>
  </si>
  <si>
    <t>habiba Abad</t>
  </si>
  <si>
    <t>Habiba Abad</t>
  </si>
  <si>
    <t>Salma Batool</t>
  </si>
  <si>
    <t>GPS CHABUTRA KAMAL</t>
  </si>
  <si>
    <t>p/o rang pur m garh</t>
  </si>
  <si>
    <t>Chabutra Kamal</t>
  </si>
  <si>
    <t>Sayed Ishfaq Hussain</t>
  </si>
  <si>
    <t>53080</t>
  </si>
  <si>
    <t>GGHS CHAK NO.1/4L</t>
  </si>
  <si>
    <t>1/4-L</t>
  </si>
  <si>
    <t>GGHS chak no 1/4-L okara</t>
  </si>
  <si>
    <t>47590</t>
  </si>
  <si>
    <t>GGPS DANDI</t>
  </si>
  <si>
    <t>ggps dandi</t>
  </si>
  <si>
    <t>Quraeshiaan</t>
  </si>
  <si>
    <t>Fakhara Batool</t>
  </si>
  <si>
    <t>32863</t>
  </si>
  <si>
    <t>GPS CHAH MOHIB SHAH</t>
  </si>
  <si>
    <t>Chah Mohib Shah</t>
  </si>
  <si>
    <t>Canada colony,Syedwala, Nankana sahib.</t>
  </si>
  <si>
    <t>GPS RATTIAN</t>
  </si>
  <si>
    <t>Village Rattian post office Talwandi Bhindran Tah Dist Narowal</t>
  </si>
  <si>
    <t>Halowal</t>
  </si>
  <si>
    <t>39107</t>
  </si>
  <si>
    <t>GHS KACHI MANDI</t>
  </si>
  <si>
    <t>Kachi Mandi</t>
  </si>
  <si>
    <t>govt.boys kachi mandi lqp</t>
  </si>
  <si>
    <t>Mc Lqp</t>
  </si>
  <si>
    <t>Muhammad Jawad Aziz Khan</t>
  </si>
  <si>
    <t>47550</t>
  </si>
  <si>
    <t>GGPS MOHALLA SARFARAZ KHEL SAWANS</t>
  </si>
  <si>
    <t>VPO SAWANS TEH AND DIST MIANWALI</t>
  </si>
  <si>
    <t>51662</t>
  </si>
  <si>
    <t>GGCMES WARSEEN</t>
  </si>
  <si>
    <t>Warseen</t>
  </si>
  <si>
    <t>Chak Warseen PO Kalyana, Tehsil &amp; District Pakpattan</t>
  </si>
  <si>
    <t>munawar sadiq</t>
  </si>
  <si>
    <t>53754</t>
  </si>
  <si>
    <t>33645</t>
  </si>
  <si>
    <t>GGHS SAMIJABAD NO. 2 MULTAN</t>
  </si>
  <si>
    <t>Behari colony</t>
  </si>
  <si>
    <t>GGHS sameejabad #2 near Tanki #2 Alfalah Marekt Multan</t>
  </si>
  <si>
    <t>W Blok</t>
  </si>
  <si>
    <t>Naheed Aisha</t>
  </si>
  <si>
    <t>GPS SHAH WALA (PULL DHOL WALA)</t>
  </si>
  <si>
    <t>shah wala mouza pahar pur nashaib</t>
  </si>
  <si>
    <t>GES AIMA QAZIAN</t>
  </si>
  <si>
    <t>village aima qazian tensile and district narowal</t>
  </si>
  <si>
    <t>Chandarke Rajputan</t>
  </si>
  <si>
    <t>Muhammad Saeed Bhatti</t>
  </si>
  <si>
    <t>GPS CHAK NO. 31/P. P.O. BAGHO BEHAR</t>
  </si>
  <si>
    <t>Chak 31P</t>
  </si>
  <si>
    <t>Chak no.31p PO  Bagho Bahar</t>
  </si>
  <si>
    <t>Chak NO 31P</t>
  </si>
  <si>
    <t>MuhammadAmir Jan</t>
  </si>
  <si>
    <t>GPS PAHAR PUR</t>
  </si>
  <si>
    <t>Basti Bhandi Wali Moza Ahmad MOHANA</t>
  </si>
  <si>
    <t>MUHAMMAD BAQIR</t>
  </si>
  <si>
    <t>37391</t>
  </si>
  <si>
    <t>37550</t>
  </si>
  <si>
    <t>GPS HAIDER ABAD, TULAMBA</t>
  </si>
  <si>
    <t>govt primary school Haider Abad p/o 20/AR tehsil main channu district khanewal</t>
  </si>
  <si>
    <t>31882</t>
  </si>
  <si>
    <t>GGPS RAHAT ABAD</t>
  </si>
  <si>
    <t>aloody wali</t>
  </si>
  <si>
    <t>ggpsrahataabad</t>
  </si>
  <si>
    <t>bste bhtian</t>
  </si>
  <si>
    <t>humaira maqbool</t>
  </si>
  <si>
    <t>31771</t>
  </si>
  <si>
    <t>GGHS 1-MR MULTAN</t>
  </si>
  <si>
    <t>1-MR</t>
  </si>
  <si>
    <t>Chak No. 1-MR Post Office Khas Tehsil And District Multan</t>
  </si>
  <si>
    <t>2-MR</t>
  </si>
  <si>
    <t>Rukhsana Faheem</t>
  </si>
  <si>
    <t>25536</t>
  </si>
  <si>
    <t>GMPS KOT MUHAMMAD ALAM</t>
  </si>
  <si>
    <t>Khingranwala</t>
  </si>
  <si>
    <t>Kot Muhammad Alam Moza Khingrawala P/O Khudian khas</t>
  </si>
  <si>
    <t>KOT Muhammad Alam</t>
  </si>
  <si>
    <t>Sadaf Maqbool</t>
  </si>
  <si>
    <t>25031</t>
  </si>
  <si>
    <t>GGPS HUDDAY WALA</t>
  </si>
  <si>
    <t>chah padi Wala moza dya chokha sharqi</t>
  </si>
  <si>
    <t>Padi Wala</t>
  </si>
  <si>
    <t>farhana fakhar</t>
  </si>
  <si>
    <t>46290</t>
  </si>
  <si>
    <t>32978</t>
  </si>
  <si>
    <t>GHS BASIRA</t>
  </si>
  <si>
    <t>DG Khan Road, Basira, Muzaffargarh</t>
  </si>
  <si>
    <t>abdul razzaq chouhan</t>
  </si>
  <si>
    <t>GES BLOCK NO. 2 KHANPUR</t>
  </si>
  <si>
    <t>GES block#02 old cenma road khanpur (R Y K)</t>
  </si>
  <si>
    <t>70 A</t>
  </si>
  <si>
    <t>Jam Hassan Bakhsh</t>
  </si>
  <si>
    <t>43705</t>
  </si>
  <si>
    <t>32983</t>
  </si>
  <si>
    <t>GPS QATALI WALA</t>
  </si>
  <si>
    <t>qatali Wala P/O abbakhel,,Teh Mianwali</t>
  </si>
  <si>
    <t>Qatali Wala</t>
  </si>
  <si>
    <t>Faisal Rahman Kahn</t>
  </si>
  <si>
    <t>GGPS SANDA KALAN</t>
  </si>
  <si>
    <t>Sanda kalan</t>
  </si>
  <si>
    <t>GPS DULLAN WALA</t>
  </si>
  <si>
    <t>DULLANWALA</t>
  </si>
  <si>
    <t>VPO DULLANWALA Tehsil Kharian District Gujrat</t>
  </si>
  <si>
    <t>32988</t>
  </si>
  <si>
    <t>12199</t>
  </si>
  <si>
    <t>GPS MALIK ABAD NO. 2</t>
  </si>
  <si>
    <t>Tibba Mustaqil Sharqi</t>
  </si>
  <si>
    <t>chah samokhi wala</t>
  </si>
  <si>
    <t>Chah Samokhi Wala</t>
  </si>
  <si>
    <t>32989</t>
  </si>
  <si>
    <t>GGPS CHAK NO.399/TDA</t>
  </si>
  <si>
    <t>chak no 399/tda</t>
  </si>
  <si>
    <t>Chak No 399/tda</t>
  </si>
  <si>
    <t>Chak No393/tda</t>
  </si>
  <si>
    <t>Shumaila Gulshan</t>
  </si>
  <si>
    <t>34254</t>
  </si>
  <si>
    <t>GGHS MILITARY FARM MULTAN</t>
  </si>
  <si>
    <t>Shersingh</t>
  </si>
  <si>
    <t>Military farm Rakhgristenabadbasti sher singh vehari road multan</t>
  </si>
  <si>
    <t>Aneela Falak</t>
  </si>
  <si>
    <t>GGCMS UMAR KHAN WALA</t>
  </si>
  <si>
    <t>dakkhana/ moza Ahmed Khan wala</t>
  </si>
  <si>
    <t>Hira Azmat</t>
  </si>
  <si>
    <t>41729</t>
  </si>
  <si>
    <t>32999</t>
  </si>
  <si>
    <t>GGES 13 KB</t>
  </si>
  <si>
    <t>13/kb</t>
  </si>
  <si>
    <t>chak  no  13/kb</t>
  </si>
  <si>
    <t>13kb</t>
  </si>
  <si>
    <t>53658</t>
  </si>
  <si>
    <t>GPS CHAK NO 21/1-AL</t>
  </si>
  <si>
    <t>VICTORIA -MALE</t>
  </si>
  <si>
    <t>21/1-AL</t>
  </si>
  <si>
    <t>21/1-AL,Tehsil Renala Khurd, Distt. Okara</t>
  </si>
  <si>
    <t>33008</t>
  </si>
  <si>
    <t>GMMS MEHRAB KHAN</t>
  </si>
  <si>
    <t>gps mehrab khan</t>
  </si>
  <si>
    <t>GGPS DIARA GHAIR MUSTAQIL</t>
  </si>
  <si>
    <t>Basti shah wali daira din panah</t>
  </si>
  <si>
    <t>Basti Shah Wali</t>
  </si>
  <si>
    <t>Mahwish Hameed Malik</t>
  </si>
  <si>
    <t>47327</t>
  </si>
  <si>
    <t>GPS DERA MUZAFFAR WALA</t>
  </si>
  <si>
    <t>Wan Bhachran Shumali</t>
  </si>
  <si>
    <t>Dera Muzaffar Ghanjera Taala</t>
  </si>
  <si>
    <t>Tala</t>
  </si>
  <si>
    <t>GHS CHOWK AZAM</t>
  </si>
  <si>
    <t>GHS WARD NO.3 CHOWK AZAM</t>
  </si>
  <si>
    <t>WARD NO.3 CHOWK AZAM</t>
  </si>
  <si>
    <t>FAZAL MUHAMMAD</t>
  </si>
  <si>
    <t>22978</t>
  </si>
  <si>
    <t>GGES MACHHORA</t>
  </si>
  <si>
    <t>machora p/o sarsal</t>
  </si>
  <si>
    <t>33031</t>
  </si>
  <si>
    <t>GGPS QASBA JANUBI</t>
  </si>
  <si>
    <t>Banny Wala</t>
  </si>
  <si>
    <t>banny wala</t>
  </si>
  <si>
    <t>Aemal Abbas</t>
  </si>
  <si>
    <t>GGPS CDG SHAD BAGH</t>
  </si>
  <si>
    <t>CD G G p s shad bagh</t>
  </si>
  <si>
    <t>Mubbra Anwar</t>
  </si>
  <si>
    <t>GPS STANDARD MUSLIM KHAYABAN-E-SIR SYED</t>
  </si>
  <si>
    <t>Khayaban E sir Syed</t>
  </si>
  <si>
    <t>GPS STANDARD MUSLIM KSS SECTOR 2 RWP</t>
  </si>
  <si>
    <t>Khayaban E Sir Syed</t>
  </si>
  <si>
    <t>Khayaban E Sir Syed Sector 2</t>
  </si>
  <si>
    <t>Moris John</t>
  </si>
  <si>
    <t>GGPS KOORAY WALA</t>
  </si>
  <si>
    <t>Basti Juglani Moza Sonhara Wasawa</t>
  </si>
  <si>
    <t>Chah Khizar Wala</t>
  </si>
  <si>
    <t>49192</t>
  </si>
  <si>
    <t>23231</t>
  </si>
  <si>
    <t>GMPS PINDI AWAN</t>
  </si>
  <si>
    <t>pindiawan</t>
  </si>
  <si>
    <t>GMPS Pindiawan teh kharian distt gujrat</t>
  </si>
  <si>
    <t>pindi awan</t>
  </si>
  <si>
    <t>achh</t>
  </si>
  <si>
    <t>Sadia Noreen Akhter</t>
  </si>
  <si>
    <t>33045</t>
  </si>
  <si>
    <t>53115</t>
  </si>
  <si>
    <t>GGHS 52/3-R</t>
  </si>
  <si>
    <t>CHAK NO 52/3.R</t>
  </si>
  <si>
    <t>52/3.R</t>
  </si>
  <si>
    <t>52/3.r</t>
  </si>
  <si>
    <t>Shakeela Parveen</t>
  </si>
  <si>
    <t>33046</t>
  </si>
  <si>
    <t>47008</t>
  </si>
  <si>
    <t>GHSS MOCHH</t>
  </si>
  <si>
    <t>Mohala Alam khan khel, near Adda , p.o mochh</t>
  </si>
  <si>
    <t>mochh</t>
  </si>
  <si>
    <t>abid hussain khan</t>
  </si>
  <si>
    <t>53799</t>
  </si>
  <si>
    <t>5398</t>
  </si>
  <si>
    <t>GPS TIBI SAIDAN</t>
  </si>
  <si>
    <t>basti and mouza tibbi saidan tehsil liaquat pur district rahim yar khan</t>
  </si>
  <si>
    <t>Maula Bakhsh</t>
  </si>
  <si>
    <t>GPS BHAROKAY</t>
  </si>
  <si>
    <t>BHROKAY</t>
  </si>
  <si>
    <t>Village Bhrokay,Post Office Kalaswala,Tehsil Pasrur,Distt Sialkot</t>
  </si>
  <si>
    <t>Rana Asghar Khan</t>
  </si>
  <si>
    <t>49951</t>
  </si>
  <si>
    <t>GPS PAWLI WALA</t>
  </si>
  <si>
    <t>Chah Sohiya Wala 172 TDA  Road Pahar Pur Thal District Layyah</t>
  </si>
  <si>
    <t>Sohiya Wala</t>
  </si>
  <si>
    <t>GHS SEHJA</t>
  </si>
  <si>
    <t>Govt. secondary school sehja khanpur</t>
  </si>
  <si>
    <t>LUTUF ALI</t>
  </si>
  <si>
    <t>33064</t>
  </si>
  <si>
    <t>GPS HAMID NOON WALA</t>
  </si>
  <si>
    <t>basti noon mouza bait sohni thesil Kot addu district Muzaffar garh (Punjab)</t>
  </si>
  <si>
    <t>Muhammad Muzaffar Abbas</t>
  </si>
  <si>
    <t>10918</t>
  </si>
  <si>
    <t>GGPS BASTI JUGLANI KOT SULTAN</t>
  </si>
  <si>
    <t>ggps basti juglani moza bait dbli bakhri Ahmad khan</t>
  </si>
  <si>
    <t>Bhakhri Ahmad</t>
  </si>
  <si>
    <t>ansa benazeer</t>
  </si>
  <si>
    <t>GPS BASTI SHAH GUL MUHAMMAD WALI</t>
  </si>
  <si>
    <t>Basti Shah Gul Muhammad Wali</t>
  </si>
  <si>
    <t>p/o basti shah Gul Muhammad wali</t>
  </si>
  <si>
    <t>Shafi Ullah Shah</t>
  </si>
  <si>
    <t>31492</t>
  </si>
  <si>
    <t>33071</t>
  </si>
  <si>
    <t>32693</t>
  </si>
  <si>
    <t>GES FATEH DARYA</t>
  </si>
  <si>
    <t>Fateh Darya</t>
  </si>
  <si>
    <t>Fateh Darya P/O Warburton Tehseel &amp; District Nankana Sahib</t>
  </si>
  <si>
    <t>Shareen Jhanghr</t>
  </si>
  <si>
    <t>MOHAMMAD YASEEN</t>
  </si>
  <si>
    <t>35150</t>
  </si>
  <si>
    <t>GHS BADLI SHARIF</t>
  </si>
  <si>
    <t>badli sharif</t>
  </si>
  <si>
    <t>badli sharif rahim yar khan</t>
  </si>
  <si>
    <t>IMRAN UR REHMAN</t>
  </si>
  <si>
    <t>49050</t>
  </si>
  <si>
    <t>38046</t>
  </si>
  <si>
    <t>33078</t>
  </si>
  <si>
    <t>GMPS CHACHOWAL</t>
  </si>
  <si>
    <t>CHACHOWAL</t>
  </si>
  <si>
    <t>Vill. Chachowal p.o dilawar pur teh. kharian distt gujrat</t>
  </si>
  <si>
    <t>DILAWAR PUR</t>
  </si>
  <si>
    <t>50789</t>
  </si>
  <si>
    <t>GGPS MC YARU KHEL</t>
  </si>
  <si>
    <t>yarukhel</t>
  </si>
  <si>
    <t>Munawar Jan</t>
  </si>
  <si>
    <t>12366</t>
  </si>
  <si>
    <t>GHS KAUDIWAL</t>
  </si>
  <si>
    <t>Kaudiwal</t>
  </si>
  <si>
    <t>Near shafi wali tube well stop tehsil  &amp; District Muzaffargarh</t>
  </si>
  <si>
    <t>53229</t>
  </si>
  <si>
    <t>GPS 36-A/4L</t>
  </si>
  <si>
    <t>Chak No.36A/4L p/o Same Distt Okara</t>
  </si>
  <si>
    <t>GHS AJIT SAR</t>
  </si>
  <si>
    <t>ajit sar</t>
  </si>
  <si>
    <t>ghs ajit sar basti ajit sar tehsil renala khurd district okara</t>
  </si>
  <si>
    <t>basti ajit sar</t>
  </si>
  <si>
    <t>chak no.13/1.L</t>
  </si>
  <si>
    <t>34751</t>
  </si>
  <si>
    <t>GPS BATHEY WALA MULTAN</t>
  </si>
  <si>
    <t>Buch Mubarak</t>
  </si>
  <si>
    <t>govt Bathey Wala Markaz Nawab Pur multan</t>
  </si>
  <si>
    <t>Bathy Wala</t>
  </si>
  <si>
    <t>Taj Pur Sandeela</t>
  </si>
  <si>
    <t>33613</t>
  </si>
  <si>
    <t>GGHSS SURJ MIANI MULTAN</t>
  </si>
  <si>
    <t>alamdi surah</t>
  </si>
  <si>
    <t>alamdi surah suraj miani multan</t>
  </si>
  <si>
    <t>suraj mIANI</t>
  </si>
  <si>
    <t>asifa naheed</t>
  </si>
  <si>
    <t>GGPS DADRAY WALA</t>
  </si>
  <si>
    <t>D D Panah Mustaqil</t>
  </si>
  <si>
    <t>DD Panah</t>
  </si>
  <si>
    <t>Khalida Khanum</t>
  </si>
  <si>
    <t>41845</t>
  </si>
  <si>
    <t>44691</t>
  </si>
  <si>
    <t>GPS ADHAWAL</t>
  </si>
  <si>
    <t>Adhwal</t>
  </si>
  <si>
    <t>Village &amp; P/O adhwal District &amp;Tehsil RWP</t>
  </si>
  <si>
    <t>GES NABI BAKHSH PRARAH</t>
  </si>
  <si>
    <t>Bait Prarah</t>
  </si>
  <si>
    <t>Bait nabi bakhsh prarah</t>
  </si>
  <si>
    <t>Bait Nabi Bakhsh Prarah</t>
  </si>
  <si>
    <t>Tehseen Abbas</t>
  </si>
  <si>
    <t>GGPS CHAK NO.76/NP</t>
  </si>
  <si>
    <t>76np</t>
  </si>
  <si>
    <t>G G P s.  76np</t>
  </si>
  <si>
    <t>Chak  76np</t>
  </si>
  <si>
    <t>Zahida Tufail</t>
  </si>
  <si>
    <t>GPS SHAHER SOBAY KHAN</t>
  </si>
  <si>
    <t>Khan Wah</t>
  </si>
  <si>
    <t>basti shehir sobay khan moza khan wah tehsil khan pur district rahim yar khan</t>
  </si>
  <si>
    <t>Shehir Sobay Khan</t>
  </si>
  <si>
    <t>Chak 94-np</t>
  </si>
  <si>
    <t>32876</t>
  </si>
  <si>
    <t>GMPS MODEL MOHRA</t>
  </si>
  <si>
    <t>village Mohra p / o Chakri teh &amp; distt Rwp</t>
  </si>
  <si>
    <t>Qurat ul Ain Bashir</t>
  </si>
  <si>
    <t>41623</t>
  </si>
  <si>
    <t>GES HARAKKA</t>
  </si>
  <si>
    <t>Harraka</t>
  </si>
  <si>
    <t>GGES RANA MUHAMMAD HUSSAIN SHAKIR</t>
  </si>
  <si>
    <t>GGES Rana Mohammad Hussain Shakir</t>
  </si>
  <si>
    <t>Rana M H Shakir</t>
  </si>
  <si>
    <t>Humaira Naheed</t>
  </si>
  <si>
    <t>24182</t>
  </si>
  <si>
    <t>GPS KOTLI HAJI PUR</t>
  </si>
  <si>
    <t>kotli haji pur teh pasrur dist sialkot</t>
  </si>
  <si>
    <t>Kptli Haji Pur</t>
  </si>
  <si>
    <t>Mosa Pur</t>
  </si>
  <si>
    <t>32494</t>
  </si>
  <si>
    <t>GGPS JHUGIAN KHURD</t>
  </si>
  <si>
    <t>Jhugian Khurd</t>
  </si>
  <si>
    <t>GGPS Jhugian khurd p/o khudian khas kasur</t>
  </si>
  <si>
    <t>Virum Hithar</t>
  </si>
  <si>
    <t>Anila Karim Bakhish</t>
  </si>
  <si>
    <t>GHS KHODAY P/O KHUDIAN KHAS</t>
  </si>
  <si>
    <t>Khoday</t>
  </si>
  <si>
    <t>govt. high school Khoday kasur</t>
  </si>
  <si>
    <t>Malsingh</t>
  </si>
  <si>
    <t>Marli</t>
  </si>
  <si>
    <t>Mubbsher Shahzad</t>
  </si>
  <si>
    <t>25649</t>
  </si>
  <si>
    <t>GGHS MANAK</t>
  </si>
  <si>
    <t>village manak</t>
  </si>
  <si>
    <t>GPS CHAK MIANA SHEIK SHARI</t>
  </si>
  <si>
    <t>Chak Miana Sheikh Shehari</t>
  </si>
  <si>
    <t>GPS Chak Miana Sheikh Shehari Teh Hadrian,Dist Gujrat</t>
  </si>
  <si>
    <t>Nazia Shafi</t>
  </si>
  <si>
    <t>51617</t>
  </si>
  <si>
    <t>32497</t>
  </si>
  <si>
    <t>GGPS KARIM WALA</t>
  </si>
  <si>
    <t>chak No 139ml tehsil kot addu district muzzafargarh</t>
  </si>
  <si>
    <t>Chak No 139ml</t>
  </si>
  <si>
    <t>JAVIRIA TAYYAB</t>
  </si>
  <si>
    <t>GGPS AZIZ ULLAH KHELAN WALA</t>
  </si>
  <si>
    <t>Shabaz khel</t>
  </si>
  <si>
    <t>Azizullah khelan wala</t>
  </si>
  <si>
    <t>Beruli</t>
  </si>
  <si>
    <t>Shabazkhel</t>
  </si>
  <si>
    <t>khalida Jabeen</t>
  </si>
  <si>
    <t>32841</t>
  </si>
  <si>
    <t>GPS TASH PURA</t>
  </si>
  <si>
    <t>Tash Pura</t>
  </si>
  <si>
    <t>37215</t>
  </si>
  <si>
    <t>GGPS COLONY NO.3 KHANEWAL</t>
  </si>
  <si>
    <t>ggps col 3 aray wali gali kwl</t>
  </si>
  <si>
    <t>Mc City Kwl</t>
  </si>
  <si>
    <t>Shabana Iftikhar</t>
  </si>
  <si>
    <t>53780</t>
  </si>
  <si>
    <t>GGHS 21/2-L</t>
  </si>
  <si>
    <t>gghs chak#21/2.L</t>
  </si>
  <si>
    <t>21/2L</t>
  </si>
  <si>
    <t>23/2L</t>
  </si>
  <si>
    <t>shamsa rafique</t>
  </si>
  <si>
    <t>GGPS KIRI JAMAL KHATTAK</t>
  </si>
  <si>
    <t>GGPS Kiri Jamal Khatak.Bani Afghan</t>
  </si>
  <si>
    <t>Kiri Jamal Khatak</t>
  </si>
  <si>
    <t>Yusra Abbas</t>
  </si>
  <si>
    <t>GGES SARGANA</t>
  </si>
  <si>
    <t>GGES sargana</t>
  </si>
  <si>
    <t>FAKHAR BATOOL</t>
  </si>
  <si>
    <t>GHS FEROZ PUR MOUZA FEROZEPUR P/O SKINDRA ABAD TEH. &amp; DISTT. MULTAN</t>
  </si>
  <si>
    <t>FEROZE PUR</t>
  </si>
  <si>
    <t>GHS FEROZE PUR P/O SIKANDAR ABAD MULTAN SADDAR,</t>
  </si>
  <si>
    <t>ZIA UN NABI</t>
  </si>
  <si>
    <t>45348</t>
  </si>
  <si>
    <t>GPS DHOK MUHAMMAD AMEER</t>
  </si>
  <si>
    <t>vpo dhibba karsial</t>
  </si>
  <si>
    <t>Dhok Kasaura</t>
  </si>
  <si>
    <t>Muhammad Inamullah</t>
  </si>
  <si>
    <t>GPS CHAK 38/4-L</t>
  </si>
  <si>
    <t>38/4l</t>
  </si>
  <si>
    <t>chak 38/4l</t>
  </si>
  <si>
    <t>53671</t>
  </si>
  <si>
    <t>GPS CHAK NO 15/1-AL</t>
  </si>
  <si>
    <t>Chak No 15/1AL</t>
  </si>
  <si>
    <t>chack no 15/1.AL</t>
  </si>
  <si>
    <t>Check No 15/1AL</t>
  </si>
  <si>
    <t>Chak No 14/1AL</t>
  </si>
  <si>
    <t>GPS CHAK NO.643/TDA</t>
  </si>
  <si>
    <t>Aaren Shrki</t>
  </si>
  <si>
    <t>chak no 643/TDA</t>
  </si>
  <si>
    <t>Chak No 643</t>
  </si>
  <si>
    <t>Kishwar Ali</t>
  </si>
  <si>
    <t>32537</t>
  </si>
  <si>
    <t>33141</t>
  </si>
  <si>
    <t>GPS RANERA KALAN</t>
  </si>
  <si>
    <t>Ranera Kalan</t>
  </si>
  <si>
    <t>Ranera kalan p/o syedwala tehsil &amp; distt: Nankana sahib</t>
  </si>
  <si>
    <t>GPS SAMTI</t>
  </si>
  <si>
    <t>Beli Shumali</t>
  </si>
  <si>
    <t>p/o rang pur Teh.&amp; M.Garh</t>
  </si>
  <si>
    <t>Khaji Wala</t>
  </si>
  <si>
    <t>Rangpur Pur</t>
  </si>
  <si>
    <t>Attaullah</t>
  </si>
  <si>
    <t>47394</t>
  </si>
  <si>
    <t>GGPS DHALA  AZMAT KHAN WALA</t>
  </si>
  <si>
    <t>ShahbaZ Khel</t>
  </si>
  <si>
    <t>GGPS DHALA AZMAT KHAN WALA</t>
  </si>
  <si>
    <t>Shabaz Khel</t>
  </si>
  <si>
    <t>32544</t>
  </si>
  <si>
    <t>24062</t>
  </si>
  <si>
    <t>GGHS PASRUR</t>
  </si>
  <si>
    <t>kutchery road pasrur</t>
  </si>
  <si>
    <t>Mc Pasrur</t>
  </si>
  <si>
    <t>JAMILA AKHTAR</t>
  </si>
  <si>
    <t>GGES 38/4.L</t>
  </si>
  <si>
    <t>38/4L</t>
  </si>
  <si>
    <t>chak no 38/4L</t>
  </si>
  <si>
    <t>Chak#37/4L</t>
  </si>
  <si>
    <t>Mehrunnisa</t>
  </si>
  <si>
    <t>32546</t>
  </si>
  <si>
    <t>GGHS HARAM GATE MULTAN</t>
  </si>
  <si>
    <t>GGHS Haram Gate Multan</t>
  </si>
  <si>
    <t>Mrs. Andleeb Zafar D/o Muhammad Zafar Khan</t>
  </si>
  <si>
    <t>GGHS NABI PARK REHMAN ROAD LHR</t>
  </si>
  <si>
    <t>GGHS NABI PARK REHMAN ROAD LAHORE</t>
  </si>
  <si>
    <t>NABI PARK</t>
  </si>
  <si>
    <t>NAYYER KIRAN</t>
  </si>
  <si>
    <t>33053</t>
  </si>
  <si>
    <t>GGPS FAIRD ABAD</t>
  </si>
  <si>
    <t>Faridabad</t>
  </si>
  <si>
    <t>GGPS Faridabad</t>
  </si>
  <si>
    <t>47605</t>
  </si>
  <si>
    <t>GGPS WANDHI SARDAR  KHAN WALI</t>
  </si>
  <si>
    <t>GGPS Wandhi Sardar Wali P/O Mochh.Tehsil and District Mianwali</t>
  </si>
  <si>
    <t>53825</t>
  </si>
  <si>
    <t>GGPS TATAR</t>
  </si>
  <si>
    <t>Tatar</t>
  </si>
  <si>
    <t>Mupalkey</t>
  </si>
  <si>
    <t>Muneeba Rafiq</t>
  </si>
  <si>
    <t>GGPS DAROGA HASAN ALI</t>
  </si>
  <si>
    <t>Village Darogha Hassan Ali, PO bassali</t>
  </si>
  <si>
    <t>Darogha Hassan Ali</t>
  </si>
  <si>
    <t>Hiba Karim</t>
  </si>
  <si>
    <t>motor system</t>
  </si>
  <si>
    <t>32383</t>
  </si>
  <si>
    <t>41787</t>
  </si>
  <si>
    <t>44782</t>
  </si>
  <si>
    <t>GPS DHOK KHASALA</t>
  </si>
  <si>
    <t>Dhok Khasala</t>
  </si>
  <si>
    <t>po khasala kalaan Rawalpindi</t>
  </si>
  <si>
    <t>Fawad inayat</t>
  </si>
  <si>
    <t>11006</t>
  </si>
  <si>
    <t>GPS IHSAN ABAD</t>
  </si>
  <si>
    <t>Gps ehsan abad basti rehmani sial mouza murad pur sial</t>
  </si>
  <si>
    <t>Basti Rehmani Sial</t>
  </si>
  <si>
    <t>GGES MC NO. 1 LIBRARY RAILWAY ROAD</t>
  </si>
  <si>
    <t>Peer Kariyan</t>
  </si>
  <si>
    <t>railway road ppn</t>
  </si>
  <si>
    <t>Urban Warad 14</t>
  </si>
  <si>
    <t>Ghazala Parveen</t>
  </si>
  <si>
    <t>52695</t>
  </si>
  <si>
    <t>41821</t>
  </si>
  <si>
    <t>GMPS JARA</t>
  </si>
  <si>
    <t>Jara</t>
  </si>
  <si>
    <t>gmps Jara  post office Rupper Kalan Rwp</t>
  </si>
  <si>
    <t>Sadia Ajaib</t>
  </si>
  <si>
    <t>17010</t>
  </si>
  <si>
    <t>GES CHAK NO.171 TDA</t>
  </si>
  <si>
    <t>Chak No. 171 TDA</t>
  </si>
  <si>
    <t>Chak No. 171 TDA Tehsil &amp; District Layyah</t>
  </si>
  <si>
    <t>chak no. 171 TDA</t>
  </si>
  <si>
    <t>172 TDA</t>
  </si>
  <si>
    <t>Muhammad Sarwar Alvi</t>
  </si>
  <si>
    <t>38235</t>
  </si>
  <si>
    <t>47098</t>
  </si>
  <si>
    <t>GGHS MUZAFFAR PUR</t>
  </si>
  <si>
    <t>Muzaffarpur</t>
  </si>
  <si>
    <t>village muzaffarpur tehsil and district mianwali</t>
  </si>
  <si>
    <t>53154</t>
  </si>
  <si>
    <t>49292</t>
  </si>
  <si>
    <t>34336</t>
  </si>
  <si>
    <t>GPS JAMI UL ALOOM DOULAT GATE MULTAN</t>
  </si>
  <si>
    <t>Sharif Pura Multan</t>
  </si>
  <si>
    <t>J block shah rukne alam colony Usman Pura multan</t>
  </si>
  <si>
    <t>Usman Pura Multan</t>
  </si>
  <si>
    <t>GPS 17/SP P.O PAKPATTAN</t>
  </si>
  <si>
    <t>17/SP</t>
  </si>
  <si>
    <t>Chak # 17/SP, Pakpattan</t>
  </si>
  <si>
    <t>GGPS BASTI KAMBOHAN, P/O 11/AH, KHANEWAL</t>
  </si>
  <si>
    <t>Bastikambohan</t>
  </si>
  <si>
    <t>GMPS basti kambohan 11ah</t>
  </si>
  <si>
    <t>Basti Kambohan11ah</t>
  </si>
  <si>
    <t>SUMERA SATTAR</t>
  </si>
  <si>
    <t>GGPS MOUZA KHAN BELA</t>
  </si>
  <si>
    <t>manzoor colony missan Abad,khan bela</t>
  </si>
  <si>
    <t>Manzoor Colony Missan Abad</t>
  </si>
  <si>
    <t>Rehana Firdous</t>
  </si>
  <si>
    <t>12561</t>
  </si>
  <si>
    <t>GPS CHAK NO. 6/4 L</t>
  </si>
  <si>
    <t>6/4L</t>
  </si>
  <si>
    <t>Chak#6/4L Jawana Bangla</t>
  </si>
  <si>
    <t>Hafiz Muhammad Asad Rashid</t>
  </si>
  <si>
    <t>GPS ZAMEER ABAD</t>
  </si>
  <si>
    <t>Thul</t>
  </si>
  <si>
    <t>Basti Naikokara Mouza Thul Hamza</t>
  </si>
  <si>
    <t>Naikokara</t>
  </si>
  <si>
    <t>Muhamamd Afzal</t>
  </si>
  <si>
    <t>29527</t>
  </si>
  <si>
    <t>GGPS RODDAY USMAN WALA</t>
  </si>
  <si>
    <t>Roday Usmanwala</t>
  </si>
  <si>
    <t>41929</t>
  </si>
  <si>
    <t>GGPS JABBAR DERVAISH</t>
  </si>
  <si>
    <t>Jabber DERVAISH</t>
  </si>
  <si>
    <t>Jabber dervaish</t>
  </si>
  <si>
    <t>Jabber</t>
  </si>
  <si>
    <t>GMES CHAK NO. 31/10-R KACHA KHUH</t>
  </si>
  <si>
    <t>31/10R</t>
  </si>
  <si>
    <t>Chack no 31/10R P/O 29/10R</t>
  </si>
  <si>
    <t>Majida Khan</t>
  </si>
  <si>
    <t>33987</t>
  </si>
  <si>
    <t>GGPS KARTAR PUR GANDIAN</t>
  </si>
  <si>
    <t>Kartarpur  Gandian PO Kalyana, Pakpattan</t>
  </si>
  <si>
    <t>Amin Fatima</t>
  </si>
  <si>
    <t>GGPS KARKHANA AMIR HAMZA</t>
  </si>
  <si>
    <t>Mosaib Lolae</t>
  </si>
  <si>
    <t>basti rahim ali</t>
  </si>
  <si>
    <t>Basti Rahim Ali</t>
  </si>
  <si>
    <t>GHS CHAK MIANA BHERGRAN</t>
  </si>
  <si>
    <t>CHAK MIANA BHERGRAN</t>
  </si>
  <si>
    <t>Chak miana bhergran.</t>
  </si>
  <si>
    <t>Saqib Sohail</t>
  </si>
  <si>
    <t>53705</t>
  </si>
  <si>
    <t>GPS CHAK NO. 25/2-R DHOLAN SHAH</t>
  </si>
  <si>
    <t>25/2r</t>
  </si>
  <si>
    <t>chak no.38/2r</t>
  </si>
  <si>
    <t>25/2r Dholan Shah</t>
  </si>
  <si>
    <t>Muhammad Abass</t>
  </si>
  <si>
    <t>45257</t>
  </si>
  <si>
    <t>GGPS WAAHID BUX SIAL</t>
  </si>
  <si>
    <t>Wahid Bux Sial</t>
  </si>
  <si>
    <t>wahid bux sial</t>
  </si>
  <si>
    <t>Faiz Bibi</t>
  </si>
  <si>
    <t>GGPS 42-A/10-R, KACHA KHUH</t>
  </si>
  <si>
    <t>lot Aslam khan</t>
  </si>
  <si>
    <t>GGPS42A/10.R</t>
  </si>
  <si>
    <t>42A/10R</t>
  </si>
  <si>
    <t>GGPS JAVED PARK</t>
  </si>
  <si>
    <t>Govt.Girls primary school, javed park, shahdara</t>
  </si>
  <si>
    <t>Hafiza Aleena Mumtaz</t>
  </si>
  <si>
    <t>51325</t>
  </si>
  <si>
    <t>GES 1 KB P/O PAKPATTAN</t>
  </si>
  <si>
    <t>1/KB</t>
  </si>
  <si>
    <t>Pir Ghuni Road Pakpattan post office Pakpattan tesil Pakpattan district Pakpattan</t>
  </si>
  <si>
    <t>GPS CHAK NO.14/GD MUJAHID PURA</t>
  </si>
  <si>
    <t>14GD</t>
  </si>
  <si>
    <t>chak No 14/GD mujahid pura okara</t>
  </si>
  <si>
    <t>14 GD Mujahid Pura</t>
  </si>
  <si>
    <t>muhammad javed iqbal</t>
  </si>
  <si>
    <t>34654</t>
  </si>
  <si>
    <t>31594</t>
  </si>
  <si>
    <t>GGPS CHAK NO 22/A</t>
  </si>
  <si>
    <t>22/A</t>
  </si>
  <si>
    <t>GGPS 22/A</t>
  </si>
  <si>
    <t>53607</t>
  </si>
  <si>
    <t>GHS CHUCHAK</t>
  </si>
  <si>
    <t>CHUCHAK</t>
  </si>
  <si>
    <t>MIRZA IMDAD HUSSAIN</t>
  </si>
  <si>
    <t>39053</t>
  </si>
  <si>
    <t>GPS NAWANPIND</t>
  </si>
  <si>
    <t>Nawanpind</t>
  </si>
  <si>
    <t>Village Nawanpind Dongian post office Nonar Tehsil and District Narowal</t>
  </si>
  <si>
    <t>GGPS CHAK NO 60/P</t>
  </si>
  <si>
    <t>CHAK 60.p Khanpur.RYK</t>
  </si>
  <si>
    <t>CHAK 60p60p</t>
  </si>
  <si>
    <t>Din pur</t>
  </si>
  <si>
    <t>Naseem Ayub</t>
  </si>
  <si>
    <t>GGCMS ZAKHIRA GASHKORI</t>
  </si>
  <si>
    <t>chak bambi zakhira gashkori</t>
  </si>
  <si>
    <t>Zakhira Gashkori bbabambambbambi</t>
  </si>
  <si>
    <t>GGHS CHAKORI BHELWAL</t>
  </si>
  <si>
    <t>PO Village Chakori Bhelowal Tehsil Kharian Distt Gujrat</t>
  </si>
  <si>
    <t>anzal raz noureen</t>
  </si>
  <si>
    <t>Tiba Darmiyani</t>
  </si>
  <si>
    <t>Govt P.S Saleh wala</t>
  </si>
  <si>
    <t>Kali pul</t>
  </si>
  <si>
    <t>Tahira Balqees</t>
  </si>
  <si>
    <t>42560</t>
  </si>
  <si>
    <t>35872</t>
  </si>
  <si>
    <t>GGPS CHUNJANI</t>
  </si>
  <si>
    <t>Chunjani</t>
  </si>
  <si>
    <t>moza chunjani tehsile mailsi</t>
  </si>
  <si>
    <t>Chittani</t>
  </si>
  <si>
    <t>Huma Shafi</t>
  </si>
  <si>
    <t>GGPS KANI JAFRABAD</t>
  </si>
  <si>
    <t>Kani jafrabad</t>
  </si>
  <si>
    <t>kani jafrabad</t>
  </si>
  <si>
    <t>Jafrabad</t>
  </si>
  <si>
    <t>Halwal</t>
  </si>
  <si>
    <t>Aqeel Ahmad</t>
  </si>
  <si>
    <t>35654</t>
  </si>
  <si>
    <t>35001</t>
  </si>
  <si>
    <t>47455</t>
  </si>
  <si>
    <t>GGPS WATTO</t>
  </si>
  <si>
    <t>Muzaffar Pur</t>
  </si>
  <si>
    <t>GGPS watto p/o wan bhachran</t>
  </si>
  <si>
    <t>Wattoo</t>
  </si>
  <si>
    <t>Muzaffar Pur Janubi</t>
  </si>
  <si>
    <t>Fauzia yasmeen</t>
  </si>
  <si>
    <t>12863</t>
  </si>
  <si>
    <t>GGES HAVELI BALAQA SINGH</t>
  </si>
  <si>
    <t>Balaqa Singh</t>
  </si>
  <si>
    <t>HAVELI BALAQA SINGH KASUR</t>
  </si>
  <si>
    <t>Her Do Sahari</t>
  </si>
  <si>
    <t>Azra Builqes</t>
  </si>
  <si>
    <t>53767</t>
  </si>
  <si>
    <t>GGPS 30 1AL FARM</t>
  </si>
  <si>
    <t>30/1AL</t>
  </si>
  <si>
    <t>sadique nagar street no 6 chungi no 6 okara</t>
  </si>
  <si>
    <t>30/1AL Farm</t>
  </si>
  <si>
    <t>33/1AL</t>
  </si>
  <si>
    <t>Zahida Dildar</t>
  </si>
  <si>
    <t>11201</t>
  </si>
  <si>
    <t>GPS GHALOO WAR WAL</t>
  </si>
  <si>
    <t>chah oodwala wasawa shumali</t>
  </si>
  <si>
    <t>E jaz Ahmad</t>
  </si>
  <si>
    <t>GPS TOKAN WALA</t>
  </si>
  <si>
    <t>DaudkhelPacca</t>
  </si>
  <si>
    <t>Tokanwala</t>
  </si>
  <si>
    <t>Pakkishahmardan</t>
  </si>
  <si>
    <t>GHSS ZAHIR PEER</t>
  </si>
  <si>
    <t>Rukan Pur Road near RHC Zahir Pir</t>
  </si>
  <si>
    <t>Hafiz Town</t>
  </si>
  <si>
    <t>MC Zahir pir</t>
  </si>
  <si>
    <t>51327</t>
  </si>
  <si>
    <t>GHS COLONY AREA PAKPATTAN</t>
  </si>
  <si>
    <t>GHS Colony Area Near Education Office (DEA) Pakpattan</t>
  </si>
  <si>
    <t>Muhammad Shaban Raza</t>
  </si>
  <si>
    <t>10524</t>
  </si>
  <si>
    <t>GGPS HAVELI KUMHARAN WALI</t>
  </si>
  <si>
    <t>Haveli Kumharan</t>
  </si>
  <si>
    <t>G.g.p.s. haveli kumharan.wali.</t>
  </si>
  <si>
    <t>Kumharan Wali</t>
  </si>
  <si>
    <t>Hardoshri</t>
  </si>
  <si>
    <t>Shagufta Namet</t>
  </si>
  <si>
    <t>GES CHAK NO. 111/P</t>
  </si>
  <si>
    <t>Chak 111p</t>
  </si>
  <si>
    <t>Chak no 111p East Tehsil and District Rahim Yar Khan</t>
  </si>
  <si>
    <t>MC RYK</t>
  </si>
  <si>
    <t>Mohammad Javed</t>
  </si>
  <si>
    <t>47505</t>
  </si>
  <si>
    <t>GGPS MUR MANDI</t>
  </si>
  <si>
    <t>murmandi VPO musakhel</t>
  </si>
  <si>
    <t>Marmandi</t>
  </si>
  <si>
    <t>Naseem Ibrahim</t>
  </si>
  <si>
    <t>48421</t>
  </si>
  <si>
    <t>GPS NO 10/4L</t>
  </si>
  <si>
    <t>10/4-L</t>
  </si>
  <si>
    <t>10/4-L Okara</t>
  </si>
  <si>
    <t>Shamaun</t>
  </si>
  <si>
    <t>nEAR LARI ADDA AHMAD ABAD</t>
  </si>
  <si>
    <t>Muhammad Abdul Mannan Butt</t>
  </si>
  <si>
    <t>37428</t>
  </si>
  <si>
    <t>GGHS 115/15-L, MIAN CHANNU</t>
  </si>
  <si>
    <t>Chak 115/15l</t>
  </si>
  <si>
    <t>115/15</t>
  </si>
  <si>
    <t>115/15l</t>
  </si>
  <si>
    <t>SUMAIRA FAYYAZ</t>
  </si>
  <si>
    <t>GGPS BASTI KUNAL SHAH HABIB LAYYAH</t>
  </si>
  <si>
    <t>Saido Thall</t>
  </si>
  <si>
    <t>chk no 148c/tda shah habib layyah</t>
  </si>
  <si>
    <t>Shah Habib</t>
  </si>
  <si>
    <t>Aarfa Saqib</t>
  </si>
  <si>
    <t>GPS B.T.M WARD NO 1 KHAN PUR</t>
  </si>
  <si>
    <t>hakra</t>
  </si>
  <si>
    <t>GPS BTM ward No.1 Khanpur</t>
  </si>
  <si>
    <t>Basti Fetah Muhammad Abassi</t>
  </si>
  <si>
    <t>GGPS MEHLOO KE</t>
  </si>
  <si>
    <t>Mehlookey</t>
  </si>
  <si>
    <t>chak no 5/1,R,A  Renala khurd</t>
  </si>
  <si>
    <t>Mopalky</t>
  </si>
  <si>
    <t>Nabiya Noureen</t>
  </si>
  <si>
    <t>GGPS KAMALA</t>
  </si>
  <si>
    <t>Kamala</t>
  </si>
  <si>
    <t>village kamala p/o Dugri Ghumna</t>
  </si>
  <si>
    <t>Iffat Yasmin</t>
  </si>
  <si>
    <t>51664</t>
  </si>
  <si>
    <t>GGPS NAIB WALL</t>
  </si>
  <si>
    <t>naibwall</t>
  </si>
  <si>
    <t>GGps naib wall</t>
  </si>
  <si>
    <t>ferozpur chistian</t>
  </si>
  <si>
    <t>GGPS CHAK NO. 523 TDA</t>
  </si>
  <si>
    <t>Chak No 523/TDA</t>
  </si>
  <si>
    <t>GGPS chao no 523TDA</t>
  </si>
  <si>
    <t>Chak No 523 /TDA</t>
  </si>
  <si>
    <t>Nor Shah</t>
  </si>
  <si>
    <t>53510</t>
  </si>
  <si>
    <t>GMPS PIR ALI</t>
  </si>
  <si>
    <t>BURAJ JIWE KHAN-FEMALE</t>
  </si>
  <si>
    <t>Peer Ali</t>
  </si>
  <si>
    <t>Moza Peer Ali</t>
  </si>
  <si>
    <t>33586</t>
  </si>
  <si>
    <t>GHS MILLAT S-BLOCK NEW MULTAN</t>
  </si>
  <si>
    <t>Govt. Millat High School S-Block New Multan</t>
  </si>
  <si>
    <t>S-Block New Multan</t>
  </si>
  <si>
    <t>Mansoor  Ahmad Khan</t>
  </si>
  <si>
    <t>32431</t>
  </si>
  <si>
    <t>54943</t>
  </si>
  <si>
    <t>GPS 58/D</t>
  </si>
  <si>
    <t>58 D</t>
  </si>
  <si>
    <t>Chak no 58 d</t>
  </si>
  <si>
    <t>Chak No 58 / D</t>
  </si>
  <si>
    <t>Syeda Samra Naeem</t>
  </si>
  <si>
    <t>32436</t>
  </si>
  <si>
    <t>GPS CHAK 133/P</t>
  </si>
  <si>
    <t>Chak 133/p</t>
  </si>
  <si>
    <t>chak no 133p p/o 114/p</t>
  </si>
  <si>
    <t>Chak No 133/p</t>
  </si>
  <si>
    <t>GGHS CHAK 5 FAIZ MULTAN</t>
  </si>
  <si>
    <t>Chak 5 Faiz</t>
  </si>
  <si>
    <t>chak 5 faiz multan</t>
  </si>
  <si>
    <t>Chak  5 Faiz</t>
  </si>
  <si>
    <t>GHS SARHALI KALAN</t>
  </si>
  <si>
    <t>Govt.High School Sarhali Kalan Kasur</t>
  </si>
  <si>
    <t>Naeem Tariq</t>
  </si>
  <si>
    <t>32444</t>
  </si>
  <si>
    <t>GGCMPS GHATALIAN</t>
  </si>
  <si>
    <t>Gatialian</t>
  </si>
  <si>
    <t>32446</t>
  </si>
  <si>
    <t>GGPS 113 WB</t>
  </si>
  <si>
    <t>chak no 113 wb</t>
  </si>
  <si>
    <t>113 Wb</t>
  </si>
  <si>
    <t>Fatima Aneela</t>
  </si>
  <si>
    <t>47416</t>
  </si>
  <si>
    <t>GGPS MUZAFFAR PUR GHARBI</t>
  </si>
  <si>
    <t>Muzafar pur</t>
  </si>
  <si>
    <t>Nazd GHS Muzafar pur tEhsil Mianwali</t>
  </si>
  <si>
    <t>Muzaffarpur Gharbi</t>
  </si>
  <si>
    <t>MUZAFFAR PUR  JANUBI</t>
  </si>
  <si>
    <t>shukria khanum</t>
  </si>
  <si>
    <t>32454</t>
  </si>
  <si>
    <t>GHS HABIB ABAD</t>
  </si>
  <si>
    <t>Qado Wali</t>
  </si>
  <si>
    <t>Basti Habib Abad , u.c amin abad , P.O khan bela</t>
  </si>
  <si>
    <t>30359</t>
  </si>
  <si>
    <t>34784</t>
  </si>
  <si>
    <t>53428</t>
  </si>
  <si>
    <t>GGHS 40-A/4-L</t>
  </si>
  <si>
    <t>G G H S 40A/4L TEHSIL AND DISTRICT OKARA</t>
  </si>
  <si>
    <t>yasmin fatima</t>
  </si>
  <si>
    <t>GGPS MUSHTAQ WALA</t>
  </si>
  <si>
    <t>Talkachu</t>
  </si>
  <si>
    <t>ggps mushtaqwala</t>
  </si>
  <si>
    <t>GPS 41/10-R JADEED, KHANEWAL</t>
  </si>
  <si>
    <t>CHAK NO41/10-R</t>
  </si>
  <si>
    <t>chak no 41/10r</t>
  </si>
  <si>
    <t>GHS TATEY PUR MULTAN MAUZA TATEY PUR</t>
  </si>
  <si>
    <t>Tatey Pur</t>
  </si>
  <si>
    <t>ghs tatey pur, mong wadh road tatey pur multan</t>
  </si>
  <si>
    <t>23094</t>
  </si>
  <si>
    <t>GPS NEW CHAKORI</t>
  </si>
  <si>
    <t>Village New Chakori (Chakori Bhelowal ) Gujjo Road Gujrat</t>
  </si>
  <si>
    <t>New Chakori</t>
  </si>
  <si>
    <t>GGPS LANGIWAR</t>
  </si>
  <si>
    <t>Langiwar</t>
  </si>
  <si>
    <t>basti nathani, teh. kpr, disst.ryk</t>
  </si>
  <si>
    <t>Basti Nathani</t>
  </si>
  <si>
    <t>GPS ALWARDI KHAN</t>
  </si>
  <si>
    <t>Alwardi Khan</t>
  </si>
  <si>
    <t>Chak Alwardikhan post office Bonga hayat pakpattan</t>
  </si>
  <si>
    <t>Chak Alwardi Khan</t>
  </si>
  <si>
    <t>10792</t>
  </si>
  <si>
    <t>GGPS SARHANDI</t>
  </si>
  <si>
    <t>Sarhandi</t>
  </si>
  <si>
    <t>village Sarhandi p/O Pind Jhatla</t>
  </si>
  <si>
    <t>GHS CHAK NO.88 WB</t>
  </si>
  <si>
    <t>88/w.B</t>
  </si>
  <si>
    <t>GOVT HIGH SCHOOL 88/W.B TEH MAILSI DISTT. VEHARI</t>
  </si>
  <si>
    <t>CHAK NO 88/W.B</t>
  </si>
  <si>
    <t>MOBARIK ALI SHAH</t>
  </si>
  <si>
    <t>GPS KALIS</t>
  </si>
  <si>
    <t>Kalis</t>
  </si>
  <si>
    <t>kalas tehsil kharian district gujrat</t>
  </si>
  <si>
    <t>Adnan Aziz</t>
  </si>
  <si>
    <t>GMPS WARYAM</t>
  </si>
  <si>
    <t>Waryama</t>
  </si>
  <si>
    <t>waryama p/o waryama  Rawalpindi</t>
  </si>
  <si>
    <t>Ismat Jabeen</t>
  </si>
  <si>
    <t>GGPS 14 MR MULTAN P/O 14 MR</t>
  </si>
  <si>
    <t>Khan Pur MARAL</t>
  </si>
  <si>
    <t>chak 14 MR</t>
  </si>
  <si>
    <t>Chak 14MR</t>
  </si>
  <si>
    <t>Nafees Akhtar</t>
  </si>
  <si>
    <t>51589</t>
  </si>
  <si>
    <t>GGES CHAK NO.30 SP</t>
  </si>
  <si>
    <t>Chak #30/sp pakpattan</t>
  </si>
  <si>
    <t>Chak #30/sp</t>
  </si>
  <si>
    <t>GGPS TAGGI WALA</t>
  </si>
  <si>
    <t>moza khan wala bait wasawa shumali</t>
  </si>
  <si>
    <t>GGPS JHANGI SHAH KHAKI</t>
  </si>
  <si>
    <t>jhangi shah khaki</t>
  </si>
  <si>
    <t>Jhangi Shah Khaki</t>
  </si>
  <si>
    <t>Nasreengilani</t>
  </si>
  <si>
    <t>35583</t>
  </si>
  <si>
    <t>GGHS CHAK LIAR</t>
  </si>
  <si>
    <t>CHAKLIYAR</t>
  </si>
  <si>
    <t>GOVT GIRLS HIGH SCHOOL CHAKLIYAR TEHSIL MAILSI DISTRICT VEHARI</t>
  </si>
  <si>
    <t>FARAH ASGHAR</t>
  </si>
  <si>
    <t>GGPS RAIS PEER BUX</t>
  </si>
  <si>
    <t>govt girls primary school rais peer buksh</t>
  </si>
  <si>
    <t>Rais Peer Buksh</t>
  </si>
  <si>
    <t>Rukhsana Jhan Zaib</t>
  </si>
  <si>
    <t>GPS MALKA MAUJ</t>
  </si>
  <si>
    <t>Malka Mauj</t>
  </si>
  <si>
    <t>malka mauj p/o syedwala Nankana sahib</t>
  </si>
  <si>
    <t>32891</t>
  </si>
  <si>
    <t>GPS BASTI QAZI</t>
  </si>
  <si>
    <t>BAIT WASAWA SHUMALI</t>
  </si>
  <si>
    <t>MOZA BAIT WASAWA SHUMALI</t>
  </si>
  <si>
    <t>Ghulam Shabbir  Khan</t>
  </si>
  <si>
    <t>32895</t>
  </si>
  <si>
    <t>GGES BHOJIAN</t>
  </si>
  <si>
    <t>bhojian</t>
  </si>
  <si>
    <t>Shareen</t>
  </si>
  <si>
    <t>Magdaleene</t>
  </si>
  <si>
    <t>24058</t>
  </si>
  <si>
    <t>GHS BADIANA</t>
  </si>
  <si>
    <t>badiana</t>
  </si>
  <si>
    <t>govt. high school badiana</t>
  </si>
  <si>
    <t>amjad ali</t>
  </si>
  <si>
    <t>40971</t>
  </si>
  <si>
    <t>GGPS MARI NOTAN</t>
  </si>
  <si>
    <t>mosa kanjo</t>
  </si>
  <si>
    <t>GGPS Mari Notan</t>
  </si>
  <si>
    <t>Mari Notan</t>
  </si>
  <si>
    <t>sahja</t>
  </si>
  <si>
    <t>Asma kouser</t>
  </si>
  <si>
    <t>32909</t>
  </si>
  <si>
    <t>51354</t>
  </si>
  <si>
    <t>GGES MC NO. 2 OLD TOWN HALL PAKPATTAN</t>
  </si>
  <si>
    <t>Old Town Hall</t>
  </si>
  <si>
    <t>Town Hall</t>
  </si>
  <si>
    <t>Urban Ward 34</t>
  </si>
  <si>
    <t>Najma tajamal</t>
  </si>
  <si>
    <t>GGPS ARBI WALA</t>
  </si>
  <si>
    <t>Fatha Mohamad A</t>
  </si>
  <si>
    <t>basti arbi wala,shahjaml</t>
  </si>
  <si>
    <t>Danaen</t>
  </si>
  <si>
    <t>Misbah Nusrat</t>
  </si>
  <si>
    <t>GGPS SAIF ABAD</t>
  </si>
  <si>
    <t>ggps saif abad</t>
  </si>
  <si>
    <t>32919</t>
  </si>
  <si>
    <t>GGHS CHAK NO.151/WB</t>
  </si>
  <si>
    <t>Govt.girls high school 151/wb</t>
  </si>
  <si>
    <t>SHAZIA IRUM</t>
  </si>
  <si>
    <t>GPS MOADIB THAIR FAZIL</t>
  </si>
  <si>
    <t>Thair Posti</t>
  </si>
  <si>
    <t>Thair Posti P/o Kandani Tehsil Liaquat pur district Rahim yar khan</t>
  </si>
  <si>
    <t>4984</t>
  </si>
  <si>
    <t>GMPS BASTI PATHANA</t>
  </si>
  <si>
    <t>govt model p/s basti  pathana tehsil khanpur</t>
  </si>
  <si>
    <t>Basti Pathana</t>
  </si>
  <si>
    <t>Azra Syeda</t>
  </si>
  <si>
    <t>32256</t>
  </si>
  <si>
    <t>53202</t>
  </si>
  <si>
    <t>GPS CHAK 19/4L</t>
  </si>
  <si>
    <t>19/4L</t>
  </si>
  <si>
    <t>chak no 19/4L</t>
  </si>
  <si>
    <t>51624</t>
  </si>
  <si>
    <t>GGPS MOZA BARA</t>
  </si>
  <si>
    <t>Chak Moza Bara, Tensil &amp; District Pakpattan</t>
  </si>
  <si>
    <t>Moza Bara</t>
  </si>
  <si>
    <t>Anwar Parween</t>
  </si>
  <si>
    <t>GGPS CHAK NO. 151/TDA DERA SADIQ</t>
  </si>
  <si>
    <t>151/tda</t>
  </si>
  <si>
    <t>chak no 151 tda dera sadiq ly</t>
  </si>
  <si>
    <t>Shanawar Gul</t>
  </si>
  <si>
    <t>22868</t>
  </si>
  <si>
    <t>GHS ISLAMIA MALKA</t>
  </si>
  <si>
    <t>GIHS malka, post office malka, Tehsil Kharian, district Gujrat</t>
  </si>
  <si>
    <t>Afzaal Ahmad Khan</t>
  </si>
  <si>
    <t>7225</t>
  </si>
  <si>
    <t>51528</t>
  </si>
  <si>
    <t>GPS BUNGA KANWAR SINGH</t>
  </si>
  <si>
    <t>Bunga Kanwar  Singh</t>
  </si>
  <si>
    <t>GPS bunga kanwar Singh papattan</t>
  </si>
  <si>
    <t>M Ishaq</t>
  </si>
  <si>
    <t>GPS CHAK NO. 113/P</t>
  </si>
  <si>
    <t>113/P</t>
  </si>
  <si>
    <t>chak# 113/p Rahim yar khan</t>
  </si>
  <si>
    <t>Zahid Rafiq</t>
  </si>
  <si>
    <t>32272</t>
  </si>
  <si>
    <t>GHSS CDI ISLAMIA TALWANDI BHINDRAN</t>
  </si>
  <si>
    <t>talwandi bhindran</t>
  </si>
  <si>
    <t>talwandi bhindran teh and dist nwl</t>
  </si>
  <si>
    <t>GPS CHAK 4/1-AL KALAN</t>
  </si>
  <si>
    <t>4/1AL Kalan</t>
  </si>
  <si>
    <t>chak no 4/1.a.l.kalan tehsil renala distt. okra</t>
  </si>
  <si>
    <t>4/1alkalan1alkalan</t>
  </si>
  <si>
    <t>GPS PATI SEHR MUHAMMAD</t>
  </si>
  <si>
    <t>chanjni chock Basti Aziz Muhammad Numberdaar</t>
  </si>
  <si>
    <t>Basti Aziz Muhammad</t>
  </si>
  <si>
    <t>Muhammad Abdullah Tahir</t>
  </si>
  <si>
    <t>drinking cooler</t>
  </si>
  <si>
    <t>44531</t>
  </si>
  <si>
    <t>GGPS BASTI DARKHANA NO.1</t>
  </si>
  <si>
    <t>GGPS Darkhana</t>
  </si>
  <si>
    <t>asma norin</t>
  </si>
  <si>
    <t>32285</t>
  </si>
  <si>
    <t>ggps basti babran amin abad</t>
  </si>
  <si>
    <t>Babran</t>
  </si>
  <si>
    <t>32288</t>
  </si>
  <si>
    <t>GPS CHAK 3/4.L</t>
  </si>
  <si>
    <t>Chak 3 / 4l</t>
  </si>
  <si>
    <t>chak 3 / 4l okara</t>
  </si>
  <si>
    <t>4/4l</t>
  </si>
  <si>
    <t>M Azhar Farooq</t>
  </si>
  <si>
    <t>32295</t>
  </si>
  <si>
    <t>GGHS BASTI KHUDA DAD MULTAN</t>
  </si>
  <si>
    <t>basti khudadad multan</t>
  </si>
  <si>
    <t>Nasima Idrees Lodhi</t>
  </si>
  <si>
    <t>32299</t>
  </si>
  <si>
    <t>GPS CHAK NO 97 ANP</t>
  </si>
  <si>
    <t>Chak 97A/NP</t>
  </si>
  <si>
    <t>Basti solangi nagar chak no 97A/NP</t>
  </si>
  <si>
    <t>Basti Solangi Chak No97 A/NP</t>
  </si>
  <si>
    <t>GGCMS GHURCCO</t>
  </si>
  <si>
    <t>Ghurko</t>
  </si>
  <si>
    <t>GOVT GIRLS COMMUNITY MODEL SCHOOL GHURKO</t>
  </si>
  <si>
    <t>Zartash Parvaiz</t>
  </si>
  <si>
    <t>32301</t>
  </si>
  <si>
    <t>47038</t>
  </si>
  <si>
    <t>GGHS MODEL MIANWALI</t>
  </si>
  <si>
    <t>Yaroo Khel</t>
  </si>
  <si>
    <t>Balo khel Rode Mianwali</t>
  </si>
  <si>
    <t>Yarookhel</t>
  </si>
  <si>
    <t>GHULAM AYESHA NIAZI</t>
  </si>
  <si>
    <t>GPS KACHA GOPANG</t>
  </si>
  <si>
    <t>KACHA GOPANG</t>
  </si>
  <si>
    <t>BASTI JAMIL AHMED KHAN GOPANG</t>
  </si>
  <si>
    <t>BASTI JAMIL  AHMED KHAN GOPANG</t>
  </si>
  <si>
    <t>Muhammad Nasir Asghar</t>
  </si>
  <si>
    <t>32309</t>
  </si>
  <si>
    <t>41550</t>
  </si>
  <si>
    <t>GHS AZIZ NATIONAL</t>
  </si>
  <si>
    <t>LANE NO.7, RAJA AKRAM COLONY JHAWARA KAMALABAD RAWALPINDI</t>
  </si>
  <si>
    <t>Raja Akram colony Rawalpindi</t>
  </si>
  <si>
    <t>GGES CHAK NO.388-A/TDA</t>
  </si>
  <si>
    <t>388a</t>
  </si>
  <si>
    <t>chak no 388a</t>
  </si>
  <si>
    <t>humara amin</t>
  </si>
  <si>
    <t>GGHS 17/SP PAKPATTAN</t>
  </si>
  <si>
    <t>17/sp</t>
  </si>
  <si>
    <t>17/sp,pakpattan</t>
  </si>
  <si>
    <t>ayesha razaq</t>
  </si>
  <si>
    <t>GPS CHAK 105/P</t>
  </si>
  <si>
    <t>chk no 105p Jaffar abad Rahim yar khan</t>
  </si>
  <si>
    <t>Chk No 105p</t>
  </si>
  <si>
    <t>Tariq Latif</t>
  </si>
  <si>
    <t>GGES FATEH BHAND</t>
  </si>
  <si>
    <t>Fatteh Bhandh</t>
  </si>
  <si>
    <t>VPO Fatteh Bhandh Teh. Kharian Dist.Gujrat</t>
  </si>
  <si>
    <t>34007</t>
  </si>
  <si>
    <t>32324</t>
  </si>
  <si>
    <t>GHS SEHJRA</t>
  </si>
  <si>
    <t>GANDA SING</t>
  </si>
  <si>
    <t>VILLAGE SEHJRA</t>
  </si>
  <si>
    <t>GGPS GHULAMEY KHEL ROKHRI MIANWALI</t>
  </si>
  <si>
    <t>mahla samamd khel rokhri</t>
  </si>
  <si>
    <t>34292</t>
  </si>
  <si>
    <t>32326</t>
  </si>
  <si>
    <t>41827</t>
  </si>
  <si>
    <t>GMPS MODEL LADWA</t>
  </si>
  <si>
    <t>LADWA</t>
  </si>
  <si>
    <t>VILLAGE   LADWA P.O DHANDA TEHSIL AND DISTRICT RAWALPINDI</t>
  </si>
  <si>
    <t>DHANDA</t>
  </si>
  <si>
    <t>zubaria safeer</t>
  </si>
  <si>
    <t>32327</t>
  </si>
  <si>
    <t>GHS KOTLI MURAD</t>
  </si>
  <si>
    <t>Basti Abdul Aziz khan Moza KOTLI Murad p/o Head lanji war Tehsil Khan Pur</t>
  </si>
  <si>
    <t>MUHAMAMD IQBAL NAWAZ</t>
  </si>
  <si>
    <t>37092</t>
  </si>
  <si>
    <t>GES DENAY WALA, KHANEWAL</t>
  </si>
  <si>
    <t>Denay Wala</t>
  </si>
  <si>
    <t>basti denaywala</t>
  </si>
  <si>
    <t>Denaywala</t>
  </si>
  <si>
    <t>Khanewal Kuhna</t>
  </si>
  <si>
    <t>GGHS CHAK NO 121 TDA</t>
  </si>
  <si>
    <t>NUSHARA THAL JANDI</t>
  </si>
  <si>
    <t>Chak no 121 Tda Layyah</t>
  </si>
  <si>
    <t>CHAH KHAIRA</t>
  </si>
  <si>
    <t>SALMA HAMID</t>
  </si>
  <si>
    <t>32336</t>
  </si>
  <si>
    <t>24597</t>
  </si>
  <si>
    <t>GGES BHAKHU BHATTI</t>
  </si>
  <si>
    <t>GGES BAKHOBHATTI</t>
  </si>
  <si>
    <t>Bakhobhatti</t>
  </si>
  <si>
    <t>53061</t>
  </si>
  <si>
    <t>GHS 40-A/4-L</t>
  </si>
  <si>
    <t>40A/4-l</t>
  </si>
  <si>
    <t>chak no 40A/4-l tehsil&amp;distt okara</t>
  </si>
  <si>
    <t>Altaf Hussain Iqbal</t>
  </si>
  <si>
    <t>29624</t>
  </si>
  <si>
    <t>GGHS HALLAH</t>
  </si>
  <si>
    <t>gghs hallah P/O Halla Teh.Pattoki Distt.Kasur</t>
  </si>
  <si>
    <t>32852</t>
  </si>
  <si>
    <t>GPS CHAK NO. 14 GB</t>
  </si>
  <si>
    <t>CHAK NO 14 GB</t>
  </si>
  <si>
    <t>CHAK NO 14 GB tEHSIL &amp; DISTRICT NANKANA SAHIB</t>
  </si>
  <si>
    <t>CHAK NO 13 GB</t>
  </si>
  <si>
    <t>GHS 7/1-AL OKARA</t>
  </si>
  <si>
    <t>CHAK NO 7/1.AL P/O AKTRABAD TEHSIL RENALA KHURD</t>
  </si>
  <si>
    <t>CHAK NO.7/1.AL</t>
  </si>
  <si>
    <t>AKHTRABAD</t>
  </si>
  <si>
    <t>Kamran Shahid</t>
  </si>
  <si>
    <t>33597</t>
  </si>
  <si>
    <t>GHS BUKHARI PUBLIC WILAYAT ABAD NO.2 MULTAN</t>
  </si>
  <si>
    <t>willayatabad # 2 multan.</t>
  </si>
  <si>
    <t>willayatabad</t>
  </si>
  <si>
    <t>AZMAT KAMAL BABUR</t>
  </si>
  <si>
    <t>13597</t>
  </si>
  <si>
    <t>32365</t>
  </si>
  <si>
    <t>GGPS TIBBI FAZAL</t>
  </si>
  <si>
    <t>mud akbar shah</t>
  </si>
  <si>
    <t>GGPS Tibbi Fazal Basti Noor Din kotsamaba</t>
  </si>
  <si>
    <t>BASTI NOOR DIN</t>
  </si>
  <si>
    <t>MC Kotsamaba</t>
  </si>
  <si>
    <t>iqra anwar</t>
  </si>
  <si>
    <t>32924</t>
  </si>
  <si>
    <t>GPS CHAK NO. 34/4-L</t>
  </si>
  <si>
    <t>Chak No 34/4l</t>
  </si>
  <si>
    <t>gps 34/4l tehsil and district okara</t>
  </si>
  <si>
    <t>Chak #/34/4-L</t>
  </si>
  <si>
    <t>12667</t>
  </si>
  <si>
    <t>GGPS BASTI RUG</t>
  </si>
  <si>
    <t>GGPS Basti Rug noor kubra dak khana basira</t>
  </si>
  <si>
    <t>Basti Rug</t>
  </si>
  <si>
    <t>Sabahat Nawaz</t>
  </si>
  <si>
    <t>GGPS AHMED YAR TANWARI JADEED</t>
  </si>
  <si>
    <t>Ahmad Yaar Tanwri</t>
  </si>
  <si>
    <t>ahmad yaar tanwri. post office allah abad tehsil liaquat pur</t>
  </si>
  <si>
    <t>Trukrey</t>
  </si>
  <si>
    <t>32936</t>
  </si>
  <si>
    <t>GES KHALRI</t>
  </si>
  <si>
    <t>Khilri</t>
  </si>
  <si>
    <t>VPO Khilri Teh &amp; Distt Rawalpindi</t>
  </si>
  <si>
    <t>Mumraiz Alam</t>
  </si>
  <si>
    <t>GPS GUL WALA</t>
  </si>
  <si>
    <t>Paharpur Nashib</t>
  </si>
  <si>
    <t>Chah Gulwala paharpur Nashib Tehsil and District Layyah</t>
  </si>
  <si>
    <t>Gulwala</t>
  </si>
  <si>
    <t>32939</t>
  </si>
  <si>
    <t>GPS VICTORIA FARM</t>
  </si>
  <si>
    <t>Hussain Garh</t>
  </si>
  <si>
    <t>Chak Zamir Abad, Tehsil Ranala Khurd, Okara</t>
  </si>
  <si>
    <t>Zamir Abad</t>
  </si>
  <si>
    <t>GGES BASI WALA</t>
  </si>
  <si>
    <t>basiwala</t>
  </si>
  <si>
    <t>chicher wali</t>
  </si>
  <si>
    <t>Farah Amjad</t>
  </si>
  <si>
    <t>17793</t>
  </si>
  <si>
    <t>41569</t>
  </si>
  <si>
    <t>32942</t>
  </si>
  <si>
    <t>GHS ISLAMIA BAZURGWAL</t>
  </si>
  <si>
    <t>VPO Bazurgwal Tehsil Kharian District Gujrat.</t>
  </si>
  <si>
    <t>MUHAMMAD AFTAB AHMED</t>
  </si>
  <si>
    <t>29184</t>
  </si>
  <si>
    <t>51694</t>
  </si>
  <si>
    <t>GPS AMAR SINGH P/O 26/S.P PAKPATTAN</t>
  </si>
  <si>
    <t>shahnawaz</t>
  </si>
  <si>
    <t>Imran Allah Dittah</t>
  </si>
  <si>
    <t>GPS CHAK BODLLA</t>
  </si>
  <si>
    <t>Herdoban Bodla</t>
  </si>
  <si>
    <t>herdoban bodla</t>
  </si>
  <si>
    <t>41839</t>
  </si>
  <si>
    <t>GPS RAM DIO</t>
  </si>
  <si>
    <t>Ram Dev</t>
  </si>
  <si>
    <t>Village Ramdev post office Mohra sub post office chakri teh and Dist Rawalpindi</t>
  </si>
  <si>
    <t>Bilal Sarfaraz</t>
  </si>
  <si>
    <t>12229</t>
  </si>
  <si>
    <t>hunjary mustaqal sharqi</t>
  </si>
  <si>
    <t>basti yaray wala hunjary mustaqal sharqi daira din panah</t>
  </si>
  <si>
    <t>Basti Yaray wala</t>
  </si>
  <si>
    <t>32957</t>
  </si>
  <si>
    <t>GPS KALANJAR HITHAR</t>
  </si>
  <si>
    <t>kalanjar hithar</t>
  </si>
  <si>
    <t>kalanjar</t>
  </si>
  <si>
    <t>GES NALLA MOSANI</t>
  </si>
  <si>
    <t>Rana Abdul Qayyum</t>
  </si>
  <si>
    <t>53113</t>
  </si>
  <si>
    <t>GGHS BAHADAR NAGER FARM</t>
  </si>
  <si>
    <t>bahadar negar farm okara</t>
  </si>
  <si>
    <t>37 GD</t>
  </si>
  <si>
    <t>bushra akhter hussain</t>
  </si>
  <si>
    <t>GGPS JAGO WALA HITAR</t>
  </si>
  <si>
    <t>Jago Wala Hithar post office khudian khas</t>
  </si>
  <si>
    <t>Jago Wala Hithar</t>
  </si>
  <si>
    <t>Atika Naeem</t>
  </si>
  <si>
    <t>GGPS CHAK NO.124/1-L</t>
  </si>
  <si>
    <t>Chak 124 1L</t>
  </si>
  <si>
    <t>chak 124 1.L</t>
  </si>
  <si>
    <t>124 /1L</t>
  </si>
  <si>
    <t>Hafeeza Khanim</t>
  </si>
  <si>
    <t>53599</t>
  </si>
  <si>
    <t>GHS 2 1-L</t>
  </si>
  <si>
    <t>2-1L</t>
  </si>
  <si>
    <t>Chak No. 2-1.L(sher garh Road Renala khurd) Post office  same Tehsil Renala khurd District Okara</t>
  </si>
  <si>
    <t>6-1L</t>
  </si>
  <si>
    <t>53065</t>
  </si>
  <si>
    <t>GHS CHAK NO.12/1-R</t>
  </si>
  <si>
    <t>chak  12/1-r okara</t>
  </si>
  <si>
    <t>chak # 12/1-r, okara</t>
  </si>
  <si>
    <t>chak 12/1-r okara</t>
  </si>
  <si>
    <t>15/1-r okara</t>
  </si>
  <si>
    <t>HAROON MASIH</t>
  </si>
  <si>
    <t>33488</t>
  </si>
  <si>
    <t>GGHS BHELOT MAKHDOOM</t>
  </si>
  <si>
    <t>Bhalot Makhdoom</t>
  </si>
  <si>
    <t>Bhalot Makhdoom p/o haji muhammad tehsil kharian distt gujrat</t>
  </si>
  <si>
    <t>haji muhammad</t>
  </si>
  <si>
    <t>GGHS JHABRA NO. 2</t>
  </si>
  <si>
    <t>Near sargodha road mianwali</t>
  </si>
  <si>
    <t>Asma Hayat</t>
  </si>
  <si>
    <t>33499</t>
  </si>
  <si>
    <t>53392</t>
  </si>
  <si>
    <t>GGPS 26 GD</t>
  </si>
  <si>
    <t>village 26 /gd teh&amp;dist. Okara</t>
  </si>
  <si>
    <t>Jabooka</t>
  </si>
  <si>
    <t>Baby Tasleem</t>
  </si>
  <si>
    <t>VPO butter ,tehsil kharian ,district Gujarat</t>
  </si>
  <si>
    <t>33506</t>
  </si>
  <si>
    <t>GHS KOHAWAR</t>
  </si>
  <si>
    <t>Near Railway Station Mahmood Kot</t>
  </si>
  <si>
    <t>RS Mahmood Kot</t>
  </si>
  <si>
    <t>Atta Muhammad Jam</t>
  </si>
  <si>
    <t>18691</t>
  </si>
  <si>
    <t>GMPS RANGAY WALA</t>
  </si>
  <si>
    <t>Thati Fareed</t>
  </si>
  <si>
    <t>GMPS Rangay wala</t>
  </si>
  <si>
    <t>Rajo Wal No</t>
  </si>
  <si>
    <t>GGPS PEOPLES COLONY, KHANEWAL</t>
  </si>
  <si>
    <t>govt girls primary school W block people's colony kwl</t>
  </si>
  <si>
    <t>Badar Bano</t>
  </si>
  <si>
    <t>GGPS KOTLI LALA</t>
  </si>
  <si>
    <t>Kotli Lala</t>
  </si>
  <si>
    <t>kotli lala p o mehrajke teh pasrur dis sialkot</t>
  </si>
  <si>
    <t>47021</t>
  </si>
  <si>
    <t>GHS MUZAFFAR PUR</t>
  </si>
  <si>
    <t>muzaffar pur janubi</t>
  </si>
  <si>
    <t>muzaffarpur</t>
  </si>
  <si>
    <t>Bukhshan Araeen</t>
  </si>
  <si>
    <t>Basti Ahmad Abad moza bukhshan araeen P/O kot samaba</t>
  </si>
  <si>
    <t>Tibi Gul Muhammad</t>
  </si>
  <si>
    <t>33516</t>
  </si>
  <si>
    <t>53490</t>
  </si>
  <si>
    <t>GMPS LAKHAN</t>
  </si>
  <si>
    <t>Moza Lakhan p/o jaboka teh &amp; district okara</t>
  </si>
  <si>
    <t>33517</t>
  </si>
  <si>
    <t>GGPS PARARAN SHARIF JADEED</t>
  </si>
  <si>
    <t>Praran Sharif</t>
  </si>
  <si>
    <t>Ggps praran Sharif jadeed liaquat pur</t>
  </si>
  <si>
    <t>syeda sadia tehmina</t>
  </si>
  <si>
    <t>23422</t>
  </si>
  <si>
    <t>GGHS MOHARI SHARIF</t>
  </si>
  <si>
    <t>mohri sharif</t>
  </si>
  <si>
    <t>V.P.O MOHRI SHARIF TEHSIL KHARIAN DISTRICT GUJRAT</t>
  </si>
  <si>
    <t>MOHRI SHARIF</t>
  </si>
  <si>
    <t>GGPS 40 SP</t>
  </si>
  <si>
    <t>40/sp</t>
  </si>
  <si>
    <t>chak 40/sp Teh Pak Dis Pak po box 39/sp</t>
  </si>
  <si>
    <t>GES CHAUNTRA</t>
  </si>
  <si>
    <t>Village &amp; Post Office Chauntra Tehsil &amp; District Rawalpindi</t>
  </si>
  <si>
    <t>Javed Iqbal Qureshi</t>
  </si>
  <si>
    <t>29081</t>
  </si>
  <si>
    <t>GES FATEH PUR</t>
  </si>
  <si>
    <t>muhammad rafiq anwar</t>
  </si>
  <si>
    <t>GGHS BILLI WALA</t>
  </si>
  <si>
    <t>GGHs Billi Wala</t>
  </si>
  <si>
    <t>Basti billi Wala</t>
  </si>
  <si>
    <t>Syeda Tahsin Bano</t>
  </si>
  <si>
    <t>GHS SATELLITE TOWN KHANPUR</t>
  </si>
  <si>
    <t>satlite town kpr</t>
  </si>
  <si>
    <t>satlite town</t>
  </si>
  <si>
    <t>Hafiz muhammad amin</t>
  </si>
  <si>
    <t>GGPS AMMOANA</t>
  </si>
  <si>
    <t>Ammoana</t>
  </si>
  <si>
    <t>Village Ammoana P.O Achh Teh Kharian Dist Gujrat</t>
  </si>
  <si>
    <t>Uzma Nazar</t>
  </si>
  <si>
    <t>33555</t>
  </si>
  <si>
    <t>12968</t>
  </si>
  <si>
    <t>GPS AKBAR WALA</t>
  </si>
  <si>
    <t>chah akbar wala basti jalal rohilanwali m garh</t>
  </si>
  <si>
    <t>Akbar Wala</t>
  </si>
  <si>
    <t>Alooday Wali</t>
  </si>
  <si>
    <t>fateh PUR</t>
  </si>
  <si>
    <t>FATEH PUR SHARIF OKARA</t>
  </si>
  <si>
    <t>Muhammad Waseem Sajid</t>
  </si>
  <si>
    <t>GPS CHAKORI KHURD</t>
  </si>
  <si>
    <t>Chakori Khurd</t>
  </si>
  <si>
    <t>village chakori khurd post office kotla kasim khan tehsil kharian district gujrat</t>
  </si>
  <si>
    <t>Kotla Kasim Khan</t>
  </si>
  <si>
    <t>GHS SARGANA</t>
  </si>
  <si>
    <t>MOUZA SARGANA</t>
  </si>
  <si>
    <t>SHABBIR HUSSAIN</t>
  </si>
  <si>
    <t>32755</t>
  </si>
  <si>
    <t>GPS CHAH NOORE WALA</t>
  </si>
  <si>
    <t>Chah Nooray Wala Bucheki Teh&amp;Distt Nankana Sahib</t>
  </si>
  <si>
    <t>Chah Noorey Wala</t>
  </si>
  <si>
    <t>47549</t>
  </si>
  <si>
    <t>GGPS CHAH KHALIL WALA</t>
  </si>
  <si>
    <t>sawans</t>
  </si>
  <si>
    <t>Chah Khalil Wala</t>
  </si>
  <si>
    <t>SAIMA ABID KHAN</t>
  </si>
  <si>
    <t>GPS CHAK LASHKARI</t>
  </si>
  <si>
    <t>Chak Lashkari</t>
  </si>
  <si>
    <t>village chak lashkari p/o sehna teh kharian dist gujrat</t>
  </si>
  <si>
    <t>Muhammad Rizwan Ghani</t>
  </si>
  <si>
    <t>20003</t>
  </si>
  <si>
    <t>GES BURRAH</t>
  </si>
  <si>
    <t>Chak No 108 NP</t>
  </si>
  <si>
    <t>chak no 108 np</t>
  </si>
  <si>
    <t>Doda Lar</t>
  </si>
  <si>
    <t>FayyazAhmad</t>
  </si>
  <si>
    <t>GPS SHER GARH NO.1</t>
  </si>
  <si>
    <t>Sher Garh No 1</t>
  </si>
  <si>
    <t>Sher Garh, Teh. Kharia, Dist. Gujrat</t>
  </si>
  <si>
    <t>Muhammad Anar</t>
  </si>
  <si>
    <t>10984</t>
  </si>
  <si>
    <t>GPS JANU KHELAN WALA</t>
  </si>
  <si>
    <t>Shadia Janobi</t>
  </si>
  <si>
    <t>janu khelan wala</t>
  </si>
  <si>
    <t>Janu Khelan Wala</t>
  </si>
  <si>
    <t>Aziz UR Rahman</t>
  </si>
  <si>
    <t>GPS CHAK NO. 40/3-R</t>
  </si>
  <si>
    <t>39059</t>
  </si>
  <si>
    <t>49320</t>
  </si>
  <si>
    <t>32162</t>
  </si>
  <si>
    <t>GHS BHUTTA PUR</t>
  </si>
  <si>
    <t>Bhutta Pur</t>
  </si>
  <si>
    <t>Govt High School Bhutta Pur Muzaffar Garh</t>
  </si>
  <si>
    <t>Ward No. 27 MC Muzaffar Garh</t>
  </si>
  <si>
    <t>Malik Allah Bakhsh</t>
  </si>
  <si>
    <t>46237</t>
  </si>
  <si>
    <t>32164</t>
  </si>
  <si>
    <t>4997</t>
  </si>
  <si>
    <t>GGPS YARANI</t>
  </si>
  <si>
    <t>hazil pur</t>
  </si>
  <si>
    <t>Shahida Bi Bi</t>
  </si>
  <si>
    <t>51739</t>
  </si>
  <si>
    <t>GGPS KOT BAKHSHA</t>
  </si>
  <si>
    <t>Chak Kot Bakhsha, Tensil &amp; District Pakpattan</t>
  </si>
  <si>
    <t>Kot  Bakhsha</t>
  </si>
  <si>
    <t>Sobia Shahen</t>
  </si>
  <si>
    <t>GPS BHATTI WALA (CHAK NO. 632/TDA)</t>
  </si>
  <si>
    <t>Pattal Shumali</t>
  </si>
  <si>
    <t>Chak No 632/tda teh kot addu dist m garh</t>
  </si>
  <si>
    <t>Chak No 632/tda</t>
  </si>
  <si>
    <t>M QASIM</t>
  </si>
  <si>
    <t>GGES MODEL 9/9-R KOT SARGANA</t>
  </si>
  <si>
    <t>Kot Sargana</t>
  </si>
  <si>
    <t>chak no. 9/9R kot sargana</t>
  </si>
  <si>
    <t>9/9R Kot Sargana</t>
  </si>
  <si>
    <t>14/8R Gul Abad</t>
  </si>
  <si>
    <t>GGPS SHER JANG KHELLAN WALA</t>
  </si>
  <si>
    <t>sawance</t>
  </si>
  <si>
    <t>32172</t>
  </si>
  <si>
    <t>GHS NINDOWAL</t>
  </si>
  <si>
    <t>Nindowal</t>
  </si>
  <si>
    <t>Village &amp; PO Nindowal</t>
  </si>
  <si>
    <t>Khawas Pur</t>
  </si>
  <si>
    <t>ATA ULLAH</t>
  </si>
  <si>
    <t>GHS KHOKHAR WALA</t>
  </si>
  <si>
    <t>Khral Azeem Nasaib</t>
  </si>
  <si>
    <t>ghs khokhar wala</t>
  </si>
  <si>
    <t>Abu Sufyan Amir</t>
  </si>
  <si>
    <t>27786</t>
  </si>
  <si>
    <t>28041</t>
  </si>
  <si>
    <t>29513</t>
  </si>
  <si>
    <t>GGPS MEHMOOD PURA</t>
  </si>
  <si>
    <t>Mehmood Pura</t>
  </si>
  <si>
    <t>mehmood pura post office khudian khas tehsil and district kasur</t>
  </si>
  <si>
    <t>Zara Kalsoom</t>
  </si>
  <si>
    <t>32177</t>
  </si>
  <si>
    <t>34754</t>
  </si>
  <si>
    <t>GGPS CHAK NO. 6/MR</t>
  </si>
  <si>
    <t>Chak no 6mr</t>
  </si>
  <si>
    <t>Chak no 6mr post office khanpur marral</t>
  </si>
  <si>
    <t>Khadijah Ameen</t>
  </si>
  <si>
    <t>33783</t>
  </si>
  <si>
    <t>GGES JALAL ABAD MUZAFFAR ABAD</t>
  </si>
  <si>
    <t>jalalabad muzaffarabad multan</t>
  </si>
  <si>
    <t>Jakhar Pur</t>
  </si>
  <si>
    <t>TANZEELA SABIR</t>
  </si>
  <si>
    <t>32181</t>
  </si>
  <si>
    <t>47611</t>
  </si>
  <si>
    <t>GGCMS MOCHH</t>
  </si>
  <si>
    <t>mohla blund khel</t>
  </si>
  <si>
    <t>Zahida Niazi</t>
  </si>
  <si>
    <t>GGPS GURDITTA</t>
  </si>
  <si>
    <t>Gurditta</t>
  </si>
  <si>
    <t>Gmps Gurditta</t>
  </si>
  <si>
    <t>Nasreen Tahir</t>
  </si>
  <si>
    <t>34919</t>
  </si>
  <si>
    <t>32187</t>
  </si>
  <si>
    <t>53635</t>
  </si>
  <si>
    <t>GGES 16/1-AL</t>
  </si>
  <si>
    <t>16/1AL</t>
  </si>
  <si>
    <t>Chak No# 14/1AL</t>
  </si>
  <si>
    <t>Nasrin Latif</t>
  </si>
  <si>
    <t>GGPS KANJU WALA</t>
  </si>
  <si>
    <t>Khai Souam</t>
  </si>
  <si>
    <t>mouza khai chak soaum kotaddu</t>
  </si>
  <si>
    <t>Khai Chak Souam</t>
  </si>
  <si>
    <t>Hafza Murtaza</t>
  </si>
  <si>
    <t>32194</t>
  </si>
  <si>
    <t>5103</t>
  </si>
  <si>
    <t>GGHS JUNIOR MODEL KHANPUR</t>
  </si>
  <si>
    <t>GGHS junior model sadat colony near ptcl office khanpur</t>
  </si>
  <si>
    <t>MUNICIPAL AREA</t>
  </si>
  <si>
    <t>naila amjad</t>
  </si>
  <si>
    <t>47553</t>
  </si>
  <si>
    <t>GGPS DOST MOHAMMAD KHAN WALA</t>
  </si>
  <si>
    <t>dera Dost Muhammad khan wala</t>
  </si>
  <si>
    <t>Naseem Akther</t>
  </si>
  <si>
    <t>47230</t>
  </si>
  <si>
    <t>GES DHOK SATTALA</t>
  </si>
  <si>
    <t>Dhok sattala Namal Tehsil &amp; District Mianwali</t>
  </si>
  <si>
    <t>Dhok sattala</t>
  </si>
  <si>
    <t>41898</t>
  </si>
  <si>
    <t>GGPS SARHDNAY</t>
  </si>
  <si>
    <t>Sarahdnay</t>
  </si>
  <si>
    <t>village and po sarahdnay</t>
  </si>
  <si>
    <t>53419</t>
  </si>
  <si>
    <t>GGPS 30/4.L</t>
  </si>
  <si>
    <t>Rizwana Yasmeen</t>
  </si>
  <si>
    <t>GPS 7 SP PO MOLVI WALA PAKPATTAN</t>
  </si>
  <si>
    <t>7/sp</t>
  </si>
  <si>
    <t>chak No 7/s.p p/o molvi wala D&amp;T pakpattan</t>
  </si>
  <si>
    <t>Mosywal</t>
  </si>
  <si>
    <t>32213</t>
  </si>
  <si>
    <t>GGPS 7/9-R, KACHA KHUH</t>
  </si>
  <si>
    <t>basti Hamid nagri17 A.H</t>
  </si>
  <si>
    <t>asia bano</t>
  </si>
  <si>
    <t>53286</t>
  </si>
  <si>
    <t>GPS CHAK 13 4L</t>
  </si>
  <si>
    <t>13/4L</t>
  </si>
  <si>
    <t>GHS LAKHANEKAY</t>
  </si>
  <si>
    <t>lakhnekay</t>
  </si>
  <si>
    <t>lakhnekay kasur</t>
  </si>
  <si>
    <t>GGPS FATEH PURA</t>
  </si>
  <si>
    <t>pirhar sharqi</t>
  </si>
  <si>
    <t>ward # 7</t>
  </si>
  <si>
    <t>mc kot adu</t>
  </si>
  <si>
    <t>32223</t>
  </si>
  <si>
    <t>53588</t>
  </si>
  <si>
    <t>GHS MILLAT RENALA KHURD G T ROAD</t>
  </si>
  <si>
    <t>Mc Renala</t>
  </si>
  <si>
    <t>G.t.Road Renala Khurd</t>
  </si>
  <si>
    <t>Renala City Basti Rao Sahib</t>
  </si>
  <si>
    <t>Ward 3</t>
  </si>
  <si>
    <t>GPS RAKH SMALL P/O 17/SP PAKPATTAN</t>
  </si>
  <si>
    <t>Odd Pura</t>
  </si>
  <si>
    <t>GPS Rakh Small Odd Pura 17/sp Pakpattan</t>
  </si>
  <si>
    <t>Chak No17/sp</t>
  </si>
  <si>
    <t>32228</t>
  </si>
  <si>
    <t>GPS BASTI BARARAN</t>
  </si>
  <si>
    <t>Glour Masoo Khan</t>
  </si>
  <si>
    <t>Basti bararan mouza glour masoo khan</t>
  </si>
  <si>
    <t>Basti Bararan</t>
  </si>
  <si>
    <t>jamal-ud-din</t>
  </si>
  <si>
    <t>32231</t>
  </si>
  <si>
    <t>GGHS HALLO WAL</t>
  </si>
  <si>
    <t>PO Hallowal T&amp;D Narowal</t>
  </si>
  <si>
    <t>GGHS DISTRICT JAIL ROAD MULTAN</t>
  </si>
  <si>
    <t>Govt. Girls High  school District jail road multan</t>
  </si>
  <si>
    <t>Gulshan Kareem  sadiq colony</t>
  </si>
  <si>
    <t>Mrs Iffat Waseem</t>
  </si>
  <si>
    <t>32233</t>
  </si>
  <si>
    <t>GPS BALOTRUSO</t>
  </si>
  <si>
    <t>Bhalot Rasu</t>
  </si>
  <si>
    <t>Haji Muhammmad</t>
  </si>
  <si>
    <t>Syed Abdur Rehman</t>
  </si>
  <si>
    <t>Local</t>
  </si>
  <si>
    <t>51623</t>
  </si>
  <si>
    <t>Rana House deepalpur road shaker colony farid nagar pakpattan</t>
  </si>
  <si>
    <t>Kot Kahan Singh</t>
  </si>
  <si>
    <t>Boyal Ganj</t>
  </si>
  <si>
    <t>Fasiha Khanam</t>
  </si>
  <si>
    <t>29426</t>
  </si>
  <si>
    <t>53766</t>
  </si>
  <si>
    <t>GGPS 29/1AL</t>
  </si>
  <si>
    <t>29/1AL</t>
  </si>
  <si>
    <t>chak no.29/1AL Teh Renala khurd distt.okara</t>
  </si>
  <si>
    <t>Ayesha Younas</t>
  </si>
  <si>
    <t>Jalal abad</t>
  </si>
  <si>
    <t>basti jalal abad p.o jaggat pur m.garh</t>
  </si>
  <si>
    <t>Jaggat pur</t>
  </si>
  <si>
    <t>Muhammad Tufail Qasim</t>
  </si>
  <si>
    <t>53625</t>
  </si>
  <si>
    <t>GGHS MC MUSLIM TOWN RENALA KHURD</t>
  </si>
  <si>
    <t>GPS MATUAN WALA</t>
  </si>
  <si>
    <t>Matwanwala</t>
  </si>
  <si>
    <t>Khurram Shahadi</t>
  </si>
  <si>
    <t>GHS PEER GHANI</t>
  </si>
  <si>
    <t>moza pir ghani</t>
  </si>
  <si>
    <t>GGPS TOPI MANAY WALA</t>
  </si>
  <si>
    <t>basti topy many wala post office Mubarak pur district muzzafar garh</t>
  </si>
  <si>
    <t>Topy Many Wala</t>
  </si>
  <si>
    <t>Meryam Shahid</t>
  </si>
  <si>
    <t>GGCMES BHALA</t>
  </si>
  <si>
    <t>bhala</t>
  </si>
  <si>
    <t>GPS MALIK MAKINA</t>
  </si>
  <si>
    <t>Moza Kachi Muhammad Khan post office tranda Muhammad panah teh liaquatpur distt RYK</t>
  </si>
  <si>
    <t>Basti Mirani Moza Kachi Muhammad khan</t>
  </si>
  <si>
    <t>Kachi Muhammad khan</t>
  </si>
  <si>
    <t>GHS RAKHI</t>
  </si>
  <si>
    <t>village and post office RIKHI district Mianwali</t>
  </si>
  <si>
    <t>RIKHI</t>
  </si>
  <si>
    <t>THMAYWALI</t>
  </si>
  <si>
    <t>MUHMMAD TANVEER</t>
  </si>
  <si>
    <t>GPS KHAI KHAIR SHAH</t>
  </si>
  <si>
    <t>Khai Khair Shah</t>
  </si>
  <si>
    <t>Khai Khair Shah khanpur</t>
  </si>
  <si>
    <t>parvaiz akhtar</t>
  </si>
  <si>
    <t>GPS HAMMER</t>
  </si>
  <si>
    <t>basti hammar p/o miran pur muzaffar garh</t>
  </si>
  <si>
    <t>Hammar</t>
  </si>
  <si>
    <t>Muhammad Essa</t>
  </si>
  <si>
    <t>32749</t>
  </si>
  <si>
    <t>wazir pur</t>
  </si>
  <si>
    <t>Wazir Pur</t>
  </si>
  <si>
    <t>Haffat Maddur</t>
  </si>
  <si>
    <t>GPS BASTI GHULAM MUHAMMAD NO.1</t>
  </si>
  <si>
    <t>Mauza Kachi Muhammad Khan</t>
  </si>
  <si>
    <t>Muhammad Arif Shabbir</t>
  </si>
  <si>
    <t>GPS SIRAI SHUMALI</t>
  </si>
  <si>
    <t>Dollo Nashaib</t>
  </si>
  <si>
    <t>basti serai shumali mouza dollo nashsib</t>
  </si>
  <si>
    <t>Serai Shumali</t>
  </si>
  <si>
    <t>Muhammad Khalid Hussain</t>
  </si>
  <si>
    <t>GGPS PURANA LALA MUSA</t>
  </si>
  <si>
    <t>Purana Lalamusa</t>
  </si>
  <si>
    <t>Ggps purana lalamusa</t>
  </si>
  <si>
    <t>Municipal Committee Lalamusa</t>
  </si>
  <si>
    <t>46334</t>
  </si>
  <si>
    <t>51386</t>
  </si>
  <si>
    <t>GPS 14-SP P.O PAKPATTAN</t>
  </si>
  <si>
    <t>14 Sp</t>
  </si>
  <si>
    <t>chak # 14 sp tehsil and district pakpattan</t>
  </si>
  <si>
    <t>Chak #14sp</t>
  </si>
  <si>
    <t>GGPS DERA ABDUL MAJEED KHAN WALA</t>
  </si>
  <si>
    <t>Beruli Station</t>
  </si>
  <si>
    <t>dera abdul majeed khanwala mianwali</t>
  </si>
  <si>
    <t>dera abdul majeed</t>
  </si>
  <si>
    <t>shahbazkhel</t>
  </si>
  <si>
    <t>32769</t>
  </si>
  <si>
    <t>GGPS WARRAICH</t>
  </si>
  <si>
    <t>village warraich. bara ghar</t>
  </si>
  <si>
    <t>Warraich</t>
  </si>
  <si>
    <t>Tanwir Sakina</t>
  </si>
  <si>
    <t>39994</t>
  </si>
  <si>
    <t>GGPS JUMA MOHANA</t>
  </si>
  <si>
    <t>JUMA MOHANA</t>
  </si>
  <si>
    <t>basti abdulla tarali moza juma mohana the.Liquat pur</t>
  </si>
  <si>
    <t>Basti Abdulla Tarali</t>
  </si>
  <si>
    <t>Arfa Ulfat Ishaq</t>
  </si>
  <si>
    <t>48535</t>
  </si>
  <si>
    <t>33145</t>
  </si>
  <si>
    <t>GPS AHATA LANGA</t>
  </si>
  <si>
    <t>Ahata Langa</t>
  </si>
  <si>
    <t>Raheem Nagar Chak No 576 Post Office Warburton Teh &amp; Dist Nankana Sahib</t>
  </si>
  <si>
    <t>Raheem Nagar</t>
  </si>
  <si>
    <t>Shaukat Rasool</t>
  </si>
  <si>
    <t>41293</t>
  </si>
  <si>
    <t>11211</t>
  </si>
  <si>
    <t>GES DERA MANZOOR SHAH WALA</t>
  </si>
  <si>
    <t>govt.elementry school dera manzoor shah</t>
  </si>
  <si>
    <t>37336</t>
  </si>
  <si>
    <t>GPS 14/8-R BHIR, KACHA KHUH</t>
  </si>
  <si>
    <t>Chak 14/8r Bhir</t>
  </si>
  <si>
    <t>chak 14/8r bhir</t>
  </si>
  <si>
    <t>14/8r Bhir</t>
  </si>
  <si>
    <t>14/8r Gul Abaad</t>
  </si>
  <si>
    <t>Faisal Nawaz</t>
  </si>
  <si>
    <t>27990</t>
  </si>
  <si>
    <t>33651</t>
  </si>
  <si>
    <t>GGHS KHALIQUE PURA KHALIQUE PURA</t>
  </si>
  <si>
    <t>govt. girls high school khaliq pura ,khanewal road, multan.</t>
  </si>
  <si>
    <t>jahagirabad</t>
  </si>
  <si>
    <t>SHAGUFTA RASHEED</t>
  </si>
  <si>
    <t>45205</t>
  </si>
  <si>
    <t>GGHS SHAH JAMAL</t>
  </si>
  <si>
    <t>NEAR DARBAR BABA SHAH JAMAL P/O SHAH JAMAL M GARH</t>
  </si>
  <si>
    <t>NEAR DARBAR BABA SHAH JAMAL</t>
  </si>
  <si>
    <t>Naheed perveen</t>
  </si>
  <si>
    <t>GGPS CHAK NO. 69/P</t>
  </si>
  <si>
    <t>69/p</t>
  </si>
  <si>
    <t>Chak 69/p</t>
  </si>
  <si>
    <t>Bushra Hanif</t>
  </si>
  <si>
    <t>51816</t>
  </si>
  <si>
    <t>23394</t>
  </si>
  <si>
    <t>GPS CHAKORY BEHLOWAL</t>
  </si>
  <si>
    <t>VPO. CHAKORI BHELOWAL, Tehsil Kharian, District Gujrat</t>
  </si>
  <si>
    <t>Aurangzeb Ellahi</t>
  </si>
  <si>
    <t>GGPS RAKH MAKHDOOM VENOI, KHANEWAL</t>
  </si>
  <si>
    <t>g g p /s rahk Muldoon venoi</t>
  </si>
  <si>
    <t>Haq Nawaz Huraj</t>
  </si>
  <si>
    <t>12 Ah</t>
  </si>
  <si>
    <t>Aneela Perveen</t>
  </si>
  <si>
    <t>32797</t>
  </si>
  <si>
    <t>47595</t>
  </si>
  <si>
    <t>GGPS BOKHARA PO DHER UMID ALI SHAH</t>
  </si>
  <si>
    <t>Bokhara</t>
  </si>
  <si>
    <t>P.o. Bokhara district mianwali</t>
  </si>
  <si>
    <t>Dher Umaidali Shah</t>
  </si>
  <si>
    <t>Saima Zeenat</t>
  </si>
  <si>
    <t>32818</t>
  </si>
  <si>
    <t>39011</t>
  </si>
  <si>
    <t>GPS CHAK NO. 9/P</t>
  </si>
  <si>
    <t>9/p</t>
  </si>
  <si>
    <t>Chak no. 9/p</t>
  </si>
  <si>
    <t>Mud Bhora</t>
  </si>
  <si>
    <t>Hafiz Sajid Ali</t>
  </si>
  <si>
    <t>45593</t>
  </si>
  <si>
    <t>53390</t>
  </si>
  <si>
    <t>GGPS THATA INAYAT KAY</t>
  </si>
  <si>
    <t>GGPS Thatta Inayat Kay</t>
  </si>
  <si>
    <t>Thatta Inayat Kay</t>
  </si>
  <si>
    <t>Nida Javed</t>
  </si>
  <si>
    <t>GPS HEEMAY WALA</t>
  </si>
  <si>
    <t>Heemay Wala</t>
  </si>
  <si>
    <t>heemay wala khudian khas kasur</t>
  </si>
  <si>
    <t>Muhammad Yasir</t>
  </si>
  <si>
    <t>32824</t>
  </si>
  <si>
    <t>GHS 7/9-R, KACHA KHUH</t>
  </si>
  <si>
    <t>7/9-R Khanewl</t>
  </si>
  <si>
    <t>GHS 7/9-R, Khanewal</t>
  </si>
  <si>
    <t>7/9-R Reman Garh</t>
  </si>
  <si>
    <t>Asam shehzad</t>
  </si>
  <si>
    <t>GGPS CHAK AHMAD DAKHLI LAHI BALA</t>
  </si>
  <si>
    <t>Lahi Bala</t>
  </si>
  <si>
    <t>chak ahmad dakhli lahi bala</t>
  </si>
  <si>
    <t>Chak Ahmad Lahi Bala</t>
  </si>
  <si>
    <t>Shagufta Gull</t>
  </si>
  <si>
    <t>24422</t>
  </si>
  <si>
    <t>GGPS NOUKRIAN MUGHLAN</t>
  </si>
  <si>
    <t>Noukrian Mughlan</t>
  </si>
  <si>
    <t>GGPSNOUKRIANMUGHLAN</t>
  </si>
  <si>
    <t>Ballagan</t>
  </si>
  <si>
    <t>32844</t>
  </si>
  <si>
    <t>22883</t>
  </si>
  <si>
    <t>GHS N.H.A.S BHURCHH</t>
  </si>
  <si>
    <t>BHURCHH</t>
  </si>
  <si>
    <t>V.P.O. BHURCHH TEHSIL KHARIAN DISTRICT GUJRAT</t>
  </si>
  <si>
    <t>wajid hussain shah</t>
  </si>
  <si>
    <t>GMMS BABRAN</t>
  </si>
  <si>
    <t>basti babran</t>
  </si>
  <si>
    <t>47137</t>
  </si>
  <si>
    <t>village Midad khel Teh&amp;Distt Mianwali</t>
  </si>
  <si>
    <t>Midad khel</t>
  </si>
  <si>
    <t>Yaro khel paka</t>
  </si>
  <si>
    <t>Ghulam Shabbir Shah</t>
  </si>
  <si>
    <t>24379</t>
  </si>
  <si>
    <t>GGPS NATHU KLAIR</t>
  </si>
  <si>
    <t>Nathu Klair</t>
  </si>
  <si>
    <t>GGPS Nathu klair</t>
  </si>
  <si>
    <t>Basree BiBi</t>
  </si>
  <si>
    <t>GGPS CHAK NO 72/P</t>
  </si>
  <si>
    <t>72/p</t>
  </si>
  <si>
    <t>chak 72/p</t>
  </si>
  <si>
    <t>Chak 72/p</t>
  </si>
  <si>
    <t>Noor Samina</t>
  </si>
  <si>
    <t>47135</t>
  </si>
  <si>
    <t>GPS CHAH MEHR KHAN WALA</t>
  </si>
  <si>
    <t>govt p/s chah mehar Khan Wala Mianwali</t>
  </si>
  <si>
    <t>Chah Meher Khanwala</t>
  </si>
  <si>
    <t>Gulmiri</t>
  </si>
  <si>
    <t>Muhammad Raees Khan</t>
  </si>
  <si>
    <t>GGHS NIA SOHAWA</t>
  </si>
  <si>
    <t>govt. girls high school nia sohawa pasrur sialkot</t>
  </si>
  <si>
    <t>Raheela Kausar</t>
  </si>
  <si>
    <t>Hnad</t>
  </si>
  <si>
    <t>GGPS 125/1-L</t>
  </si>
  <si>
    <t>Bagho-baghar</t>
  </si>
  <si>
    <t>125 1.L</t>
  </si>
  <si>
    <t>125 1L</t>
  </si>
  <si>
    <t>Uzm a Naheed</t>
  </si>
  <si>
    <t>GGPS CHAK NO.13/A</t>
  </si>
  <si>
    <t>Chak No13/A</t>
  </si>
  <si>
    <t>chak no 13a</t>
  </si>
  <si>
    <t>Chak No 13/A</t>
  </si>
  <si>
    <t>GGHS KOTLA HAJI SHAH</t>
  </si>
  <si>
    <t>kotla haji shah, layyah.</t>
  </si>
  <si>
    <t>GPS CHAK NO.581 TDA</t>
  </si>
  <si>
    <t>chak no 581/TDA  CHOWK SARWAR SHAHEED TEHSIL KOT ADU</t>
  </si>
  <si>
    <t>Chak No 581/TDA</t>
  </si>
  <si>
    <t>13406</t>
  </si>
  <si>
    <t>53596</t>
  </si>
  <si>
    <t>GHS CHAK NO. 4/1-RA</t>
  </si>
  <si>
    <t>Chak No. 4/1.RA</t>
  </si>
  <si>
    <t>Dr Muhammad Nadeem Iqbal</t>
  </si>
  <si>
    <t>GPS DIN MUHAMMAD LAR</t>
  </si>
  <si>
    <t>Basti bhanar Lar Mouza Ahmad Ali Lar Tehsil Liaquat Pur</t>
  </si>
  <si>
    <t>Basti Bhanar Lar</t>
  </si>
  <si>
    <t>33354</t>
  </si>
  <si>
    <t>GHS DHOK MIANI</t>
  </si>
  <si>
    <t>dhoke miani tehsil district mianwali</t>
  </si>
  <si>
    <t>Dhoke Miani</t>
  </si>
  <si>
    <t>Muhammad Shoaib Ameer Shah</t>
  </si>
  <si>
    <t>GGES SAMANI KHAN</t>
  </si>
  <si>
    <t>Pecca Larran</t>
  </si>
  <si>
    <t>basti samanay khan</t>
  </si>
  <si>
    <t>Basti Samanay Khan</t>
  </si>
  <si>
    <t>Pacca Larran</t>
  </si>
  <si>
    <t>GGHS MUD BHOORA</t>
  </si>
  <si>
    <t>Mudbhoora</t>
  </si>
  <si>
    <t>govt girls high school mudbhoora khanpur</t>
  </si>
  <si>
    <t>Neelam Chuadhary</t>
  </si>
  <si>
    <t>33365</t>
  </si>
  <si>
    <t>29507</t>
  </si>
  <si>
    <t>GGCMS SIKANDAR PURA</t>
  </si>
  <si>
    <t>sikander pura P/O khudian khass</t>
  </si>
  <si>
    <t>Humaira Hameed</t>
  </si>
  <si>
    <t>44160</t>
  </si>
  <si>
    <t>GPS BASHINA</t>
  </si>
  <si>
    <t>Bashna</t>
  </si>
  <si>
    <t>Village Bashna Post Office Gunja Tehsile Kharian</t>
  </si>
  <si>
    <t>8429</t>
  </si>
  <si>
    <t>33376</t>
  </si>
  <si>
    <t>GMPS CHAK 64/A</t>
  </si>
  <si>
    <t>Chak64</t>
  </si>
  <si>
    <t>GM.pschool chak64</t>
  </si>
  <si>
    <t>rabia bibi</t>
  </si>
  <si>
    <t>33379</t>
  </si>
  <si>
    <t>GPS CANAL COLONY 21/10-R, KACHA KHUH</t>
  </si>
  <si>
    <t>canal colony 21/10-R kacha khuh</t>
  </si>
  <si>
    <t>21/10-R</t>
  </si>
  <si>
    <t>HAFIZ Zia Saeed</t>
  </si>
  <si>
    <t>GGPS KHOONI KALROO</t>
  </si>
  <si>
    <t>Khooni Kalroo</t>
  </si>
  <si>
    <t>mouza khoni kalroo bsti tbi shreef</t>
  </si>
  <si>
    <t>Khoni Kalroo</t>
  </si>
  <si>
    <t>39995</t>
  </si>
  <si>
    <t>53843</t>
  </si>
  <si>
    <t>GGHS  2/1-L</t>
  </si>
  <si>
    <t>2/1.l</t>
  </si>
  <si>
    <t>GGHS 2/1.l RENALA KHURD</t>
  </si>
  <si>
    <t>2/1l</t>
  </si>
  <si>
    <t>6/1l</t>
  </si>
  <si>
    <t>Alia Hanif</t>
  </si>
  <si>
    <t>634346</t>
  </si>
  <si>
    <t>33389</t>
  </si>
  <si>
    <t>GPS BHAKSHOO BATTAR</t>
  </si>
  <si>
    <t>Bakhshoo Bhatter</t>
  </si>
  <si>
    <t>Mouza Bakhshoo Bhattar basti Mahmod abad p/o dera fareedi teh. lqp disst. ryk</t>
  </si>
  <si>
    <t>Bakhshoo Bhattar</t>
  </si>
  <si>
    <t>53268</t>
  </si>
  <si>
    <t>GPS CHAK NO 42-2L</t>
  </si>
  <si>
    <t>42/2 L</t>
  </si>
  <si>
    <t>chak no 42/2L okara</t>
  </si>
  <si>
    <t>GGPS MALIK MUHAMMAD PANNAH NAICH</t>
  </si>
  <si>
    <t>Basti malik Muhammad pnnah naich</t>
  </si>
  <si>
    <t>Basti Malik Muhammad pnnah Y</t>
  </si>
  <si>
    <t>Zahra Hassan Hashmi</t>
  </si>
  <si>
    <t>GPS CHAK 48 2L</t>
  </si>
  <si>
    <t>CHAK NO 48/2L</t>
  </si>
  <si>
    <t>Chak no 48/2L teh&amp;Distt Okara</t>
  </si>
  <si>
    <t>Chak no 48/2L</t>
  </si>
  <si>
    <t>Chak no 32/2L</t>
  </si>
  <si>
    <t>Muhammad Nadim</t>
  </si>
  <si>
    <t>12864</t>
  </si>
  <si>
    <t>GGPS HAYAT SHAH WALA</t>
  </si>
  <si>
    <t>Basti Hayat shah mouza mondka muzaffargarh</t>
  </si>
  <si>
    <t>Hayat Shah</t>
  </si>
  <si>
    <t>Hifza Ali</t>
  </si>
  <si>
    <t>GGPS DHILUM HITHAR</t>
  </si>
  <si>
    <t>Dhilum Hithar</t>
  </si>
  <si>
    <t>dhilum hithar dakhana hmaywall tahsil &amp; zila kasur</t>
  </si>
  <si>
    <t>Aqsa Yasin</t>
  </si>
  <si>
    <t>28005</t>
  </si>
  <si>
    <t>Ikram wali mori Basti Arrain Maoza Ashraf Shah</t>
  </si>
  <si>
    <t>Imtiaz Khan</t>
  </si>
  <si>
    <t>33418</t>
  </si>
  <si>
    <t>GPS JASLANI KHURD</t>
  </si>
  <si>
    <t>Jaslani khurd</t>
  </si>
  <si>
    <t>Shabbir Ahmad Ch</t>
  </si>
  <si>
    <t>GPS CHAK NO. 150-A TDA</t>
  </si>
  <si>
    <t>Chalk No' 150/A TDA Layyah</t>
  </si>
  <si>
    <t>Chak No 150/A TDA</t>
  </si>
  <si>
    <t>GGPS 98/P MIAN ABAD</t>
  </si>
  <si>
    <t>98p</t>
  </si>
  <si>
    <t>ggps98p mian abad</t>
  </si>
  <si>
    <t>98p Main abad</t>
  </si>
  <si>
    <t>47127</t>
  </si>
  <si>
    <t>GPS SOHRAB WALA</t>
  </si>
  <si>
    <t>Yaro  Khel  Pakka</t>
  </si>
  <si>
    <t>gps  sohrabwala</t>
  </si>
  <si>
    <t>Sohrabwala</t>
  </si>
  <si>
    <t>33432</t>
  </si>
  <si>
    <t>GMPS THUL KHAIR MUHAMMAD</t>
  </si>
  <si>
    <t>Thull Khair Mohammad</t>
  </si>
  <si>
    <t>thull khair Mohammad</t>
  </si>
  <si>
    <t>33435</t>
  </si>
  <si>
    <t>GHS NO. 2 KOT MALA RAM MULTAN</t>
  </si>
  <si>
    <t>2 Kotla Melanie Ram</t>
  </si>
  <si>
    <t>chack no 2 Kot Mela Ram multan</t>
  </si>
  <si>
    <t>Chak No 2 Kot Mela Ram</t>
  </si>
  <si>
    <t>Frasat ali Shah</t>
  </si>
  <si>
    <t>53218</t>
  </si>
  <si>
    <t>GPS 28/4.L</t>
  </si>
  <si>
    <t>28/4-L</t>
  </si>
  <si>
    <t>CHAK no. 28/4-L</t>
  </si>
  <si>
    <t>27/4-L</t>
  </si>
  <si>
    <t>GGPS KHAWATEEN MODEL BHAWALPUR HOUSE</t>
  </si>
  <si>
    <t>government khawateen girls p/s bhawalapur houses gor2 near mozang chungi Lahore</t>
  </si>
  <si>
    <t>Mozang Cungi</t>
  </si>
  <si>
    <t>Bhawalpur House</t>
  </si>
  <si>
    <t>Naveeda Sajjad</t>
  </si>
  <si>
    <t>33604</t>
  </si>
  <si>
    <t>GGHS CHAK NO. 92/P</t>
  </si>
  <si>
    <t>CHAK  No  92/P</t>
  </si>
  <si>
    <t>CHAK  no 92/P Rahim Yar Khan</t>
  </si>
  <si>
    <t>CHAK No  92/P</t>
  </si>
  <si>
    <t>Rabia Gulzar</t>
  </si>
  <si>
    <t>GHS MAJEED ABAD</t>
  </si>
  <si>
    <t>ROM</t>
  </si>
  <si>
    <t>MAJEED ABAD LQP</t>
  </si>
  <si>
    <t>MAJEED ABAD</t>
  </si>
  <si>
    <t>KHAN BELA</t>
  </si>
  <si>
    <t>SHEIKH MUHAMMAD SHAHID</t>
  </si>
  <si>
    <t>34587</t>
  </si>
  <si>
    <t>GMPS 17 MR</t>
  </si>
  <si>
    <t>17mr</t>
  </si>
  <si>
    <t>govt model primary school 17mr multan saddar</t>
  </si>
  <si>
    <t>Rid</t>
  </si>
  <si>
    <t>Erum Mobeen</t>
  </si>
  <si>
    <t>50428</t>
  </si>
  <si>
    <t>13293</t>
  </si>
  <si>
    <t>34542</t>
  </si>
  <si>
    <t>GMPS 13 MR MULTAN P/O 13 MR</t>
  </si>
  <si>
    <t>13 Mr</t>
  </si>
  <si>
    <t>chak no 13 mr destruct multan</t>
  </si>
  <si>
    <t>GHSS BAMA BALA</t>
  </si>
  <si>
    <t>Bama Bala P/O Same Tehsil Renalakhurd District Okara</t>
  </si>
  <si>
    <t>Muhammad Akram Shah</t>
  </si>
  <si>
    <t>GGPS THEH LAKHNAY KAY</t>
  </si>
  <si>
    <t>Lakhnakay</t>
  </si>
  <si>
    <t>ggp/s thaylakhnakay</t>
  </si>
  <si>
    <t>GGCMS DUNIYA PUR GANGA BASTI YAR MUHAMMAD</t>
  </si>
  <si>
    <t>Duniya Pur Ganga</t>
  </si>
  <si>
    <t>GGES duniya pur ganga basti yar muhamad</t>
  </si>
  <si>
    <t>Basti Yar Muhamad</t>
  </si>
  <si>
    <t>Muhamad Pur Qurashian</t>
  </si>
  <si>
    <t>Akfa Sardar</t>
  </si>
  <si>
    <t>42566</t>
  </si>
  <si>
    <t>GHS SHADI KHAN MUNDA</t>
  </si>
  <si>
    <t>SHADI KHAN MONDA</t>
  </si>
  <si>
    <t>PULL 88000 SHADI KHAN MONDA</t>
  </si>
  <si>
    <t>MOHAMMAD KAZIM KHAN</t>
  </si>
  <si>
    <t>33641</t>
  </si>
  <si>
    <t>GGHS GHARHI IKHTIAR KHAN</t>
  </si>
  <si>
    <t>garhi ikhtiar khan</t>
  </si>
  <si>
    <t>Dhand Gangri</t>
  </si>
  <si>
    <t>ZAHRA BIBI</t>
  </si>
  <si>
    <t>GGPS CHAK NO.10/GD TAJA</t>
  </si>
  <si>
    <t>10gd Teja</t>
  </si>
  <si>
    <t>10 gd Teja po kohla</t>
  </si>
  <si>
    <t>10gd teja</t>
  </si>
  <si>
    <t>GGPS SAKHI WAR</t>
  </si>
  <si>
    <t>basti sakhi war rahim yar khan</t>
  </si>
  <si>
    <t>Basti Sakhi War</t>
  </si>
  <si>
    <t>Dayh</t>
  </si>
  <si>
    <t>GGES MIRZA PUR Teh &amp;Distt NNS</t>
  </si>
  <si>
    <t>Hafsa Noureen</t>
  </si>
  <si>
    <t>23758</t>
  </si>
  <si>
    <t>33656</t>
  </si>
  <si>
    <t>53752</t>
  </si>
  <si>
    <t>GGES 8-1/AL</t>
  </si>
  <si>
    <t>AKHTAR ABAD - FEMALE</t>
  </si>
  <si>
    <t>8/1 al</t>
  </si>
  <si>
    <t>Chak 8/1al</t>
  </si>
  <si>
    <t>GHS IQBAL SHAH RUKN ALAM COLONY BLOCK-B MULTAN</t>
  </si>
  <si>
    <t>Shah Rukn-E-Alam Colony Multan</t>
  </si>
  <si>
    <t>B-Block Shah Rukn-e-Alam colony Multan</t>
  </si>
  <si>
    <t>Shah Rukn-e-Alam Colony Multan</t>
  </si>
  <si>
    <t>Ghous Pura</t>
  </si>
  <si>
    <t>INAYAT ALI QURESHI</t>
  </si>
  <si>
    <t>39152</t>
  </si>
  <si>
    <t>GPS LALA SAIDA</t>
  </si>
  <si>
    <t>Lala Saida</t>
  </si>
  <si>
    <t>Bhurakey p o talwandi bhindran teh pasrur distt sialkot</t>
  </si>
  <si>
    <t>GGPS CHAK NO.423/TDA</t>
  </si>
  <si>
    <t>chak no 423/tda</t>
  </si>
  <si>
    <t>Chak No 423</t>
  </si>
  <si>
    <t>GGPS JHUGIAN KALAN</t>
  </si>
  <si>
    <t>Juggian Kalan</t>
  </si>
  <si>
    <t>juggian kalan p/o khudian khas</t>
  </si>
  <si>
    <t>Surraiya Saif</t>
  </si>
  <si>
    <t>47323</t>
  </si>
  <si>
    <t>GPS SOUNK</t>
  </si>
  <si>
    <t>GPS SOUNK Markaz Kalri Teh &amp; Distt Mianwali</t>
  </si>
  <si>
    <t>Muhammad Wasim Tahir</t>
  </si>
  <si>
    <t>GPS CHAK 79/NP</t>
  </si>
  <si>
    <t>79np</t>
  </si>
  <si>
    <t>manzar chak 79np Dari azeem khan Ryk</t>
  </si>
  <si>
    <t>Basti Sheer Muhammad Ronjha</t>
  </si>
  <si>
    <t>munir ahmed</t>
  </si>
  <si>
    <t>33676</t>
  </si>
  <si>
    <t>GES CHAK NO. 130/ML</t>
  </si>
  <si>
    <t>Chak No 130/ml</t>
  </si>
  <si>
    <t>chak no.130/ml</t>
  </si>
  <si>
    <t>Muhammad Javaid iqbal</t>
  </si>
  <si>
    <t>GGPS WANDHI ARAIAN WALI</t>
  </si>
  <si>
    <t>Yarokhel</t>
  </si>
  <si>
    <t>wandhi arrian wali</t>
  </si>
  <si>
    <t>51679</t>
  </si>
  <si>
    <t>GGPS MUSE WAL</t>
  </si>
  <si>
    <t>Musewal</t>
  </si>
  <si>
    <t>musewal</t>
  </si>
  <si>
    <t>Aysha Hameed</t>
  </si>
  <si>
    <t>47258</t>
  </si>
  <si>
    <t>GHS NAJABAT</t>
  </si>
  <si>
    <t>Najabat</t>
  </si>
  <si>
    <t>najabat p/o usmanwala tehsil/district kasur</t>
  </si>
  <si>
    <t>GGPS RAZIA COLONY</t>
  </si>
  <si>
    <t>Razia Colony</t>
  </si>
  <si>
    <t>razia colony post office pasrur tehsil pasrur district sialkot</t>
  </si>
  <si>
    <t>Musa  pur</t>
  </si>
  <si>
    <t>GGHS CHACHRAN SHARIF</t>
  </si>
  <si>
    <t>chachrabshareef@yahoo. com</t>
  </si>
  <si>
    <t>Rubina Jabeen</t>
  </si>
  <si>
    <t>GGPS 25 GD</t>
  </si>
  <si>
    <t>Chak#25/GD</t>
  </si>
  <si>
    <t>Chak 25/GD Okara</t>
  </si>
  <si>
    <t>Nourin Fatima</t>
  </si>
  <si>
    <t>32641</t>
  </si>
  <si>
    <t>29371</t>
  </si>
  <si>
    <t>GMPS HAVELI PADHANA WALI</t>
  </si>
  <si>
    <t>Haveli Padhana Wali</t>
  </si>
  <si>
    <t>Haveli padhana wali Kasur</t>
  </si>
  <si>
    <t>Muzammil Parveen</t>
  </si>
  <si>
    <t>23365</t>
  </si>
  <si>
    <t>GGPS HAJI NAZAR</t>
  </si>
  <si>
    <t>Basti haji nazar muhammad</t>
  </si>
  <si>
    <t>Basti Haji Nazar Muhammad</t>
  </si>
  <si>
    <t>41755</t>
  </si>
  <si>
    <t>51317</t>
  </si>
  <si>
    <t>GGHS CHAK BEDI</t>
  </si>
  <si>
    <t>gghs chak bedi</t>
  </si>
  <si>
    <t>chak bedi</t>
  </si>
  <si>
    <t>Ayesha Shafi</t>
  </si>
  <si>
    <t>GPS NATHU KLAIR</t>
  </si>
  <si>
    <t>nathu klair p/o badiana teh. pasrur dis. sialkot</t>
  </si>
  <si>
    <t>GGPS CHAK NO. 123/1-L</t>
  </si>
  <si>
    <t>Chak 123 1L</t>
  </si>
  <si>
    <t>Ggpschak 1231.L bagh-o-bahar</t>
  </si>
  <si>
    <t>Bagh-o-bahar</t>
  </si>
  <si>
    <t>Yasmeen Rasheed</t>
  </si>
  <si>
    <t>53501</t>
  </si>
  <si>
    <t>GGES CHAK NO.11/GD KALAPUR</t>
  </si>
  <si>
    <t>KALAPUR</t>
  </si>
  <si>
    <t>11/GD KALAPUR</t>
  </si>
  <si>
    <t>UZMA NAWAZ</t>
  </si>
  <si>
    <t>GPS TAPPA</t>
  </si>
  <si>
    <t>Bait Wasawa Kalru Wala</t>
  </si>
  <si>
    <t>Gps Tappa</t>
  </si>
  <si>
    <t>Bait Wasawa Kalru</t>
  </si>
  <si>
    <t>Bait Wasawa Kalru Shumali</t>
  </si>
  <si>
    <t>23399</t>
  </si>
  <si>
    <t>GPS THEKRIAN</t>
  </si>
  <si>
    <t>village and po box Theekrian monian</t>
  </si>
  <si>
    <t>Chkorri Bheelowal</t>
  </si>
  <si>
    <t>54292</t>
  </si>
  <si>
    <t>39843</t>
  </si>
  <si>
    <t>GGPS RASHEED ABAD</t>
  </si>
  <si>
    <t>g g p.s rasheed abad tehsil LQP zilah rahimyar khan</t>
  </si>
  <si>
    <t>Dera 25</t>
  </si>
  <si>
    <t>33232</t>
  </si>
  <si>
    <t>GGPS KUL BAJWA NO. 2</t>
  </si>
  <si>
    <t>Village kalokay post office chicharyali tehsile pasrur district sialkot</t>
  </si>
  <si>
    <t>samina kalsoom</t>
  </si>
  <si>
    <t>25431</t>
  </si>
  <si>
    <t>32673</t>
  </si>
  <si>
    <t>GPS TIBBA SULTAN PUR</t>
  </si>
  <si>
    <t>Choudri</t>
  </si>
  <si>
    <t>lalazar colony kot addu</t>
  </si>
  <si>
    <t>Muhammad Rizwan Wiirasat</t>
  </si>
  <si>
    <t>GHS CHAK NO. 32 DB</t>
  </si>
  <si>
    <t>Chak no 32 db tehsil and district mianwali</t>
  </si>
  <si>
    <t>Chak No 32 Db</t>
  </si>
  <si>
    <t>muhammad tariq khalid</t>
  </si>
  <si>
    <t>34582</t>
  </si>
  <si>
    <t>GGCMES KHAN PUR MARAL MULTAN</t>
  </si>
  <si>
    <t>Khan Pur Marral</t>
  </si>
  <si>
    <t>GGCMES Khan pur Marral</t>
  </si>
  <si>
    <t>7318</t>
  </si>
  <si>
    <t>GGPS SHEIKH ABDUL KHALIQ</t>
  </si>
  <si>
    <t>basti sheik abdul khaliq dakkhana allah abad teshil liaqat pur</t>
  </si>
  <si>
    <t>Basti Sheik Abdul Khaliq</t>
  </si>
  <si>
    <t>Farzana Bukhari</t>
  </si>
  <si>
    <t>GMPS ROLLIA</t>
  </si>
  <si>
    <t>Rolia</t>
  </si>
  <si>
    <t>vpo Rolia</t>
  </si>
  <si>
    <t>GGPS BASTI DHARANI</t>
  </si>
  <si>
    <t>basti dharani moza hasil pur zahir pir</t>
  </si>
  <si>
    <t>Basti Dharani</t>
  </si>
  <si>
    <t>Sajida Tabbasum</t>
  </si>
  <si>
    <t>51621</t>
  </si>
  <si>
    <t>GGPS 67 D</t>
  </si>
  <si>
    <t>67d</t>
  </si>
  <si>
    <t>neibour</t>
  </si>
  <si>
    <t>37359</t>
  </si>
  <si>
    <t>32696</t>
  </si>
  <si>
    <t>GGHS IQBAL HUSSAIN AGAHI ROAD MULTAN</t>
  </si>
  <si>
    <t>Shah Rukn E Shah Rukn E Shah Rukne Alam</t>
  </si>
  <si>
    <t>Govt Iqbal Girls High school Hussain Agahi Multan</t>
  </si>
  <si>
    <t>Hussain Agahi</t>
  </si>
  <si>
    <t>32697</t>
  </si>
  <si>
    <t>11221</t>
  </si>
  <si>
    <t>GGPS CHAK NO. 148/TDA BASTI SIAL</t>
  </si>
  <si>
    <t>Lohanch Nashib</t>
  </si>
  <si>
    <t>148a tda basti sial</t>
  </si>
  <si>
    <t>hand pump+ Tap</t>
  </si>
  <si>
    <t>53385</t>
  </si>
  <si>
    <t>GGPS 41 GD</t>
  </si>
  <si>
    <t>41gd</t>
  </si>
  <si>
    <t>40gdraypur</t>
  </si>
  <si>
    <t>Ayesha Choudhry</t>
  </si>
  <si>
    <t>32713</t>
  </si>
  <si>
    <t>GPS DANDAN OAT</t>
  </si>
  <si>
    <t>Dandan Oat</t>
  </si>
  <si>
    <t>mouza dandan oat po tranda m pnah tehsil liaquat pur</t>
  </si>
  <si>
    <t>22561</t>
  </si>
  <si>
    <t>GGES AHMED KHAN WALA</t>
  </si>
  <si>
    <t>Gges Ahmad khan wala</t>
  </si>
  <si>
    <t>Fouzia Nasreen</t>
  </si>
  <si>
    <t>GHS S.S. QILA KALAR WALA</t>
  </si>
  <si>
    <t>QILA KALAR WALA TEHSIL PASRUR DISTRICT SIALKOT</t>
  </si>
  <si>
    <t>GMPS HAVELI AJAIB SINGH</t>
  </si>
  <si>
    <t>Govt.Model P/S havali ajaib singh</t>
  </si>
  <si>
    <t>Havali Ajaib Singh</t>
  </si>
  <si>
    <t>Raisa Shaheen</t>
  </si>
  <si>
    <t>GGPS ASIF ABAD (De-consolidated April-2016)</t>
  </si>
  <si>
    <t>Asif Abad</t>
  </si>
  <si>
    <t>Asif Abad, H B Shah</t>
  </si>
  <si>
    <t>32594</t>
  </si>
  <si>
    <t>GGPS FAIZ PUR COLONY</t>
  </si>
  <si>
    <t>Faizpurcoloy</t>
  </si>
  <si>
    <t>faizpur colony</t>
  </si>
  <si>
    <t>Faizpur Colony</t>
  </si>
  <si>
    <t>Faizpur Kala</t>
  </si>
  <si>
    <t>Naheed Anver</t>
  </si>
  <si>
    <t>GES KHARAPER HITHAR</t>
  </si>
  <si>
    <t>Kharaper Hithar</t>
  </si>
  <si>
    <t>GPS KHOKHAR</t>
  </si>
  <si>
    <t>village &amp;P\O Khokhar tehsil pasrur district sialkot</t>
  </si>
  <si>
    <t>Talwandi Inayat  Khan</t>
  </si>
  <si>
    <t>GPS CHANJNI</t>
  </si>
  <si>
    <t>GBPS Chanjni markaz khan Bela</t>
  </si>
  <si>
    <t>GGPS BOSAL SHARIF</t>
  </si>
  <si>
    <t>Bosal Sharif</t>
  </si>
  <si>
    <t>bosal sharif</t>
  </si>
  <si>
    <t>Kulywal Sydan</t>
  </si>
  <si>
    <t>Muqaddas Bibi</t>
  </si>
  <si>
    <t>GES THATHA BHATIAN</t>
  </si>
  <si>
    <t>THATHA BHATTIAN BHATTIAN</t>
  </si>
  <si>
    <t>GES THATHA BHATTIAN</t>
  </si>
  <si>
    <t>THATHA BHATTIAN</t>
  </si>
  <si>
    <t>CHAK NO.12/68</t>
  </si>
  <si>
    <t>Muhammad Tayyab Wattoo</t>
  </si>
  <si>
    <t>30925</t>
  </si>
  <si>
    <t>GGHS SHAH PUR KANJRAN</t>
  </si>
  <si>
    <t>shahpur kanjra multan road</t>
  </si>
  <si>
    <t>Memuna Perveen</t>
  </si>
  <si>
    <t>51358</t>
  </si>
  <si>
    <t>GGES HOTTA</t>
  </si>
  <si>
    <t>Chak Hotta,Tehsil &amp; District Pakpattan Sharif</t>
  </si>
  <si>
    <t>Tahira Abbasi</t>
  </si>
  <si>
    <t>GPS ABDUL MAJEED</t>
  </si>
  <si>
    <t>M0nithal</t>
  </si>
  <si>
    <t>5/p</t>
  </si>
  <si>
    <t>jetha Bhutta</t>
  </si>
  <si>
    <t>Taj Mahmood</t>
  </si>
  <si>
    <t>GGPS 5-1AL</t>
  </si>
  <si>
    <t>5/1al</t>
  </si>
  <si>
    <t>chak no 5/1AL teh RNK distt.OKARA</t>
  </si>
  <si>
    <t>TABASSUM ABDUL GHAFFAR</t>
  </si>
  <si>
    <t>GMPS CHAK 6/A BASTI AWAN</t>
  </si>
  <si>
    <t>Chak6/a Basti</t>
  </si>
  <si>
    <t>chak 6/a Basti awan Tehsil LQP distt RYK</t>
  </si>
  <si>
    <t>Chk6/a Basti awan</t>
  </si>
  <si>
    <t>Kishwar parveen</t>
  </si>
  <si>
    <t>GMHS KASHMIR KOTLI FAQIR CHAND</t>
  </si>
  <si>
    <t>vpo kotli faqir Chand tehsil pasrur district sialkot</t>
  </si>
  <si>
    <t>GHS MIAL</t>
  </si>
  <si>
    <t>village and PO Mial teh and distt rawalpindi</t>
  </si>
  <si>
    <t>37290</t>
  </si>
  <si>
    <t>GMPS 38/10-R, KACHA KHUH</t>
  </si>
  <si>
    <t>chak no 38/10r, kacha khuh, khanewal</t>
  </si>
  <si>
    <t>38/10R</t>
  </si>
  <si>
    <t>36/10R Jahangirabad</t>
  </si>
  <si>
    <t>Mehwish Hina</t>
  </si>
  <si>
    <t>34645</t>
  </si>
  <si>
    <t>33090</t>
  </si>
  <si>
    <t>GGPS CANADA COLONY</t>
  </si>
  <si>
    <t>Nankana sahib</t>
  </si>
  <si>
    <t>govt girls primary school canada colony nankana sahib</t>
  </si>
  <si>
    <t>Asia Shaban</t>
  </si>
  <si>
    <t>53049</t>
  </si>
  <si>
    <t>GHS FARIDIA FAIZ E AAM  MURDANI</t>
  </si>
  <si>
    <t>ghs faridia faiz e amm murdani</t>
  </si>
  <si>
    <t>Saleem Ka</t>
  </si>
  <si>
    <t>44985</t>
  </si>
  <si>
    <t>GPS DHRAIJA NAGAR</t>
  </si>
  <si>
    <t>GPS Dhareja Nagar</t>
  </si>
  <si>
    <t>Malik Naeem Hussain</t>
  </si>
  <si>
    <t>47432</t>
  </si>
  <si>
    <t>GMPS CHAK NO. 25 DB</t>
  </si>
  <si>
    <t>village chak 25 db p.o. box 22 db</t>
  </si>
  <si>
    <t>Chak 25 Db</t>
  </si>
  <si>
    <t>Muzafar Pur South</t>
  </si>
  <si>
    <t>Saima Khatoon</t>
  </si>
  <si>
    <t>GPS ROSHAN SHAH</t>
  </si>
  <si>
    <t>Bait Ray Ali</t>
  </si>
  <si>
    <t>chah roshan shah mouza bait raili tehsil and district m.gurh</t>
  </si>
  <si>
    <t>GGPS CHAK NO.123/TDA OLD</t>
  </si>
  <si>
    <t>chak 123 tda layyah</t>
  </si>
  <si>
    <t>Aisha Aslam</t>
  </si>
  <si>
    <t>7254</t>
  </si>
  <si>
    <t>33271</t>
  </si>
  <si>
    <t>GPS Model BALLO KHEL</t>
  </si>
  <si>
    <t>GPS ballo khel mianwali</t>
  </si>
  <si>
    <t>MUHAMMAD RIAZ KHAN</t>
  </si>
  <si>
    <t>GPS CHAK NO. 41 / 3-R</t>
  </si>
  <si>
    <t>chak #41/3R okara</t>
  </si>
  <si>
    <t>40/3R</t>
  </si>
  <si>
    <t>34297</t>
  </si>
  <si>
    <t>GGHS LUTAF ABAD</t>
  </si>
  <si>
    <t>Lutafabad</t>
  </si>
  <si>
    <t>GGHS Lutafabad  Multan</t>
  </si>
  <si>
    <t>Fehmida Ali</t>
  </si>
  <si>
    <t>33279</t>
  </si>
  <si>
    <t>GHS MUSLIM TAPIALA</t>
  </si>
  <si>
    <t>V/P/O TAPIALA, TEHSILE KHARIAN, DISTRICT GUJRAT.</t>
  </si>
  <si>
    <t>SAJJAD AHMED</t>
  </si>
  <si>
    <t>GGPS TIBI KALO WALI NEW</t>
  </si>
  <si>
    <t>Tibi Kalu Wali</t>
  </si>
  <si>
    <t>tibi kalu wali Dak khna bunga hayat</t>
  </si>
  <si>
    <t>Tibi Kalu Wali New</t>
  </si>
  <si>
    <t>Hella Wattoan</t>
  </si>
  <si>
    <t>GPS CHAK NO 43 P</t>
  </si>
  <si>
    <t>43/p</t>
  </si>
  <si>
    <t>GBPS 43/p</t>
  </si>
  <si>
    <t>GGPS CHAK NO.423-B/TDA</t>
  </si>
  <si>
    <t>Chak No 423B/TDA</t>
  </si>
  <si>
    <t>chak No.423B/TDA  Teh.&amp; Distt Layyah</t>
  </si>
  <si>
    <t>Chak No423B/TDA</t>
  </si>
  <si>
    <t>33291</t>
  </si>
  <si>
    <t>GPS GULAB GURMANI</t>
  </si>
  <si>
    <t>Gulabgurmani</t>
  </si>
  <si>
    <t>basti nawa mouza gulab gurmani p/o karam dad qureshi</t>
  </si>
  <si>
    <t>Karam Dad Qureshi</t>
  </si>
  <si>
    <t>Muhammad Sohail Asghar</t>
  </si>
  <si>
    <t>33293</t>
  </si>
  <si>
    <t>23127</t>
  </si>
  <si>
    <t>GGPS KHARIAN NO.4</t>
  </si>
  <si>
    <t>GGPS 4Kharian mehdi drbar wali gli gulyan  road  kharian</t>
  </si>
  <si>
    <t>Shahida Hasan</t>
  </si>
  <si>
    <t>neighbour s' waterpump</t>
  </si>
  <si>
    <t>53646</t>
  </si>
  <si>
    <t>49889</t>
  </si>
  <si>
    <t>basti bhattia chk#94/NP tehsil khanpur distt.RYk</t>
  </si>
  <si>
    <t>Bhatian</t>
  </si>
  <si>
    <t>Muhammad Nadeem Khan</t>
  </si>
  <si>
    <t>33299</t>
  </si>
  <si>
    <t>53778</t>
  </si>
  <si>
    <t>GGHS 16/1-L</t>
  </si>
  <si>
    <t>16/1L</t>
  </si>
  <si>
    <t>13/1L</t>
  </si>
  <si>
    <t>SHAHIDA SAEED</t>
  </si>
  <si>
    <t>GPS GONDAL WALA</t>
  </si>
  <si>
    <t>Essan wali</t>
  </si>
  <si>
    <t>Basti kanhal moza esan wali</t>
  </si>
  <si>
    <t>Basti kanhal</t>
  </si>
  <si>
    <t>GGPS JHANDIAN WALA</t>
  </si>
  <si>
    <t>Jhandian Wala</t>
  </si>
  <si>
    <t>GGPS Jhandian wala</t>
  </si>
  <si>
    <t>33305</t>
  </si>
  <si>
    <t>10830</t>
  </si>
  <si>
    <t>GGPS CHAK NO.471/TDA</t>
  </si>
  <si>
    <t>chak no 471 tda.</t>
  </si>
  <si>
    <t>Chak No 471 Tda</t>
  </si>
  <si>
    <t>35575</t>
  </si>
  <si>
    <t>GHS LALO P/O DOKOTA</t>
  </si>
  <si>
    <t>MOUZA LALO MAILSI , VEHARI</t>
  </si>
  <si>
    <t>GPS BALUCH NAGAR</t>
  </si>
  <si>
    <t>Phol LoLai</t>
  </si>
  <si>
    <t>Basti Deen mohammad,p/o Zahir pir,tehsil khan pur District.  Rahim Yar khan</t>
  </si>
  <si>
    <t>Basti Deen Mohamma</t>
  </si>
  <si>
    <t>Glazi Pur</t>
  </si>
  <si>
    <t>GGHS MC O/S PAK GATE MULTAN</t>
  </si>
  <si>
    <t>Pak gate multan</t>
  </si>
  <si>
    <t>Kasab Pura</t>
  </si>
  <si>
    <t>Sultana Aslam</t>
  </si>
  <si>
    <t>46229</t>
  </si>
  <si>
    <t>33318</t>
  </si>
  <si>
    <t>51733</t>
  </si>
  <si>
    <t>GMPS CHAK NO. 4/SP</t>
  </si>
  <si>
    <t>4 Sp</t>
  </si>
  <si>
    <t>4 sp PAKPATTAAN</t>
  </si>
  <si>
    <t>Chak No 4 Sp</t>
  </si>
  <si>
    <t>Salma Nasreen</t>
  </si>
  <si>
    <t>25433</t>
  </si>
  <si>
    <t>37146</t>
  </si>
  <si>
    <t>36420156</t>
  </si>
  <si>
    <t>42/10-R T&amp;D KHANEWAL</t>
  </si>
  <si>
    <t>chak no 42/10-R</t>
  </si>
  <si>
    <t>GHS PACCA LARAN</t>
  </si>
  <si>
    <t>pakalaran</t>
  </si>
  <si>
    <t>pakalaranpopakalaran</t>
  </si>
  <si>
    <t>pakalarann</t>
  </si>
  <si>
    <t>Nazar Muhammad Balouch</t>
  </si>
  <si>
    <t>10901</t>
  </si>
  <si>
    <t>Ggps basti gujjar basti haidru khokhar wala</t>
  </si>
  <si>
    <t>Basti Haidru</t>
  </si>
  <si>
    <t>Jakkhar</t>
  </si>
  <si>
    <t>Irum Zahra</t>
  </si>
  <si>
    <t>40273</t>
  </si>
  <si>
    <t>GHS KHAR GHARBI</t>
  </si>
  <si>
    <t>Khar gharbi</t>
  </si>
  <si>
    <t>govt.high school khar gharbi  post office Sanawan Tehsil. kot Adu</t>
  </si>
  <si>
    <t>Sheraz Akbar</t>
  </si>
  <si>
    <t>53314</t>
  </si>
  <si>
    <t>GES CHAK NO. 22/GD</t>
  </si>
  <si>
    <t>22 Gd</t>
  </si>
  <si>
    <t>22 gd okara</t>
  </si>
  <si>
    <t>Zakheera Gushkory</t>
  </si>
  <si>
    <t>Muhammad Akram Sabir</t>
  </si>
  <si>
    <t>41346</t>
  </si>
  <si>
    <t>GPS THALL DARYA</t>
  </si>
  <si>
    <t>Chouhan</t>
  </si>
  <si>
    <t>basti jaan muhammad moza chuhan post office shahida bad tesil liaquatpur district raheem yar khan</t>
  </si>
  <si>
    <t>Basti Jaan Muhammad</t>
  </si>
  <si>
    <t>Rasool Bakhsh</t>
  </si>
  <si>
    <t>34527</t>
  </si>
  <si>
    <t>GGPS BASTI JHAKKAR</t>
  </si>
  <si>
    <t>Moza basti jakhar</t>
  </si>
  <si>
    <t>38941</t>
  </si>
  <si>
    <t>GGPS MOTI WALA</t>
  </si>
  <si>
    <t>ward no 14 b kot adu</t>
  </si>
  <si>
    <t>34532</t>
  </si>
  <si>
    <t>basti pitafi moza sarishta nashaib</t>
  </si>
  <si>
    <t>Nadia Ismaeel</t>
  </si>
  <si>
    <t>GGPS KHOKHAR WALA OLD</t>
  </si>
  <si>
    <t>Khokhar wala</t>
  </si>
  <si>
    <t>GGP/S KHOKHAR WALA OLD</t>
  </si>
  <si>
    <t>Khokhar wala Basti khakh</t>
  </si>
  <si>
    <t>Razia Baigam</t>
  </si>
  <si>
    <t>P.O kandani Maoza Hussain Abad Tehsil liaqatpur</t>
  </si>
  <si>
    <t>Siddique Ahmad Saeedi</t>
  </si>
  <si>
    <t>GGPS PIHAR GHARBI</t>
  </si>
  <si>
    <t>basti pirhar gharbi tahsil kot adu</t>
  </si>
  <si>
    <t>Basti Pirhar</t>
  </si>
  <si>
    <t>Farzana Faiz</t>
  </si>
  <si>
    <t>GGPS GUT NASHAIB</t>
  </si>
  <si>
    <t>G.G P/S Gut Nashib</t>
  </si>
  <si>
    <t>Basti Gujjar</t>
  </si>
  <si>
    <t>Rubina Akhter</t>
  </si>
  <si>
    <t>jaman shah old</t>
  </si>
  <si>
    <t>Jaman Shah Old</t>
  </si>
  <si>
    <t>Kalsom Bano</t>
  </si>
  <si>
    <t>34540</t>
  </si>
  <si>
    <t>GHS douna</t>
  </si>
  <si>
    <t>Abdul Hamed Zahid</t>
  </si>
  <si>
    <t>GHSS KHAN BELA</t>
  </si>
  <si>
    <t>KLP ROAD KHAN BELA</t>
  </si>
  <si>
    <t>Arshad Javed</t>
  </si>
  <si>
    <t>53821</t>
  </si>
  <si>
    <t>GGPS CHAK NO.1/GD DARBAR GUL</t>
  </si>
  <si>
    <t>Chak No 1gd</t>
  </si>
  <si>
    <t>ggps 1gd darbargil</t>
  </si>
  <si>
    <t>GHAZALA  YASMEEN</t>
  </si>
  <si>
    <t>10966</t>
  </si>
  <si>
    <t>GGPS SARISHATA BAIROON KUNEL NASHAIB</t>
  </si>
  <si>
    <t>\nbasti lali kunel nashib</t>
  </si>
  <si>
    <t>Basti Lali</t>
  </si>
  <si>
    <t>FARZANA KANWAL</t>
  </si>
  <si>
    <t>11622</t>
  </si>
  <si>
    <t>GPS MITHOO WALA</t>
  </si>
  <si>
    <t>wardno 14 c kot addu</t>
  </si>
  <si>
    <t>Mohammad Tariq Saleem</t>
  </si>
  <si>
    <t>17856</t>
  </si>
  <si>
    <t>35483</t>
  </si>
  <si>
    <t>53828</t>
  </si>
  <si>
    <t>GGPS CHAK NO.8/GD</t>
  </si>
  <si>
    <t>8Gd</t>
  </si>
  <si>
    <t>moza khola distt okara</t>
  </si>
  <si>
    <t>8gd</t>
  </si>
  <si>
    <t>GGPS CHAK NO.464/TDA</t>
  </si>
  <si>
    <t>464 TDA</t>
  </si>
  <si>
    <t>Chak No 464 TDA</t>
  </si>
  <si>
    <t>Rehana Asghar</t>
  </si>
  <si>
    <t>25494</t>
  </si>
  <si>
    <t>53206</t>
  </si>
  <si>
    <t>GPS CHAK NO. 21/4-L</t>
  </si>
  <si>
    <t>Chak 21/4L</t>
  </si>
  <si>
    <t>chak 21/4L Okara cantt.</t>
  </si>
  <si>
    <t>Nasir khan</t>
  </si>
  <si>
    <t>GGPS SARISHTA NASHAIB</t>
  </si>
  <si>
    <t>Govt.Girls primary school sarishta Nashaib jaman shah</t>
  </si>
  <si>
    <t>GGPS SHERAN WALA</t>
  </si>
  <si>
    <t>sarishta nashaib</t>
  </si>
  <si>
    <t>ggps sheran wala</t>
  </si>
  <si>
    <t>sheran wala</t>
  </si>
  <si>
    <t>jakhar</t>
  </si>
  <si>
    <t>AMRA NASEEM</t>
  </si>
  <si>
    <t>12389</t>
  </si>
  <si>
    <t>GES SANA ABAD</t>
  </si>
  <si>
    <t>Muhabbat Sohrani</t>
  </si>
  <si>
    <t>basti Faizabad,mouza mohabbat sohrani,p/o basti shadi khan,teh&amp; distt Muzaffargarh.</t>
  </si>
  <si>
    <t>Gulqaim Mastoi</t>
  </si>
  <si>
    <t>Imran Aamir</t>
  </si>
  <si>
    <t>GGPS MANJOTHAY WALA</t>
  </si>
  <si>
    <t>Hanjrai Mustaqil Sharqi</t>
  </si>
  <si>
    <t>chah Manjothay Wala P/o ehsaanpur</t>
  </si>
  <si>
    <t>Manjothay Wala</t>
  </si>
  <si>
    <t>Ehsaanpur</t>
  </si>
  <si>
    <t>GPS GUDARA</t>
  </si>
  <si>
    <t>Basti Gudara P/O Rang Pur Tehsile &amp; Distt.Muzaffar Garh</t>
  </si>
  <si>
    <t>GPS LOWN WALA</t>
  </si>
  <si>
    <t>Lownwala</t>
  </si>
  <si>
    <t>Mouza lown Wala p/o Allah Abad Teh Liaquat Pur</t>
  </si>
  <si>
    <t>Hassanwali</t>
  </si>
  <si>
    <t>AYAZ MEHMOOD</t>
  </si>
  <si>
    <t>12419</t>
  </si>
  <si>
    <t>GES UTRA SANDILA</t>
  </si>
  <si>
    <t>Uttra sandila</t>
  </si>
  <si>
    <t>uttra sandila</t>
  </si>
  <si>
    <t>Muhammad Safdar Shehzad</t>
  </si>
  <si>
    <t>GMPS MUHAMMAD BUX DAHA</t>
  </si>
  <si>
    <t>GMPS Muhammad Bux Daha</t>
  </si>
  <si>
    <t>Rais Muhammad Bux</t>
  </si>
  <si>
    <t>53675</t>
  </si>
  <si>
    <t>GPS CHAK NO 13/1L</t>
  </si>
  <si>
    <t>13/1.L</t>
  </si>
  <si>
    <t>Adnan Asghar</t>
  </si>
  <si>
    <t>34597</t>
  </si>
  <si>
    <t>53264</t>
  </si>
  <si>
    <t>GES CHAK 51/2L OKARA</t>
  </si>
  <si>
    <t>51/2L</t>
  </si>
  <si>
    <t>Govt. Elementary School chak# 51/2L</t>
  </si>
  <si>
    <t>34611</t>
  </si>
  <si>
    <t>Bulaki Wali</t>
  </si>
  <si>
    <t>Shafiq Akhtar</t>
  </si>
  <si>
    <t>GPS 161/7-R</t>
  </si>
  <si>
    <t>161/7R</t>
  </si>
  <si>
    <t>chak 161/7R TEHSIL LIAQUAT PUR</t>
  </si>
  <si>
    <t>225/-L Islam Garh</t>
  </si>
  <si>
    <t>Ijaz Hussain Matloob</t>
  </si>
  <si>
    <t>GGPS TAUNSA MORE</t>
  </si>
  <si>
    <t>patal garbi mustakil</t>
  </si>
  <si>
    <t>Basti darkhan wali</t>
  </si>
  <si>
    <t>Basti Darkhan Wali</t>
  </si>
  <si>
    <t>chaudhary</t>
  </si>
  <si>
    <t>Javaria Ambreen</t>
  </si>
  <si>
    <t>GGPS RASOOL BUX DAWNA</t>
  </si>
  <si>
    <t>basti downa</t>
  </si>
  <si>
    <t>GGPS THATHA MADOO KA</t>
  </si>
  <si>
    <t>Madooka</t>
  </si>
  <si>
    <t>GGPS thatha madooka</t>
  </si>
  <si>
    <t>Sabahat Yousaf</t>
  </si>
  <si>
    <t>25155</t>
  </si>
  <si>
    <t>53273</t>
  </si>
  <si>
    <t>GPS SARAI KALASAN</t>
  </si>
  <si>
    <t>Sarai Kalasan</t>
  </si>
  <si>
    <t>sarai kalasan okara</t>
  </si>
  <si>
    <t>53593</t>
  </si>
  <si>
    <t>GHS MOPALKE</t>
  </si>
  <si>
    <t>mopalke</t>
  </si>
  <si>
    <t>GHS MOPALKE TEHSIL RENALA KHURD DISTT OKARA</t>
  </si>
  <si>
    <t>Mopalke</t>
  </si>
  <si>
    <t>Muhammad Ahmad Khan S/O Fazal Haq</t>
  </si>
  <si>
    <t>34392</t>
  </si>
  <si>
    <t>GHS TARINDA SAWAY KHAN</t>
  </si>
  <si>
    <t>Tarinda Sway Khan</t>
  </si>
  <si>
    <t>Govt, Boys sec, school tarinda saway khan Rahim yar khan</t>
  </si>
  <si>
    <t>Nazir Ali Anjum</t>
  </si>
  <si>
    <t>34397</t>
  </si>
  <si>
    <t>GHS MOHUTA MOHRA</t>
  </si>
  <si>
    <t>Mahuta</t>
  </si>
  <si>
    <t>village Mahuta Via chak beli khan rawalpindi</t>
  </si>
  <si>
    <t>raika maira</t>
  </si>
  <si>
    <t>hifazat Hussain</t>
  </si>
  <si>
    <t>34406</t>
  </si>
  <si>
    <t>GGPS BASTI TEHAI</t>
  </si>
  <si>
    <t>Basti Tehai Mouza Ladha Langar Post office Shaikh Umer Kot Addu</t>
  </si>
  <si>
    <t>Basti tehai</t>
  </si>
  <si>
    <t>GGPS AKHTER ABAD</t>
  </si>
  <si>
    <t>G  G P S Akhtar abad moza halls  Tehasil kot addu</t>
  </si>
  <si>
    <t>Qazi Walla</t>
  </si>
  <si>
    <t>Dreegh</t>
  </si>
  <si>
    <t>Zareena Parveen</t>
  </si>
  <si>
    <t>GPS TARIQ MAHMOOD WALA</t>
  </si>
  <si>
    <t>Mauza Chan Wala, P/O Qasba Gujrat, Tehsil Kot Addu, District Muzaffargarh</t>
  </si>
  <si>
    <t>Muhammad Tauqeer Nawaz</t>
  </si>
  <si>
    <t>GHS TALBANI</t>
  </si>
  <si>
    <t>mouza shams abad</t>
  </si>
  <si>
    <t>mouza  shams abad tehsil liaquatpur district rahim yar khan</t>
  </si>
  <si>
    <t>talbani</t>
  </si>
  <si>
    <t>GGPS CHAK NO.393/TDA</t>
  </si>
  <si>
    <t>Gollay Wala 393tda</t>
  </si>
  <si>
    <t>20582</t>
  </si>
  <si>
    <t>41774</t>
  </si>
  <si>
    <t>GPS MALANA</t>
  </si>
  <si>
    <t>Malana</t>
  </si>
  <si>
    <t>lari malana</t>
  </si>
  <si>
    <t>Tarahia</t>
  </si>
  <si>
    <t>Saghir Ahmed</t>
  </si>
  <si>
    <t>GGHS CDG SHADMAN COLONY</t>
  </si>
  <si>
    <t>cdg ghs shadman colony lahore</t>
  </si>
  <si>
    <t>Data Ganj Bksh</t>
  </si>
  <si>
    <t>SANOBER MEHMOOD RANA</t>
  </si>
  <si>
    <t>34442</t>
  </si>
  <si>
    <t>GGPS ABDUL HASSAN WALA</t>
  </si>
  <si>
    <t>abu al hassan</t>
  </si>
  <si>
    <t>Abu Al Hassan</t>
  </si>
  <si>
    <t>muddsar batool</t>
  </si>
  <si>
    <t>15641</t>
  </si>
  <si>
    <t>GHS CHAK NO 51 P</t>
  </si>
  <si>
    <t>CHAK NO 51 P, RAHIM YAR KHAN</t>
  </si>
  <si>
    <t>CHAK NO 51 P</t>
  </si>
  <si>
    <t>TAPL</t>
  </si>
  <si>
    <t>GPS UMAR WADA GACHAL</t>
  </si>
  <si>
    <t>Imam Bux UNAR</t>
  </si>
  <si>
    <t>Moza imam Bux UNAR basti Haji Lal khan</t>
  </si>
  <si>
    <t>Basti Haji Lal Khan</t>
  </si>
  <si>
    <t>34451</t>
  </si>
  <si>
    <t>GGPS BASTI TARAGGAR</t>
  </si>
  <si>
    <t>ggps basti tragar layyah</t>
  </si>
  <si>
    <t>Manzor Abad</t>
  </si>
  <si>
    <t>Nadia Ahmed</t>
  </si>
  <si>
    <t>GPS RAKHAN</t>
  </si>
  <si>
    <t>bharyog</t>
  </si>
  <si>
    <t>Bastian rakhan</t>
  </si>
  <si>
    <t>rakhan</t>
  </si>
  <si>
    <t>gurmani sharqi</t>
  </si>
  <si>
    <t>53630</t>
  </si>
  <si>
    <t>GGES CHAK NO. 4/1-L</t>
  </si>
  <si>
    <t>4/1L</t>
  </si>
  <si>
    <t>GGES 4/1.L</t>
  </si>
  <si>
    <t>6/1L</t>
  </si>
  <si>
    <t>Rahat Nasreen</t>
  </si>
  <si>
    <t>GGES PUNJAB MODEL KARIM PARK, LAHORE</t>
  </si>
  <si>
    <t>138 Karim park lhr</t>
  </si>
  <si>
    <t>Ameen Park</t>
  </si>
  <si>
    <t>Raheela Jameel</t>
  </si>
  <si>
    <t>12373</t>
  </si>
  <si>
    <t>GHS SHARIF CHAJRA</t>
  </si>
  <si>
    <t>GHS Sharif Chhajra</t>
  </si>
  <si>
    <t>GGPS SHAHZADAY WALA</t>
  </si>
  <si>
    <t>Muhalla sabhagay wala basti shehzaday wala mauza pirharh sharqi</t>
  </si>
  <si>
    <t>Sabhagay wala</t>
  </si>
  <si>
    <t>Saima GHaffar</t>
  </si>
  <si>
    <t>34462</t>
  </si>
  <si>
    <t>GGES CHAK NO 160-B TDA PO JAMAN SHAH</t>
  </si>
  <si>
    <t>Sarishta Thul</t>
  </si>
  <si>
    <t>GGE/S chak no 160  b /TDA</t>
  </si>
  <si>
    <t>Chak No 160B/TDA</t>
  </si>
  <si>
    <t>53133</t>
  </si>
  <si>
    <t>GGHS JABOKA</t>
  </si>
  <si>
    <t>govt.Girls High School Jaboka -p/o same jaboka</t>
  </si>
  <si>
    <t>naila shahzady</t>
  </si>
  <si>
    <t>GPS TAYAB BOLOUCH</t>
  </si>
  <si>
    <t>Tayyab Baloch</t>
  </si>
  <si>
    <t>Basti Tayyab Baloch,</t>
  </si>
  <si>
    <t>Zahid Mehdi</t>
  </si>
  <si>
    <t>GGES CHAK NO.401/TDA</t>
  </si>
  <si>
    <t>Chak No 401</t>
  </si>
  <si>
    <t>g g e s 401/t d a distt layyah</t>
  </si>
  <si>
    <t>Chak No 401 /t D A</t>
  </si>
  <si>
    <t>Golly Wala</t>
  </si>
  <si>
    <t>34036</t>
  </si>
  <si>
    <t>GGHS CHAK NO. 14/A</t>
  </si>
  <si>
    <t>chak 14/a</t>
  </si>
  <si>
    <t>govt.girls high school chak no 14/a liaquatpur dist rahim yar khan</t>
  </si>
  <si>
    <t>chak no 14/a liaquatpur</t>
  </si>
  <si>
    <t>chak no 25/a</t>
  </si>
  <si>
    <t>SALMA TABSSUM</t>
  </si>
  <si>
    <t>34042</t>
  </si>
  <si>
    <t>GGHS KOT HAKIM ALI</t>
  </si>
  <si>
    <t>Kot Hakim Ali</t>
  </si>
  <si>
    <t>kot hakim ali raja jung kasur</t>
  </si>
  <si>
    <t>Beron Raja Jang</t>
  </si>
  <si>
    <t>Latifan Bashir</t>
  </si>
  <si>
    <t>22929</t>
  </si>
  <si>
    <t>34043</t>
  </si>
  <si>
    <t>GPS MUHAMMAD UMAR KOREEJA</t>
  </si>
  <si>
    <t>Basti tumrani baloch P/O Shedani sharif</t>
  </si>
  <si>
    <t>Basti Gara Bloch</t>
  </si>
  <si>
    <t>Shadani Sharif</t>
  </si>
  <si>
    <t>Ghulam Riaz</t>
  </si>
  <si>
    <t>34048</t>
  </si>
  <si>
    <t>54374</t>
  </si>
  <si>
    <t>GGPS BAHADRAY WALA</t>
  </si>
  <si>
    <t>chah ragarr wala moza shadi khan munda kot addu</t>
  </si>
  <si>
    <t>chah ragarr wala</t>
  </si>
  <si>
    <t>bano bibi</t>
  </si>
  <si>
    <t>7228</t>
  </si>
  <si>
    <t>GGPS NAWAN QILA</t>
  </si>
  <si>
    <t>Nawan Qila</t>
  </si>
  <si>
    <t>nawan qila</t>
  </si>
  <si>
    <t>Olakh Hathar</t>
  </si>
  <si>
    <t>Naheed Bukhary</t>
  </si>
  <si>
    <t>53266</t>
  </si>
  <si>
    <t>GES CHAK 53/2L</t>
  </si>
  <si>
    <t>53/2L</t>
  </si>
  <si>
    <t>House # 23  street # 3 Siddique Nagar GT road Okara</t>
  </si>
  <si>
    <t>Syed Sajjad Hussain Shamsi</t>
  </si>
  <si>
    <t>GES CHAK 106/P</t>
  </si>
  <si>
    <t>Chak 106 P</t>
  </si>
  <si>
    <t>chak 106 p RYK</t>
  </si>
  <si>
    <t>GMPS JALALDIN</t>
  </si>
  <si>
    <t>Jalaldin</t>
  </si>
  <si>
    <t>post office Haji Muhammad village jalaldin</t>
  </si>
  <si>
    <t>Mehak Bhatti</t>
  </si>
  <si>
    <t>34068</t>
  </si>
  <si>
    <t>GGPS CHAK NO. 536 TDA</t>
  </si>
  <si>
    <t>chak536</t>
  </si>
  <si>
    <t>chak 536/TDA</t>
  </si>
  <si>
    <t>536/TDA</t>
  </si>
  <si>
    <t>Naila Jabeen</t>
  </si>
  <si>
    <t>34069</t>
  </si>
  <si>
    <t>12867</t>
  </si>
  <si>
    <t>Bali Janubi</t>
  </si>
  <si>
    <t>Basti Hazoori,Markaz Darigh,Tehsil and district Muzaffargarh</t>
  </si>
  <si>
    <t>Basti Hazoori</t>
  </si>
  <si>
    <t>Thathaqureshi</t>
  </si>
  <si>
    <t>syeda khalida parveen</t>
  </si>
  <si>
    <t>34070</t>
  </si>
  <si>
    <t>39968</t>
  </si>
  <si>
    <t>GGPS CHAK 78/A</t>
  </si>
  <si>
    <t>78/a</t>
  </si>
  <si>
    <t>Chak78/a</t>
  </si>
  <si>
    <t>Chak 78/a</t>
  </si>
  <si>
    <t>Asifa Perveen</t>
  </si>
  <si>
    <t>34074</t>
  </si>
  <si>
    <t>23323</t>
  </si>
  <si>
    <t>GGCMS KOTLA SARRNG KHAN</t>
  </si>
  <si>
    <t>Kotla Sarrang Khan</t>
  </si>
  <si>
    <t>kotla sarrang Khan  PO paswal Tehsil kharian District Gujrat.</t>
  </si>
  <si>
    <t>Chakorri Sher Ghazi</t>
  </si>
  <si>
    <t>Ambreen Riaz</t>
  </si>
  <si>
    <t>46507</t>
  </si>
  <si>
    <t>GGES MOUZA CHANNA</t>
  </si>
  <si>
    <t>Channa</t>
  </si>
  <si>
    <t>basti mouza channa</t>
  </si>
  <si>
    <t>Tranda Sawy Khan</t>
  </si>
  <si>
    <t>34076</t>
  </si>
  <si>
    <t>51346</t>
  </si>
  <si>
    <t>GGHS 83 D</t>
  </si>
  <si>
    <t>83/d</t>
  </si>
  <si>
    <t>chk no 83/d teh n distt pakpattan</t>
  </si>
  <si>
    <t>UNSA RASHEED</t>
  </si>
  <si>
    <t>34078</t>
  </si>
  <si>
    <t>GGCEMS MOHUTA</t>
  </si>
  <si>
    <t>Village mahuta,p/o mohra,tehsil and district rawalpindi</t>
  </si>
  <si>
    <t>Raika Maira</t>
  </si>
  <si>
    <t>53259</t>
  </si>
  <si>
    <t>GPS 11/GD KALAPUR</t>
  </si>
  <si>
    <t>11gd kalapur</t>
  </si>
  <si>
    <t>chak 11gd kalapur tehsil &amp; Disst.okara</t>
  </si>
  <si>
    <t>14gd raza abad</t>
  </si>
  <si>
    <t>imran sharif</t>
  </si>
  <si>
    <t>GGES 129/1-L</t>
  </si>
  <si>
    <t>Chak 129/1L</t>
  </si>
  <si>
    <t>chak 129/1L</t>
  </si>
  <si>
    <t>Bhatta Sheikha 88</t>
  </si>
  <si>
    <t>GHS USMAN WALA</t>
  </si>
  <si>
    <t>Usman wala, kasur</t>
  </si>
  <si>
    <t>Mumtaaz ali</t>
  </si>
  <si>
    <t>GHS CHAK NO. 2/1-AL OKARA</t>
  </si>
  <si>
    <t>Chak No 2/1AL</t>
  </si>
  <si>
    <t>GHS Chak no.2/1.AL Tehsil Renala khurd District Okara</t>
  </si>
  <si>
    <t>Chak No 4/1AL klan</t>
  </si>
  <si>
    <t>GHS BASTI UNRAN</t>
  </si>
  <si>
    <t>Imam Bux Unar</t>
  </si>
  <si>
    <t>Basti unran p/o shahid abad tehsil liaquat pur</t>
  </si>
  <si>
    <t>Basti Unran</t>
  </si>
  <si>
    <t>Dufli Kabeer Khan</t>
  </si>
  <si>
    <t>Muhammad Iqbal Raza</t>
  </si>
  <si>
    <t>34093</t>
  </si>
  <si>
    <t>22904</t>
  </si>
  <si>
    <t>GGHS DHORIA</t>
  </si>
  <si>
    <t>v.p.o dhoria teh.kharian dist.Gujrat</t>
  </si>
  <si>
    <t>GGES CHAK NO.139/TDA NEW LAYYAH</t>
  </si>
  <si>
    <t>139/TNew Ly</t>
  </si>
  <si>
    <t>GGE/S chak No 139/New Layyah.</t>
  </si>
  <si>
    <t>shamshad bibi</t>
  </si>
  <si>
    <t>17636</t>
  </si>
  <si>
    <t>GGHS CHAK 109/1-L</t>
  </si>
  <si>
    <t>CHAK 109/1-L</t>
  </si>
  <si>
    <t>GGHS CHAK NO.109/1-L</t>
  </si>
  <si>
    <t>CHAK NO.109/1-L</t>
  </si>
  <si>
    <t>maria islam</t>
  </si>
  <si>
    <t>34097</t>
  </si>
  <si>
    <t>41612</t>
  </si>
  <si>
    <t>GHS KHAYABAN-E-SIR SYED SECTOR 3</t>
  </si>
  <si>
    <t>GOVT. BOYS HIGH SCHOOL KHAYABAN-E- SIR SYED SEC- III RAWALPINDI.</t>
  </si>
  <si>
    <t>nasir ali</t>
  </si>
  <si>
    <t>17831</t>
  </si>
  <si>
    <t>GHS ABAD PUR</t>
  </si>
  <si>
    <t>abad pur</t>
  </si>
  <si>
    <t>post office abad pur rY khan</t>
  </si>
  <si>
    <t>ALTAF AHMED</t>
  </si>
  <si>
    <t>GGPS CHAK NO.152-A/TDA</t>
  </si>
  <si>
    <t>Mohala Nora bad ward No 15 Layyah</t>
  </si>
  <si>
    <t>Chak No 152A</t>
  </si>
  <si>
    <t>Amarah Mariam</t>
  </si>
  <si>
    <t>24165</t>
  </si>
  <si>
    <t>GES SEHOWAL</t>
  </si>
  <si>
    <t>Sehowal</t>
  </si>
  <si>
    <t>Village Sehowal, Tehsil Pasrur, District Sialkot</t>
  </si>
  <si>
    <t>Shehzada</t>
  </si>
  <si>
    <t>29145</t>
  </si>
  <si>
    <t>GGES KALAY OTTAR</t>
  </si>
  <si>
    <t>govt girls elementry school kalay ottar</t>
  </si>
  <si>
    <t>Shama</t>
  </si>
  <si>
    <t>41584</t>
  </si>
  <si>
    <t>GGHS PAKISTAN MILAD NAGER</t>
  </si>
  <si>
    <t>Millad Nagar. Dhoke. Ratta</t>
  </si>
  <si>
    <t>ASIFA HAROON</t>
  </si>
  <si>
    <t>GMPS SADU LANGAR</t>
  </si>
  <si>
    <t>Sadu Langar</t>
  </si>
  <si>
    <t>Sadu langar post office sarsal district gujrat tehsil kharian</t>
  </si>
  <si>
    <t>ACHH</t>
  </si>
  <si>
    <t>33094</t>
  </si>
  <si>
    <t>GPS PUNAN KAY</t>
  </si>
  <si>
    <t>Pinan Key</t>
  </si>
  <si>
    <t>Village Pinan Key P/O Sheowal Tehsil Pasrur District Sialkot</t>
  </si>
  <si>
    <t>33097</t>
  </si>
  <si>
    <t>GGES DIN PUR SHARIF</t>
  </si>
  <si>
    <t>chak no99np</t>
  </si>
  <si>
    <t>g g es dinpursharif</t>
  </si>
  <si>
    <t>dinpursharif</t>
  </si>
  <si>
    <t>Munaza Kouser</t>
  </si>
  <si>
    <t>33099</t>
  </si>
  <si>
    <t>GPS BANA ROYA</t>
  </si>
  <si>
    <t>Bana Roya</t>
  </si>
  <si>
    <t>Mouza Bana Roya p/o thull hamza</t>
  </si>
  <si>
    <t>Abdul Majeed Chishti</t>
  </si>
  <si>
    <t>GGCMES 11/AH KHANEWAL</t>
  </si>
  <si>
    <t>11Ah</t>
  </si>
  <si>
    <t>GGCMES 11/ah khanewal</t>
  </si>
  <si>
    <t>Chak No11ah</t>
  </si>
  <si>
    <t>4AH</t>
  </si>
  <si>
    <t>bait angra</t>
  </si>
  <si>
    <t>moza bait angra</t>
  </si>
  <si>
    <t>sheikh umer</t>
  </si>
  <si>
    <t>Mohsin zameer</t>
  </si>
  <si>
    <t>GHS ISLAMIA AAM KHAS BAGH MULTAN</t>
  </si>
  <si>
    <t>Hafiz Jamal</t>
  </si>
  <si>
    <t>Hafiz jamal road , near dolatgate Multan</t>
  </si>
  <si>
    <t>KHAWAJGAN</t>
  </si>
  <si>
    <t>Haroon Khalid</t>
  </si>
  <si>
    <t>GGHS RIKHI CHAKRALA MIANWALI</t>
  </si>
  <si>
    <t>Gghs rikhi mianwali</t>
  </si>
  <si>
    <t>Rikhi</t>
  </si>
  <si>
    <t>GGES CHAK NO. 353/TDA SABOWAL</t>
  </si>
  <si>
    <t>Chak No 353/TDA</t>
  </si>
  <si>
    <t>393 Goly Wala</t>
  </si>
  <si>
    <t>34243</t>
  </si>
  <si>
    <t>GHS CHAK NO. 1/MR  P/O KHAS MULTAN</t>
  </si>
  <si>
    <t>GHS 1-MR Multan</t>
  </si>
  <si>
    <t>33124</t>
  </si>
  <si>
    <t>GPS GHULAM RASOOL</t>
  </si>
  <si>
    <t>Khan Wa</t>
  </si>
  <si>
    <t>moza khan Wa p/o chk#94 N/P</t>
  </si>
  <si>
    <t>Ghulam rasool T</t>
  </si>
  <si>
    <t>Chk#94 NP</t>
  </si>
  <si>
    <t>43819</t>
  </si>
  <si>
    <t>53367</t>
  </si>
  <si>
    <t>GGPS ROSHAN KAY DHEERO KAY</t>
  </si>
  <si>
    <t>Dhero Key</t>
  </si>
  <si>
    <t>thatha Roshan key Dheero kay</t>
  </si>
  <si>
    <t>Roshan Key</t>
  </si>
  <si>
    <t>SHAHZIA IQBAL</t>
  </si>
  <si>
    <t>Chak Mohsin Khan</t>
  </si>
  <si>
    <t>GPS basti awan maoza chak mohsin Khan Khan garh</t>
  </si>
  <si>
    <t>47487</t>
  </si>
  <si>
    <t>GGPS PERWANA WALA</t>
  </si>
  <si>
    <t>Wandha peerwana wala chidro</t>
  </si>
  <si>
    <t>Peerwana Wala</t>
  </si>
  <si>
    <t>Kanwal Naz</t>
  </si>
  <si>
    <t>GGPS KOTLA ZAMAN KHAN</t>
  </si>
  <si>
    <t>Kotla Zaman Khan</t>
  </si>
  <si>
    <t>kotla zaman Khan (tibbi kalowali) sikandar chok Pakpattan</t>
  </si>
  <si>
    <t>Rehana kausar</t>
  </si>
  <si>
    <t>45833</t>
  </si>
  <si>
    <t>GGPS BATTHA ATA MUHAMMAD</t>
  </si>
  <si>
    <t>ward no.3 mohala qazi Wala kot adu.</t>
  </si>
  <si>
    <t>Mubashra Hina</t>
  </si>
  <si>
    <t>37287</t>
  </si>
  <si>
    <t>GGES 162/10-R, KHANEWAL</t>
  </si>
  <si>
    <t>Ghulam Sha Wala</t>
  </si>
  <si>
    <t>chak no 162/10r Kwl</t>
  </si>
  <si>
    <t>162/10R</t>
  </si>
  <si>
    <t>48515</t>
  </si>
  <si>
    <t>GGES ATA MUHAMMAD</t>
  </si>
  <si>
    <t>Dhand ghagri</t>
  </si>
  <si>
    <t>basti atta Mohammed p o ghari ikhtiar khan Teh khan pur ryk</t>
  </si>
  <si>
    <t>Basti atta Mohammed</t>
  </si>
  <si>
    <t>Aroosi Bano</t>
  </si>
  <si>
    <t>GGPS 31/4.L</t>
  </si>
  <si>
    <t>31/4-L Okara</t>
  </si>
  <si>
    <t>colser colony</t>
  </si>
  <si>
    <t>31/4-L</t>
  </si>
  <si>
    <t>Ishrat Majeed</t>
  </si>
  <si>
    <t>41711</t>
  </si>
  <si>
    <t>GPS WESTRAGE I</t>
  </si>
  <si>
    <t>Westridge</t>
  </si>
  <si>
    <t>GPS westridge Hali road</t>
  </si>
  <si>
    <t>GGHS CHAK NO.174/TDA</t>
  </si>
  <si>
    <t>Ameer Klasra</t>
  </si>
  <si>
    <t>chak no 174TDA layhah</t>
  </si>
  <si>
    <t>Chak No 174</t>
  </si>
  <si>
    <t>Safia Manzoor</t>
  </si>
  <si>
    <t>46504</t>
  </si>
  <si>
    <t>GGPS VAINCE</t>
  </si>
  <si>
    <t>basti Wains Wala po Ali daha the&amp;distt.muzaffar garh</t>
  </si>
  <si>
    <t>Wains Wala</t>
  </si>
  <si>
    <t>Zahida Aslam</t>
  </si>
  <si>
    <t>53097</t>
  </si>
  <si>
    <t>14306</t>
  </si>
  <si>
    <t>33157</t>
  </si>
  <si>
    <t>23107</t>
  </si>
  <si>
    <t>GPS PULLAH</t>
  </si>
  <si>
    <t>Poohla</t>
  </si>
  <si>
    <t>Village poohla</t>
  </si>
  <si>
    <t>Haji muhammad</t>
  </si>
  <si>
    <t>Saghir Hussain</t>
  </si>
  <si>
    <t>48877</t>
  </si>
  <si>
    <t>GGPS 15 MR P/O 15/MR MULTAN</t>
  </si>
  <si>
    <t>15mr</t>
  </si>
  <si>
    <t>GGPS chak 15mr</t>
  </si>
  <si>
    <t>Saba Prem</t>
  </si>
  <si>
    <t>34358</t>
  </si>
  <si>
    <t>33163</t>
  </si>
  <si>
    <t>GGPS NOOR WALA</t>
  </si>
  <si>
    <t>Muhala dashti , chachran sharif</t>
  </si>
  <si>
    <t>Zakia Fareedi</t>
  </si>
  <si>
    <t>53287</t>
  </si>
  <si>
    <t>GPS CHAK 8/4L</t>
  </si>
  <si>
    <t>8/4L</t>
  </si>
  <si>
    <t>chak  no.8/4_L okara</t>
  </si>
  <si>
    <t>Raja Khuda Yar</t>
  </si>
  <si>
    <t>GES FATEH MUHAMMAD ABRIEND</t>
  </si>
  <si>
    <t>Fateh Muhammad Abriend</t>
  </si>
  <si>
    <t>fateh Muhammad abriend</t>
  </si>
  <si>
    <t>Sabir Hussain Shah</t>
  </si>
  <si>
    <t>41751</t>
  </si>
  <si>
    <t>GPS KHAI AWAN</t>
  </si>
  <si>
    <t>Khai Awan</t>
  </si>
  <si>
    <t>Village Khai Awan</t>
  </si>
  <si>
    <t>Asma Amjad</t>
  </si>
  <si>
    <t>GPS PIR DERGAI SHAH</t>
  </si>
  <si>
    <t>Khohawar</t>
  </si>
  <si>
    <t>Govt p/s peer dargahi shah</t>
  </si>
  <si>
    <t>Peer Dargahi Shah</t>
  </si>
  <si>
    <t>GHS AMIN ABAD</t>
  </si>
  <si>
    <t>P/O AMIN ABAD CITY AMIN ABAD TEHSIL LIAQUAT PUR DISTT RY KHAN</t>
  </si>
  <si>
    <t>41916</t>
  </si>
  <si>
    <t>GGPS CHANI ALAM SHER</t>
  </si>
  <si>
    <t>Channi Alam Sher</t>
  </si>
  <si>
    <t>village channi alam sher</t>
  </si>
  <si>
    <t>Motor Boring</t>
  </si>
  <si>
    <t>Ali Dasti</t>
  </si>
  <si>
    <t>mouza ali dasti post office kot sultan</t>
  </si>
  <si>
    <t>Aroosa Kanwal</t>
  </si>
  <si>
    <t>GPS JHANDU MAUNG</t>
  </si>
  <si>
    <t>Jhando Manj</t>
  </si>
  <si>
    <t>moza jhando manj p/o jaboka T/D okara</t>
  </si>
  <si>
    <t>Moza Jhando Manj</t>
  </si>
  <si>
    <t>GGPS KHALIL PUR</t>
  </si>
  <si>
    <t>Khalipur</t>
  </si>
  <si>
    <t>khalilpur p/o Kingra tehsil pasrur dist sialkot</t>
  </si>
  <si>
    <t>Sanam Asgher</t>
  </si>
  <si>
    <t>48888</t>
  </si>
  <si>
    <t>GPS CHEK DANIAL</t>
  </si>
  <si>
    <t>chak dinal</t>
  </si>
  <si>
    <t>Chak Dinal</t>
  </si>
  <si>
    <t>12994</t>
  </si>
  <si>
    <t>GGPS BASTI BHUTTA</t>
  </si>
  <si>
    <t>Gajowahin</t>
  </si>
  <si>
    <t>govt.girls primmary school basti bhutta sadar wala</t>
  </si>
  <si>
    <t>Sadar Wala</t>
  </si>
  <si>
    <t>Rubina Manzoor</t>
  </si>
  <si>
    <t>44989</t>
  </si>
  <si>
    <t>49552</t>
  </si>
  <si>
    <t>GGPS CHAK NO.151-A / TDA DERA RAFIQUE</t>
  </si>
  <si>
    <t>chak# 151 A</t>
  </si>
  <si>
    <t>chack no 151-a dera rafiqueTda dist LAYYAH</t>
  </si>
  <si>
    <t>151-A/TDA</t>
  </si>
  <si>
    <t>17497</t>
  </si>
  <si>
    <t>33918</t>
  </si>
  <si>
    <t>GGPS JATTOO SIAL</t>
  </si>
  <si>
    <t>basti  Jattoo Sial</t>
  </si>
  <si>
    <t>Jattoo Sial</t>
  </si>
  <si>
    <t>Tahira Mehmood Bhatti</t>
  </si>
  <si>
    <t>GMPS CHAK NO 30/P</t>
  </si>
  <si>
    <t>Mudkalo</t>
  </si>
  <si>
    <t>chak 30-p union council latki</t>
  </si>
  <si>
    <t>30-p</t>
  </si>
  <si>
    <t>33928</t>
  </si>
  <si>
    <t>GGPS KANJU WALA (NEW)</t>
  </si>
  <si>
    <t>basti kanju wala tiba ghair mustaqil sharqi ddp</t>
  </si>
  <si>
    <t>Kanju Wala</t>
  </si>
  <si>
    <t>39301</t>
  </si>
  <si>
    <t>33933</t>
  </si>
  <si>
    <t>GG PS basti a rain markaz feroza</t>
  </si>
  <si>
    <t>Asifa Munir</t>
  </si>
  <si>
    <t>21406</t>
  </si>
  <si>
    <t>33940</t>
  </si>
  <si>
    <t>GGPS PIRZADA</t>
  </si>
  <si>
    <t>Fatehpur Kamal</t>
  </si>
  <si>
    <t>fatehpurkamal  basti Noor shah</t>
  </si>
  <si>
    <t>Basti Noor Shah</t>
  </si>
  <si>
    <t>Fauzia Khaliq</t>
  </si>
  <si>
    <t>GGPS CHAK NO.424/TDA</t>
  </si>
  <si>
    <t>chak no. 424/tda Layyah</t>
  </si>
  <si>
    <t>Chak No 424/tda</t>
  </si>
  <si>
    <t>Iqbal Muntaha</t>
  </si>
  <si>
    <t>33952</t>
  </si>
  <si>
    <t>GGHS 85/A</t>
  </si>
  <si>
    <t>85/A</t>
  </si>
  <si>
    <t>chak no.85/a post office 87/a</t>
  </si>
  <si>
    <t>Anjum Saeed</t>
  </si>
  <si>
    <t>33965</t>
  </si>
  <si>
    <t>GHS ABDUL TAWAB WALA</t>
  </si>
  <si>
    <t>patti naich</t>
  </si>
  <si>
    <t>Adda 1-R Tehsil Kot Addu District M.Garh</t>
  </si>
  <si>
    <t>one r</t>
  </si>
  <si>
    <t>GGHS BASTI SHAIR MUHAMMAD</t>
  </si>
  <si>
    <t>Marri Allah Bachaya</t>
  </si>
  <si>
    <t>gghs basti sher muhammad kpr</t>
  </si>
  <si>
    <t>basti sher muhammad</t>
  </si>
  <si>
    <t>marri Allah bachaya</t>
  </si>
  <si>
    <t>Aqila  Gul</t>
  </si>
  <si>
    <t>50506</t>
  </si>
  <si>
    <t>33970</t>
  </si>
  <si>
    <t>GPS AWAIS NAGAR</t>
  </si>
  <si>
    <t>Bait Devan</t>
  </si>
  <si>
    <t>Basti Malik Din Muhammad</t>
  </si>
  <si>
    <t>Malik Din M Muhammad Muhammad</t>
  </si>
  <si>
    <t>GHS CHAK NO. 162 TDA</t>
  </si>
  <si>
    <t>chak no162/tad P/O kot sultan Disstt layyah</t>
  </si>
  <si>
    <t>chakno162</t>
  </si>
  <si>
    <t>164-a</t>
  </si>
  <si>
    <t>MUHAMMAD SHAFI</t>
  </si>
  <si>
    <t>GPS SWAYA AHANA</t>
  </si>
  <si>
    <t>Kotla mudhu</t>
  </si>
  <si>
    <t>Basti swaya ahana</t>
  </si>
  <si>
    <t>Saway ahana</t>
  </si>
  <si>
    <t>Jajja abbasian</t>
  </si>
  <si>
    <t>33979</t>
  </si>
  <si>
    <t>GGPS KAKA PUN</t>
  </si>
  <si>
    <t>Kakapun</t>
  </si>
  <si>
    <t>kakapun p.o.box Qila Ahmad Abad district Sialkot</t>
  </si>
  <si>
    <t>Syeda Narjis Asma</t>
  </si>
  <si>
    <t>36112</t>
  </si>
  <si>
    <t>53603</t>
  </si>
  <si>
    <t>GHS 33 1 AL OKARA</t>
  </si>
  <si>
    <t>Chak No.33/1AL Tehsil Renala Khurd District Okara</t>
  </si>
  <si>
    <t>GGPS KOT JALAL DIN</t>
  </si>
  <si>
    <t>Sahd</t>
  </si>
  <si>
    <t>kot jalal din near village sahd</t>
  </si>
  <si>
    <t>Kotli Rae Abu Bakar</t>
  </si>
  <si>
    <t>Fazeelat Ishaq</t>
  </si>
  <si>
    <t>4633</t>
  </si>
  <si>
    <t>GPS THAKNA</t>
  </si>
  <si>
    <t>Kotla Mudu</t>
  </si>
  <si>
    <t>Basti Gulzar Khan  Moza   kotla Mudu</t>
  </si>
  <si>
    <t>Basti  Gulzar  Khan</t>
  </si>
  <si>
    <t>JajjaAbasia</t>
  </si>
  <si>
    <t>Muhammad Tariq Hussain</t>
  </si>
  <si>
    <t>33994</t>
  </si>
  <si>
    <t>53841</t>
  </si>
  <si>
    <t>GMMS CHAK RAM ZAKHIRA</t>
  </si>
  <si>
    <t>Ram Zakheera</t>
  </si>
  <si>
    <t>Ram Zakheera Tehsil Renala Khurd District Okara</t>
  </si>
  <si>
    <t>33995</t>
  </si>
  <si>
    <t>GGHS CHAK NO 127 TDA</t>
  </si>
  <si>
    <t>127/TDA</t>
  </si>
  <si>
    <t>GGHS  127/TDA P/O 136/TDA HEERA MINR</t>
  </si>
  <si>
    <t>33997</t>
  </si>
  <si>
    <t>GGPS HEEMAY WALA</t>
  </si>
  <si>
    <t>Heemay Wal</t>
  </si>
  <si>
    <t>heemay wal p/o khudian khas</t>
  </si>
  <si>
    <t>Razia Rehmat</t>
  </si>
  <si>
    <t>53479</t>
  </si>
  <si>
    <t>GGHS 22 GD</t>
  </si>
  <si>
    <t>22/GD</t>
  </si>
  <si>
    <t>dak khana khas 22GD okara</t>
  </si>
  <si>
    <t>Bomby Zakhira Ghashori</t>
  </si>
  <si>
    <t>Tahira Naeem</t>
  </si>
  <si>
    <t>42706</t>
  </si>
  <si>
    <t>34004</t>
  </si>
  <si>
    <t>GHS CHAK NO.10/A</t>
  </si>
  <si>
    <t>chak no.10/a</t>
  </si>
  <si>
    <t>govt. secondary school chak no.10/a tehsil laiquat pur distt. r.y.k</t>
  </si>
  <si>
    <t>Chak No.10/A</t>
  </si>
  <si>
    <t>ABDUL RASHEED RAHI</t>
  </si>
  <si>
    <t>GGHS CHAK NO. 5-1/RA</t>
  </si>
  <si>
    <t>Chak No51RA</t>
  </si>
  <si>
    <t>chak no 5/1.R.A renala khurd okara</t>
  </si>
  <si>
    <t>5/1RA</t>
  </si>
  <si>
    <t>MARIA ALI</t>
  </si>
  <si>
    <t>34011</t>
  </si>
  <si>
    <t>GGPS KOT SHAHAB DIN</t>
  </si>
  <si>
    <t>Boota Park</t>
  </si>
  <si>
    <t>Boota park shahdara lahore</t>
  </si>
  <si>
    <t>Kot Muhaboo</t>
  </si>
  <si>
    <t>Qurat - Ul-ain</t>
  </si>
  <si>
    <t>GGPS Mud Ranjha</t>
  </si>
  <si>
    <t>Ggps Mud Ranjh</t>
  </si>
  <si>
    <t>Mud Ranjh</t>
  </si>
  <si>
    <t>Musrat Kalsoom</t>
  </si>
  <si>
    <t>51479</t>
  </si>
  <si>
    <t>GPS 2 KB PO PAKPATTAN</t>
  </si>
  <si>
    <t>2kb</t>
  </si>
  <si>
    <t>30533</t>
  </si>
  <si>
    <t>34027</t>
  </si>
  <si>
    <t>GGHSS CHAK NO. 56/P</t>
  </si>
  <si>
    <t>56/P</t>
  </si>
  <si>
    <t>chak 56/p RYK</t>
  </si>
  <si>
    <t>Chak No. 51-P</t>
  </si>
  <si>
    <t>GPS GHROLI</t>
  </si>
  <si>
    <t>Ghroli</t>
  </si>
  <si>
    <t>ghroli village</t>
  </si>
  <si>
    <t>GPS CHAK NO 43/P BASTI KHALIL</t>
  </si>
  <si>
    <t>Moni Thal</t>
  </si>
  <si>
    <t>basti Dr Nawaz Chak 4/P moza moni thal KHANPUR DISTRICT RAHIMYARKHAN</t>
  </si>
  <si>
    <t>Basti Dr Nawaz 4/P</t>
  </si>
  <si>
    <t>Chak 1/P</t>
  </si>
  <si>
    <t>GPS CHAK NO. 114/NP</t>
  </si>
  <si>
    <t>Chak No 114/np</t>
  </si>
  <si>
    <t>chak no.114/np khanpur</t>
  </si>
  <si>
    <t>Muhammad Azam Abbasi</t>
  </si>
  <si>
    <t>34120</t>
  </si>
  <si>
    <t>41223</t>
  </si>
  <si>
    <t>GGES SHER ABAD</t>
  </si>
  <si>
    <t>Sheen Wala</t>
  </si>
  <si>
    <t>G.G.E.S Sherabad</t>
  </si>
  <si>
    <t>6839</t>
  </si>
  <si>
    <t>19781</t>
  </si>
  <si>
    <t>34127</t>
  </si>
  <si>
    <t>51352</t>
  </si>
  <si>
    <t>GGES HAIHLA WATOWAN PAKPATTAN</t>
  </si>
  <si>
    <t>Hela Wattwaon</t>
  </si>
  <si>
    <t>gges hela wattwaon</t>
  </si>
  <si>
    <t>Hellawatwaon</t>
  </si>
  <si>
    <t>Helawattwaon</t>
  </si>
  <si>
    <t>Iram Hashim</t>
  </si>
  <si>
    <t>41304</t>
  </si>
  <si>
    <t>34131</t>
  </si>
  <si>
    <t>53743</t>
  </si>
  <si>
    <t>GGPS GULZAR E MUSTAFA</t>
  </si>
  <si>
    <t>Gulzar e Mustafa</t>
  </si>
  <si>
    <t>Gulzar e Mustafa Renala Khurd</t>
  </si>
  <si>
    <t>Municipal Commettee</t>
  </si>
  <si>
    <t>Tasleem Kousar</t>
  </si>
  <si>
    <t>GGHS JAMAL ABAD</t>
  </si>
  <si>
    <t>Jamalabad  nawan kot road khanpur</t>
  </si>
  <si>
    <t>Jamalabad</t>
  </si>
  <si>
    <t>34138</t>
  </si>
  <si>
    <t>12917</t>
  </si>
  <si>
    <t>GGPS CHAK ROHARI</t>
  </si>
  <si>
    <t>CHAK ROHARI</t>
  </si>
  <si>
    <t>CHAH MOLVI WALA CHAK ROHARI</t>
  </si>
  <si>
    <t>CHAH MOLVI WALA</t>
  </si>
  <si>
    <t>Rafia Ashraf</t>
  </si>
  <si>
    <t>GPS QAZI ABDUL WAHAD</t>
  </si>
  <si>
    <t>basti Abdul wahid  teh and distt  rahim yar khan</t>
  </si>
  <si>
    <t>GGES CHAK NO.155/TDA</t>
  </si>
  <si>
    <t>chak # 155 tda girls elementary school</t>
  </si>
  <si>
    <t>Chak 155</t>
  </si>
  <si>
    <t>34142</t>
  </si>
  <si>
    <t>GPS KHARI</t>
  </si>
  <si>
    <t>p/o basira tehsil &amp; dist. muzaffargarh</t>
  </si>
  <si>
    <t>Jarain</t>
  </si>
  <si>
    <t>31823</t>
  </si>
  <si>
    <t>34144</t>
  </si>
  <si>
    <t>GGPS CHAK NO 144/A</t>
  </si>
  <si>
    <t>Chak # 144/5R</t>
  </si>
  <si>
    <t>Govt Girls Primary School Chak # 144/5R cholistan</t>
  </si>
  <si>
    <t>144/5R</t>
  </si>
  <si>
    <t>Nazia Iqbal</t>
  </si>
  <si>
    <t>34146</t>
  </si>
  <si>
    <t>GMPS UMAR CHAK</t>
  </si>
  <si>
    <t>Umer Chak</t>
  </si>
  <si>
    <t>village UMAR CHAK Post office haji Muhammad tehsil kharian district gujrat</t>
  </si>
  <si>
    <t>Rana Kousar</t>
  </si>
  <si>
    <t>38255</t>
  </si>
  <si>
    <t>GPS BAIT DIWAN</t>
  </si>
  <si>
    <t>Maoza bait dewan p/o kotsultan the Layyah</t>
  </si>
  <si>
    <t>Basti Saggo</t>
  </si>
  <si>
    <t>muhammad azhar</t>
  </si>
  <si>
    <t>GGPS 39/G.D</t>
  </si>
  <si>
    <t>39/GD</t>
  </si>
  <si>
    <t>chak no 39/ GD</t>
  </si>
  <si>
    <t>40 GD</t>
  </si>
  <si>
    <t>GMPS SANGRAH</t>
  </si>
  <si>
    <t>Sangrah</t>
  </si>
  <si>
    <t>sangrah khai hithar  khudian khass</t>
  </si>
  <si>
    <t>Sangrah P/O Khai Hithar</t>
  </si>
  <si>
    <t>filer water</t>
  </si>
  <si>
    <t>41699</t>
  </si>
  <si>
    <t>GPS DHOKE SYEDAN</t>
  </si>
  <si>
    <t>RWP CANTT-MALE</t>
  </si>
  <si>
    <t>Bismilla Abad</t>
  </si>
  <si>
    <t>gbps dhoke sydian bismilla abad rwalpindi</t>
  </si>
  <si>
    <t>Dhoke Sydian</t>
  </si>
  <si>
    <t>33804</t>
  </si>
  <si>
    <t>31322</t>
  </si>
  <si>
    <t>GGPS MC JUNIOR MODEL NEW CHAUBURJI PARK</t>
  </si>
  <si>
    <t>125/a. new chouburji park. Lahore</t>
  </si>
  <si>
    <t>Shamnagar</t>
  </si>
  <si>
    <t>Tahira Irshad</t>
  </si>
  <si>
    <t>33805</t>
  </si>
  <si>
    <t>GPS FAZAL NAGAR</t>
  </si>
  <si>
    <t>basti Dewala mouza rum U/C khan bela tehsil liaqat pur district rahim yar khan</t>
  </si>
  <si>
    <t>Basti Dewala</t>
  </si>
  <si>
    <t>Muhammad Farooq Arif</t>
  </si>
  <si>
    <t>GGPS MUD ISMAIL SHAH PUR</t>
  </si>
  <si>
    <t>Basti Malik Habibullah Moza Shah Pur</t>
  </si>
  <si>
    <t>Tahira Nawaz</t>
  </si>
  <si>
    <t>45607</t>
  </si>
  <si>
    <t>vill . mondiala p. o box chobara the. pasrur distt. sialkot</t>
  </si>
  <si>
    <t>34335</t>
  </si>
  <si>
    <t>GGHS BINDA SUNDILA</t>
  </si>
  <si>
    <t>Binda Sandeela</t>
  </si>
  <si>
    <t>binda Sandeela jhok ballu multan</t>
  </si>
  <si>
    <t>Jhok ballu</t>
  </si>
  <si>
    <t>Humaira</t>
  </si>
  <si>
    <t>GGPS CHAK NO.119/TDA</t>
  </si>
  <si>
    <t>Ghashkori</t>
  </si>
  <si>
    <t>chak No 119 tDA layyah</t>
  </si>
  <si>
    <t>chak no 119 TDA</t>
  </si>
  <si>
    <t>tail indus</t>
  </si>
  <si>
    <t>53783</t>
  </si>
  <si>
    <t>GGHS CHAK 20/2-L</t>
  </si>
  <si>
    <t>20/2l</t>
  </si>
  <si>
    <t>GGHS20/2l</t>
  </si>
  <si>
    <t>Tanzeela Anber</t>
  </si>
  <si>
    <t>36652</t>
  </si>
  <si>
    <t>GHS MUSLIM NO. 1 RAM GHALI</t>
  </si>
  <si>
    <t>rehman gali nishter road lahore</t>
  </si>
  <si>
    <t>Nishter Road</t>
  </si>
  <si>
    <t>33824</t>
  </si>
  <si>
    <t>51524</t>
  </si>
  <si>
    <t>GPS CHAK NO. 72 D</t>
  </si>
  <si>
    <t>72/D</t>
  </si>
  <si>
    <t>Gps chak no 72/D</t>
  </si>
  <si>
    <t>Abdul waheed</t>
  </si>
  <si>
    <t>GGPS CHAK NO.62/P</t>
  </si>
  <si>
    <t>Chak No 62/p</t>
  </si>
  <si>
    <t>chak No 62/p</t>
  </si>
  <si>
    <t>Nasria  Parveen</t>
  </si>
  <si>
    <t>GPS GUL MUHAMMAD LAR</t>
  </si>
  <si>
    <t>Gul Muhammad Lar</t>
  </si>
  <si>
    <t>p/o pakka laran teh.Liaquat pur Distt. Rahim yar khan</t>
  </si>
  <si>
    <t>Jahanzaib Sohail</t>
  </si>
  <si>
    <t>GGHS CHAK NO.133/TDA</t>
  </si>
  <si>
    <t>CHAK NO. 133/TDA</t>
  </si>
  <si>
    <t>GGHS CHAK NO. 133/TDA LALAZAR LAYYAH</t>
  </si>
  <si>
    <t>Asima Amin</t>
  </si>
  <si>
    <t>33837</t>
  </si>
  <si>
    <t>GHS MOHRI SHARIF</t>
  </si>
  <si>
    <t>Govt.High School Mohri Sharif Teh: Kharian Distt: Gujrat</t>
  </si>
  <si>
    <t>SAJJAD AKRAM</t>
  </si>
  <si>
    <t>33846</t>
  </si>
  <si>
    <t>GGPS TUREE</t>
  </si>
  <si>
    <t>Kotla miran</t>
  </si>
  <si>
    <t>Ggps  Turee</t>
  </si>
  <si>
    <t>Basti jam shahroo</t>
  </si>
  <si>
    <t>Aaliya Jaleel</t>
  </si>
  <si>
    <t>GGES CM SEOWAL</t>
  </si>
  <si>
    <t>govt girls e/s cm sehowal</t>
  </si>
  <si>
    <t>Shumaila Rani</t>
  </si>
  <si>
    <t>GGPS NOOR AHMED NAICH</t>
  </si>
  <si>
    <t>basti noor ahmed naich</t>
  </si>
  <si>
    <t>Basti Noor Ahmed Naich</t>
  </si>
  <si>
    <t>Sadia Makki</t>
  </si>
  <si>
    <t>GHS DHOLAN HITHAR</t>
  </si>
  <si>
    <t>Dholan Hithar p/o same Distt Kasur</t>
  </si>
  <si>
    <t>GGPS MOHRA SWAIAN</t>
  </si>
  <si>
    <t>Mohra Sowaian</t>
  </si>
  <si>
    <t>village mohra sowaian p.o bassali district rwp</t>
  </si>
  <si>
    <t>Mohra Sowian</t>
  </si>
  <si>
    <t>GGHS KHUNAN</t>
  </si>
  <si>
    <t>Khunan</t>
  </si>
  <si>
    <t>Gghs khunan p.o barnali teh kharian district gujrat</t>
  </si>
  <si>
    <t>saimakausar</t>
  </si>
  <si>
    <t>44147</t>
  </si>
  <si>
    <t>33858</t>
  </si>
  <si>
    <t>GGPS BASTI GHASOORA</t>
  </si>
  <si>
    <t>adda Gasoora tehreem lqp</t>
  </si>
  <si>
    <t>Gasoora</t>
  </si>
  <si>
    <t>Nallan Mosani</t>
  </si>
  <si>
    <t>Khalida parveen</t>
  </si>
  <si>
    <t>GGES CHAK NO.10/P</t>
  </si>
  <si>
    <t>chak no 10p, p/o mudbhora</t>
  </si>
  <si>
    <t>Chak No 10p</t>
  </si>
  <si>
    <t>33862</t>
  </si>
  <si>
    <t>34548</t>
  </si>
  <si>
    <t>GMPS 20-MR CHAK NO. 20/MR TEH. MULTAN SADDAR MULTAN</t>
  </si>
  <si>
    <t>Chak # 20 MR</t>
  </si>
  <si>
    <t>GMPS20MR chak # 20 MR</t>
  </si>
  <si>
    <t>Basti Rid</t>
  </si>
  <si>
    <t>Musarrat Naaz</t>
  </si>
  <si>
    <t>GHS CHAK 114/P</t>
  </si>
  <si>
    <t>Chak No. 114/P</t>
  </si>
  <si>
    <t>P.O.Box 114/P Chak No. 114/P Manthar Road  R.Y.Khan</t>
  </si>
  <si>
    <t>ASGHAR ALI TABASSUM</t>
  </si>
  <si>
    <t>GGPS CHAK NO.472/TDA</t>
  </si>
  <si>
    <t>mirhan</t>
  </si>
  <si>
    <t>chak 472/t.da</t>
  </si>
  <si>
    <t>chak472/tda</t>
  </si>
  <si>
    <t>GES BASTI GAZRAN</t>
  </si>
  <si>
    <t>Jesalwain</t>
  </si>
  <si>
    <t>BASTI GAZRAN PURANA RANG PUR ROAD JAISALWAHIN PO BHUTTAPUR MUZAFFARGARH</t>
  </si>
  <si>
    <t>BASTI GAZRAN</t>
  </si>
  <si>
    <t>BHUTTAPUR</t>
  </si>
  <si>
    <t>GGES SHAMS ABAD</t>
  </si>
  <si>
    <t>Shamsabad P/O Chak Bedi Pakpattan</t>
  </si>
  <si>
    <t>Syeda Mehreen Naz</t>
  </si>
  <si>
    <t>GPS DAGGAN</t>
  </si>
  <si>
    <t>Pahar Pur Nashib</t>
  </si>
  <si>
    <t>basti Bagh Wala</t>
  </si>
  <si>
    <t>Bait Wasawa  Shumali</t>
  </si>
  <si>
    <t>GGES BASTI ABDUL SALAM</t>
  </si>
  <si>
    <t>Jheta Bhuta</t>
  </si>
  <si>
    <t>Basti Abdul Salam, KPR</t>
  </si>
  <si>
    <t>Chak 4p</t>
  </si>
  <si>
    <t>Rukhsana sarwar</t>
  </si>
  <si>
    <t>GGHS MOCHI WALA</t>
  </si>
  <si>
    <t>Pirhar sharqi</t>
  </si>
  <si>
    <t>G T Road Kot Addu</t>
  </si>
  <si>
    <t>SURRAYA JABEEN</t>
  </si>
  <si>
    <t>GES JHANGAR MAHRA</t>
  </si>
  <si>
    <t>BASTI JHANGAR Mahra</t>
  </si>
  <si>
    <t>MOUZA BASTI JHANGAR MAHRA p/o mahra khas  T / D MUZAFFAR GARH</t>
  </si>
  <si>
    <t>BASTI JHANGAR</t>
  </si>
  <si>
    <t>JAM ABDUL RAZAQ</t>
  </si>
  <si>
    <t>GGHS BAHARWAL</t>
  </si>
  <si>
    <t>GGHS Baharwal Tehsil Kharian Distt Gujrat</t>
  </si>
  <si>
    <t>Tahira Firdous</t>
  </si>
  <si>
    <t>GGHS CHAK NO. 32/2-L</t>
  </si>
  <si>
    <t>Shahbor</t>
  </si>
  <si>
    <t>chak No. 32/2l Teh and Distt Okara</t>
  </si>
  <si>
    <t>Chak No 32/2L</t>
  </si>
  <si>
    <t>Chak No 32/2L Okara</t>
  </si>
  <si>
    <t>41538</t>
  </si>
  <si>
    <t>GHS GOHRA BHARTHA</t>
  </si>
  <si>
    <t>Bagga Sangral</t>
  </si>
  <si>
    <t>GHS GOHRA BHARTHA RWP</t>
  </si>
  <si>
    <t>Bagga Shaikhan</t>
  </si>
  <si>
    <t>m Atta ur rahim</t>
  </si>
  <si>
    <t>33907</t>
  </si>
  <si>
    <t>GHS DHODHA</t>
  </si>
  <si>
    <t>VPO Dhoda Tehsil Pasrur District Sialkot</t>
  </si>
  <si>
    <t>RANA TAHIR MEHMOOD</t>
  </si>
  <si>
    <t>GPS BHUDHAN WALA</t>
  </si>
  <si>
    <t>budhan wala k.d qureshi</t>
  </si>
  <si>
    <t>Budhan Wala</t>
  </si>
  <si>
    <t>K D Qureshi</t>
  </si>
  <si>
    <t>34264</t>
  </si>
  <si>
    <t>GHS BASTI SIDDIQUE ABAD (NIHALAY WALA) MULTAN</t>
  </si>
  <si>
    <t>GATH BRABAR</t>
  </si>
  <si>
    <t>Basti Sadique Abad, Nihalay Wala Chowk Bosan Road Multan.</t>
  </si>
  <si>
    <t>BASTI SADIQUE ABAD</t>
  </si>
  <si>
    <t>Saleh Mahay</t>
  </si>
  <si>
    <t>Umair Nissar</t>
  </si>
  <si>
    <t>Water Purification Plan (UV and Arsenik)</t>
  </si>
  <si>
    <t>GGPS LOHAN MOCHI WALA</t>
  </si>
  <si>
    <t>Patti Data Chokha</t>
  </si>
  <si>
    <t>Basti Lohin Mochi Wala Kot Addu</t>
  </si>
  <si>
    <t>Lohin Mochi Wala</t>
  </si>
  <si>
    <t>53330</t>
  </si>
  <si>
    <t>GPS CHAK NO. 46/3-R</t>
  </si>
  <si>
    <t>46/3R</t>
  </si>
  <si>
    <t>chak no 46/3R Tehsil and District Okara</t>
  </si>
  <si>
    <t>Hafiz Asim Javid</t>
  </si>
  <si>
    <t>5484</t>
  </si>
  <si>
    <t>GPS GHAFOOR ABAD NO.1</t>
  </si>
  <si>
    <t>GHAFOORABAD</t>
  </si>
  <si>
    <t>BASTI GHOTIYA MOZA GHAFOORABAD</t>
  </si>
  <si>
    <t>BASTI GHOTIYA</t>
  </si>
  <si>
    <t>GGES AMIR MUHAMMAD MOLWANA</t>
  </si>
  <si>
    <t>basti Nawan</t>
  </si>
  <si>
    <t>Basti Nawan</t>
  </si>
  <si>
    <t>23692</t>
  </si>
  <si>
    <t>34475</t>
  </si>
  <si>
    <t>41785</t>
  </si>
  <si>
    <t>GPS DHOK CHATTA</t>
  </si>
  <si>
    <t>dhoke chatta chakri road rwp</t>
  </si>
  <si>
    <t>Dhoke Chatta</t>
  </si>
  <si>
    <t>Munir Begum</t>
  </si>
  <si>
    <t>51632</t>
  </si>
  <si>
    <t>GHS SALEH WALA</t>
  </si>
  <si>
    <t>Tibba Gher Mustakil Sharki</t>
  </si>
  <si>
    <t>Ghs saleh wala u/c tibba 3 dd panah tehsil kotadu.</t>
  </si>
  <si>
    <t>Saleh Wala</t>
  </si>
  <si>
    <t>abdul hafeez</t>
  </si>
  <si>
    <t>10631</t>
  </si>
  <si>
    <t>GGES BASTI SERAI</t>
  </si>
  <si>
    <t>Kotla Kazi Nasheb</t>
  </si>
  <si>
    <t>GGES basti sarai moza kotla kazi nasheb</t>
  </si>
  <si>
    <t>Basti Serai</t>
  </si>
  <si>
    <t>Lohanch Nsheb</t>
  </si>
  <si>
    <t>GHS BASTI DRIGH</t>
  </si>
  <si>
    <t>Traff Masso</t>
  </si>
  <si>
    <t>Govt High school Basti Drigh Ali Pur Road Khan garh</t>
  </si>
  <si>
    <t>Sadewahin</t>
  </si>
  <si>
    <t>RANA FARZAND ALI</t>
  </si>
  <si>
    <t>34492</t>
  </si>
  <si>
    <t>GPS RAUF ABAD</t>
  </si>
  <si>
    <t>mouza unran basti unran</t>
  </si>
  <si>
    <t>Basti Rauf Abad</t>
  </si>
  <si>
    <t>53281</t>
  </si>
  <si>
    <t>GPS CHAK 55/2.L</t>
  </si>
  <si>
    <t>55/2L</t>
  </si>
  <si>
    <t>GPS 55/2L Okara</t>
  </si>
  <si>
    <t>54/2L</t>
  </si>
  <si>
    <t>41631</t>
  </si>
  <si>
    <t>GHS ADIALA</t>
  </si>
  <si>
    <t>ADYALA</t>
  </si>
  <si>
    <t>ADYALA VILLAGE, RAWALPINDI</t>
  </si>
  <si>
    <t>MUHAMMAD ABDUL REHMAN KHAN</t>
  </si>
  <si>
    <t>kunel nashaib</t>
  </si>
  <si>
    <t>gGPS AWAN WALA</t>
  </si>
  <si>
    <t>awan wala</t>
  </si>
  <si>
    <t>GGPS SARDAR RASOOL BUX</t>
  </si>
  <si>
    <t>basti Nyaz Ahmad Khan</t>
  </si>
  <si>
    <t>Basti Nyaz</t>
  </si>
  <si>
    <t>GPS QAISAR CHOHAN</t>
  </si>
  <si>
    <t>Qaisar Chohan</t>
  </si>
  <si>
    <t>Mauza Qaisar Chohan U.C.Rajan pur.teh.Rahim Yar Khan</t>
  </si>
  <si>
    <t>GGPS GAJI WALA</t>
  </si>
  <si>
    <t>GGPS Gagi wala</t>
  </si>
  <si>
    <t>Gull Nasreen</t>
  </si>
  <si>
    <t>GGPS BASTI AWAN ABAD KUNAL NASHAIB</t>
  </si>
  <si>
    <t>Awan abad kunnal nashaib</t>
  </si>
  <si>
    <t>Basti Jakharr</t>
  </si>
  <si>
    <t>Saima Saleem</t>
  </si>
  <si>
    <t>GHS RANIAL</t>
  </si>
  <si>
    <t>GOVT. Boys High School Ranial, Rawalpindi</t>
  </si>
  <si>
    <t>Ali Ghafir</t>
  </si>
  <si>
    <t>23809</t>
  </si>
  <si>
    <t>34628</t>
  </si>
  <si>
    <t>GGPS MC NO. 4 LAYYAH</t>
  </si>
  <si>
    <t>moh qadirabad layyah</t>
  </si>
  <si>
    <t>37010</t>
  </si>
  <si>
    <t>GES GHEHAL PUR</t>
  </si>
  <si>
    <t>village ghehal pur union council utra sandeela tehsil and District muzaffargarh</t>
  </si>
  <si>
    <t>45026</t>
  </si>
  <si>
    <t>34631</t>
  </si>
  <si>
    <t>GGHS HASAN ABAD</t>
  </si>
  <si>
    <t>RAJAN PUR KHURD</t>
  </si>
  <si>
    <t>GGHS HASSAN ABAD RYK</t>
  </si>
  <si>
    <t>HASSAN ABAD</t>
  </si>
  <si>
    <t>34633</t>
  </si>
  <si>
    <t>GGHS TALBANI</t>
  </si>
  <si>
    <t>p/o Talbani Tehsil Liaqat District Rahim Yar Khan</t>
  </si>
  <si>
    <t>Rabeeya Altaf</t>
  </si>
  <si>
    <t>34636</t>
  </si>
  <si>
    <t>GGHS CHAK NO.23/2-L</t>
  </si>
  <si>
    <t>chak no 23/2L renala khurd. okara</t>
  </si>
  <si>
    <t>Chak No 23/2L</t>
  </si>
  <si>
    <t>Sidra Faiz</t>
  </si>
  <si>
    <t>GGMPS BASTI JHOKE</t>
  </si>
  <si>
    <t>basti jhoke teh and District m garh</t>
  </si>
  <si>
    <t>Kharik</t>
  </si>
  <si>
    <t>Shakila Qayyume</t>
  </si>
  <si>
    <t>GHS TIBBI NIZAM</t>
  </si>
  <si>
    <t>Ghs Tibbi nizam</t>
  </si>
  <si>
    <t>Muhammad Iqbal Khan</t>
  </si>
  <si>
    <t>34643</t>
  </si>
  <si>
    <t>GPS GHULAM HAIDER GOPANG</t>
  </si>
  <si>
    <t>Taj Pur Pir Wala</t>
  </si>
  <si>
    <t>basti Bahawal Laghari rahim yar khan</t>
  </si>
  <si>
    <t>Basti Bahawal Laghari</t>
  </si>
  <si>
    <t>Muhammad  Riaz</t>
  </si>
  <si>
    <t>GGPS 67 A.M.L</t>
  </si>
  <si>
    <t>Dakhana Chuck</t>
  </si>
  <si>
    <t>GGPS67aml</t>
  </si>
  <si>
    <t>67 Aml</t>
  </si>
  <si>
    <t>L-plot Foujia</t>
  </si>
  <si>
    <t>GHS JHATTA HATHIAL</t>
  </si>
  <si>
    <t>Jhatta</t>
  </si>
  <si>
    <t>pO Jhatta Hathial Tehsil and Distt Rwp</t>
  </si>
  <si>
    <t>Village Jhatta Hathial</t>
  </si>
  <si>
    <t>Muhammad latif shahid</t>
  </si>
  <si>
    <t>GGPS CHANJNI</t>
  </si>
  <si>
    <t>basti Abdul qadir naich chanjni Khan bela</t>
  </si>
  <si>
    <t>Basti Abdul qadir Naich</t>
  </si>
  <si>
    <t>Sadia Ghafoor</t>
  </si>
  <si>
    <t>12081</t>
  </si>
  <si>
    <t>GGPS MIRANI WALA</t>
  </si>
  <si>
    <t>Rakh EHSAN Pur</t>
  </si>
  <si>
    <t>EHSAN pur</t>
  </si>
  <si>
    <t>MIRANI Wala</t>
  </si>
  <si>
    <t>34648</t>
  </si>
  <si>
    <t>GPS CHAK 3/1-L</t>
  </si>
  <si>
    <t>3/1L</t>
  </si>
  <si>
    <t>chak No. 3/1L tensile renalakhurd district okara</t>
  </si>
  <si>
    <t>Chak No 6/1L</t>
  </si>
  <si>
    <t>Muhammad Qadeer Khan</t>
  </si>
  <si>
    <t>41797</t>
  </si>
  <si>
    <t>GPS SHAHPUR SYEDAN</t>
  </si>
  <si>
    <t>Shahpur Syedan</t>
  </si>
  <si>
    <t>village shahpur syedan adyala road rawalpindi</t>
  </si>
  <si>
    <t>34664</t>
  </si>
  <si>
    <t>GGHS LOW INCOME SCHEME R.Y.KHAN</t>
  </si>
  <si>
    <t>NOOR-E-WALI</t>
  </si>
  <si>
    <t>LOW INCOME SCHEME GULSHAN USMAN  RYK</t>
  </si>
  <si>
    <t>GULSHAN USMAN</t>
  </si>
  <si>
    <t>dr. samina sarwat</t>
  </si>
  <si>
    <t>53409</t>
  </si>
  <si>
    <t>GGPS 43/4.L</t>
  </si>
  <si>
    <t>Najma Jafar</t>
  </si>
  <si>
    <t>11657</t>
  </si>
  <si>
    <t>GPS CHAK NO.132/ML</t>
  </si>
  <si>
    <t>Putal Manda</t>
  </si>
  <si>
    <t>gps chak no 132/m.l</t>
  </si>
  <si>
    <t>132/M L</t>
  </si>
  <si>
    <t>Aziz Abbad</t>
  </si>
  <si>
    <t>41728</t>
  </si>
  <si>
    <t>GES MODREN ALI ABAD CHOUR</t>
  </si>
  <si>
    <t>GES Modern Chour Aliabad</t>
  </si>
  <si>
    <t>Chour</t>
  </si>
  <si>
    <t>Ward 1</t>
  </si>
  <si>
    <t>amjad Ali</t>
  </si>
  <si>
    <t>10915</t>
  </si>
  <si>
    <t>Gul Khakh</t>
  </si>
  <si>
    <t>basti kanber wala</t>
  </si>
  <si>
    <t>Kanber Wala</t>
  </si>
  <si>
    <t>Sharif Chachra</t>
  </si>
  <si>
    <t>Muhammad Tahseen Khan</t>
  </si>
  <si>
    <t>GMPS FALAK MAHIWAL</t>
  </si>
  <si>
    <t>Sangla</t>
  </si>
  <si>
    <t>GGMPS falak mahi wal maoza sangla</t>
  </si>
  <si>
    <t>Basti Chawkiwan</t>
  </si>
  <si>
    <t>Tranda M Pannah</t>
  </si>
  <si>
    <t>sadia niaz</t>
  </si>
  <si>
    <t>GGPS AWAN NAGAR</t>
  </si>
  <si>
    <t>basti Manoo khan</t>
  </si>
  <si>
    <t>Awan Nager</t>
  </si>
  <si>
    <t>GHS GHULAM HUSSAIN WALA</t>
  </si>
  <si>
    <t>pattal munda</t>
  </si>
  <si>
    <t>chak no. 651/tda, chowk sarwar shaheed, tehsil kot addu, dist. m.garh</t>
  </si>
  <si>
    <t>651/tda</t>
  </si>
  <si>
    <t>ghulam qadir</t>
  </si>
  <si>
    <t>GPS UN PUR</t>
  </si>
  <si>
    <t>village unpur post office gogra rwp</t>
  </si>
  <si>
    <t>10088</t>
  </si>
  <si>
    <t>GGPS JAM AKRAM SOJHAL</t>
  </si>
  <si>
    <t>Moza chohar wala feroza tehsil liaquat pur dis ramhim yar Khan</t>
  </si>
  <si>
    <t>Basti Jam Akram</t>
  </si>
  <si>
    <t>GGPS SULTAN VEEHA</t>
  </si>
  <si>
    <t>Habib Shah</t>
  </si>
  <si>
    <t>govt.girls primery school sultan veha.</t>
  </si>
  <si>
    <t>Sultan Veha</t>
  </si>
  <si>
    <t>Taj Gerh</t>
  </si>
  <si>
    <t>18968</t>
  </si>
  <si>
    <t>34707</t>
  </si>
  <si>
    <t>GPS BASTI KAMIL</t>
  </si>
  <si>
    <t>Gulam Surani</t>
  </si>
  <si>
    <t>govt. primary School Basti Kamil</t>
  </si>
  <si>
    <t>Abdul Hai</t>
  </si>
  <si>
    <t>GGPS BASTI MAHARAN</t>
  </si>
  <si>
    <t>basti sona ghasoora</t>
  </si>
  <si>
    <t>Kola Doulat</t>
  </si>
  <si>
    <t>Misbah akram</t>
  </si>
  <si>
    <t>34712</t>
  </si>
  <si>
    <t>12693</t>
  </si>
  <si>
    <t>GGPS GULAB GURMANI</t>
  </si>
  <si>
    <t>gulab gurmani</t>
  </si>
  <si>
    <t>basti gulab gurmani p,o k aram dad q
ureshi</t>
  </si>
  <si>
    <t>k d  qureshi</t>
  </si>
  <si>
    <t>35384</t>
  </si>
  <si>
    <t>GGPS FAIZ ABASI</t>
  </si>
  <si>
    <t>Doda  Naich</t>
  </si>
  <si>
    <t>Basti solangi GGPS Faiz Abbasim</t>
  </si>
  <si>
    <t>Basti Solangi</t>
  </si>
  <si>
    <t>Ameenabad</t>
  </si>
  <si>
    <t>34721</t>
  </si>
  <si>
    <t>53488</t>
  </si>
  <si>
    <t>GGPS WAN RASHEED KAY</t>
  </si>
  <si>
    <t>Wan Rasheed Ky</t>
  </si>
  <si>
    <t>ggpschool wan Rasheed kay</t>
  </si>
  <si>
    <t>Wan Rasheed Kay</t>
  </si>
  <si>
    <t>Asma Matloob</t>
  </si>
  <si>
    <t>34726</t>
  </si>
  <si>
    <t>Moza esan Wala tehsil kot addu district muzaffargarh</t>
  </si>
  <si>
    <t>GHSS CHAK NO. 139-A/TDA LAYYAH</t>
  </si>
  <si>
    <t>CHAK NO 139 A TDA LAYYAH</t>
  </si>
  <si>
    <t>CHAK NO. 139 A TDA LAYYAH</t>
  </si>
  <si>
    <t>Syed Agha Hassan</t>
  </si>
  <si>
    <t>30677</t>
  </si>
  <si>
    <t>GPS Fazal abad,Basti Mahraan , postoffice khan Bela, tehsil Liaqat pur, District RY Khan.</t>
  </si>
  <si>
    <t>Basti Mahraan</t>
  </si>
  <si>
    <t>GGHS ABU ZAHBI COLONY NO 1</t>
  </si>
  <si>
    <t>noon shaheed</t>
  </si>
  <si>
    <t>GGHS ABU ZAHBI COLONY NO.1 RYK</t>
  </si>
  <si>
    <t>abu zahbi colony no.1 ryk</t>
  </si>
  <si>
    <t>CHAK NO 51/P</t>
  </si>
  <si>
    <t>42022</t>
  </si>
  <si>
    <t>GGHS GANGAL GULZAR-E-QUAID RAWALPINDI</t>
  </si>
  <si>
    <t>Main Gulzar e Quaid entrance rwp</t>
  </si>
  <si>
    <t>Gulzar e Quaid</t>
  </si>
  <si>
    <t>Ms. Riffat Naheed Raja</t>
  </si>
  <si>
    <t>GGPS BASTI KAMIL</t>
  </si>
  <si>
    <t>Ghulam Suhrani</t>
  </si>
  <si>
    <t>Basti kamil p/o karam dad qureshi tehsil and district muzaffargarh</t>
  </si>
  <si>
    <t>Shakeela YasMEEN</t>
  </si>
  <si>
    <t>34274</t>
  </si>
  <si>
    <t>Lomar Walla</t>
  </si>
  <si>
    <t>sipar no.3 nuion council hunjrai no. 2 moza lomar wala</t>
  </si>
  <si>
    <t>Muhmmad Rizwan</t>
  </si>
  <si>
    <t>34277</t>
  </si>
  <si>
    <t>GMPS 127/1-L</t>
  </si>
  <si>
    <t>chak,,127/1L.,then, Khanpur</t>
  </si>
  <si>
    <t>127/1L</t>
  </si>
  <si>
    <t>Bagho-Bahar</t>
  </si>
  <si>
    <t>Musharraf  Perveen</t>
  </si>
  <si>
    <t>fetchfromfar</t>
  </si>
  <si>
    <t>53365</t>
  </si>
  <si>
    <t>GGES SHEIKHU SHARIF</t>
  </si>
  <si>
    <t>GGES Sheikhu sharif  tehsil &amp; district Okara</t>
  </si>
  <si>
    <t>Fakhara Zafar</t>
  </si>
  <si>
    <t>GHS TT KHANPUR MODEL TOWN B KHANPUR</t>
  </si>
  <si>
    <t>Model Town B Khan Pur</t>
  </si>
  <si>
    <t>34291</t>
  </si>
  <si>
    <t>41705</t>
  </si>
  <si>
    <t>GPS QUMI PAY JHANDA CHACHI</t>
  </si>
  <si>
    <t>Jhanda Chichi</t>
  </si>
  <si>
    <t>GPS QOMI pay Jhanda Chichi, street no 2</t>
  </si>
  <si>
    <t>Mahwash Mairaj</t>
  </si>
  <si>
    <t>34294</t>
  </si>
  <si>
    <t>Pati Daya Chokha</t>
  </si>
  <si>
    <t>chah meer Shah Wali post office Sinawan</t>
  </si>
  <si>
    <t>Meer Shah Wali</t>
  </si>
  <si>
    <t>PATI Daya Chokha</t>
  </si>
  <si>
    <t>SANA NAZ</t>
  </si>
  <si>
    <t>GPS BASTI LALI</t>
  </si>
  <si>
    <t>kunal nashaib</t>
  </si>
  <si>
    <t>mouza kunal nashaib chah pathan wala</t>
  </si>
  <si>
    <t>GGHS LASHARIAN</t>
  </si>
  <si>
    <t>VILLAGE &amp; P/O LASHARI</t>
  </si>
  <si>
    <t>Farkhanda Ali D/O M.SALEEM</t>
  </si>
  <si>
    <t>GES RAMZAN ABAD</t>
  </si>
  <si>
    <t>Mandu</t>
  </si>
  <si>
    <t>moaza mandu , tehsil and district muzaffargarh</t>
  </si>
  <si>
    <t>34306</t>
  </si>
  <si>
    <t>GPS GHANGLA</t>
  </si>
  <si>
    <t>basti ghangla</t>
  </si>
  <si>
    <t>34307</t>
  </si>
  <si>
    <t>GGPS BASTI MALOOK</t>
  </si>
  <si>
    <t>Pirhar Sharqee</t>
  </si>
  <si>
    <t>Ward # -4 A Basti Sindhi zkot Addu</t>
  </si>
  <si>
    <t>Ward 14 A Basti Sindhee</t>
  </si>
  <si>
    <t>GGES BASTI IMAM DIN</t>
  </si>
  <si>
    <t>Chak No. 78/NP, Basti Imam Deen, RYK</t>
  </si>
  <si>
    <t>Basti Imam Deen</t>
  </si>
  <si>
    <t>Amina Javed</t>
  </si>
  <si>
    <t>41844</t>
  </si>
  <si>
    <t>GES THALLA KHURD</t>
  </si>
  <si>
    <t>THALLA KHURD</t>
  </si>
  <si>
    <t>VILLAGE THALLA KHURD POST OFFICE CHAKBELI KHAN RAWALPINDI</t>
  </si>
  <si>
    <t>KAMRAN YOUSAF</t>
  </si>
  <si>
    <t>41161</t>
  </si>
  <si>
    <t>GGPS HAIL</t>
  </si>
  <si>
    <t>government girls primary school hail</t>
  </si>
  <si>
    <t>Punjan Kasana</t>
  </si>
  <si>
    <t>Iqra Amjad</t>
  </si>
  <si>
    <t>13397</t>
  </si>
  <si>
    <t>33682</t>
  </si>
  <si>
    <t>GGPS AKAL GARH</t>
  </si>
  <si>
    <t>chak akal garh</t>
  </si>
  <si>
    <t>Twana Kilan</t>
  </si>
  <si>
    <t>Najma Ata Muhammad</t>
  </si>
  <si>
    <t>GGPS CHAK 27/A</t>
  </si>
  <si>
    <t>chak 27/A</t>
  </si>
  <si>
    <t>27/A</t>
  </si>
  <si>
    <t>Maryam Rabbani</t>
  </si>
  <si>
    <t>GPS KOTLA MUBARAK</t>
  </si>
  <si>
    <t>Kotla Mubarak</t>
  </si>
  <si>
    <t>Basti Waran Kotla Mubarak Post Ofice Khan Bela Tehsil Liaquat Pur District Rahim Yar Khan</t>
  </si>
  <si>
    <t>Basti Waran Kotla Mubarak</t>
  </si>
  <si>
    <t>Mumtaz Fareed</t>
  </si>
  <si>
    <t>GGES NIJABAT P/O USMAN WALA</t>
  </si>
  <si>
    <t>najabat</t>
  </si>
  <si>
    <t>Rajowal Nu</t>
  </si>
  <si>
    <t>Maria yaseen</t>
  </si>
  <si>
    <t>GGPS KAMAL PUR PATNI</t>
  </si>
  <si>
    <t>patni</t>
  </si>
  <si>
    <t>ggpskamalpurpatni</t>
  </si>
  <si>
    <t>sadaye wain</t>
  </si>
  <si>
    <t>Rana Nazar Hussain</t>
  </si>
  <si>
    <t>53598</t>
  </si>
  <si>
    <t>GHS 4 1 L</t>
  </si>
  <si>
    <t>chak no 4/1L</t>
  </si>
  <si>
    <t>4/1L RENALA KHURD OKARA</t>
  </si>
  <si>
    <t>4 1 l Okara</t>
  </si>
  <si>
    <t>CHAK NO 6/1L</t>
  </si>
  <si>
    <t>NAEEM ULLAH</t>
  </si>
  <si>
    <t>GPS GHAZI SHAH</t>
  </si>
  <si>
    <t>ghazi shah , p/o shahjmal</t>
  </si>
  <si>
    <t>Muhammad Adeel Mahdi</t>
  </si>
  <si>
    <t>18629</t>
  </si>
  <si>
    <t>GGHS SHEIKH UMER</t>
  </si>
  <si>
    <t>mouza sheikh umer kot adu</t>
  </si>
  <si>
    <t>51402</t>
  </si>
  <si>
    <t>33711</t>
  </si>
  <si>
    <t>GGES BAAQIR KAY</t>
  </si>
  <si>
    <t>Baqar Kay</t>
  </si>
  <si>
    <t>GGES Baqar Kay p/O Dholan hithar</t>
  </si>
  <si>
    <t>Veram Hithar</t>
  </si>
  <si>
    <t>Shama Gulshan</t>
  </si>
  <si>
    <t>12536</t>
  </si>
  <si>
    <t>GPS SERIEN</t>
  </si>
  <si>
    <t>Basti  Serien Mondka Road</t>
  </si>
  <si>
    <t>Serien</t>
  </si>
  <si>
    <t>33715</t>
  </si>
  <si>
    <t>41968</t>
  </si>
  <si>
    <t>GGPS DHOK KAMMAN KHAN</t>
  </si>
  <si>
    <t>Dhoke Kumma</t>
  </si>
  <si>
    <t>dhoke kumma khan</t>
  </si>
  <si>
    <t>Mc Ranial</t>
  </si>
  <si>
    <t>GHS JANDANWALA</t>
  </si>
  <si>
    <t>GHS Jandanwala at Murala Tehsil Kharian District Gujrat</t>
  </si>
  <si>
    <t>Ifikhar Ahmed</t>
  </si>
  <si>
    <t>GHS CHAK NO. 60/P KHANPUR</t>
  </si>
  <si>
    <t>chak No 60 P Tehsil Khan Pur district Rahim yar khan</t>
  </si>
  <si>
    <t>Chak 60 P</t>
  </si>
  <si>
    <t>ARIF AMIN</t>
  </si>
  <si>
    <t>32343</t>
  </si>
  <si>
    <t>GGHS NO. 2 SHAMSABAD NEAR CHUNGI NO.9 MULTAN</t>
  </si>
  <si>
    <t>GOVT.GIRLS HIGH SCHOOL SHAMSABAD chungi no.9 MULTAN</t>
  </si>
  <si>
    <t>ABID COLONY</t>
  </si>
  <si>
    <t>Sohana Shamim</t>
  </si>
  <si>
    <t>GGHS BUDHLA SANT MULTAN</t>
  </si>
  <si>
    <t>DOGRANA</t>
  </si>
  <si>
    <t>GPS ZAFAR WALA JADEED CHAK NO.170 TDA</t>
  </si>
  <si>
    <t>Chak No 170/tda</t>
  </si>
  <si>
    <t>chak no 170/tda layyah</t>
  </si>
  <si>
    <t>Muhammad  Yousof</t>
  </si>
  <si>
    <t>GGPS JAM MUHAMMAD RAFIQ</t>
  </si>
  <si>
    <t>Basti jam Mohammad Rafiq mouza lowmwala p/o Allah Abad tehsil lqp</t>
  </si>
  <si>
    <t>Jam Muhammad Rafiq</t>
  </si>
  <si>
    <t>NAIMA  CHAND</t>
  </si>
  <si>
    <t>29548</t>
  </si>
  <si>
    <t>GGPS SAHBNI WALA</t>
  </si>
  <si>
    <t>Sahbniwala</t>
  </si>
  <si>
    <t>sahbniwala P/O Khai Hithar khudian khas kasur.</t>
  </si>
  <si>
    <t>Rukhsana Tariq</t>
  </si>
  <si>
    <t>12848</t>
  </si>
  <si>
    <t>GGPS EISA BHABHA</t>
  </si>
  <si>
    <t>Eesa Bhabha</t>
  </si>
  <si>
    <t>ggps eesa Bhabha basti Chrhoye Wala jatoi road shah jamal</t>
  </si>
  <si>
    <t>Basti Chrhoye Wala</t>
  </si>
  <si>
    <t>Usman Kuria</t>
  </si>
  <si>
    <t>Maria Rubab</t>
  </si>
  <si>
    <t>31256</t>
  </si>
  <si>
    <t>GGES CDG JUNIOR MODEL CHAH MIRAN SULTAN PURA</t>
  </si>
  <si>
    <t>Chahmiran</t>
  </si>
  <si>
    <t>cdgl girls middle school chah Miran sultanpura</t>
  </si>
  <si>
    <t>Nayyer sultana</t>
  </si>
  <si>
    <t>41712</t>
  </si>
  <si>
    <t>GPS MC ARJAN NAGAR RAWALPINDI</t>
  </si>
  <si>
    <t>Street#1 Tawakli masjid arjan nagar RWP</t>
  </si>
  <si>
    <t>Maryam Kalsoom</t>
  </si>
  <si>
    <t>GGES BIBI JEE WALA</t>
  </si>
  <si>
    <t>Moh shiekhan wala</t>
  </si>
  <si>
    <t>Ward no 13 moh sheikhan layyah</t>
  </si>
  <si>
    <t>Moh sheikhan walan</t>
  </si>
  <si>
    <t>Nayyar Sahar</t>
  </si>
  <si>
    <t>GGES NOU ABAD</t>
  </si>
  <si>
    <t>GOTH AMIN</t>
  </si>
  <si>
    <t>GOVT.G.E.S.NOUABAD</t>
  </si>
  <si>
    <t>NOU ABAD</t>
  </si>
  <si>
    <t>SANA RANA</t>
  </si>
  <si>
    <t>5057</t>
  </si>
  <si>
    <t>GGPS GULOO DE JAH</t>
  </si>
  <si>
    <t>peer chann punn</t>
  </si>
  <si>
    <t>basti din Muhammad ansari mouza peer chann punn p/o box mari Allah bachaya Tehsil khanpur</t>
  </si>
  <si>
    <t>guloo de jah</t>
  </si>
  <si>
    <t>mudbhora</t>
  </si>
  <si>
    <t>29495</t>
  </si>
  <si>
    <t>GGES TIBBA NAINWAL</t>
  </si>
  <si>
    <t>Tibba Nain Wal</t>
  </si>
  <si>
    <t>GGES Tibba Nain Wal Kasur p/ o Dholan Hithar Kasur</t>
  </si>
  <si>
    <t>Saadia Manzoor</t>
  </si>
  <si>
    <t>38299</t>
  </si>
  <si>
    <t>33744</t>
  </si>
  <si>
    <t>34545</t>
  </si>
  <si>
    <t>GMPS 16 M R P/O 16 MR</t>
  </si>
  <si>
    <t>Chak#16MR old duniya pur road</t>
  </si>
  <si>
    <t>16MR</t>
  </si>
  <si>
    <t>Sobia Anwer</t>
  </si>
  <si>
    <t>4036</t>
  </si>
  <si>
    <t>GGCMS ALI WALA</t>
  </si>
  <si>
    <t>GGCMS Ali Wala</t>
  </si>
  <si>
    <t>33749</t>
  </si>
  <si>
    <t>GGES CHAK 125/NP QADEEM</t>
  </si>
  <si>
    <t>chak 125/NP</t>
  </si>
  <si>
    <t>chak no. 125/NP qadeem</t>
  </si>
  <si>
    <t>kandani</t>
  </si>
  <si>
    <t>Sayyeda Huda Arshad</t>
  </si>
  <si>
    <t>GMPS GHULAM NABI KHUKHAR</t>
  </si>
  <si>
    <t>Ghulam Nabi Khukhar</t>
  </si>
  <si>
    <t>GMPS Ghulam Nabi Khukhar</t>
  </si>
  <si>
    <t>Rindain</t>
  </si>
  <si>
    <t>Shaista Manzoor</t>
  </si>
  <si>
    <t>23167</t>
  </si>
  <si>
    <t>GMPS DILLO</t>
  </si>
  <si>
    <t>Dillo</t>
  </si>
  <si>
    <t>dillo</t>
  </si>
  <si>
    <t>31867</t>
  </si>
  <si>
    <t>GPS BASTI RAHIM KORAI</t>
  </si>
  <si>
    <t>rahim korai thul hassan</t>
  </si>
  <si>
    <t>Rahim Korai</t>
  </si>
  <si>
    <t>Laal Shah</t>
  </si>
  <si>
    <t>51483</t>
  </si>
  <si>
    <t>GES 41 SP</t>
  </si>
  <si>
    <t>41sp</t>
  </si>
  <si>
    <t>GES GOHAR ABAD</t>
  </si>
  <si>
    <t>Fathe Surani</t>
  </si>
  <si>
    <t>Gohar abad p/o k.d qureshi tehsil &amp; distt. muzaffar garh</t>
  </si>
  <si>
    <t>Gohar Abad</t>
  </si>
  <si>
    <t>Haji Abdul Majeed Surani</t>
  </si>
  <si>
    <t>GGPS CHAK 125/NP BHANDARAN JADEED</t>
  </si>
  <si>
    <t>Pacca Lara</t>
  </si>
  <si>
    <t>Chak no 125 np bandaran jadeed</t>
  </si>
  <si>
    <t>125 np Jadeed</t>
  </si>
  <si>
    <t>GGHS BADYAN</t>
  </si>
  <si>
    <t>village bedian</t>
  </si>
  <si>
    <t>Chatiyawala</t>
  </si>
  <si>
    <t>34313</t>
  </si>
  <si>
    <t>GGHS CHAK NO. 12-MR SADDAR MULTAN</t>
  </si>
  <si>
    <t>CHAK NO 12/MR P/O 18/MR MULTAN</t>
  </si>
  <si>
    <t>CHAK NO 12/MR</t>
  </si>
  <si>
    <t>CHAK NO 18/MR MULTAN</t>
  </si>
  <si>
    <t>safia khatoon hashmi</t>
  </si>
  <si>
    <t>GGHS MADINA COLONY NEAR GRAIN MARKET MULTAN</t>
  </si>
  <si>
    <t>Taraf Ravi</t>
  </si>
  <si>
    <t>madina colony multan</t>
  </si>
  <si>
    <t>Parveen Mustafa</t>
  </si>
  <si>
    <t>all pumps &amp; filter plant</t>
  </si>
  <si>
    <t>GGPS BASTI BASHARAT</t>
  </si>
  <si>
    <t>Bhdo bhatta Chak 23/p</t>
  </si>
  <si>
    <t>Bhdo Bhatta</t>
  </si>
  <si>
    <t>Saira Hassan</t>
  </si>
  <si>
    <t>near by hand pump</t>
  </si>
  <si>
    <t>53116</t>
  </si>
  <si>
    <t>GGES 45/G.D OKARA</t>
  </si>
  <si>
    <t>45gd</t>
  </si>
  <si>
    <t>chak no 45gd p/o 49/3r district okara</t>
  </si>
  <si>
    <t>Nabila Zulfiqar</t>
  </si>
  <si>
    <t>GGPS 23/P</t>
  </si>
  <si>
    <t>Peer Charan Punnan</t>
  </si>
  <si>
    <t>Basti karam elahi chak no 23p khan pur</t>
  </si>
  <si>
    <t>Basti Karam Elahi</t>
  </si>
  <si>
    <t>saima irum</t>
  </si>
  <si>
    <t>53650</t>
  </si>
  <si>
    <t>GPS BASTI RAHIM BUKHSH RENALA KHURD</t>
  </si>
  <si>
    <t>Basti Rahim Bakhsh</t>
  </si>
  <si>
    <t>GPS basti rahim bakhsh</t>
  </si>
  <si>
    <t>Adulrazaq Hashmi</t>
  </si>
  <si>
    <t>GHS BOHAR MULTAN</t>
  </si>
  <si>
    <t>govt. high school bohar, multan</t>
  </si>
  <si>
    <t>kirpal pur</t>
  </si>
  <si>
    <t>imtiaz ahmad</t>
  </si>
  <si>
    <t>33791</t>
  </si>
  <si>
    <t>53342</t>
  </si>
  <si>
    <t>GGPS KAKOO</t>
  </si>
  <si>
    <t>kakoo</t>
  </si>
  <si>
    <t>Kausar Tasleem</t>
  </si>
  <si>
    <t>GHS KOT SULTAN</t>
  </si>
  <si>
    <t>kot Sultan</t>
  </si>
  <si>
    <t>AHMAD BAKHSH</t>
  </si>
  <si>
    <t>53609</t>
  </si>
  <si>
    <t>GHS L  PLOT FOUJIAN</t>
  </si>
  <si>
    <t>4gd</t>
  </si>
  <si>
    <t>L plot fojian teh. renala distt. okara</t>
  </si>
  <si>
    <t>Lplot Fojian</t>
  </si>
  <si>
    <t>L Plot</t>
  </si>
  <si>
    <t>Riaz Ahmad Faridi</t>
  </si>
  <si>
    <t>GPS CHAK NO.117/1-L</t>
  </si>
  <si>
    <t>chak no 117/1.L khan pur Distt Rahim yar khan</t>
  </si>
  <si>
    <t>Chak No 117/1L</t>
  </si>
  <si>
    <t>Chak No 45/p</t>
  </si>
  <si>
    <t>34314</t>
  </si>
  <si>
    <t>53640</t>
  </si>
  <si>
    <t>GGHS MITTHA KALOWAL</t>
  </si>
  <si>
    <t>Mithakalowal</t>
  </si>
  <si>
    <t>mithakalowal</t>
  </si>
  <si>
    <t>Kamma</t>
  </si>
  <si>
    <t>Ayesha Mushtaq</t>
  </si>
  <si>
    <t>GPS CHAK NO.10/P</t>
  </si>
  <si>
    <t>mud bhora</t>
  </si>
  <si>
    <t>chak10/p</t>
  </si>
  <si>
    <t>chak 10/p</t>
  </si>
  <si>
    <t>34318</t>
  </si>
  <si>
    <t>GMMS MANZOOR ABAD</t>
  </si>
  <si>
    <t>RYK DEH</t>
  </si>
  <si>
    <t>Syed Mehmood Ul Hasan</t>
  </si>
  <si>
    <t>GPS BASTI KORIA</t>
  </si>
  <si>
    <t>Bait Luda</t>
  </si>
  <si>
    <t>basti koria mouza luda</t>
  </si>
  <si>
    <t>Basti Koria</t>
  </si>
  <si>
    <t>Sharif Chajarha</t>
  </si>
  <si>
    <t>Ubaid Ullah Sadiq</t>
  </si>
  <si>
    <t>GGHS KOTLA PATHAN</t>
  </si>
  <si>
    <t>Kotlapathan</t>
  </si>
  <si>
    <t>Gov.Girls secondary school kotlapathan</t>
  </si>
  <si>
    <t>Sadaf Khaliq</t>
  </si>
  <si>
    <t>6359</t>
  </si>
  <si>
    <t>GPS TIB GHARIBAN CHAK 75/P</t>
  </si>
  <si>
    <t>Chack 75/p</t>
  </si>
  <si>
    <t>chack 75 / P Gharbi</t>
  </si>
  <si>
    <t>Chack 75/P</t>
  </si>
  <si>
    <t>Dari Azzeem Khan</t>
  </si>
  <si>
    <t>Yasir Mahmood</t>
  </si>
  <si>
    <t>GGPS CHAK NO 145-/TDA NAWAN SIDDIQUE WALA</t>
  </si>
  <si>
    <t>Saddiq wala</t>
  </si>
  <si>
    <t>145 TDA Nawa Saddiq wala</t>
  </si>
  <si>
    <t>Saddiq Wala</t>
  </si>
  <si>
    <t>Asma Ishfaq</t>
  </si>
  <si>
    <t>GGES GHOOKAH</t>
  </si>
  <si>
    <t>basti Hassan Ali Lar</t>
  </si>
  <si>
    <t>11578</t>
  </si>
  <si>
    <t>GPS BHARYOG</t>
  </si>
  <si>
    <t>Bharyog</t>
  </si>
  <si>
    <t>Mouza Bharyog Tehsil Kot Addu District Muzaffar Garh</t>
  </si>
  <si>
    <t>Hadair</t>
  </si>
  <si>
    <t>Gurmani Shargi</t>
  </si>
  <si>
    <t>Muhammad Junaid Bhutta</t>
  </si>
  <si>
    <t>41988</t>
  </si>
  <si>
    <t>GGES DHADHAMBAR</t>
  </si>
  <si>
    <t>Dhadhumber</t>
  </si>
  <si>
    <t>GGES Dhadhumber Teh &amp; Distt rawalpindi sub office chakri</t>
  </si>
  <si>
    <t>dhadhumber</t>
  </si>
  <si>
    <t>chakri</t>
  </si>
  <si>
    <t>Sumira Maqbool</t>
  </si>
  <si>
    <t>54382</t>
  </si>
  <si>
    <t>GHS TURKISH COLONY MUZAFFARGARH</t>
  </si>
  <si>
    <t>rakh khan pur</t>
  </si>
  <si>
    <t>TURKISH COLONY DG KHAN ROAD MUZAFFARGARH</t>
  </si>
  <si>
    <t>TURKISH COLONY dG KHAN ROAD MUZAFFARGARH</t>
  </si>
  <si>
    <t>49752</t>
  </si>
  <si>
    <t>GGPS MUHAMMAD DAHA BASTI BABRAN</t>
  </si>
  <si>
    <t>Basti Babran Muhammad Daha</t>
  </si>
  <si>
    <t>GPS TANZEEM CHAK NO. 174/7-R</t>
  </si>
  <si>
    <t>chak 174/7-R</t>
  </si>
  <si>
    <t>chak 174/7-R cholsatan tehseel Liaquatpur</t>
  </si>
  <si>
    <t>chak174/7-R</t>
  </si>
  <si>
    <t>225/1-L Islam Garh</t>
  </si>
  <si>
    <t>34351</t>
  </si>
  <si>
    <t>51607</t>
  </si>
  <si>
    <t>GGHS BAYAL GANJ PAKPATTAN</t>
  </si>
  <si>
    <t>boyle gunj</t>
  </si>
  <si>
    <t>post office boyle gunj pakpattan</t>
  </si>
  <si>
    <t>mala kanwal</t>
  </si>
  <si>
    <t>GPS BASTI SITHAR</t>
  </si>
  <si>
    <t>Sarishta Thal Jandi Darmyani</t>
  </si>
  <si>
    <t>Chak no.168 P/O Pir Jagi</t>
  </si>
  <si>
    <t>Pir Jagi</t>
  </si>
  <si>
    <t>20030</t>
  </si>
  <si>
    <t>34356</t>
  </si>
  <si>
    <t>54326</t>
  </si>
  <si>
    <t>GPS CHACH RAWAN</t>
  </si>
  <si>
    <t>Rajjar</t>
  </si>
  <si>
    <t>village chach rawan Po rajjar teh &amp; dist Rawalpindi</t>
  </si>
  <si>
    <t>Chach Rawan</t>
  </si>
  <si>
    <t>GGHS MUPAL KAY</t>
  </si>
  <si>
    <t>Mopalkay</t>
  </si>
  <si>
    <t>GGHS Mopalkay p/o same teh renala khurd distt okara</t>
  </si>
  <si>
    <t>mopalkay</t>
  </si>
  <si>
    <t>34373</t>
  </si>
  <si>
    <t>41653</t>
  </si>
  <si>
    <t>GGHS KHAYABAN-E-SIR SYED SECTOR 2</t>
  </si>
  <si>
    <t>gghskss sector2 rwp</t>
  </si>
  <si>
    <t>Khayaban</t>
  </si>
  <si>
    <t>Afsana Kousar</t>
  </si>
  <si>
    <t>GPS CHAK NO.388 A/TDA</t>
  </si>
  <si>
    <t>Lohanch Thal Klan</t>
  </si>
  <si>
    <t>Chan no 388-A/tda P/O ladhana tehsil and Dostrict Layyah</t>
  </si>
  <si>
    <t>Chack 388-A/Tda</t>
  </si>
  <si>
    <t>34383</t>
  </si>
  <si>
    <t>GGPS RAIS ALLAH DITTA</t>
  </si>
  <si>
    <t>Choudary</t>
  </si>
  <si>
    <t>ggp/s rais Allah ditta</t>
  </si>
  <si>
    <t>Mdaha</t>
  </si>
  <si>
    <t>GGPS MANJHAY WALA</t>
  </si>
  <si>
    <t>Bahadar gamon  Sehol</t>
  </si>
  <si>
    <t>Majnhy wala dist Layyah</t>
  </si>
  <si>
    <t>Manjhy Wala</t>
  </si>
  <si>
    <t>Syeda Munazza Batool</t>
  </si>
  <si>
    <t>GES FAQEER WALA</t>
  </si>
  <si>
    <t>Faqeer Wala, Pahar Pur</t>
  </si>
  <si>
    <t>Faqeer Wala</t>
  </si>
  <si>
    <t>Khalid Mehmood Saleemi</t>
  </si>
  <si>
    <t>GES JALIL ABAD</t>
  </si>
  <si>
    <t>Basti Jalilabad Moza lakhani khan Bela Liaquatpur District Rahim yar khan</t>
  </si>
  <si>
    <t>Kotla daolat</t>
  </si>
  <si>
    <t>GPS PUL WATRAN</t>
  </si>
  <si>
    <t>primary school pull watran,moza shedani sharif,markaz khan bela,tehsile liaqatpur</t>
  </si>
  <si>
    <t>Pull Watran</t>
  </si>
  <si>
    <t>42008</t>
  </si>
  <si>
    <t>GMPS HARKERAN</t>
  </si>
  <si>
    <t>KOT HARKERAN</t>
  </si>
  <si>
    <t>kot Harkaran, P/O Jhattanwali, Tehsil Wazirabad, District Gujranwala.</t>
  </si>
  <si>
    <t>JHATTANWALI</t>
  </si>
  <si>
    <t>GGES CHAK BAIG</t>
  </si>
  <si>
    <t>dhonkal</t>
  </si>
  <si>
    <t>Mehar u nisa</t>
  </si>
  <si>
    <t>GMPS DHOUNKAL</t>
  </si>
  <si>
    <t>GMPS DHUNKAL muhala mahajaran</t>
  </si>
  <si>
    <t>46276</t>
  </si>
  <si>
    <t>42028</t>
  </si>
  <si>
    <t>GHS WAZIRABAD</t>
  </si>
  <si>
    <t>College Road Wazirabad</t>
  </si>
  <si>
    <t>wazirabad city</t>
  </si>
  <si>
    <t>GGPS FAQIRAN WALI KALAN</t>
  </si>
  <si>
    <t>Faqiranwali Kalan</t>
  </si>
  <si>
    <t>po hanki head Faqiranwali kalan</t>
  </si>
  <si>
    <t>Faqiranwali kalan</t>
  </si>
  <si>
    <t>Ummara Aslam</t>
  </si>
  <si>
    <t>21099</t>
  </si>
  <si>
    <t>GGPS GUNIAN WALA</t>
  </si>
  <si>
    <t>Gunianwala</t>
  </si>
  <si>
    <t>vpo gunianwala, teh wzd ,distt gujranwala</t>
  </si>
  <si>
    <t>11497</t>
  </si>
  <si>
    <t>21201</t>
  </si>
  <si>
    <t>GMPS SAHARAN KALAN</t>
  </si>
  <si>
    <t>Saharan Kalan</t>
  </si>
  <si>
    <t>Saharan Kalan Tehsil Wazirabad District GRW</t>
  </si>
  <si>
    <t>Hardo Saharan</t>
  </si>
  <si>
    <t>Shagufta Yaqoob</t>
  </si>
  <si>
    <t>GGPS KOT JAN BUX</t>
  </si>
  <si>
    <t>Lot Jan Bakhs</t>
  </si>
  <si>
    <t>ggps lot Japan bakhas</t>
  </si>
  <si>
    <t>Kot Jan Bakhas</t>
  </si>
  <si>
    <t>Munawar Sultsna</t>
  </si>
  <si>
    <t>GGES KOTLI SAHIAN</t>
  </si>
  <si>
    <t>GHAKKAR 1 - FEMALE</t>
  </si>
  <si>
    <t>Kotli Sahisn</t>
  </si>
  <si>
    <t>kotli sahian</t>
  </si>
  <si>
    <t>Kotli Sahian</t>
  </si>
  <si>
    <t>Ghulam Hajera</t>
  </si>
  <si>
    <t>GPS KOT DAVAL</t>
  </si>
  <si>
    <t>Kot Daval</t>
  </si>
  <si>
    <t>Th..wazir a bad ,Disst. Gujranwala</t>
  </si>
  <si>
    <t>Sahran Chatha</t>
  </si>
  <si>
    <t>48876</t>
  </si>
  <si>
    <t>GGES CHAK NO.56 SB</t>
  </si>
  <si>
    <t>56 Sb</t>
  </si>
  <si>
    <t>chak 56 sb</t>
  </si>
  <si>
    <t>55 Sb</t>
  </si>
  <si>
    <t>Rahat Masooma</t>
  </si>
  <si>
    <t>GHSS BUA</t>
  </si>
  <si>
    <t>village &amp; p/o Bua  Teh.shakargarh District Narowal</t>
  </si>
  <si>
    <t>GGPS ACHALI</t>
  </si>
  <si>
    <t>Achli</t>
  </si>
  <si>
    <t>village achli  markaz maingri tehsil shakargah district narowal</t>
  </si>
  <si>
    <t>Iqra Farooq</t>
  </si>
  <si>
    <t>GPS CHAK NO.88 NB NO.2</t>
  </si>
  <si>
    <t>Chak No 88 Nb</t>
  </si>
  <si>
    <t>Chak No 88 NB, Sargodha</t>
  </si>
  <si>
    <t>Chak No 88 NB</t>
  </si>
  <si>
    <t>Chak No 100 Nb</t>
  </si>
  <si>
    <t>37867</t>
  </si>
  <si>
    <t>48968</t>
  </si>
  <si>
    <t>GPS CHAK NO.43 SB</t>
  </si>
  <si>
    <t>43 SB</t>
  </si>
  <si>
    <t>chak no 43 sb</t>
  </si>
  <si>
    <t>Mubshar Ahmed</t>
  </si>
  <si>
    <t>GGHS CHAK NO.89 SB</t>
  </si>
  <si>
    <t>89 SB Sargodha</t>
  </si>
  <si>
    <t>96 SB Sargodha</t>
  </si>
  <si>
    <t>Zahida Noreen</t>
  </si>
  <si>
    <t>37883</t>
  </si>
  <si>
    <t>GGPS KALA CHACHI</t>
  </si>
  <si>
    <t>Kalachachi</t>
  </si>
  <si>
    <t>kalachachi</t>
  </si>
  <si>
    <t>Kalah</t>
  </si>
  <si>
    <t>49056</t>
  </si>
  <si>
    <t>GPS CHAK NO.101 NB</t>
  </si>
  <si>
    <t>101NB</t>
  </si>
  <si>
    <t>chak no 101 NB</t>
  </si>
  <si>
    <t>97NB</t>
  </si>
  <si>
    <t>Erum Fatima</t>
  </si>
  <si>
    <t>36269</t>
  </si>
  <si>
    <t>49351</t>
  </si>
  <si>
    <t>GGES CHAK NO.187 NB</t>
  </si>
  <si>
    <t>Chak no 187 nb sargodha</t>
  </si>
  <si>
    <t>Chak no 187nb sargodha</t>
  </si>
  <si>
    <t>Tahira jabeen</t>
  </si>
  <si>
    <t>37893</t>
  </si>
  <si>
    <t>GPS KOTLA AFGHANAN</t>
  </si>
  <si>
    <t>Kotla Afghana</t>
  </si>
  <si>
    <t>village kotla  afghana,p.o.kanjror,Teh.Shakargarh,Distt.Narowal.</t>
  </si>
  <si>
    <t>GGPS MADDA AFGHANAN</t>
  </si>
  <si>
    <t>Madda Afghana</t>
  </si>
  <si>
    <t>Govt Girls Primary School Madda Afghana</t>
  </si>
  <si>
    <t>Meloselo</t>
  </si>
  <si>
    <t>Hafsa Khairuldin</t>
  </si>
  <si>
    <t>GPS JHOKA</t>
  </si>
  <si>
    <t>GPS Jhoka</t>
  </si>
  <si>
    <t>village jhoka p.o masrur</t>
  </si>
  <si>
    <t>Jhoka</t>
  </si>
  <si>
    <t>Masrur</t>
  </si>
  <si>
    <t>H-T MUHAMMAD ASHRAF</t>
  </si>
  <si>
    <t>51465</t>
  </si>
  <si>
    <t>37905</t>
  </si>
  <si>
    <t>48788</t>
  </si>
  <si>
    <t>GGHS CHAK NO. 34 SB SARGODHA</t>
  </si>
  <si>
    <t>34 SB</t>
  </si>
  <si>
    <t>GGHS Chak 34 SB</t>
  </si>
  <si>
    <t>33 SB</t>
  </si>
  <si>
    <t>GHS KHANNA</t>
  </si>
  <si>
    <t>village and post office khanna tehsil shakargarh district narowal</t>
  </si>
  <si>
    <t>MUHAMMAD RIZWAN MEHMOOD</t>
  </si>
  <si>
    <t>48982</t>
  </si>
  <si>
    <t>GPS CHAK NO.96 SB</t>
  </si>
  <si>
    <t>96 SB</t>
  </si>
  <si>
    <t>chak no 96 SB Sargodha</t>
  </si>
  <si>
    <t>37915</t>
  </si>
  <si>
    <t>26393</t>
  </si>
  <si>
    <t>GGPS CHHANI SHAH PUR</t>
  </si>
  <si>
    <t>Channi shah pur teh. Skg district narowal</t>
  </si>
  <si>
    <t>Channi Shah Pur</t>
  </si>
  <si>
    <t>Shah Pur Bhango</t>
  </si>
  <si>
    <t>48970</t>
  </si>
  <si>
    <t>GPS CHAK NO.99 A-SB</t>
  </si>
  <si>
    <t>Assianwala</t>
  </si>
  <si>
    <t>GPS 99 ASB</t>
  </si>
  <si>
    <t>99 ASB BADLA</t>
  </si>
  <si>
    <t>50 NB</t>
  </si>
  <si>
    <t>GES HADDA</t>
  </si>
  <si>
    <t>Hadda</t>
  </si>
  <si>
    <t>village hadda p/o 86 sb sargodha</t>
  </si>
  <si>
    <t>84sb</t>
  </si>
  <si>
    <t>Muhammad Akhtar iqbal</t>
  </si>
  <si>
    <t>GHS CHAK NO.42 SB SGD</t>
  </si>
  <si>
    <t>Chak No 42 Sb</t>
  </si>
  <si>
    <t>Chak no 42 sb tehsil and district sargodha</t>
  </si>
  <si>
    <t>Chak No 40 Sb</t>
  </si>
  <si>
    <t>Fayyaz Ul Haq</t>
  </si>
  <si>
    <t>46925</t>
  </si>
  <si>
    <t>GPS MANGRIAH</t>
  </si>
  <si>
    <t>Mangriah</t>
  </si>
  <si>
    <t>Mangriah p/o dudhoo Chak tehsil shakargarh district narowal</t>
  </si>
  <si>
    <t>GPS BACHHLI</t>
  </si>
  <si>
    <t>GPS Bachli</t>
  </si>
  <si>
    <t>village bachli  p/o pindi umrah</t>
  </si>
  <si>
    <t>Bachli</t>
  </si>
  <si>
    <t>26503</t>
  </si>
  <si>
    <t>GES BUDWAL</t>
  </si>
  <si>
    <t>Budwal</t>
  </si>
  <si>
    <t>GMPS NAWAN PIND</t>
  </si>
  <si>
    <t>GMPS Nawan pind post office Nizamabad wazirabad</t>
  </si>
  <si>
    <t>Dhonkal</t>
  </si>
  <si>
    <t>RIZWANA KOUSER</t>
  </si>
  <si>
    <t>42045</t>
  </si>
  <si>
    <t>GGCMS CHAK DADAN</t>
  </si>
  <si>
    <t>Chak Dadan Ghakhar</t>
  </si>
  <si>
    <t>chak Dadan PO Ghakhar</t>
  </si>
  <si>
    <t>sahrish Mehmood</t>
  </si>
  <si>
    <t>GMPS KOT ALI</t>
  </si>
  <si>
    <t>Kot Ali</t>
  </si>
  <si>
    <t>kot Ali p.o Alipur chatha</t>
  </si>
  <si>
    <t>Kot  Ali</t>
  </si>
  <si>
    <t>Noyenwala</t>
  </si>
  <si>
    <t>Anum Shahzadi</t>
  </si>
  <si>
    <t>31195</t>
  </si>
  <si>
    <t>42059</t>
  </si>
  <si>
    <t>20975</t>
  </si>
  <si>
    <t>GPS DHAPIE AMIR SINGH</t>
  </si>
  <si>
    <t>Dhapy Ameer Singh</t>
  </si>
  <si>
    <t>dhapy ameer singh</t>
  </si>
  <si>
    <t>Jaura Sian</t>
  </si>
  <si>
    <t>Naveed Iqbal Anjum</t>
  </si>
  <si>
    <t>40873</t>
  </si>
  <si>
    <t>42063</t>
  </si>
  <si>
    <t>21292</t>
  </si>
  <si>
    <t>GGES KOT HARA</t>
  </si>
  <si>
    <t>Kaliyanwala</t>
  </si>
  <si>
    <t>Aqsa Arshad</t>
  </si>
  <si>
    <t>42065</t>
  </si>
  <si>
    <t>GMPS NAWAN KOT</t>
  </si>
  <si>
    <t>nawan kot pheroke</t>
  </si>
  <si>
    <t>nawan kot pherke</t>
  </si>
  <si>
    <t>noin wala chattha</t>
  </si>
  <si>
    <t>Asma Yaqoob</t>
  </si>
  <si>
    <t>42067</t>
  </si>
  <si>
    <t>GPS GAKHAR NO.3</t>
  </si>
  <si>
    <t>Gakher</t>
  </si>
  <si>
    <t>peer kot road gakher</t>
  </si>
  <si>
    <t>Ashfaq Ahmad Toor</t>
  </si>
  <si>
    <t>20652</t>
  </si>
  <si>
    <t>21134</t>
  </si>
  <si>
    <t>GGCMS TALWARA</t>
  </si>
  <si>
    <t>talwara Post office sohdra</t>
  </si>
  <si>
    <t>7619</t>
  </si>
  <si>
    <t>42072</t>
  </si>
  <si>
    <t>GPS KARM ABAD</t>
  </si>
  <si>
    <t>Noin Wala</t>
  </si>
  <si>
    <t>karam abad noin wala tehsil wazirabad Gujranwala</t>
  </si>
  <si>
    <t>Karamabad</t>
  </si>
  <si>
    <t>GMPS BURJ MUNCHER CHATHA</t>
  </si>
  <si>
    <t>Buraj mancher kalan</t>
  </si>
  <si>
    <t>Buraj mancher chattha(kalan)</t>
  </si>
  <si>
    <t>Buraj Mancher kalan</t>
  </si>
  <si>
    <t>Hazrat kailyan wala</t>
  </si>
  <si>
    <t>Munaza Firdous</t>
  </si>
  <si>
    <t>20994</t>
  </si>
  <si>
    <t>GPS WANJO WALI</t>
  </si>
  <si>
    <t>Sialkot road winjowali</t>
  </si>
  <si>
    <t>Hafiz Attaullah</t>
  </si>
  <si>
    <t>30505</t>
  </si>
  <si>
    <t>GMPS KHUSRAY</t>
  </si>
  <si>
    <t>Khasray</t>
  </si>
  <si>
    <t>village and post office khasray wazirabad</t>
  </si>
  <si>
    <t>Bharoke</t>
  </si>
  <si>
    <t>GPS HALQA NO.7</t>
  </si>
  <si>
    <t>Izzet Hayat Colony</t>
  </si>
  <si>
    <t>halqa#7 izzet hayat colony sargodha</t>
  </si>
  <si>
    <t>MC 16</t>
  </si>
  <si>
    <t>48769</t>
  </si>
  <si>
    <t>GHS CHAK NO.44 SB</t>
  </si>
  <si>
    <t>44 Sb</t>
  </si>
  <si>
    <t>chak no.44 sb sargodha</t>
  </si>
  <si>
    <t>chak no 44 sb</t>
  </si>
  <si>
    <t>chak no 55 sb</t>
  </si>
  <si>
    <t>Rameez Yaqoob</t>
  </si>
  <si>
    <t>48902</t>
  </si>
  <si>
    <t>GGHS CHAK NO.47 NB</t>
  </si>
  <si>
    <t>47nb</t>
  </si>
  <si>
    <t>GGHS chak # 47 NB SARGODHA</t>
  </si>
  <si>
    <t>47 NB</t>
  </si>
  <si>
    <t>49512</t>
  </si>
  <si>
    <t>GPS SHARIFA</t>
  </si>
  <si>
    <t>Sharifa</t>
  </si>
  <si>
    <t>sharifa p. o. box vijh tehsil shahpur</t>
  </si>
  <si>
    <t>37502</t>
  </si>
  <si>
    <t>49309</t>
  </si>
  <si>
    <t>GGPS CHAK NO.104 NB</t>
  </si>
  <si>
    <t>104nb</t>
  </si>
  <si>
    <t>chak no 104 nb</t>
  </si>
  <si>
    <t>Chak No 104 Nb</t>
  </si>
  <si>
    <t>GGHS MANGOWAL KHURD</t>
  </si>
  <si>
    <t>mangowal khurd</t>
  </si>
  <si>
    <t>gghs mangowal khurd shahpur</t>
  </si>
  <si>
    <t>Sumaira Noureen</t>
  </si>
  <si>
    <t>37508</t>
  </si>
  <si>
    <t>26373</t>
  </si>
  <si>
    <t>GGPS SAKRANGIAN</t>
  </si>
  <si>
    <t>Sakrangian</t>
  </si>
  <si>
    <t>village sakrangian</t>
  </si>
  <si>
    <t>Fatehpur Afghanan</t>
  </si>
  <si>
    <t>Amreen Chaudhry</t>
  </si>
  <si>
    <t>54711</t>
  </si>
  <si>
    <t>GES KHALIQIA BLOCK 25, SARGODHA</t>
  </si>
  <si>
    <t>Block 25</t>
  </si>
  <si>
    <t>Block 25 sargodha</t>
  </si>
  <si>
    <t>GGHS JAHANABAD</t>
  </si>
  <si>
    <t>jahanabad tehsil shahpur, district sargodha</t>
  </si>
  <si>
    <t>Irbat Nosheen</t>
  </si>
  <si>
    <t>45699</t>
  </si>
  <si>
    <t>48819</t>
  </si>
  <si>
    <t>GES CHAK NO.105 SB</t>
  </si>
  <si>
    <t>Chak No 105 SB</t>
  </si>
  <si>
    <t>Chak NO. 105 SB DISTRICT SARGODHA</t>
  </si>
  <si>
    <t>CHAK NO 107 SB</t>
  </si>
  <si>
    <t>Waseem Ahmad</t>
  </si>
  <si>
    <t>48967</t>
  </si>
  <si>
    <t>GPS CHAK NO.54 SB</t>
  </si>
  <si>
    <t>Chak No 54sb</t>
  </si>
  <si>
    <t>Chak no. 54sb tehsil and district Sargodha</t>
  </si>
  <si>
    <t>Chak No 52sb</t>
  </si>
  <si>
    <t>45472</t>
  </si>
  <si>
    <t>26504</t>
  </si>
  <si>
    <t>GPS BEHLOL PUR</t>
  </si>
  <si>
    <t>behlolpur</t>
  </si>
  <si>
    <t>GPS KHAN WAND</t>
  </si>
  <si>
    <t>govt primary school khanwand</t>
  </si>
  <si>
    <t>Khanwand</t>
  </si>
  <si>
    <t>51366</t>
  </si>
  <si>
    <t>GGHS KALYANA</t>
  </si>
  <si>
    <t>gghskalyana</t>
  </si>
  <si>
    <t>ZAIB MUNEER</t>
  </si>
  <si>
    <t>GGHS MURARIAN</t>
  </si>
  <si>
    <t>V.P.O. Murarian, Teh, Kharian, Distt, Gujrat.</t>
  </si>
  <si>
    <t>GPS HAYAT MACHI</t>
  </si>
  <si>
    <t>basti manglay Khan mouza hayat Machi Tehsil liaqatpur District Rahim Yar khan</t>
  </si>
  <si>
    <t>Manglay Khan</t>
  </si>
  <si>
    <t>Waqas Mehmood</t>
  </si>
  <si>
    <t>34168</t>
  </si>
  <si>
    <t>GGES BASTI CHANDIA</t>
  </si>
  <si>
    <t>Dulat Pur</t>
  </si>
  <si>
    <t>basti Chandia</t>
  </si>
  <si>
    <t>GPS BURG</t>
  </si>
  <si>
    <t>chah sakh wala pahar pur thal</t>
  </si>
  <si>
    <t>Chah Sakh Wala</t>
  </si>
  <si>
    <t>17309</t>
  </si>
  <si>
    <t>44497</t>
  </si>
  <si>
    <t>34174</t>
  </si>
  <si>
    <t>GMPS DHOK GUJRI</t>
  </si>
  <si>
    <t>Dhoke Gujri</t>
  </si>
  <si>
    <t>village Dhoke Gujri  Markaz Raika Maira Tehsil &amp; District Rwp</t>
  </si>
  <si>
    <t>Dkoke Gujri</t>
  </si>
  <si>
    <t>Ansar</t>
  </si>
  <si>
    <t>53146</t>
  </si>
  <si>
    <t>GPS THATHA BHATIAN</t>
  </si>
  <si>
    <t>Thatha Bhatian</t>
  </si>
  <si>
    <t>Tasaddaq Hussain</t>
  </si>
  <si>
    <t>34181</t>
  </si>
  <si>
    <t>GHS FEROZPUR CHISHTIAN</t>
  </si>
  <si>
    <t>CHAK FEROZPUR CHISHTIAN P/O KALYANA</t>
  </si>
  <si>
    <t>hamid ullah chishti</t>
  </si>
  <si>
    <t>23355</t>
  </si>
  <si>
    <t>GGPS THURGLA</t>
  </si>
  <si>
    <t>Thurgla</t>
  </si>
  <si>
    <t>village Thurgla P/O Kotla Qasim Khan.</t>
  </si>
  <si>
    <t>KotlaQasimKhan</t>
  </si>
  <si>
    <t>Rozia Bano</t>
  </si>
  <si>
    <t>34188</t>
  </si>
  <si>
    <t>41767</t>
  </si>
  <si>
    <t>GPS BASSALI</t>
  </si>
  <si>
    <t>vpo bassali rwp</t>
  </si>
  <si>
    <t>6593</t>
  </si>
  <si>
    <t>GGPS TOBA MACHHIAN</t>
  </si>
  <si>
    <t>basti toba machhian moza rangpur union concil shah pur</t>
  </si>
  <si>
    <t>Toba Machhian</t>
  </si>
  <si>
    <t>Fozia Iqbal</t>
  </si>
  <si>
    <t>34193</t>
  </si>
  <si>
    <t>GGPS NABIPUR RUKAN PUR</t>
  </si>
  <si>
    <t>ggps nabi pur markaz shah pur rahim yar khan</t>
  </si>
  <si>
    <t>Tahira Sadaf</t>
  </si>
  <si>
    <t>34199</t>
  </si>
  <si>
    <t>GGHS MANGLIA</t>
  </si>
  <si>
    <t>MANGLIA</t>
  </si>
  <si>
    <t>VILL &amp; P/O;MANGLIA</t>
  </si>
  <si>
    <t>NASIRA ZAIN</t>
  </si>
  <si>
    <t>34202</t>
  </si>
  <si>
    <t>GES CHAK BELI KHAN</t>
  </si>
  <si>
    <t>Chak Beli Khan</t>
  </si>
  <si>
    <t>VPO CHAK BELI KHAN</t>
  </si>
  <si>
    <t>Khan Waiz</t>
  </si>
  <si>
    <t>GPS BAIT MEERAN MOUZA MANIK</t>
  </si>
  <si>
    <t>Gbps bait meeran moza manik markaz gloor masu khan</t>
  </si>
  <si>
    <t>Basti Ghulam Nabi Manik</t>
  </si>
  <si>
    <t>GGPS CHAK NO.362/TDA</t>
  </si>
  <si>
    <t>Chak No362/tda</t>
  </si>
  <si>
    <t>chak no 362/tda zila layyah</t>
  </si>
  <si>
    <t>Gola Adda 393/tda</t>
  </si>
  <si>
    <t>Rubina kousar</t>
  </si>
  <si>
    <t>Nor Kubra</t>
  </si>
  <si>
    <t>p/o Basira Tehseel and District M Garh</t>
  </si>
  <si>
    <t>34215</t>
  </si>
  <si>
    <t>53221</t>
  </si>
  <si>
    <t>GPS 39/4.L</t>
  </si>
  <si>
    <t>39/4L</t>
  </si>
  <si>
    <t>chack 39/L okara</t>
  </si>
  <si>
    <t>Allah  Yar  Abid</t>
  </si>
  <si>
    <t>51324</t>
  </si>
  <si>
    <t>GHS BOYLE GANJ</t>
  </si>
  <si>
    <t>BOYLE GUNJ</t>
  </si>
  <si>
    <t>CHAK BOYLE GUNJ, P.O SAME, TEHSIL &amp; DISTT. PAKPATTAN</t>
  </si>
  <si>
    <t>JAMSHED IQBAL MASOOD</t>
  </si>
  <si>
    <t>GHS KHUNAN</t>
  </si>
  <si>
    <t>govt High School Khunan Tehsil Kharian District Gujrat</t>
  </si>
  <si>
    <t>Noonanwali</t>
  </si>
  <si>
    <t>457381</t>
  </si>
  <si>
    <t>53240</t>
  </si>
  <si>
    <t>GPS UTHWAL JAGEER</t>
  </si>
  <si>
    <t>Uthwal Jageer</t>
  </si>
  <si>
    <t>Vill uthwal jageer Distt Okara</t>
  </si>
  <si>
    <t>GHS BANDAH</t>
  </si>
  <si>
    <t>Village and Post Office Banda, Tehsil and District Rawalpindi.</t>
  </si>
  <si>
    <t>Local Tube Well</t>
  </si>
  <si>
    <t>GHS THUTHA RAI BAHADAR</t>
  </si>
  <si>
    <t>VPO Thutha Rai Bahadur</t>
  </si>
  <si>
    <t>Khizar Mehmood</t>
  </si>
  <si>
    <t>39126</t>
  </si>
  <si>
    <t>Jhunjan Wali</t>
  </si>
  <si>
    <t>chah syed wala mouza jhunjan wali p/o sheikh umer tehseel kot adu</t>
  </si>
  <si>
    <t>Waqas Zafar</t>
  </si>
  <si>
    <t>village kalri, p.o .bassali rwp.</t>
  </si>
  <si>
    <t>Nuzhat Shaheen</t>
  </si>
  <si>
    <t>11941</t>
  </si>
  <si>
    <t>GGPS MACHNI WALA</t>
  </si>
  <si>
    <t>Pati Ghulam Ali Gharbi</t>
  </si>
  <si>
    <t>chah machni Wala mouza pati Ghulam Ali gharbi</t>
  </si>
  <si>
    <t>Chah Machni Wala Mouza Pati Ghulam Ali Gharbi</t>
  </si>
  <si>
    <t>Zubaida Yaqoob</t>
  </si>
  <si>
    <t>37752</t>
  </si>
  <si>
    <t>GGPS JATHIANA</t>
  </si>
  <si>
    <t>Jathiana p/o same tehsil &amp; distt Okara</t>
  </si>
  <si>
    <t>Zubera Bibi</t>
  </si>
  <si>
    <t>GPS LAL SHAH JADEED</t>
  </si>
  <si>
    <t>basti Lal shah mouza dandan oat</t>
  </si>
  <si>
    <t>Siraj Ahmad Khan</t>
  </si>
  <si>
    <t>53547</t>
  </si>
  <si>
    <t>GPS CHAK NO. 31/2-L</t>
  </si>
  <si>
    <t>Chak No 31/2 L</t>
  </si>
  <si>
    <t>Chak No 31/2 L Tehsil &amp; District Okara</t>
  </si>
  <si>
    <t>34262</t>
  </si>
  <si>
    <t>GMPS LOON WALA</t>
  </si>
  <si>
    <t>moza loon wala basti haji abdul hameed phahoor</t>
  </si>
  <si>
    <t>Basti Haji Abdul Hameed Phahoor</t>
  </si>
  <si>
    <t>Jan Pur</t>
  </si>
  <si>
    <t>Fatima waheed</t>
  </si>
  <si>
    <t>GPS GARHI KHAIR MUHAMMAD JHAK</t>
  </si>
  <si>
    <t>Ghari Khair Muhammad Jhak</t>
  </si>
  <si>
    <t>ghari Khair Muhammad Jhak p/o tehsil sdk distric RYK</t>
  </si>
  <si>
    <t>Ghari Dho Dho</t>
  </si>
  <si>
    <t>Mohammad Sajid Fayyaz</t>
  </si>
  <si>
    <t>36537</t>
  </si>
  <si>
    <t>7534</t>
  </si>
  <si>
    <t>GPS MOADIB LAR JEE MOULVIAN CHAK NO. 25 NP</t>
  </si>
  <si>
    <t>govt.p/s larjee moulvian</t>
  </si>
  <si>
    <t>Larjee Moulvian</t>
  </si>
  <si>
    <t>Dirgarha</t>
  </si>
  <si>
    <t>17677</t>
  </si>
  <si>
    <t>36539</t>
  </si>
  <si>
    <t>GPS RAMO ANA CHAK 290/RB</t>
  </si>
  <si>
    <t>Ramo Ana</t>
  </si>
  <si>
    <t>Ramo Ana 290 Tehsile Sangla Hill District Nankana Sahib</t>
  </si>
  <si>
    <t>Ramo Ana 290</t>
  </si>
  <si>
    <t>GPS GUNIAN WALA</t>
  </si>
  <si>
    <t>ghuniannwala chak 21</t>
  </si>
  <si>
    <t>Ghunianwala</t>
  </si>
  <si>
    <t>Marr  Balochan</t>
  </si>
  <si>
    <t>Mehboob alam</t>
  </si>
  <si>
    <t>36544</t>
  </si>
  <si>
    <t>54465</t>
  </si>
  <si>
    <t>GPS CHAHOOR KOTLI</t>
  </si>
  <si>
    <t>Kotli 11 7</t>
  </si>
  <si>
    <t>Muhammad Ihsan Ahmad</t>
  </si>
  <si>
    <t>GPS CHAHOOR MUSLIM</t>
  </si>
  <si>
    <t>Chahoor Muslim118</t>
  </si>
  <si>
    <t>chahoor muslim 118</t>
  </si>
  <si>
    <t>Chahoor Muslim 118</t>
  </si>
  <si>
    <t>GPS CHAK NO 239 P</t>
  </si>
  <si>
    <t>Basti Jendal</t>
  </si>
  <si>
    <t>Chak No. 214/ P P.O Box 214/P</t>
  </si>
  <si>
    <t>Chak # 214/P</t>
  </si>
  <si>
    <t>Chak # 264/P</t>
  </si>
  <si>
    <t>GPS ALLAHABAD SIKHAN</t>
  </si>
  <si>
    <t>Gps Allah Abad Sikhan</t>
  </si>
  <si>
    <t>Rattian muhajran chak no 5 teh sangla hill distt nankana sahib</t>
  </si>
  <si>
    <t>Rattian Muhajran Chak No 5</t>
  </si>
  <si>
    <t>Nadeem Shahid</t>
  </si>
  <si>
    <t>GPS DERA ENDER SINGH</t>
  </si>
  <si>
    <t>Dera Ender Sing</t>
  </si>
  <si>
    <t>Dera Ender Singh  120 r.b sangla hill</t>
  </si>
  <si>
    <t>Dera Ender Singh</t>
  </si>
  <si>
    <t>Buhlair</t>
  </si>
  <si>
    <t>Jamil Sharif</t>
  </si>
  <si>
    <t>GGPS KOT SANJAR JADEED</t>
  </si>
  <si>
    <t>Basti Nihaal Khan mouza kandair Sanjar pur  Sadiq Abad.</t>
  </si>
  <si>
    <t>Basti Nihaal Khan</t>
  </si>
  <si>
    <t>Kot SanjarKhan</t>
  </si>
  <si>
    <t>42112</t>
  </si>
  <si>
    <t>33508</t>
  </si>
  <si>
    <t>GES CHAHOOR GHARBI SANGLA HILL</t>
  </si>
  <si>
    <t>Govt Elementary school chahoor Gharbi Sangla Hill</t>
  </si>
  <si>
    <t>MC sangla</t>
  </si>
  <si>
    <t>Inaam ullah</t>
  </si>
  <si>
    <t>33493</t>
  </si>
  <si>
    <t>GES SIRAN WALI MUSLIM 123/RB</t>
  </si>
  <si>
    <t>Siranwali 123</t>
  </si>
  <si>
    <t>siranwali 123 tehsil sangla hill dstrict nankana sahab</t>
  </si>
  <si>
    <t>Bhulair 119</t>
  </si>
  <si>
    <t>Muhammad Muddasar Riaz</t>
  </si>
  <si>
    <t>GHS MUHAMMAD NAWAZ WASA</t>
  </si>
  <si>
    <t>MUHAMMAD NAWAZ WASA</t>
  </si>
  <si>
    <t>CHOWK SHAHBAZ PUR</t>
  </si>
  <si>
    <t>HAIDER ALI</t>
  </si>
  <si>
    <t>GES GHULLAY BAJWAY</t>
  </si>
  <si>
    <t>Ghully  Bajwy</t>
  </si>
  <si>
    <t>ghully bajwy</t>
  </si>
  <si>
    <t>Ghully Bajwy</t>
  </si>
  <si>
    <t>GGPS SIDDIQUE MEHAR</t>
  </si>
  <si>
    <t>Wahid Bux Laar</t>
  </si>
  <si>
    <t>basti Jhaak, taj chawk near main highway</t>
  </si>
  <si>
    <t>Basti Jhaak</t>
  </si>
  <si>
    <t>Zahida Ramzan</t>
  </si>
  <si>
    <t>GES LADHAR CHAK 116/RB</t>
  </si>
  <si>
    <t>Ladhar 116</t>
  </si>
  <si>
    <t>ladhar 116 teh sangla hill</t>
  </si>
  <si>
    <t>33492</t>
  </si>
  <si>
    <t>GES ALI ABAD 112/RB</t>
  </si>
  <si>
    <t>Aliabad 112 RB tehsil Sangla hill District Nankana</t>
  </si>
  <si>
    <t>Badomalhi</t>
  </si>
  <si>
    <t>GES HANJALI CHAK 121/RB</t>
  </si>
  <si>
    <t>hanjali 121 teh. sangla hill nankana sahib</t>
  </si>
  <si>
    <t>Hanjali 121</t>
  </si>
  <si>
    <t>Pandorian 122</t>
  </si>
  <si>
    <t>Haroon Rashid</t>
  </si>
  <si>
    <t>7278</t>
  </si>
  <si>
    <t>GGPS CHAK 168/P</t>
  </si>
  <si>
    <t>SADAR SADIQ ABAD-FEMALE</t>
  </si>
  <si>
    <t>.comGG p/s 168/p basti kamdar</t>
  </si>
  <si>
    <t>Basti Kamdar</t>
  </si>
  <si>
    <t>Samina Hanif</t>
  </si>
  <si>
    <t>GPS FAQEER MEHAR DIN</t>
  </si>
  <si>
    <t>Bhambhay Shaheed</t>
  </si>
  <si>
    <t>basti faqir mehar din APL Sadiqabad</t>
  </si>
  <si>
    <t>Basti Faqeer Mehr Din</t>
  </si>
  <si>
    <t>GHULAM MURTAZA CHEEMA</t>
  </si>
  <si>
    <t>GGPS MOHALLA ISLAM PURA</t>
  </si>
  <si>
    <t>168/p</t>
  </si>
  <si>
    <t>Muhallah Islam Pura</t>
  </si>
  <si>
    <t>Muhalla Islam Pura</t>
  </si>
  <si>
    <t>Naseem Hamid</t>
  </si>
  <si>
    <t>canes of water</t>
  </si>
  <si>
    <t>GGPS 136/P FAIZ COLONY</t>
  </si>
  <si>
    <t>CITY SADIQ ABAD-FEMALE</t>
  </si>
  <si>
    <t>ghosia sultania town street 4</t>
  </si>
  <si>
    <t>Faiz Colony</t>
  </si>
  <si>
    <t>MC CITY SADIQABAD</t>
  </si>
  <si>
    <t>Syeda Farhat Naz</t>
  </si>
  <si>
    <t>6972</t>
  </si>
  <si>
    <t>GGES GHARI BEGHAR</t>
  </si>
  <si>
    <t>Ghari Beghar</t>
  </si>
  <si>
    <t>GGES Ghari beghar</t>
  </si>
  <si>
    <t>Rizwana Irum</t>
  </si>
  <si>
    <t>GPS MOUDAB BASTI DHUNDI</t>
  </si>
  <si>
    <t>dhandi</t>
  </si>
  <si>
    <t>basti dhandi city p/o kot sabzal</t>
  </si>
  <si>
    <t>JAMIL AHMED</t>
  </si>
  <si>
    <t>36428</t>
  </si>
  <si>
    <t>GMPS 152 P</t>
  </si>
  <si>
    <t>ILLAM DIN -FEMALE</t>
  </si>
  <si>
    <t>152P</t>
  </si>
  <si>
    <t>chak 152p sadiq abad</t>
  </si>
  <si>
    <t>160P</t>
  </si>
  <si>
    <t>Rukhsana Anwar</t>
  </si>
  <si>
    <t>GPS BASTI GHULAM AHMAD ABAD</t>
  </si>
  <si>
    <t>Ghulam Ahmed Abad</t>
  </si>
  <si>
    <t>GPS Ghulamahmedabad</t>
  </si>
  <si>
    <t>Muhammad Khan Awan</t>
  </si>
  <si>
    <t>GGPS CHAK 193 II SAMNDRI</t>
  </si>
  <si>
    <t>Chak no 193gb south</t>
  </si>
  <si>
    <t>193gb South</t>
  </si>
  <si>
    <t>Shabana Gulnaz</t>
  </si>
  <si>
    <t>GHS AJMAL BAGH</t>
  </si>
  <si>
    <t>Tember markeet sadiq abad</t>
  </si>
  <si>
    <t>D4</t>
  </si>
  <si>
    <t>ISHFAQ MAHMOOD</t>
  </si>
  <si>
    <t>6212</t>
  </si>
  <si>
    <t>41798</t>
  </si>
  <si>
    <t>GGPS SANJAR MASHAIEKH</t>
  </si>
  <si>
    <t>BHADUR PUR-FEMALE</t>
  </si>
  <si>
    <t>Sanjar Mashaikh</t>
  </si>
  <si>
    <t>basti Hafez Ullaha moza sanjar mashaikh p o muhmmad pur</t>
  </si>
  <si>
    <t>Basti Hafez Ullaha</t>
  </si>
  <si>
    <t>Bahadur Pur</t>
  </si>
  <si>
    <t>Naheed Gulshan</t>
  </si>
  <si>
    <t>GHS CHAK 173/P</t>
  </si>
  <si>
    <t>Gh
HS Chak No. 173P Sadiqabad</t>
  </si>
  <si>
    <t>Chak No 173P</t>
  </si>
  <si>
    <t>GHS CHAK 186/P</t>
  </si>
  <si>
    <t>Chak No 186/P</t>
  </si>
  <si>
    <t>chak no 186/P sadiq abad</t>
  </si>
  <si>
    <t>Chk No 186/P</t>
  </si>
  <si>
    <t>Muhammad Adnan Mushtaq</t>
  </si>
  <si>
    <t>14485</t>
  </si>
  <si>
    <t>11997</t>
  </si>
  <si>
    <t>36459</t>
  </si>
  <si>
    <t>GMMS CHOTTA MUHANA</t>
  </si>
  <si>
    <t>kikri</t>
  </si>
  <si>
    <t>basti ramzan mohana po muhammad pur sdk</t>
  </si>
  <si>
    <t>basti ramzan mohana</t>
  </si>
  <si>
    <t>bhadar pur</t>
  </si>
  <si>
    <t>GPS CHAK NO 202/P</t>
  </si>
  <si>
    <t>Chak 202/p</t>
  </si>
  <si>
    <t>chak no 202/p tehsil sadiqabad</t>
  </si>
  <si>
    <t>Bindore Abbasian</t>
  </si>
  <si>
    <t>39123</t>
  </si>
  <si>
    <t>36471</t>
  </si>
  <si>
    <t>GPS CHAK NO 212 P</t>
  </si>
  <si>
    <t>chak no 212p</t>
  </si>
  <si>
    <t>Chak no 212p tillu road sadiq abad</t>
  </si>
  <si>
    <t>chak no 212</t>
  </si>
  <si>
    <t>chak 264</t>
  </si>
  <si>
    <t>M Younas</t>
  </si>
  <si>
    <t>GGPS BASTI AZIZ DEEN</t>
  </si>
  <si>
    <t>Kot Kamun Shah</t>
  </si>
  <si>
    <t>Post office chowk bahadur pur  Basti Azizdin teh sadiqabad district Ryk</t>
  </si>
  <si>
    <t>Aziz colony</t>
  </si>
  <si>
    <t>Saadia Naseer</t>
  </si>
  <si>
    <t>GGPS BASTI PUNNUN SHAHZAD</t>
  </si>
  <si>
    <t>Shahzad Colony</t>
  </si>
  <si>
    <t>ilyaas colony</t>
  </si>
  <si>
    <t>Ilyaas Colony</t>
  </si>
  <si>
    <t>MC Sadiqabad A</t>
  </si>
  <si>
    <t>Gulam Sughra</t>
  </si>
  <si>
    <t>36468</t>
  </si>
  <si>
    <t>GGPS 169/P TIBBA</t>
  </si>
  <si>
    <t>Chak 169/p</t>
  </si>
  <si>
    <t>Tibba 169/p</t>
  </si>
  <si>
    <t>Rukhsana Shahid</t>
  </si>
  <si>
    <t>36469</t>
  </si>
  <si>
    <t>GGPS CHAK NO. 3/NP</t>
  </si>
  <si>
    <t>3 NP</t>
  </si>
  <si>
    <t>Chak no 3 NP, Muhammad pur Lamma</t>
  </si>
  <si>
    <t>3/NP</t>
  </si>
  <si>
    <t>GPS BASTI GHULAM MUHAMMAD</t>
  </si>
  <si>
    <t>Meray Shah</t>
  </si>
  <si>
    <t>Basti ghulam Muhammad moza meray shah sadiq abab</t>
  </si>
  <si>
    <t>GPS BASTI RAFIQ CH. PO CHAK NO 24</t>
  </si>
  <si>
    <t>Kot Mahtab</t>
  </si>
  <si>
    <t>Basti Rafiq Ch. PO Chak 24</t>
  </si>
  <si>
    <t>Basti Rafiq Ch</t>
  </si>
  <si>
    <t>Muhammad Ashraf Rana</t>
  </si>
  <si>
    <t>GES CHAK NO 206/P</t>
  </si>
  <si>
    <t>KHALTEE</t>
  </si>
  <si>
    <t>MOZA KHALTEE,CHAK NO. 206/P. SADIQ ABAD</t>
  </si>
  <si>
    <t>CHAK 206/P</t>
  </si>
  <si>
    <t>illahi Bux Soomro</t>
  </si>
  <si>
    <t>GPS MC DHOK PARACHA</t>
  </si>
  <si>
    <t>GPS MC Dhoke Paracha</t>
  </si>
  <si>
    <t>Dhoke Kashmiriyan</t>
  </si>
  <si>
    <t>Saba Zeb</t>
  </si>
  <si>
    <t>tehsil ryk mouza ehsan pur</t>
  </si>
  <si>
    <t>41826</t>
  </si>
  <si>
    <t>GPS KURAR</t>
  </si>
  <si>
    <t>village  Kurar post office parial district Rawalpindi</t>
  </si>
  <si>
    <t>Hafiz Yasir Mehmood</t>
  </si>
  <si>
    <t>GHS UNILEVER R.Y.KHAN</t>
  </si>
  <si>
    <t>Noor e Wali</t>
  </si>
  <si>
    <t>chowk pathanistan RahimYarkhan</t>
  </si>
  <si>
    <t>RahimYarkhan</t>
  </si>
  <si>
    <t>hafiz haq nawaz</t>
  </si>
  <si>
    <t>41794</t>
  </si>
  <si>
    <t>GPS DHOK RAJA HUSSO KHAN</t>
  </si>
  <si>
    <t>Kolian Par</t>
  </si>
  <si>
    <t>Govt boys primary school dhoke raja hassu khan rawalpindi</t>
  </si>
  <si>
    <t>Dhok Raja Hassu  Khan Rwp</t>
  </si>
  <si>
    <t>Hamid Hassan</t>
  </si>
  <si>
    <t>18819</t>
  </si>
  <si>
    <t>50209</t>
  </si>
  <si>
    <t>GES MIANA MOHRA</t>
  </si>
  <si>
    <t>Miana Mohra</t>
  </si>
  <si>
    <t>village , Miana Mohra</t>
  </si>
  <si>
    <t>Raika Meera</t>
  </si>
  <si>
    <t>Shahzaib Awaiz</t>
  </si>
  <si>
    <t>GPS SAROBA</t>
  </si>
  <si>
    <t>Saroba</t>
  </si>
  <si>
    <t>Village Saroba</t>
  </si>
  <si>
    <t>waseem sultan</t>
  </si>
  <si>
    <t>41628</t>
  </si>
  <si>
    <t>GES MAL JANJAL</t>
  </si>
  <si>
    <t>Mal Janjal</t>
  </si>
  <si>
    <t>Govt Boys Elementar School, Mal Janjal, Tehsil Rwp</t>
  </si>
  <si>
    <t>Bilal Rafique Bhatti</t>
  </si>
  <si>
    <t>GHS MAU MUBARAK</t>
  </si>
  <si>
    <t>mau mubarak</t>
  </si>
  <si>
    <t>p/o mau mubarak</t>
  </si>
  <si>
    <t>GES RAIKA MIRA</t>
  </si>
  <si>
    <t>Raika Mera</t>
  </si>
  <si>
    <t>VILLAGE RAIKA MAIRA P/O CHK BELI KHAN TEHSIL &amp; DISTRICT RAWALPINDI.</t>
  </si>
  <si>
    <t>RAIKA MAIRA</t>
  </si>
  <si>
    <t>Khawar Ali Hussain</t>
  </si>
  <si>
    <t>GGES BADLI SHARIF</t>
  </si>
  <si>
    <t>GHS DHOK GIRJA</t>
  </si>
  <si>
    <t>girja</t>
  </si>
  <si>
    <t>Govt Boys High School Girja Rawalpindi</t>
  </si>
  <si>
    <t>GGPS DERA MEHAR ALLAH NAWAZ KAMALNAGAR</t>
  </si>
  <si>
    <t>Daira Mahar Allah Nawaz</t>
  </si>
  <si>
    <t>Basti Mori Abbasan</t>
  </si>
  <si>
    <t>Zahida Ali Ahmed</t>
  </si>
  <si>
    <t>41589</t>
  </si>
  <si>
    <t>GGHS NO. 3 WESTRIGE RWP</t>
  </si>
  <si>
    <t>gghs no.3 railway workshop road rawalpindi</t>
  </si>
  <si>
    <t>sbahat Ismail</t>
  </si>
  <si>
    <t>GGES CHAK KHAS</t>
  </si>
  <si>
    <t>Village Chak khas Post office Harraka</t>
  </si>
  <si>
    <t>Bor</t>
  </si>
  <si>
    <t>GGHS CHAK NO. 143/P</t>
  </si>
  <si>
    <t>GGHS 143P</t>
  </si>
  <si>
    <t>143P</t>
  </si>
  <si>
    <t>Mehvish Aqeel</t>
  </si>
  <si>
    <t>41825</t>
  </si>
  <si>
    <t>GPS KOLIAN GOHRU</t>
  </si>
  <si>
    <t>Kolian Gohru</t>
  </si>
  <si>
    <t>kolian gohru p.o chakbeli khan teh district rwp</t>
  </si>
  <si>
    <t>Iffat Rani</t>
  </si>
  <si>
    <t>41620</t>
  </si>
  <si>
    <t>GES MC TALLAB PUKHTA</t>
  </si>
  <si>
    <t>Janglaat Road Banni Rwp</t>
  </si>
  <si>
    <t>GMPS GUGAN</t>
  </si>
  <si>
    <t>Guggan</t>
  </si>
  <si>
    <t>village &amp; post office Guggan</t>
  </si>
  <si>
    <t>Mobushar Bilal Malik</t>
  </si>
  <si>
    <t>15222</t>
  </si>
  <si>
    <t>41714</t>
  </si>
  <si>
    <t>GPS MC FEROZABAD</t>
  </si>
  <si>
    <t>Eidgah</t>
  </si>
  <si>
    <t>GPS  M.C Ferozabad</t>
  </si>
  <si>
    <t>Waseem Mehboob</t>
  </si>
  <si>
    <t>GHS DERA SHAMAS</t>
  </si>
  <si>
    <t>dera Shamas</t>
  </si>
  <si>
    <t>KLP Road Near Iqbal abad</t>
  </si>
  <si>
    <t>Muhammad Mansoor Ahmed</t>
  </si>
  <si>
    <t>35061</t>
  </si>
  <si>
    <t>41996</t>
  </si>
  <si>
    <t>GGPS DHOK BAHATTIAN</t>
  </si>
  <si>
    <t>CHAK BELI KHAN-FEMALE</t>
  </si>
  <si>
    <t>Dhok Bhatti</t>
  </si>
  <si>
    <t>village dhok. bhatti p/o chak beli khan</t>
  </si>
  <si>
    <t>54149</t>
  </si>
  <si>
    <t>GPS CHAK VEEHA</t>
  </si>
  <si>
    <t>Chak Veeha</t>
  </si>
  <si>
    <t>GBPS CHACK VEEHA MARKZ MUSLIM ABAD RAHIM YAR KHAN.</t>
  </si>
  <si>
    <t>Adnan Mustafa</t>
  </si>
  <si>
    <t>42003</t>
  </si>
  <si>
    <t>GGMPS THALLA KALAN</t>
  </si>
  <si>
    <t>Thalla Kalan</t>
  </si>
  <si>
    <t>village Thalla kalan Po chak beli khan teh Rawalpindi distt rwp</t>
  </si>
  <si>
    <t>26678</t>
  </si>
  <si>
    <t>41841</t>
  </si>
  <si>
    <t>GMPS ROPER KHURD</t>
  </si>
  <si>
    <t>Rupper khurd</t>
  </si>
  <si>
    <t>vill Rupper khurd p/o pindori dist/teh Rawalpindi</t>
  </si>
  <si>
    <t>Yasira Yasmeen</t>
  </si>
  <si>
    <t>35081</t>
  </si>
  <si>
    <t>GGHS CHAK NO. 118/P</t>
  </si>
  <si>
    <t>chak no 118p p.o.box 117p</t>
  </si>
  <si>
    <t>Chak 118p</t>
  </si>
  <si>
    <t>SAKHIA BANO</t>
  </si>
  <si>
    <t>41557</t>
  </si>
  <si>
    <t>GHS DHADHUMBER</t>
  </si>
  <si>
    <t>Village And Post Office Dhadhumber Teh And Distt Rawalpindi</t>
  </si>
  <si>
    <t>GGHS SENIOR MUSLIM</t>
  </si>
  <si>
    <t>muslim colony rahim yar khan</t>
  </si>
  <si>
    <t>M C Ryk</t>
  </si>
  <si>
    <t>SAADIA MUSHTAQ</t>
  </si>
  <si>
    <t>54475</t>
  </si>
  <si>
    <t>GGPS CHAK 225/P</t>
  </si>
  <si>
    <t>Kikre</t>
  </si>
  <si>
    <t>Basti khambra,kikre,tahsel sadiq abad</t>
  </si>
  <si>
    <t>Basti Khambra</t>
  </si>
  <si>
    <t>Tabassum Saeed</t>
  </si>
  <si>
    <t>GHS THATTA QURESHI</t>
  </si>
  <si>
    <t>thatha qureshi</t>
  </si>
  <si>
    <t>ghs thatha qureshi</t>
  </si>
  <si>
    <t>Allah Bakhsh Asim</t>
  </si>
  <si>
    <t>11396</t>
  </si>
  <si>
    <t>34878</t>
  </si>
  <si>
    <t>GPS BAGH WALA JADEED</t>
  </si>
  <si>
    <t>moza baghwala uc mondka muzaffargarh</t>
  </si>
  <si>
    <t>Hassaan Taloot</t>
  </si>
  <si>
    <t>basti chattay wala, daulatpur, m.garh</t>
  </si>
  <si>
    <t>Chattay Wala</t>
  </si>
  <si>
    <t>Nohan Walay</t>
  </si>
  <si>
    <t>Mohammad Azam</t>
  </si>
  <si>
    <t>GGHS SARDAR GARH</t>
  </si>
  <si>
    <t>SARDARGARH</t>
  </si>
  <si>
    <t>KLP Road Sardar Grah</t>
  </si>
  <si>
    <t>SARDAR GARH</t>
  </si>
  <si>
    <t>Kiran Fatima</t>
  </si>
  <si>
    <t>34888</t>
  </si>
  <si>
    <t>GGHS SHAD BAGH</t>
  </si>
  <si>
    <t>GGHS SHAD BAGH LAHORE</t>
  </si>
  <si>
    <t>CHAH MIRAN</t>
  </si>
  <si>
    <t>SAMINA SHARIF</t>
  </si>
  <si>
    <t>BORE</t>
  </si>
  <si>
    <t>GGHS MC SADIQ TOWN</t>
  </si>
  <si>
    <t>gghs sadiq town ryk</t>
  </si>
  <si>
    <t>city ryk</t>
  </si>
  <si>
    <t>34906</t>
  </si>
  <si>
    <t>GHS ABDULLAH PUR BASTI ISMAIL</t>
  </si>
  <si>
    <t>Basti Ismail Monza Abdullah pur Dist &amp; Tehsil Rahim Year Khan</t>
  </si>
  <si>
    <t>Basti Ismail</t>
  </si>
  <si>
    <t>38349</t>
  </si>
  <si>
    <t>GGHS CHAK NO. 142/ML</t>
  </si>
  <si>
    <t>Chak No142/ML</t>
  </si>
  <si>
    <t>GGHS chak no.142/ML</t>
  </si>
  <si>
    <t>Chak No 142/ML</t>
  </si>
  <si>
    <t>Shazia Allah Bakhsh</t>
  </si>
  <si>
    <t>34913</t>
  </si>
  <si>
    <t>Mud Manthar</t>
  </si>
  <si>
    <t>Basti Karim Abad Mauza Mud Manthar P/O Rajan Pur Kalan Teh&amp;District Rahim Yar Khan</t>
  </si>
  <si>
    <t>34915</t>
  </si>
  <si>
    <t>11521</t>
  </si>
  <si>
    <t>GGHSS EHSAN PUR</t>
  </si>
  <si>
    <t>Govt girls higher secondary school Ehsan pur Tehsil Kot Adu</t>
  </si>
  <si>
    <t>19316</t>
  </si>
  <si>
    <t>GGHS CITY NISBAT ROAD</t>
  </si>
  <si>
    <t>nisbat road lahore</t>
  </si>
  <si>
    <t>Nisbat Road</t>
  </si>
  <si>
    <t>gawalamandi</t>
  </si>
  <si>
    <t>Ghazala Fraz Khan</t>
  </si>
  <si>
    <t>34937</t>
  </si>
  <si>
    <t>GHS CHAMRA MANDI LAHORE</t>
  </si>
  <si>
    <t>Govt. High School Chamra Mandi Lahore</t>
  </si>
  <si>
    <t>Waseem Suhail butt</t>
  </si>
  <si>
    <t>41799</t>
  </si>
  <si>
    <t>GPS GHILWAL</t>
  </si>
  <si>
    <t>Ghalwal</t>
  </si>
  <si>
    <t>village ghalwal uc Chontra distt rawalpindi</t>
  </si>
  <si>
    <t>Nouman  Sabir</t>
  </si>
  <si>
    <t>GES BHEEL NAGAR RAHIM YAR KHAN</t>
  </si>
  <si>
    <t>Noor-e-Wali</t>
  </si>
  <si>
    <t>By Pass Road Bheel Nagar RYK</t>
  </si>
  <si>
    <t>Bheel Nagar</t>
  </si>
  <si>
    <t>I</t>
  </si>
  <si>
    <t>34947</t>
  </si>
  <si>
    <t>GHS MOHRA DAROGHA</t>
  </si>
  <si>
    <t>P.O MOHRA DAROGHA TEHSIL AND DISTRICT RAWALPINDI</t>
  </si>
  <si>
    <t>MOHRA DAROGHA</t>
  </si>
  <si>
    <t>LOHDRA</t>
  </si>
  <si>
    <t>SHAHID ZAFAR</t>
  </si>
  <si>
    <t>19069</t>
  </si>
  <si>
    <t>41777</t>
  </si>
  <si>
    <t>GPS DHALA</t>
  </si>
  <si>
    <t>Dhalla</t>
  </si>
  <si>
    <t>village Dhalla Adyala Road Rawalpindi</t>
  </si>
  <si>
    <t>Adiala</t>
  </si>
  <si>
    <t>Burnice Daniel</t>
  </si>
  <si>
    <t>GES MC BLOCK NO. 4</t>
  </si>
  <si>
    <t>sadiq town</t>
  </si>
  <si>
    <t>Govt. M/C E/s block no. 4 sadiq town rahim yar khan</t>
  </si>
  <si>
    <t>MC C</t>
  </si>
  <si>
    <t>40715</t>
  </si>
  <si>
    <t>GPS THULL WAZIR</t>
  </si>
  <si>
    <t>Basti Ramzan Khan Chandia, ryk</t>
  </si>
  <si>
    <t>Ramzan Khan Chandia</t>
  </si>
  <si>
    <t>Bahudipur</t>
  </si>
  <si>
    <t>GPS FAZAL ABAD NO. 1</t>
  </si>
  <si>
    <t>Basti jalal din number daar  P/o Rajan pur kalan</t>
  </si>
  <si>
    <t>Jalal Din Number Dar</t>
  </si>
  <si>
    <t>Rajan Pur Kalan</t>
  </si>
  <si>
    <t>35117</t>
  </si>
  <si>
    <t>GGPS BASTI KHANA</t>
  </si>
  <si>
    <t>Taranda Sahib Yar</t>
  </si>
  <si>
    <t>Basti khana</t>
  </si>
  <si>
    <t>Basti Khana</t>
  </si>
  <si>
    <t>Nusrat Naheed</t>
  </si>
  <si>
    <t>41548</t>
  </si>
  <si>
    <t>GHS AOC MORGAH</t>
  </si>
  <si>
    <t>ARL Morgah</t>
  </si>
  <si>
    <t>Govt. high school AOC Morgah Rawalpindi</t>
  </si>
  <si>
    <t>Tahir aziz</t>
  </si>
  <si>
    <t>41641</t>
  </si>
  <si>
    <t>GES HOON</t>
  </si>
  <si>
    <t>hoon</t>
  </si>
  <si>
    <t>33585</t>
  </si>
  <si>
    <t>GHS DHANDA</t>
  </si>
  <si>
    <t>village and p.o dhanda teh and district rawalpindi</t>
  </si>
  <si>
    <t>Mehmood Akhtar</t>
  </si>
  <si>
    <t>34983</t>
  </si>
  <si>
    <t>GHS SARDAR GARH</t>
  </si>
  <si>
    <t>Sardar Garh</t>
  </si>
  <si>
    <t>GBHS sardar Garh tehsil and district Rahim yar khan</t>
  </si>
  <si>
    <t>Arshad Khurshid</t>
  </si>
  <si>
    <t>6814</t>
  </si>
  <si>
    <t>GPS BASTI ABDUL KAREEM</t>
  </si>
  <si>
    <t>Chak 47 NP</t>
  </si>
  <si>
    <t>Basti Abdul Kareem</t>
  </si>
  <si>
    <t>Shabir Akhter</t>
  </si>
  <si>
    <t>GMPS PINDORI</t>
  </si>
  <si>
    <t>pindori</t>
  </si>
  <si>
    <t>Chak Beli khan</t>
  </si>
  <si>
    <t>NoshabaAqeel</t>
  </si>
  <si>
    <t>28715</t>
  </si>
  <si>
    <t>41828</t>
  </si>
  <si>
    <t>GMPS LAS MALI</t>
  </si>
  <si>
    <t>Las Mali</t>
  </si>
  <si>
    <t>Village Las Mali, P.O. Rupper Kalan, Teh and Distt. Rwp.</t>
  </si>
  <si>
    <t>Khalila Zahra</t>
  </si>
  <si>
    <t>48159</t>
  </si>
  <si>
    <t>41720</t>
  </si>
  <si>
    <t>GPS IQBAL RAHIM TOWN</t>
  </si>
  <si>
    <t>Shakrial</t>
  </si>
  <si>
    <t>rahim Town shakrial Rawalpindi</t>
  </si>
  <si>
    <t>Shakrial North</t>
  </si>
  <si>
    <t>Amrina Javed</t>
  </si>
  <si>
    <t>49143</t>
  </si>
  <si>
    <t>41617</t>
  </si>
  <si>
    <t>GES SHIMLA ISLAMIA RWP</t>
  </si>
  <si>
    <t>Aria Mohallah</t>
  </si>
  <si>
    <t>street no 4 aria mohallah Rawalpindi</t>
  </si>
  <si>
    <t>Chamman Zar</t>
  </si>
  <si>
    <t>Hafeez Ur Rehman Satti</t>
  </si>
  <si>
    <t>29559</t>
  </si>
  <si>
    <t>GGPS TALLA BAJJAR</t>
  </si>
  <si>
    <t>village and post office talla bajar dis and teh rwp</t>
  </si>
  <si>
    <t>Talla Bajar</t>
  </si>
  <si>
    <t>Nighat Shehnaz</t>
  </si>
  <si>
    <t>41592</t>
  </si>
  <si>
    <t>GGHSS CHAK BELI KHAN</t>
  </si>
  <si>
    <t>chak beli khan</t>
  </si>
  <si>
    <t>chak beli khan,distt and teh rawalpindi.</t>
  </si>
  <si>
    <t>chak beli lkhan</t>
  </si>
  <si>
    <t>Assiya mahmood</t>
  </si>
  <si>
    <t>GPS basti molvian</t>
  </si>
  <si>
    <t>Basti molvian</t>
  </si>
  <si>
    <t>Darshan Jee</t>
  </si>
  <si>
    <t>35151</t>
  </si>
  <si>
    <t>41691</t>
  </si>
  <si>
    <t>GPS AMAR PURA</t>
  </si>
  <si>
    <t>gps Amarpura mohallah ameer hamza shakrial Rawalpindi</t>
  </si>
  <si>
    <t>Shakrial Shumali</t>
  </si>
  <si>
    <t>GES BEHARI COLONY</t>
  </si>
  <si>
    <t>Chak 111/P</t>
  </si>
  <si>
    <t>30-A</t>
  </si>
  <si>
    <t>Muhammad Sharif Gujar</t>
  </si>
  <si>
    <t>41532</t>
  </si>
  <si>
    <t>GHS TALEEM-UL-QURAN QUAID ABAD</t>
  </si>
  <si>
    <t>Quaid Abad pirwadai Rawalpindi</t>
  </si>
  <si>
    <t>quaid Abad</t>
  </si>
  <si>
    <t>GGPS MODEL TOBA SYEDAN</t>
  </si>
  <si>
    <t>Toba Syedan</t>
  </si>
  <si>
    <t>p/box chakri village toba syedan tehsil and district rawalpindi</t>
  </si>
  <si>
    <t>Kolian hameed</t>
  </si>
  <si>
    <t>Shumaila Ishfaq</t>
  </si>
  <si>
    <t>GHS MIAN WALI QUREHSIAN</t>
  </si>
  <si>
    <t>GOVT. HIGH SCHOOL MIAN WLAI QURESHIAN HOSPITAL ROAD MIAN WALI QURESHIAN RAHIM YAR KHAN</t>
  </si>
  <si>
    <t>iftikhar hussain</t>
  </si>
  <si>
    <t>42007</t>
  </si>
  <si>
    <t>GGPS MODEL MAHMOODA</t>
  </si>
  <si>
    <t>Mehmooda</t>
  </si>
  <si>
    <t>village Mehmooda p/o chak beli khan tehsil and dist Rawalpindi</t>
  </si>
  <si>
    <t>Saba minhas</t>
  </si>
  <si>
    <t>31326</t>
  </si>
  <si>
    <t>35167</t>
  </si>
  <si>
    <t>GHS CHAK NO. 141 P</t>
  </si>
  <si>
    <t>chak no. 141 p</t>
  </si>
  <si>
    <t>CHAK NO. 141 P</t>
  </si>
  <si>
    <t>139 p</t>
  </si>
  <si>
    <t>mazhar ali</t>
  </si>
  <si>
    <t>35168</t>
  </si>
  <si>
    <t>WARD NO.1 BLOCK A GHARIBABAD CHAKLALA RWP CANTT</t>
  </si>
  <si>
    <t>Rashda Parveen</t>
  </si>
  <si>
    <t>Bouring</t>
  </si>
  <si>
    <t>GMMS BASTI CHALANDRAN</t>
  </si>
  <si>
    <t>Deera Shamas</t>
  </si>
  <si>
    <t>GMMS basti chalandran</t>
  </si>
  <si>
    <t>Kumb Chachran</t>
  </si>
  <si>
    <t>GHS TIBI GUL MUHAMMAD</t>
  </si>
  <si>
    <t>Tibi Gul Muhammad  Muhammad</t>
  </si>
  <si>
    <t>tibi Gul Muhammad  p/O KOTSAMABA tehsil, distt Ryk</t>
  </si>
  <si>
    <t>35260</t>
  </si>
  <si>
    <t>GGHS USMANIA MURREE ROAD</t>
  </si>
  <si>
    <t>Govt. Usmania Girls secondary school Murree Road Rwp</t>
  </si>
  <si>
    <t>Amar pura</t>
  </si>
  <si>
    <t>Dr Farah Javed Awan</t>
  </si>
  <si>
    <t>GPS MAKHALA</t>
  </si>
  <si>
    <t>Makhiala P/O Kurer T/D Rawalpindi.</t>
  </si>
  <si>
    <t>Qaiser</t>
  </si>
  <si>
    <t>41558</t>
  </si>
  <si>
    <t>GHSS PARIAL</t>
  </si>
  <si>
    <t>Parial Tehsil&amp; District Rawalpindi</t>
  </si>
  <si>
    <t>Ch Imtiaz Ahmad</t>
  </si>
  <si>
    <t>GHS ELLIOT MORGAH</t>
  </si>
  <si>
    <t>Sadar Baroni</t>
  </si>
  <si>
    <t>Govt. Elliott High School, Morgah, Rwp</t>
  </si>
  <si>
    <t>iftikhar Ahmad malik</t>
  </si>
  <si>
    <t>ARL company</t>
  </si>
  <si>
    <t>32475</t>
  </si>
  <si>
    <t>41819</t>
  </si>
  <si>
    <t>GMPS HARNIALI SYEDAN</t>
  </si>
  <si>
    <t>Hernialy Saydian</t>
  </si>
  <si>
    <t>GMPS Hernialy Saydian</t>
  </si>
  <si>
    <t>28623</t>
  </si>
  <si>
    <t>GHS BHALL</t>
  </si>
  <si>
    <t>BHAAL</t>
  </si>
  <si>
    <t>VILLAGE &amp; PO BHAAL TEH. &amp; DIST. RAWALPINDI</t>
  </si>
  <si>
    <t>syed haider abbass naqvi</t>
  </si>
  <si>
    <t>12726</t>
  </si>
  <si>
    <t>35185</t>
  </si>
  <si>
    <t>42004</t>
  </si>
  <si>
    <t>GGES MODEL THALLA KHURD</t>
  </si>
  <si>
    <t>Thalla Khurd</t>
  </si>
  <si>
    <t>Government Girls Elementary School Thalla  Khurd Moza chakbeli khan Rawalpindi</t>
  </si>
  <si>
    <t>41859</t>
  </si>
  <si>
    <t>GMPS BAHINS</t>
  </si>
  <si>
    <t>village Bains .p/o Chak beli Khan.Teh&amp;distt.Rawalpindi</t>
  </si>
  <si>
    <t>52321</t>
  </si>
  <si>
    <t>41536</t>
  </si>
  <si>
    <t>GHS CHAK BELI KHAN</t>
  </si>
  <si>
    <t>VPO CHAK Beli Khan Tehsil &amp; District Rawalpindi</t>
  </si>
  <si>
    <t>MASOOD AKHTER MALIK</t>
  </si>
  <si>
    <t>GHS ABBASI RAWALPINDI</t>
  </si>
  <si>
    <t>AFANDI COLONY SATELLITEE TOWN RWP</t>
  </si>
  <si>
    <t>Affandi Colony</t>
  </si>
  <si>
    <t>MUHAMMAD GULZAR HUSSAIN</t>
  </si>
  <si>
    <t>35194</t>
  </si>
  <si>
    <t>41818</t>
  </si>
  <si>
    <t>GMPS HAKEEMAL</t>
  </si>
  <si>
    <t>Hakeemal</t>
  </si>
  <si>
    <t>village Hakeemal PO Chak Beli Khan Tehsil and District Rawalpindi</t>
  </si>
  <si>
    <t>Rabia Sadiqua</t>
  </si>
  <si>
    <t>GES RAJAR</t>
  </si>
  <si>
    <t>village and post office Rajar</t>
  </si>
  <si>
    <t>Saeed Iqbal Sadiq</t>
  </si>
  <si>
    <t>35209</t>
  </si>
  <si>
    <t>41608</t>
  </si>
  <si>
    <t>GGHS ROPPER KALAN</t>
  </si>
  <si>
    <t>Ropper Kalan</t>
  </si>
  <si>
    <t>Vpo Ropper Kalan,Rwp</t>
  </si>
  <si>
    <t>SHAKILA YASMIN</t>
  </si>
  <si>
    <t>41675</t>
  </si>
  <si>
    <t>GGHS DHALLA</t>
  </si>
  <si>
    <t>gghsdhalla, po dhalla Rawalpindi</t>
  </si>
  <si>
    <t>Tayyaba Farooq</t>
  </si>
  <si>
    <t>7496</t>
  </si>
  <si>
    <t>35216</t>
  </si>
  <si>
    <t>41611</t>
  </si>
  <si>
    <t>GHS DHOK CHARAG DIN</t>
  </si>
  <si>
    <t>chaklala Cantt</t>
  </si>
  <si>
    <t>GBHS Dhoke Chiragh Din Chaklal Cantt RWP</t>
  </si>
  <si>
    <t>Dhoke Chiragh Din</t>
  </si>
  <si>
    <t>Chaklala Cantt</t>
  </si>
  <si>
    <t>WALEED AZIZ</t>
  </si>
  <si>
    <t>GES MUJAHID</t>
  </si>
  <si>
    <t>Mujahid</t>
  </si>
  <si>
    <t>27343</t>
  </si>
  <si>
    <t>38143</t>
  </si>
  <si>
    <t>49884</t>
  </si>
  <si>
    <t>41598</t>
  </si>
  <si>
    <t>GGHS DHAMIAL RWP</t>
  </si>
  <si>
    <t>dhamial</t>
  </si>
  <si>
    <t>govt girls high school dhamial rwp</t>
  </si>
  <si>
    <t>Tayyaba Kiran</t>
  </si>
  <si>
    <t>42026</t>
  </si>
  <si>
    <t>GGPS DHOK BABA ADIALA ROAD RWP</t>
  </si>
  <si>
    <t>Dhoke Baba</t>
  </si>
  <si>
    <t>Dhoke Baba Adyala Rd Rawalpindi</t>
  </si>
  <si>
    <t>34411</t>
  </si>
  <si>
    <t>GGES TIBBI GUL MUHAMMAD</t>
  </si>
  <si>
    <t>Tibbi Gul Mohammad</t>
  </si>
  <si>
    <t>Tibbi Gul Mohammad Kotsmaba</t>
  </si>
  <si>
    <t>53704</t>
  </si>
  <si>
    <t>GPS CHAK NO. 24/2-R</t>
  </si>
  <si>
    <t>chack no 24/2r</t>
  </si>
  <si>
    <t>24/2r</t>
  </si>
  <si>
    <t>GGPS AHMED ABAD</t>
  </si>
  <si>
    <t>Tibbi Gull Muhammad MUHAMMAD Muhammad</t>
  </si>
  <si>
    <t>Rukhsana Rasheed</t>
  </si>
  <si>
    <t>GGES CHAK NO.427/TDA</t>
  </si>
  <si>
    <t>Chak No 427</t>
  </si>
  <si>
    <t>chak no 427/tda layyah</t>
  </si>
  <si>
    <t>Chak No427/tda</t>
  </si>
  <si>
    <t>GGHS MAU MUBARAK</t>
  </si>
  <si>
    <t>GGPS MC CHAK NO.111/P GHARBI</t>
  </si>
  <si>
    <t>Chak 111/p</t>
  </si>
  <si>
    <t>MC GOVT GIRLS PRIMARY SCHOOL  111/P WEST RYK</t>
  </si>
  <si>
    <t>Chak 111/P WEST</t>
  </si>
  <si>
    <t>31B</t>
  </si>
  <si>
    <t>GHSS Lab. (ATTACH WITH QAED) KOT ADU</t>
  </si>
  <si>
    <t>Opposite Green Market Gt road Kot Addu</t>
  </si>
  <si>
    <t>Chah Nano Wala</t>
  </si>
  <si>
    <t>41511</t>
  </si>
  <si>
    <t>GHS FAIZ-UL-ISLAM NO. 1</t>
  </si>
  <si>
    <t>B210,216 Trunk Bazar Rawalpindi</t>
  </si>
  <si>
    <t>Trunk Bazar</t>
  </si>
  <si>
    <t>Nia Muhalla</t>
  </si>
  <si>
    <t>hafiz muhammad umair tariq</t>
  </si>
  <si>
    <t>GGHS SUMRA NASHAIB SHUMALI</t>
  </si>
  <si>
    <t>sumra Nashaib shumali layyah</t>
  </si>
  <si>
    <t>Shahnila Zaffar</t>
  </si>
  <si>
    <t>34796</t>
  </si>
  <si>
    <t>GHS D.D.PANAH</t>
  </si>
  <si>
    <t>GT Road Daira Din Panah</t>
  </si>
  <si>
    <t>Abdul Aziz Nadir</t>
  </si>
  <si>
    <t>53571</t>
  </si>
  <si>
    <t>GGPS 39/G.D DAKHLI</t>
  </si>
  <si>
    <t>g.g.p.s 39 gd dakhli</t>
  </si>
  <si>
    <t>39 Gd Dakhli</t>
  </si>
  <si>
    <t>40 Gd Ray Por</t>
  </si>
  <si>
    <t>Nazia Nasir</t>
  </si>
  <si>
    <t>41545</t>
  </si>
  <si>
    <t>GHS NAKRALI</t>
  </si>
  <si>
    <t>nakrali</t>
  </si>
  <si>
    <t>village and PO Nakrali tehsil and district Rawalpindi</t>
  </si>
  <si>
    <t>trahia</t>
  </si>
  <si>
    <t>GPS CHAK NO.20/GD</t>
  </si>
  <si>
    <t>Chak no.20/GD Okara</t>
  </si>
  <si>
    <t>20/GD</t>
  </si>
  <si>
    <t>36650</t>
  </si>
  <si>
    <t>32110</t>
  </si>
  <si>
    <t>GGHS CHAK NO.279 TDA</t>
  </si>
  <si>
    <t>Chak No 279/tda</t>
  </si>
  <si>
    <t>chak no 279/ tda layyah</t>
  </si>
  <si>
    <t>alia tufail</t>
  </si>
  <si>
    <t>GMPS MUGHRANI</t>
  </si>
  <si>
    <t>GMPS Mughrani pacca laran tehsil Liaquat pur Disst Rahim Year Khan</t>
  </si>
  <si>
    <t>Hina  Kanwal</t>
  </si>
  <si>
    <t>34813</t>
  </si>
  <si>
    <t>GHS DEWALA</t>
  </si>
  <si>
    <t>basti moza dewala p/o dewala m.garh</t>
  </si>
  <si>
    <t>Rao Khalid Mahmood</t>
  </si>
  <si>
    <t>41847</t>
  </si>
  <si>
    <t>GPS BURJI</t>
  </si>
  <si>
    <t>Burji</t>
  </si>
  <si>
    <t>GBPS Burji</t>
  </si>
  <si>
    <t>GGPS SAEED SARGANI DO KOT SULTAN</t>
  </si>
  <si>
    <t>Jamrid Thal</t>
  </si>
  <si>
    <t>Mrs Akhter Shaheen</t>
  </si>
  <si>
    <t>13581</t>
  </si>
  <si>
    <t>34822</t>
  </si>
  <si>
    <t>GHSS CHOWK SARWAR SHAHEED</t>
  </si>
  <si>
    <t>42021</t>
  </si>
  <si>
    <t>GGHS DHAMAN SYEDAN</t>
  </si>
  <si>
    <t>Ali town adiala road rawalpindi</t>
  </si>
  <si>
    <t>RUBINA AFZAL</t>
  </si>
  <si>
    <t>GGPS RAKH PATTAL</t>
  </si>
  <si>
    <t>Rakh Pattal</t>
  </si>
  <si>
    <t>Ggps rakh patal kotaddu</t>
  </si>
  <si>
    <t>Rakh pattal</t>
  </si>
  <si>
    <t>Pattal Sharqi</t>
  </si>
  <si>
    <t>41970</t>
  </si>
  <si>
    <t>GGPS DHOK CHAHER</t>
  </si>
  <si>
    <t>dhoke Chehr, P.O dakhli Sangral. Rawalpindi.</t>
  </si>
  <si>
    <t>Dhoke Chehr</t>
  </si>
  <si>
    <t>Aisha Mushtaq</t>
  </si>
  <si>
    <t>tahli Wala shah Jamal road</t>
  </si>
  <si>
    <t>Meer Haji</t>
  </si>
  <si>
    <t>Mehr Pur</t>
  </si>
  <si>
    <t>GPS CHAK NO. 64/NP</t>
  </si>
  <si>
    <t>Fateh Pur Qureshian</t>
  </si>
  <si>
    <t>Chak 64np ghala godam rahim yar khan</t>
  </si>
  <si>
    <t>Chak 64np</t>
  </si>
  <si>
    <t>Muhammad Pur Qureshian</t>
  </si>
  <si>
    <t>39075</t>
  </si>
  <si>
    <t>GGHS SULTAN KEY</t>
  </si>
  <si>
    <t>Sultan Ky</t>
  </si>
  <si>
    <t>P/o raiwend dstr lhr village sultan ky</t>
  </si>
  <si>
    <t>Sultan Kay</t>
  </si>
  <si>
    <t>shaheen kauser</t>
  </si>
  <si>
    <t>34839</t>
  </si>
  <si>
    <t>GGPS SHABBIR LATIF ABAD</t>
  </si>
  <si>
    <t>bait sohni</t>
  </si>
  <si>
    <t>moza bait sohni p/o qasba gujrat teh kotadu dist, muzaffar garh</t>
  </si>
  <si>
    <t>Gazi ghat</t>
  </si>
  <si>
    <t>Nusrat Lateef</t>
  </si>
  <si>
    <t>GPS HAJI BANOON KHAN</t>
  </si>
  <si>
    <t>taj pur peer wala</t>
  </si>
  <si>
    <t>basti haji banoon khan p/o rukan pur tehsil and disttric rahim yar khan</t>
  </si>
  <si>
    <t>basti haji banoon khan</t>
  </si>
  <si>
    <t>thull khair muhammad</t>
  </si>
  <si>
    <t>Aqeel Raza</t>
  </si>
  <si>
    <t>GPS HAMID SULTAN</t>
  </si>
  <si>
    <t>Danreen</t>
  </si>
  <si>
    <t>basti Hamid sultan u.c danreen</t>
  </si>
  <si>
    <t>Hamid Sultan</t>
  </si>
  <si>
    <t>Syed Farhan Aleem Shah</t>
  </si>
  <si>
    <t>GGHS ADAM WALI</t>
  </si>
  <si>
    <t>GGHS ADAM WALI RYK</t>
  </si>
  <si>
    <t>Adam Wali RYK</t>
  </si>
  <si>
    <t>AZRA SHAHEEN</t>
  </si>
  <si>
    <t>GPS NO.5 SAHIWAL</t>
  </si>
  <si>
    <t>NAE HAVELI SAHIWAL (SGD)</t>
  </si>
  <si>
    <t>MC SAHIWAL</t>
  </si>
  <si>
    <t>Muhammad Saleem Raza Khan</t>
  </si>
  <si>
    <t>19954</t>
  </si>
  <si>
    <t>48246</t>
  </si>
  <si>
    <t>6574</t>
  </si>
  <si>
    <t>GGPS TRANDA SAHIB YAR KHAN</t>
  </si>
  <si>
    <t>GGPS tranda sahib yar khan</t>
  </si>
  <si>
    <t>Kudan Arain</t>
  </si>
  <si>
    <t>Nida Muneer</t>
  </si>
  <si>
    <t>25527</t>
  </si>
  <si>
    <t>GMPS HABIB PUR</t>
  </si>
  <si>
    <t>village habib pur post office khas teh sambrial dist sialkot</t>
  </si>
  <si>
    <t>GPS SWEATERKI</t>
  </si>
  <si>
    <t>Sawetarki</t>
  </si>
  <si>
    <t>Mouza sawetarki tehsil sadiqabad</t>
  </si>
  <si>
    <t>GPS LAKHI WAL</t>
  </si>
  <si>
    <t>GPS lakhiwal</t>
  </si>
  <si>
    <t>40496</t>
  </si>
  <si>
    <t>GHS CHAK 206 GB SAMUNDRI FSD</t>
  </si>
  <si>
    <t>206 gb</t>
  </si>
  <si>
    <t>chak no. 206 gb</t>
  </si>
  <si>
    <t>chak 205 gb</t>
  </si>
  <si>
    <t>Nematullah</t>
  </si>
  <si>
    <t>GHS MERAY SHAH</t>
  </si>
  <si>
    <t>Meeray Shah</t>
  </si>
  <si>
    <t>gbhs gulshan e azeem meeray shah. teh sdk</t>
  </si>
  <si>
    <t>48104</t>
  </si>
  <si>
    <t>GHS BADOKAY CHEEMA</t>
  </si>
  <si>
    <t>Baddoke Cheema Tehsil Sambrial</t>
  </si>
  <si>
    <t>NASIR MAHMOOD CHEEMA</t>
  </si>
  <si>
    <t>GPS CHAK NO 178/P</t>
  </si>
  <si>
    <t>Thair</t>
  </si>
  <si>
    <t>chak 178/P, Sadiqabad,  District. Rahim Yar Khan</t>
  </si>
  <si>
    <t>178/P</t>
  </si>
  <si>
    <t>Baig Maher</t>
  </si>
  <si>
    <t>Private supplier</t>
  </si>
  <si>
    <t>GPS KOTLA MEER BAZ KHAN</t>
  </si>
  <si>
    <t>Kotla Mir Baz Khan</t>
  </si>
  <si>
    <t>gps kotla mir baz khan</t>
  </si>
  <si>
    <t>GPS CHAWAIKA</t>
  </si>
  <si>
    <t>TIRKHAN WALA - MALE</t>
  </si>
  <si>
    <t>Chawaika</t>
  </si>
  <si>
    <t>Chawaika Tehsil sahiwal Distt sargodha</t>
  </si>
  <si>
    <t>Jahania Shah</t>
  </si>
  <si>
    <t>Aslam Hayat</t>
  </si>
  <si>
    <t>GGPS BASEER</t>
  </si>
  <si>
    <t>KOTHA REHMAT - FEMALE</t>
  </si>
  <si>
    <t>Baseer</t>
  </si>
  <si>
    <t>vill Baseer PO box kulluwal tehsil sambrial district Sialkot</t>
  </si>
  <si>
    <t>GPS CHAK 204/P</t>
  </si>
  <si>
    <t>Chk No 204/P</t>
  </si>
  <si>
    <t>chak no 204/P</t>
  </si>
  <si>
    <t>Chak No 204/P</t>
  </si>
  <si>
    <t>Bahader Ali</t>
  </si>
  <si>
    <t>31542</t>
  </si>
  <si>
    <t>25392</t>
  </si>
  <si>
    <t>GPS LUDHAR</t>
  </si>
  <si>
    <t>village Ludhar po kharollian</t>
  </si>
  <si>
    <t>Badhoke Cheema</t>
  </si>
  <si>
    <t>18729</t>
  </si>
  <si>
    <t>GGCMES DHILAM BLAGUN</t>
  </si>
  <si>
    <t>Dhillam Ballaggan</t>
  </si>
  <si>
    <t>GGES DHILLAM BALLAGAN</t>
  </si>
  <si>
    <t>Dhilaam Ballaggan</t>
  </si>
  <si>
    <t>Shama Naz</t>
  </si>
  <si>
    <t>19754</t>
  </si>
  <si>
    <t>35513</t>
  </si>
  <si>
    <t>GPS MORE SAMBRIAL</t>
  </si>
  <si>
    <t>SAMBRIAL - MALE</t>
  </si>
  <si>
    <t>more sambrial</t>
  </si>
  <si>
    <t>Mor Sambrial</t>
  </si>
  <si>
    <t>Mandi Sambrial</t>
  </si>
  <si>
    <t>GHS DHANAN WALI</t>
  </si>
  <si>
    <t>Dhananwali</t>
  </si>
  <si>
    <t>Govt. High School Dhananwali, Tehsil Sambrial</t>
  </si>
  <si>
    <t>MAHMOOD AHMED</t>
  </si>
  <si>
    <t>GGPS CHAK NO. 194/P WEST</t>
  </si>
  <si>
    <t>194/pw</t>
  </si>
  <si>
    <t>GGPS Chak No 194/p west</t>
  </si>
  <si>
    <t>Chak No194/pw</t>
  </si>
  <si>
    <t>173/p</t>
  </si>
  <si>
    <t>49941</t>
  </si>
  <si>
    <t>GPS TIRKHAN WALA</t>
  </si>
  <si>
    <t>Tirkhan wala</t>
  </si>
  <si>
    <t>Jahanian Shah</t>
  </si>
  <si>
    <t>Muhammad  Nawaz</t>
  </si>
  <si>
    <t>GPS KOT SAMBRIAL</t>
  </si>
  <si>
    <t>Shera Abad Sambrial</t>
  </si>
  <si>
    <t>GPS Kot Sambrial, Moh. Sher Abad</t>
  </si>
  <si>
    <t>Moh SherAbad</t>
  </si>
  <si>
    <t>Zafar Iqbal Warraich</t>
  </si>
  <si>
    <t>49921</t>
  </si>
  <si>
    <t>GPS GHAZI ABAD</t>
  </si>
  <si>
    <t>moza ghazi abad</t>
  </si>
  <si>
    <t>Aqeel Irfan</t>
  </si>
  <si>
    <t>GPS SHAKIR KOT</t>
  </si>
  <si>
    <t>Basti shakir kot</t>
  </si>
  <si>
    <t>Shakir Kot</t>
  </si>
  <si>
    <t>Mohib Ali Shakir</t>
  </si>
  <si>
    <t>selef</t>
  </si>
  <si>
    <t>15529</t>
  </si>
  <si>
    <t>GPS 478 GB I</t>
  </si>
  <si>
    <t>gps 478 gb tehseel samundri district faisalabad</t>
  </si>
  <si>
    <t>Chak 478 Gb</t>
  </si>
  <si>
    <t>Naseem Shahzad</t>
  </si>
  <si>
    <t>GPS CHAH KEKAR WALA</t>
  </si>
  <si>
    <t>Jhang road Sahiwal</t>
  </si>
  <si>
    <t>Chah Kekar Wala</t>
  </si>
  <si>
    <t>MC Sahiwal</t>
  </si>
  <si>
    <t>Muhammad Raza Khan</t>
  </si>
  <si>
    <t>18487</t>
  </si>
  <si>
    <t>GPS CHAK MADINAH (DHUP SARRI)</t>
  </si>
  <si>
    <t>Village Chak Madinah P/O Sial Sharif Tehsil Sahiwal Distt.Sargodha</t>
  </si>
  <si>
    <t>Chak Madinah</t>
  </si>
  <si>
    <t>Shafqat Hayat</t>
  </si>
  <si>
    <t>GGPS GARHI DADO</t>
  </si>
  <si>
    <t>GGPSgarhi dhoo dhoo jadeed</t>
  </si>
  <si>
    <t>Basti Ghulam Freed</t>
  </si>
  <si>
    <t>Raheela Shabir</t>
  </si>
  <si>
    <t>35535</t>
  </si>
  <si>
    <t>GGES CHAK 439 GB I SAMUNDRI</t>
  </si>
  <si>
    <t>Mahalam</t>
  </si>
  <si>
    <t>chak no.439.1..g.b.tehsil samundri district faisalabad</t>
  </si>
  <si>
    <t>Haryyal</t>
  </si>
  <si>
    <t>Humera kouser</t>
  </si>
  <si>
    <t>GPS AHEER SURKHRU</t>
  </si>
  <si>
    <t>Aheer Surkhuru</t>
  </si>
  <si>
    <t>Gps Aheer Surkhuru, sahiwal,sargodha.</t>
  </si>
  <si>
    <t>Matloob Hassan</t>
  </si>
  <si>
    <t>25122</t>
  </si>
  <si>
    <t>24747</t>
  </si>
  <si>
    <t>49943</t>
  </si>
  <si>
    <t>TIRKHAN WALA</t>
  </si>
  <si>
    <t>GPS HAYAT PUR MOZA TIRKHAN WALA DAKKHANA NEHANG TEHSIL SAHIWAL DIST.SARGODHA</t>
  </si>
  <si>
    <t>HAYAT PUR</t>
  </si>
  <si>
    <t>JAHNIAN SHAH</t>
  </si>
  <si>
    <t>Muhammad Naeem Shahzad</t>
  </si>
  <si>
    <t>GPS KOTHA CHISHTIAN</t>
  </si>
  <si>
    <t>kotha chisthian</t>
  </si>
  <si>
    <t>kotha chisthian tehsil sambrial district sialkot</t>
  </si>
  <si>
    <t>habib pur</t>
  </si>
  <si>
    <t>Ehsan Ullah Ghumman</t>
  </si>
  <si>
    <t>GHS MALKHAN WALA</t>
  </si>
  <si>
    <t>VPO Malkhanwala, Tehsil Sambrial</t>
  </si>
  <si>
    <t>muhammad saleem bhatti</t>
  </si>
  <si>
    <t>GPS FATTO WAL</t>
  </si>
  <si>
    <t>PIR FATEH DADYA</t>
  </si>
  <si>
    <t>BASTI FATTOWAL MOZA PIR FATEH DARYA SDK RYK</t>
  </si>
  <si>
    <t>BASTI FATTOWAL</t>
  </si>
  <si>
    <t>Shahzad Imran</t>
  </si>
  <si>
    <t>GPS AMREEK PURA</t>
  </si>
  <si>
    <t>Amreek Pura</t>
  </si>
  <si>
    <t>Village Amreek pura P.O Jetheky Teh. Sambrial Dist.Sialkot</t>
  </si>
  <si>
    <t>AmreekPura</t>
  </si>
  <si>
    <t>Allaywali</t>
  </si>
  <si>
    <t>GMMS PACCA BATHA</t>
  </si>
  <si>
    <t>basti pakka bhutta p/o Jamal din wali Tehsil Sadiq  Abad Distt. Rahim Yar Khan</t>
  </si>
  <si>
    <t>Pakka Bhutta</t>
  </si>
  <si>
    <t>Malik Allah Ditta</t>
  </si>
  <si>
    <t>GGPS QAZI CHAK NO. 199 PB</t>
  </si>
  <si>
    <t>Chak 199/p</t>
  </si>
  <si>
    <t>GGPS qazi Chak no. 199pb tillu road sadiq abad</t>
  </si>
  <si>
    <t>Goth Qazi Chak No 199/pb</t>
  </si>
  <si>
    <t>Chak No. 264/p</t>
  </si>
  <si>
    <t>GGPS GOHAR MUHAMMAD DRGH</t>
  </si>
  <si>
    <t>shahzad colony street no.1</t>
  </si>
  <si>
    <t>Mc City Sadiq Abad</t>
  </si>
  <si>
    <t>Rakhshanda Kousar</t>
  </si>
  <si>
    <t>buy water can</t>
  </si>
  <si>
    <t>49976</t>
  </si>
  <si>
    <t>GPS ASALAT WALA</t>
  </si>
  <si>
    <t>Asalat Wala</t>
  </si>
  <si>
    <t>asalat wala ,sargodha</t>
  </si>
  <si>
    <t>44679</t>
  </si>
  <si>
    <t>7498</t>
  </si>
  <si>
    <t>GGPS QASMAANI NO.1</t>
  </si>
  <si>
    <t>KOT SANJAR KHAN-FEMALE</t>
  </si>
  <si>
    <t>Basti ghulam sabir mouza Qasmani</t>
  </si>
  <si>
    <t>Qasmani No1</t>
  </si>
  <si>
    <t>GGPS 191/P</t>
  </si>
  <si>
    <t>chak no 191/p</t>
  </si>
  <si>
    <t>GPS ALLEWALI WASTI</t>
  </si>
  <si>
    <t>Allewali Wasti Sambrial</t>
  </si>
  <si>
    <t>Allewali Wasti</t>
  </si>
  <si>
    <t>Allewali</t>
  </si>
  <si>
    <t>50061</t>
  </si>
  <si>
    <t>GGES AHLI KAMBOH</t>
  </si>
  <si>
    <t>Ahli Kamboh</t>
  </si>
  <si>
    <t>GGE/S Ahli Kamboh Teh: Sahiwal District Sargodha</t>
  </si>
  <si>
    <t>Havaile Majoka</t>
  </si>
  <si>
    <t>GPS LOPO WALI</t>
  </si>
  <si>
    <t>Air port Road Lopowali</t>
  </si>
  <si>
    <t>Lopowali</t>
  </si>
  <si>
    <t>Muhammad Asif Shaheen</t>
  </si>
  <si>
    <t>35578</t>
  </si>
  <si>
    <t>GPS CHAK BHADA</t>
  </si>
  <si>
    <t>ChAk Bhada</t>
  </si>
  <si>
    <t>dist sialkot teh sambrial.p.o Begowala village begowala tehsil sambrial</t>
  </si>
  <si>
    <t>Chak Bhada</t>
  </si>
  <si>
    <t>25572</t>
  </si>
  <si>
    <t>GMPS SAID PUR</t>
  </si>
  <si>
    <t>village said pur ugoki sialkot</t>
  </si>
  <si>
    <t>Anusha Amin</t>
  </si>
  <si>
    <t>GPS JAISAK</t>
  </si>
  <si>
    <t>GPS Jaisak Tehsil Sahiwal District Sargodha</t>
  </si>
  <si>
    <t>39132</t>
  </si>
  <si>
    <t>GPS KOTLA MOHANA NO. 2</t>
  </si>
  <si>
    <t>Kotla Mohan</t>
  </si>
  <si>
    <t>basti fazl din, moza kotla mohana</t>
  </si>
  <si>
    <t>Ranjhy Khan</t>
  </si>
  <si>
    <t>25456</t>
  </si>
  <si>
    <t>GGCMS KHAROLIAN</t>
  </si>
  <si>
    <t>GADIALA - FEMALE</t>
  </si>
  <si>
    <t>Kharolian</t>
  </si>
  <si>
    <t>Kharolian teh=sambrial   Distt= sialkot</t>
  </si>
  <si>
    <t>Badoke Cheema</t>
  </si>
  <si>
    <t>Bushra Kalsoom</t>
  </si>
  <si>
    <t>GGPS NO. 3 SAMUNDRI</t>
  </si>
  <si>
    <t>Chakki Bazar Samundri</t>
  </si>
  <si>
    <t>51287</t>
  </si>
  <si>
    <t>35353</t>
  </si>
  <si>
    <t>GGPS MAJOKA</t>
  </si>
  <si>
    <t>po haveli majoka district sargodha</t>
  </si>
  <si>
    <t>Haveli Majoka</t>
  </si>
  <si>
    <t>Shamim Tahira</t>
  </si>
  <si>
    <t>GGPS KACHA CHISHTIAN WALA</t>
  </si>
  <si>
    <t>Ahli Kmbo</t>
  </si>
  <si>
    <t>kacha chishtian</t>
  </si>
  <si>
    <t>Kacha Chishtian</t>
  </si>
  <si>
    <t>19209</t>
  </si>
  <si>
    <t>35363</t>
  </si>
  <si>
    <t>GGHS MUHAMMAD WALA</t>
  </si>
  <si>
    <t>Muhammad Wala  P/O dera jara</t>
  </si>
  <si>
    <t>Maleeha Mumtaz</t>
  </si>
  <si>
    <t>GPS CHAH MEVRA</t>
  </si>
  <si>
    <t>Mouza Kotla Mohana</t>
  </si>
  <si>
    <t>Basti Roshan Bhait  Teh Sadiq Abad</t>
  </si>
  <si>
    <t>Chah Mevra</t>
  </si>
  <si>
    <t>Jam AYAZ Ahmad</t>
  </si>
  <si>
    <t>GMPS VERAMKAY</t>
  </si>
  <si>
    <t>Viramkey</t>
  </si>
  <si>
    <t>Viramkey, tehsil sambrial, sialkot</t>
  </si>
  <si>
    <t>Rukhsana Kowsar</t>
  </si>
  <si>
    <t>25509</t>
  </si>
  <si>
    <t>GMPS JHARIAN WALA</t>
  </si>
  <si>
    <t>gmps.jharianwala</t>
  </si>
  <si>
    <t>7161</t>
  </si>
  <si>
    <t>GPS KOTLA MOHANA NO. 1</t>
  </si>
  <si>
    <t>Kotla mohana</t>
  </si>
  <si>
    <t>Basti Muhammad Tufail mauza kotla mohana Union concil Ranjhy khan tehsil Sadiq Abad district rahim yar Khan</t>
  </si>
  <si>
    <t>Ranjhy khan</t>
  </si>
  <si>
    <t>GPS CHAK NO 312/P</t>
  </si>
  <si>
    <t>Basti Molvi Allah Bux Machka</t>
  </si>
  <si>
    <t>GMPS KOTLI CHANU</t>
  </si>
  <si>
    <t>Kotli Chanoon</t>
  </si>
  <si>
    <t>kotli chanoo</t>
  </si>
  <si>
    <t>Kotli Chanoo</t>
  </si>
  <si>
    <t>Sumera Kousar</t>
  </si>
  <si>
    <t>GGPS BAKAL PUR GGPS BAKAL PUR</t>
  </si>
  <si>
    <t>GGPS BAQIL PUR BASTI SADIQ</t>
  </si>
  <si>
    <t>Asma Yaseen</t>
  </si>
  <si>
    <t>49972</t>
  </si>
  <si>
    <t>GPS BORA LUDHIAL</t>
  </si>
  <si>
    <t>Jora Kalan District Khushab</t>
  </si>
  <si>
    <t>Bora Ludhial Post Office Sail Sharif District Sargodha</t>
  </si>
  <si>
    <t>Bora Ludhial</t>
  </si>
  <si>
    <t>25489</t>
  </si>
  <si>
    <t>GMPS BARYAR</t>
  </si>
  <si>
    <t>p/o Kang chalokay Tehsil Sambrial Distt Sialkot</t>
  </si>
  <si>
    <t>Nabila Anwar</t>
  </si>
  <si>
    <t>GGES HAVELI MAJOKA</t>
  </si>
  <si>
    <t>haveli Majoka tesil sahiwal district sargodha</t>
  </si>
  <si>
    <t>Safia Batool</t>
  </si>
  <si>
    <t>GHS RORAS</t>
  </si>
  <si>
    <t>roras</t>
  </si>
  <si>
    <t>vpo roras tehsil sambrial distt sialkot</t>
  </si>
  <si>
    <t>M Tanveer</t>
  </si>
  <si>
    <t>35397</t>
  </si>
  <si>
    <t>49967</t>
  </si>
  <si>
    <t>GPS AHALI KAMBOH</t>
  </si>
  <si>
    <t>Ahli Kamboh p/o Nehang Distt Sargodha</t>
  </si>
  <si>
    <t>GMMS SAKANDAR FORM BASTI GHUMAN KHAN</t>
  </si>
  <si>
    <t>Basti khair Muhammad moza bhara ,machka</t>
  </si>
  <si>
    <t>Basti Khair Mohd</t>
  </si>
  <si>
    <t>15538</t>
  </si>
  <si>
    <t>GGCMS CHAK 470 GB SAMUNDRI</t>
  </si>
  <si>
    <t>GGCMPS 470 GB SAMUNDRI</t>
  </si>
  <si>
    <t>470 Tutiyan Wala</t>
  </si>
  <si>
    <t>GMPS DOANA KANJU</t>
  </si>
  <si>
    <t>PO haveli majoka village doana kanju teh sahiwal distt sargodha</t>
  </si>
  <si>
    <t>Doana Kanju</t>
  </si>
  <si>
    <t>Haveli majoka</t>
  </si>
  <si>
    <t>GPS 313/P</t>
  </si>
  <si>
    <t>Uc fateh pur markaz machka</t>
  </si>
  <si>
    <t>Rais Sher Muhammad</t>
  </si>
  <si>
    <t>Qalender Bakhsh</t>
  </si>
  <si>
    <t>50034</t>
  </si>
  <si>
    <t>GGPS DHARAH</t>
  </si>
  <si>
    <t>Dharah</t>
  </si>
  <si>
    <t>government girls primary school dharah post office ahmad pur tehsil sahiwal district sargodha</t>
  </si>
  <si>
    <t>Bochra Khona</t>
  </si>
  <si>
    <t>GGPS PINDI WALA</t>
  </si>
  <si>
    <t>Pindi Wala</t>
  </si>
  <si>
    <t>pindi Wala</t>
  </si>
  <si>
    <t>Musarat Parveen</t>
  </si>
  <si>
    <t>12458</t>
  </si>
  <si>
    <t>GES YOUSIF MACHHI</t>
  </si>
  <si>
    <t>moza bhara u/c machka tehsil Sadiq Abad district Rahim yar khan</t>
  </si>
  <si>
    <t>Khair Mohammad</t>
  </si>
  <si>
    <t>Syed Hazoor Shah</t>
  </si>
  <si>
    <t>hand pump ,water pump</t>
  </si>
  <si>
    <t>35418</t>
  </si>
  <si>
    <t>GGPS WASANKAY</t>
  </si>
  <si>
    <t>Wassankey</t>
  </si>
  <si>
    <t>wassankey</t>
  </si>
  <si>
    <t>Aniqa Anwar</t>
  </si>
  <si>
    <t>25343</t>
  </si>
  <si>
    <t>GHS ISLAMIA SAMBRIAL</t>
  </si>
  <si>
    <t>govt.islamia high school sambrial</t>
  </si>
  <si>
    <t>Munciple Committee</t>
  </si>
  <si>
    <t>muhammad akbar ghumman</t>
  </si>
  <si>
    <t>38622</t>
  </si>
  <si>
    <t>35829</t>
  </si>
  <si>
    <t>35421</t>
  </si>
  <si>
    <t>41583</t>
  </si>
  <si>
    <t>GPS MUBARAK BHARA</t>
  </si>
  <si>
    <t>Basti Kot Jan Muhammad Abbasi</t>
  </si>
  <si>
    <t>Basti Kot Jan Muhammad Muhammad Muhammad Muhammad</t>
  </si>
  <si>
    <t>Asmatullah</t>
  </si>
  <si>
    <t>35424</t>
  </si>
  <si>
    <t>25562</t>
  </si>
  <si>
    <t>GGPS CHAOKAY KHURD</t>
  </si>
  <si>
    <t>Chau Key Khurd</t>
  </si>
  <si>
    <t>chaukey khurd</t>
  </si>
  <si>
    <t>Shumaila Farrukh</t>
  </si>
  <si>
    <t>GPS MUMTAZ MODEL FORM MUMTAZ</t>
  </si>
  <si>
    <t>Basti bashk solangi moza bhara u/c machka</t>
  </si>
  <si>
    <t>Basti bashk solangi</t>
  </si>
  <si>
    <t>25457</t>
  </si>
  <si>
    <t>GMPS SAHIBKAY</t>
  </si>
  <si>
    <t>Sahibkay</t>
  </si>
  <si>
    <t>vill sahibkay cheema,p/o baddokay cheema,tehsil sambrial,district sialkot</t>
  </si>
  <si>
    <t>Baddokay</t>
  </si>
  <si>
    <t>Somia Riaz</t>
  </si>
  <si>
    <t>34045</t>
  </si>
  <si>
    <t>GPS CHAK NO 128/P</t>
  </si>
  <si>
    <t>ADAM SAHABA-MALE</t>
  </si>
  <si>
    <t>lunda</t>
  </si>
  <si>
    <t>chak no 128/p</t>
  </si>
  <si>
    <t>128/P</t>
  </si>
  <si>
    <t>CHAK NO 148P</t>
  </si>
  <si>
    <t>Khalid Rasool</t>
  </si>
  <si>
    <t>35438</t>
  </si>
  <si>
    <t>GPS RAKH FATEH WALA</t>
  </si>
  <si>
    <t>Rakh Fatehwala</t>
  </si>
  <si>
    <t>Rakh Fatehwala Tehsil Sahiwal District Sargodha</t>
  </si>
  <si>
    <t>Jinda Keema</t>
  </si>
  <si>
    <t>Saleem Ullah</t>
  </si>
  <si>
    <t>GPS NAI ABADI BANGLA</t>
  </si>
  <si>
    <t>Nai Abadi Bangla</t>
  </si>
  <si>
    <t>Bhopalwala Teh Sambrial Sialkot</t>
  </si>
  <si>
    <t>Allay Wali Wasti</t>
  </si>
  <si>
    <t>35441</t>
  </si>
  <si>
    <t>GPS KACHA CHISHTIAN</t>
  </si>
  <si>
    <t>p/o Heveli Majoka , kacha chishtian</t>
  </si>
  <si>
    <t>Hafiz Nadeem Farooq</t>
  </si>
  <si>
    <t>26854</t>
  </si>
  <si>
    <t>GMPS LODHEKAY</t>
  </si>
  <si>
    <t>Lodikhay</t>
  </si>
  <si>
    <t>village lodikhay Tehsil sambrial District Sialkot</t>
  </si>
  <si>
    <t>Dhillam Balagan</t>
  </si>
  <si>
    <t>Amna Amjad</t>
  </si>
  <si>
    <t>39742</t>
  </si>
  <si>
    <t>rangpur sadaat</t>
  </si>
  <si>
    <t>Syed Farooq Ahmed</t>
  </si>
  <si>
    <t>GGPS CM RANDHIR</t>
  </si>
  <si>
    <t>p.o.&amp;vill. randhir,teh.sambrial,sialkot</t>
  </si>
  <si>
    <t>Maryam Iftikhar Cheema</t>
  </si>
  <si>
    <t>52971</t>
  </si>
  <si>
    <t>50089</t>
  </si>
  <si>
    <t>GPS THATHA UMAR</t>
  </si>
  <si>
    <t>Thathi Yaroo Jageer</t>
  </si>
  <si>
    <t>village Thatha Umar, P/O  Sial Sharif, Tehsil Sahiwal, District Sargodha</t>
  </si>
  <si>
    <t>Thatha Umar</t>
  </si>
  <si>
    <t>Ansar Abbas Naeem</t>
  </si>
  <si>
    <t>49973</t>
  </si>
  <si>
    <t>GPS KELA JAGIR</t>
  </si>
  <si>
    <t>Kaila Jageer</t>
  </si>
  <si>
    <t>Kaila jageer</t>
  </si>
  <si>
    <t>Ahmed Saeed</t>
  </si>
  <si>
    <t>29972</t>
  </si>
  <si>
    <t>GMMS GHULAM RASOOL LANGAH</t>
  </si>
  <si>
    <t>Nazar Muhammad Jhullan</t>
  </si>
  <si>
    <t>Basti Tulsi Shareef,P/o Jamaldin Wali,Tehsil,Sdk,District Rahimyarkhan</t>
  </si>
  <si>
    <t>Basti Tulsi Shsreef</t>
  </si>
  <si>
    <t>Ghulam Mohayuddin</t>
  </si>
  <si>
    <t>GHS ROHAILA</t>
  </si>
  <si>
    <t>ROHAILA</t>
  </si>
  <si>
    <t>Rohaila P.o box begowala Tehsil sambrial Distt Sialkot</t>
  </si>
  <si>
    <t>farooq ahmed</t>
  </si>
  <si>
    <t>35462</t>
  </si>
  <si>
    <t>7194</t>
  </si>
  <si>
    <t>GPS IQBAL NAGHAR</t>
  </si>
  <si>
    <t>Iqbalnagar</t>
  </si>
  <si>
    <t>basti rais bahar iqbal nagar</t>
  </si>
  <si>
    <t>Basti Bahar</t>
  </si>
  <si>
    <t>Naila Hanif</t>
  </si>
  <si>
    <t>GPS CHAK 439 GB I SAMUNDRI</t>
  </si>
  <si>
    <t>CHAK 439 GB I</t>
  </si>
  <si>
    <t>Chak No. 439 GB. I, Mahalam, Tehsil Samundri, Faisalabad.</t>
  </si>
  <si>
    <t>Chak 439 GB I</t>
  </si>
  <si>
    <t>Chak No 463 GB Haryal</t>
  </si>
  <si>
    <t>MUHAMMAD WAQAS MURTAZA</t>
  </si>
  <si>
    <t>GPS BASTI SIALLAN</t>
  </si>
  <si>
    <t>Basti Sialla PO box basti Talin hussain shah Muhammad pur lamma sadiq abad</t>
  </si>
  <si>
    <t>Basti Siallan</t>
  </si>
  <si>
    <t>7193</t>
  </si>
  <si>
    <t>GPS KOT KARIM BAKHSH</t>
  </si>
  <si>
    <t>Abdul Wahid Khambra</t>
  </si>
  <si>
    <t>Basti kot sial</t>
  </si>
  <si>
    <t>Kot Sial</t>
  </si>
  <si>
    <t>15581</t>
  </si>
  <si>
    <t>GGPS CHAK 173 GB SAMUNDRI</t>
  </si>
  <si>
    <t>Badhana</t>
  </si>
  <si>
    <t>173gb tehsil summandri</t>
  </si>
  <si>
    <t>173GB</t>
  </si>
  <si>
    <t>170GB</t>
  </si>
  <si>
    <t>asma rafiq</t>
  </si>
  <si>
    <t>GGPS SARANKAY</t>
  </si>
  <si>
    <t>sarankey</t>
  </si>
  <si>
    <t>45955</t>
  </si>
  <si>
    <t>GMPS PASIA</t>
  </si>
  <si>
    <t>Passia</t>
  </si>
  <si>
    <t>V&amp; P.O. Passaia Tehsil Sambrial District Sialkot</t>
  </si>
  <si>
    <t>Zunara Tabasum</t>
  </si>
  <si>
    <t>GGPS CHAK NO.31/NP</t>
  </si>
  <si>
    <t>Denu Shah</t>
  </si>
  <si>
    <t>chak . no . 31 np</t>
  </si>
  <si>
    <t>Chak  31np</t>
  </si>
  <si>
    <t>49868</t>
  </si>
  <si>
    <t>GGHS THATHI GADIAN SAHIWAL DIST. SARGODHA</t>
  </si>
  <si>
    <t>THATHI LAMBI</t>
  </si>
  <si>
    <t>GGHS THATHI GADIAN SAHIWAL DISTRICT SARGODHA</t>
  </si>
  <si>
    <t>Kinza Zafar</t>
  </si>
  <si>
    <t>33387</t>
  </si>
  <si>
    <t>GMPS CHAOKAY KALAN</t>
  </si>
  <si>
    <t>Chaokay Kalan</t>
  </si>
  <si>
    <t>vill chaokay kalan p.o begowala teh sambrial dist sialkot</t>
  </si>
  <si>
    <t>Kopra Kalan</t>
  </si>
  <si>
    <t>GGPS BHIDER</t>
  </si>
  <si>
    <t>Bhider</t>
  </si>
  <si>
    <t>bhider tehsil sambrial ,distt sialkot</t>
  </si>
  <si>
    <t>53376</t>
  </si>
  <si>
    <t>35628</t>
  </si>
  <si>
    <t>25369</t>
  </si>
  <si>
    <t>GES SARANKAY</t>
  </si>
  <si>
    <t>sarankay</t>
  </si>
  <si>
    <t>Syed Ghaznfar Ali</t>
  </si>
  <si>
    <t>35631</t>
  </si>
  <si>
    <t>7607</t>
  </si>
  <si>
    <t>GMMS KOT FAZAL</t>
  </si>
  <si>
    <t>SYED PUR-MALE</t>
  </si>
  <si>
    <t>said pur Sadiq Abad</t>
  </si>
  <si>
    <t>50047</t>
  </si>
  <si>
    <t>GGPS MIR AHMAD SHER GHARH</t>
  </si>
  <si>
    <t>MirAhmed Sher Garh</t>
  </si>
  <si>
    <t>GGPSMir Ahmed Sher Garh</t>
  </si>
  <si>
    <t>19065</t>
  </si>
  <si>
    <t>54807</t>
  </si>
  <si>
    <t>GPS PIPLI WALA</t>
  </si>
  <si>
    <t>pipliwLa</t>
  </si>
  <si>
    <t>pipliwala</t>
  </si>
  <si>
    <t>GMPS ABYALA</t>
  </si>
  <si>
    <t>Abyala</t>
  </si>
  <si>
    <t>Village Abyala P/O Dolo Bhelo Teh Sambrial Dist Sialkot</t>
  </si>
  <si>
    <t>GMPS DOLO BHELO</t>
  </si>
  <si>
    <t>Dolo Bheelo</t>
  </si>
  <si>
    <t>village dolo bheelo teshsil sambrial district sialkot</t>
  </si>
  <si>
    <t>Ismat Tahira</t>
  </si>
  <si>
    <t>15994</t>
  </si>
  <si>
    <t>41436</t>
  </si>
  <si>
    <t>GES BASTIKALWAR BASTI KALWAR</t>
  </si>
  <si>
    <t>GES basti kalwar rahim abad</t>
  </si>
  <si>
    <t>49966</t>
  </si>
  <si>
    <t>GPS SHEIKH JALIL</t>
  </si>
  <si>
    <t>Sheikh Jalil</t>
  </si>
  <si>
    <t>Sheikh jalil</t>
  </si>
  <si>
    <t>Amjad Abbas</t>
  </si>
  <si>
    <t>GGES SURAJ</t>
  </si>
  <si>
    <t>Suraj</t>
  </si>
  <si>
    <t>Suraj post office kulluwal tehsil sambrial district sialkot</t>
  </si>
  <si>
    <t>Iqra Anwar</t>
  </si>
  <si>
    <t>GGPS CHAK NO.181/NP</t>
  </si>
  <si>
    <t>WALHAR-FEMALE</t>
  </si>
  <si>
    <t>Chak 181/NP</t>
  </si>
  <si>
    <t>chak181/NP</t>
  </si>
  <si>
    <t>23055</t>
  </si>
  <si>
    <t>25557</t>
  </si>
  <si>
    <t>GGPS KOTLI KHOKHRAN KALAN</t>
  </si>
  <si>
    <t>Kotli Khokhran Kalan</t>
  </si>
  <si>
    <t>kotli khokhran kalan ,teh sambrial sialkot</t>
  </si>
  <si>
    <t>Saran Key</t>
  </si>
  <si>
    <t>Tabassum Naz</t>
  </si>
  <si>
    <t>18618</t>
  </si>
  <si>
    <t>GHS CHAK 485 GB SAMUNDRI FSD</t>
  </si>
  <si>
    <t>Chak No. 485 GB</t>
  </si>
  <si>
    <t>Chak No 485 GB Boys</t>
  </si>
  <si>
    <t>Samuana Chatala</t>
  </si>
  <si>
    <t>Chak No. 484 GB</t>
  </si>
  <si>
    <t>MUHAMMAD HIZBULLAH</t>
  </si>
  <si>
    <t>GGES KUTHIALA</t>
  </si>
  <si>
    <t>gges  kuthiala</t>
  </si>
  <si>
    <t>Mehwish Ansar</t>
  </si>
  <si>
    <t>55440</t>
  </si>
  <si>
    <t>GMPS WERSALKAY</t>
  </si>
  <si>
    <t>Wersalkay</t>
  </si>
  <si>
    <t>wersalkay</t>
  </si>
  <si>
    <t>NAHEED QADIR BUTT</t>
  </si>
  <si>
    <t>19863</t>
  </si>
  <si>
    <t>35671</t>
  </si>
  <si>
    <t>GGPS MUBARAK TANWERI</t>
  </si>
  <si>
    <t>Thairh</t>
  </si>
  <si>
    <t>GGPS Mubarak Tanweri</t>
  </si>
  <si>
    <t>Mubarak Tanweri</t>
  </si>
  <si>
    <t>GHS SAHOWALA</t>
  </si>
  <si>
    <t>GHS SAHOWALA TEHSIL SAMBRIAL DISTRICT SIALKOT</t>
  </si>
  <si>
    <t>AMJAD ALI CHEEMA</t>
  </si>
  <si>
    <t>GPS QUSMANI</t>
  </si>
  <si>
    <t>basti Haji Eaden uc rahimabad</t>
  </si>
  <si>
    <t>Basti Haji Eaden</t>
  </si>
  <si>
    <t>Muhammad Ayub Sulangi</t>
  </si>
  <si>
    <t>GGPS HUSSAIN ABAD SAHIWAL</t>
  </si>
  <si>
    <t>g g p school husssainabad</t>
  </si>
  <si>
    <t>37460</t>
  </si>
  <si>
    <t>GGPS TIBBI MUGHALAN</t>
  </si>
  <si>
    <t>Fatta Katta Sdk</t>
  </si>
  <si>
    <t>fatta Katta sdk</t>
  </si>
  <si>
    <t>Shazia Sarwar</t>
  </si>
  <si>
    <t>50067</t>
  </si>
  <si>
    <t>GGCMS AAKI</t>
  </si>
  <si>
    <t>Jahaniah Shah</t>
  </si>
  <si>
    <t>25371</t>
  </si>
  <si>
    <t>GES WAN</t>
  </si>
  <si>
    <t>GES WAN TEHSIL SAMBRIAL DISTRICT SIALKOT</t>
  </si>
  <si>
    <t>WAN</t>
  </si>
  <si>
    <t>TARIQ MEHMOOD CHEEMA</t>
  </si>
  <si>
    <t>15510</t>
  </si>
  <si>
    <t>GPS 197 GB</t>
  </si>
  <si>
    <t>Rajoaa</t>
  </si>
  <si>
    <t>Chak No. 197 GB</t>
  </si>
  <si>
    <t>197 GB</t>
  </si>
  <si>
    <t>chak no 198 GB</t>
  </si>
  <si>
    <t>GGPS HUSSAIN NAGAR</t>
  </si>
  <si>
    <t>husain nagar teh sambrial dis sialkot</t>
  </si>
  <si>
    <t>Husain Nagar</t>
  </si>
  <si>
    <t>13932</t>
  </si>
  <si>
    <t>35225</t>
  </si>
  <si>
    <t>41644</t>
  </si>
  <si>
    <t>GHS RUPPER KALLAN</t>
  </si>
  <si>
    <t>village and post office rupper kalan</t>
  </si>
  <si>
    <t>Rupper Kalan</t>
  </si>
  <si>
    <t>Gagun</t>
  </si>
  <si>
    <t>m.nauman ur rahim</t>
  </si>
  <si>
    <t>41605</t>
  </si>
  <si>
    <t>GGHS CHAKRI</t>
  </si>
  <si>
    <t>gghs chakri vill &amp; p.o chakri</t>
  </si>
  <si>
    <t>BUSHRA HIJAZI</t>
  </si>
  <si>
    <t>41682</t>
  </si>
  <si>
    <t>GGHS SAROBA</t>
  </si>
  <si>
    <t>V.P.O SAROBA TEHSIL AND DISTT. RWP</t>
  </si>
  <si>
    <t>SAFURA KAMAL</t>
  </si>
  <si>
    <t>sharifabad Rawalpindi</t>
  </si>
  <si>
    <t>WAHEED UR REHMAN</t>
  </si>
  <si>
    <t>41853</t>
  </si>
  <si>
    <t>GMPS MODEL DHOK MAJEED</t>
  </si>
  <si>
    <t>Raika maira</t>
  </si>
  <si>
    <t>gmpsdhokemajeed</t>
  </si>
  <si>
    <t>Ghulam Batool</t>
  </si>
  <si>
    <t>GHS MUSLIM NO.2 SAIDPURI GATE RAWALPINDI</t>
  </si>
  <si>
    <t>Shah Chan CHARAGH</t>
  </si>
  <si>
    <t>govt Muslim High School No 2 Saidpuri Gate Rwp.</t>
  </si>
  <si>
    <t>Shah Chan Charagh</t>
  </si>
  <si>
    <t>GGES NASEER ABAD</t>
  </si>
  <si>
    <t>street 20 near dargah tahri naseerabad</t>
  </si>
  <si>
    <t>Rubina shaheen</t>
  </si>
  <si>
    <t>35262</t>
  </si>
  <si>
    <t>41638</t>
  </si>
  <si>
    <t>GES SANGRAL</t>
  </si>
  <si>
    <t>vill&amp;Po sangral teh&amp;distt rawalpindi</t>
  </si>
  <si>
    <t>35271</t>
  </si>
  <si>
    <t>41763</t>
  </si>
  <si>
    <t>GPS BAGGA SHEIKHAN</t>
  </si>
  <si>
    <t>Taal</t>
  </si>
  <si>
    <t>dhoke taal bagga sheikhan</t>
  </si>
  <si>
    <t>Dhoke Taal Bagga Sheikhan</t>
  </si>
  <si>
    <t>Mubina Munir</t>
  </si>
  <si>
    <t>2.90088e+006</t>
  </si>
  <si>
    <t>35276</t>
  </si>
  <si>
    <t>41529</t>
  </si>
  <si>
    <t>GHS MC RATTA AMRAL RAWALPINDI</t>
  </si>
  <si>
    <t>MILAD NAGAR RATTA AMRAL RAWALPINDI</t>
  </si>
  <si>
    <t>Milad Nagar Ratta</t>
  </si>
  <si>
    <t>Raja Muhammad Riaz Shahid</t>
  </si>
  <si>
    <t>41824</t>
  </si>
  <si>
    <t>GMPS KHABBA BARALA</t>
  </si>
  <si>
    <t>Khabba Barala</t>
  </si>
  <si>
    <t>Village Khabba Barala, PO Chak Beli Khan, Tehsil &amp; District Rawalpindi</t>
  </si>
  <si>
    <t>Adeela Zainab</t>
  </si>
  <si>
    <t>35281</t>
  </si>
  <si>
    <t>GES KOLLIAN HAMEED</t>
  </si>
  <si>
    <t>vpo  kollin Hamwed RWP</t>
  </si>
  <si>
    <t>GGHS SIHAL</t>
  </si>
  <si>
    <t>Village and post office sihal. Tehsil and district Sihal</t>
  </si>
  <si>
    <t>Nowshabah Ejaz</t>
  </si>
  <si>
    <t>35284</t>
  </si>
  <si>
    <t>GHSS CHARISTIAN</t>
  </si>
  <si>
    <t>Raja Bazar Rawalpindi</t>
  </si>
  <si>
    <t>purana Qila rwp</t>
  </si>
  <si>
    <t>MALIK MUZAFFAR KHAN</t>
  </si>
  <si>
    <t>41541</t>
  </si>
  <si>
    <t>GHS KHARAKAN</t>
  </si>
  <si>
    <t>KHARRAKKAN</t>
  </si>
  <si>
    <t>GHS KHARRAKKAN RWP</t>
  </si>
  <si>
    <t>TARYIAH</t>
  </si>
  <si>
    <t>SAYYAB ASHFAQ</t>
  </si>
  <si>
    <t>41959</t>
  </si>
  <si>
    <t>GGPS MORGAH</t>
  </si>
  <si>
    <t>ggps morgah</t>
  </si>
  <si>
    <t>Sundas Mehnaz</t>
  </si>
  <si>
    <t>41503</t>
  </si>
  <si>
    <t>GHSS BASSALI</t>
  </si>
  <si>
    <t>V &amp; PO Bassali</t>
  </si>
  <si>
    <t>Dr Muhammad Tahir Mahmood</t>
  </si>
  <si>
    <t>GHS KARAHI</t>
  </si>
  <si>
    <t>Village Karahi Karahi</t>
  </si>
  <si>
    <t>Village karahi Tehsil and District rwp</t>
  </si>
  <si>
    <t>karahi</t>
  </si>
  <si>
    <t>Peryal</t>
  </si>
  <si>
    <t>41670</t>
  </si>
  <si>
    <t>GGHS KOTLA</t>
  </si>
  <si>
    <t>Village kotla PO Maira Mora RWP</t>
  </si>
  <si>
    <t>TAKHT Parri</t>
  </si>
  <si>
    <t>Ghulam Jannat</t>
  </si>
  <si>
    <t>35299</t>
  </si>
  <si>
    <t>GGES NUSRAT SHAKRIAL</t>
  </si>
  <si>
    <t>govt nusrat girls e/s shakrial rwp</t>
  </si>
  <si>
    <t>shakrial 2</t>
  </si>
  <si>
    <t>41594</t>
  </si>
  <si>
    <t>GGHS MARI DANISHMANDAN</t>
  </si>
  <si>
    <t>village  Mari Danish Mandan  and Post office jaber Dervaish Tehsil And District Rawalpindi</t>
  </si>
  <si>
    <t>MariDanishMandan</t>
  </si>
  <si>
    <t>Ghazala Razzaq</t>
  </si>
  <si>
    <t>41739</t>
  </si>
  <si>
    <t>GES DHULIAL</t>
  </si>
  <si>
    <t>GBES dhulial rwp.</t>
  </si>
  <si>
    <t>Sehal</t>
  </si>
  <si>
    <t>Nazish Kanwal</t>
  </si>
  <si>
    <t>31460</t>
  </si>
  <si>
    <t>35310</t>
  </si>
  <si>
    <t>41539</t>
  </si>
  <si>
    <t>GHS JABBER DARVAISH</t>
  </si>
  <si>
    <t>JABBAR DARVESH</t>
  </si>
  <si>
    <t>GHS JABBAR DARVESH TEHSIL RAWALPINDI</t>
  </si>
  <si>
    <t>MALIK MUHAMMAD RAFAQT AMIR</t>
  </si>
  <si>
    <t>41665</t>
  </si>
  <si>
    <t>GGES ARAZI SOHAL</t>
  </si>
  <si>
    <t>Arazi Sohal</t>
  </si>
  <si>
    <t>village Arazi Sohal, Post Office Manghot, Tehsil and District Rawalpindi</t>
  </si>
  <si>
    <t>Haleema Saadia</t>
  </si>
  <si>
    <t>neighbours through pipeline</t>
  </si>
  <si>
    <t>48508</t>
  </si>
  <si>
    <t>35316</t>
  </si>
  <si>
    <t>41635</t>
  </si>
  <si>
    <t>GHS PIND NASRALA</t>
  </si>
  <si>
    <t>Pind Nasrala</t>
  </si>
  <si>
    <t>GHS pind Nasrala p.o Tarnool Fateh jhang Road Tehsil and District Rawalpindi</t>
  </si>
  <si>
    <t>GPS MC MUSLIM TOWN</t>
  </si>
  <si>
    <t>kernal yousaf colony muslim town rawalpindi</t>
  </si>
  <si>
    <t>Saira Tabassum</t>
  </si>
  <si>
    <t>25521</t>
  </si>
  <si>
    <t>GGPS MAJRA KHURD</t>
  </si>
  <si>
    <t>Majra Khurd</t>
  </si>
  <si>
    <t>village majra khurd, tehsil sambrial, distt. sialkot</t>
  </si>
  <si>
    <t>Jhethikay</t>
  </si>
  <si>
    <t>Saadia Ilyas</t>
  </si>
  <si>
    <t>35328</t>
  </si>
  <si>
    <t>GMMS LAKHAN WALA</t>
  </si>
  <si>
    <t>asti haji khan GMMS lakhan wala mouza rahmoo tehsil sadiqabad</t>
  </si>
  <si>
    <t>BASTI HAJI KHAN</t>
  </si>
  <si>
    <t>49855</t>
  </si>
  <si>
    <t>GHS SIAL SHARIF</t>
  </si>
  <si>
    <t>MUHIBPUR</t>
  </si>
  <si>
    <t>P.O KHAS SIAL SHARIF SARGODHA</t>
  </si>
  <si>
    <t>GGPS DHILAM BALAGAN (NEWLY ESTABLISHED)</t>
  </si>
  <si>
    <t>Dhillam</t>
  </si>
  <si>
    <t>GGPS Dhillam Ballagan  tehsil sambrial district  sialkot</t>
  </si>
  <si>
    <t>Dhillam Ballagan</t>
  </si>
  <si>
    <t>Bushra Baigham</t>
  </si>
  <si>
    <t>GGHS KOPRA KHURD</t>
  </si>
  <si>
    <t>KOPRA Khurd</t>
  </si>
  <si>
    <t>vilage kopra khurd teh sambrial dis sialkot</t>
  </si>
  <si>
    <t>kopra khurd</t>
  </si>
  <si>
    <t>NAGHMA NASREEN</t>
  </si>
  <si>
    <t>handpumo+electricity water</t>
  </si>
  <si>
    <t>GPS PEHLWAN PUR</t>
  </si>
  <si>
    <t>basti pehlwanpur</t>
  </si>
  <si>
    <t>Pehlwanpur</t>
  </si>
  <si>
    <t>Muhammad Waseem Akhtar</t>
  </si>
  <si>
    <t>51108</t>
  </si>
  <si>
    <t>GGHS CHAK NO 197 GB</t>
  </si>
  <si>
    <t>197 gb</t>
  </si>
  <si>
    <t>chak no  197 gb</t>
  </si>
  <si>
    <t>chak 197 gb</t>
  </si>
  <si>
    <t>chak 198 gb</t>
  </si>
  <si>
    <t>SURRRIYA WARAICH</t>
  </si>
  <si>
    <t>49948</t>
  </si>
  <si>
    <t>GPS KOT ALLAH YAR</t>
  </si>
  <si>
    <t>Laghari Wala</t>
  </si>
  <si>
    <t>Village Kot Allah Yar P.O. Farooqa Tehsil Sahiwal District Sargodha</t>
  </si>
  <si>
    <t>Kot Allah Yar</t>
  </si>
  <si>
    <t>39801</t>
  </si>
  <si>
    <t>15657</t>
  </si>
  <si>
    <t>GGHS CHAK NO 170 GB</t>
  </si>
  <si>
    <t>170gb</t>
  </si>
  <si>
    <t>chak no 170 gb samundri fsd</t>
  </si>
  <si>
    <t>qatrwal</t>
  </si>
  <si>
    <t>qatrwo wal</t>
  </si>
  <si>
    <t>zakia saleem</t>
  </si>
  <si>
    <t>plant water</t>
  </si>
  <si>
    <t>GGPS KOTLI GURLAN</t>
  </si>
  <si>
    <t>kotli gurlan</t>
  </si>
  <si>
    <t>kotli gurlan sambrial sialkot</t>
  </si>
  <si>
    <t>Rukman Davi</t>
  </si>
  <si>
    <t>26330</t>
  </si>
  <si>
    <t>14998</t>
  </si>
  <si>
    <t>GGHS BHAKHRAY WALI</t>
  </si>
  <si>
    <t>gghs bhakrewali Sambrial</t>
  </si>
  <si>
    <t>Ghazala Mohsin</t>
  </si>
  <si>
    <t>GPS JALLA ZAREEN</t>
  </si>
  <si>
    <t>Jalla Zaireen</t>
  </si>
  <si>
    <t>jalla zaireen</t>
  </si>
  <si>
    <t>Thati Lambi</t>
  </si>
  <si>
    <t>Madiha Mahwish</t>
  </si>
  <si>
    <t>Chuhar Chak</t>
  </si>
  <si>
    <t>village chuhar Chak</t>
  </si>
  <si>
    <t>21128</t>
  </si>
  <si>
    <t>51265</t>
  </si>
  <si>
    <t>GMPS KOT MERATH</t>
  </si>
  <si>
    <t>Kot Marth</t>
  </si>
  <si>
    <t>village kot marth p/o beghowala Sambrial Sialkot</t>
  </si>
  <si>
    <t>Sumaira Ghulam Ali</t>
  </si>
  <si>
    <t>GGHS LOW INCOME SCHEME NO.1 SETLLITE TOWN</t>
  </si>
  <si>
    <t>fatta katta</t>
  </si>
  <si>
    <t>gGHS LOW INCOME SCHEME NO 1 SATTELITE TOWN SADIQ ABAD</t>
  </si>
  <si>
    <t>sattelite town</t>
  </si>
  <si>
    <t>nusrat perveen</t>
  </si>
  <si>
    <t>GGPS MAST GARH</t>
  </si>
  <si>
    <t>Mast Garh</t>
  </si>
  <si>
    <t>Village Mast Garh P/O box sambrial Tehsil sambrial district Sialkot</t>
  </si>
  <si>
    <t>Arisha Zari</t>
  </si>
  <si>
    <t>17137</t>
  </si>
  <si>
    <t>35962</t>
  </si>
  <si>
    <t>GGES SUNGHO RAKA</t>
  </si>
  <si>
    <t>Sangoraka</t>
  </si>
  <si>
    <t>Village Sangoraka Tehsil Sahiwal Sargodha</t>
  </si>
  <si>
    <t>Amna Khizar</t>
  </si>
  <si>
    <t>GPS KOTLI KHOKHRAN</t>
  </si>
  <si>
    <t>Kotli Khokhran</t>
  </si>
  <si>
    <t>kotli khokhran sambrial sailkot</t>
  </si>
  <si>
    <t>GMPS THATHI SIKANDRI</t>
  </si>
  <si>
    <t>Thathi Sikndri</t>
  </si>
  <si>
    <t>GMPS Thathi sikandri</t>
  </si>
  <si>
    <t>Sikndri</t>
  </si>
  <si>
    <t>Mubhary Khan</t>
  </si>
  <si>
    <t>29957</t>
  </si>
  <si>
    <t>15483</t>
  </si>
  <si>
    <t>GPS CHAK 173 GB SAMUNDRI</t>
  </si>
  <si>
    <t>Chak No 173 GB Teh. Samundri Disst. Faisalabad</t>
  </si>
  <si>
    <t>173 GB</t>
  </si>
  <si>
    <t>Chak No 170 GB</t>
  </si>
  <si>
    <t>Muhammad Mubbshar Nisar</t>
  </si>
  <si>
    <t>49856</t>
  </si>
  <si>
    <t>GHS RADHAN</t>
  </si>
  <si>
    <t>Radhan</t>
  </si>
  <si>
    <t>Radhan P/O Ahmed Pur Tehsil Sahiwal District. Sargodha</t>
  </si>
  <si>
    <t>GGPS CHAK NO. 203/P</t>
  </si>
  <si>
    <t>203/p</t>
  </si>
  <si>
    <t>chak203/p,daak Khana 199/p.tillu road.sadiq abad</t>
  </si>
  <si>
    <t>Chak 203/p</t>
  </si>
  <si>
    <t>Farzeen Chaudhry</t>
  </si>
  <si>
    <t>GGPS MAKAN SHAH</t>
  </si>
  <si>
    <t>Makan Shah</t>
  </si>
  <si>
    <t>Basti Ahata Laghari Moza Makan Shah P/O Kot Sabzal Teh Sadiqabad Destrict Raheem Yar Khan</t>
  </si>
  <si>
    <t>Ahata Laghari</t>
  </si>
  <si>
    <t>Dandhi</t>
  </si>
  <si>
    <t>Tehsil Sambrial Distt Sialkot Jamalpur</t>
  </si>
  <si>
    <t>Noreen Munawar</t>
  </si>
  <si>
    <t>GMPS KISHEN GARH</t>
  </si>
  <si>
    <t>P.O Begowala, village Kishan Garh Tehsil Sambrial Distt Sialkot</t>
  </si>
  <si>
    <t>Nabeela Zulfiqar</t>
  </si>
  <si>
    <t>GMPS PIR KOT</t>
  </si>
  <si>
    <t>pir kot</t>
  </si>
  <si>
    <t>Kopra Klan</t>
  </si>
  <si>
    <t>Shaista Sadiq</t>
  </si>
  <si>
    <t>42556</t>
  </si>
  <si>
    <t>GGHSS NEHANG</t>
  </si>
  <si>
    <t>Nehang tehsil sahiwal disst sagodha</t>
  </si>
  <si>
    <t>Nehang</t>
  </si>
  <si>
    <t>Havli Majoka</t>
  </si>
  <si>
    <t>GGES ADA BEGOWALA</t>
  </si>
  <si>
    <t>Ada Begowala</t>
  </si>
  <si>
    <t>adda begowala</t>
  </si>
  <si>
    <t>Malakhanwala</t>
  </si>
  <si>
    <t>Misbah Khanum</t>
  </si>
  <si>
    <t>34639</t>
  </si>
  <si>
    <t>35988</t>
  </si>
  <si>
    <t>15735</t>
  </si>
  <si>
    <t>GGHS CHAK NO 203 GB</t>
  </si>
  <si>
    <t>Chak No 203GB</t>
  </si>
  <si>
    <t>Samreen Kokub</t>
  </si>
  <si>
    <t>49984</t>
  </si>
  <si>
    <t>GMPS DERA JADEED</t>
  </si>
  <si>
    <t>Dera Jadeed</t>
  </si>
  <si>
    <t>GES 264/P</t>
  </si>
  <si>
    <t>Chak#264p</t>
  </si>
  <si>
    <t>chak#264p, tehsil sadiqabad district rahim yar khan</t>
  </si>
  <si>
    <t>Sain Dad Khan</t>
  </si>
  <si>
    <t>8386</t>
  </si>
  <si>
    <t>25345</t>
  </si>
  <si>
    <t>GHS MUSLIM AWAMI SAMBRIAL</t>
  </si>
  <si>
    <t>moh dar ul salaam</t>
  </si>
  <si>
    <t>dar ul salaam</t>
  </si>
  <si>
    <t>907500</t>
  </si>
  <si>
    <t>35997</t>
  </si>
  <si>
    <t>GGPS GARHI DADO QADEEM</t>
  </si>
  <si>
    <t>GGPS gharee dhoo dhoo p/o box bhung shareef</t>
  </si>
  <si>
    <t>Shakeela  Rais</t>
  </si>
  <si>
    <t>GGES TIRKHAN WALA</t>
  </si>
  <si>
    <t>Terkhanwala</t>
  </si>
  <si>
    <t>P/O Box Terkhanwala tehsil sahiwal district sargodha</t>
  </si>
  <si>
    <t>Saima Aziz</t>
  </si>
  <si>
    <t>51149</t>
  </si>
  <si>
    <t>GGHS JATHEKAY</t>
  </si>
  <si>
    <t>Jathikay</t>
  </si>
  <si>
    <t>gghsjathikay,sambial</t>
  </si>
  <si>
    <t>39467</t>
  </si>
  <si>
    <t>49955</t>
  </si>
  <si>
    <t>GPS THATHA MUHAMMAD PANAH</t>
  </si>
  <si>
    <t>Thatha Muhammad Panah Muhammad Panah</t>
  </si>
  <si>
    <t>Thatha Muhammad Panah p/o Rabana Teh.Sahiwal Dist.Sargodha</t>
  </si>
  <si>
    <t>Thatha Muhammad Panah</t>
  </si>
  <si>
    <t>Muhammad Qasim Zia</t>
  </si>
  <si>
    <t>GHS RANDHIR</t>
  </si>
  <si>
    <t>Randhir Bagrian</t>
  </si>
  <si>
    <t>GHS Randhir Bagrian</t>
  </si>
  <si>
    <t>GGHS RAHIM ABAD NO. 2</t>
  </si>
  <si>
    <t>gghs Rahim abad New Karachi Market Rahimabad</t>
  </si>
  <si>
    <t>Nuzhat Siddique</t>
  </si>
  <si>
    <t>36016</t>
  </si>
  <si>
    <t>25337</t>
  </si>
  <si>
    <t>GGHS DHANAN WALI</t>
  </si>
  <si>
    <t>dhanawali</t>
  </si>
  <si>
    <t>village and postoffice dhanawali</t>
  </si>
  <si>
    <t>Muqaddas Rukhsana</t>
  </si>
  <si>
    <t>GGHS 148/P</t>
  </si>
  <si>
    <t>dakkhana khas chak 148p SDK</t>
  </si>
  <si>
    <t>148 P</t>
  </si>
  <si>
    <t>Chak 148 P</t>
  </si>
  <si>
    <t>Unsa Raana</t>
  </si>
  <si>
    <t>GGES SALEEQA</t>
  </si>
  <si>
    <t>Saleeqa</t>
  </si>
  <si>
    <t>GGES SALEEQA SAHIWAL</t>
  </si>
  <si>
    <t>Mumtaz Sharaf</t>
  </si>
  <si>
    <t>GGPS AHEER SURKHRU</t>
  </si>
  <si>
    <t>Aheer Surkhru</t>
  </si>
  <si>
    <t>Aheer Surkhru   PO  Dherowal. Sahiwal  Sargodha</t>
  </si>
  <si>
    <t>Rakh sahiwal</t>
  </si>
  <si>
    <t>Nazia  Shareen</t>
  </si>
  <si>
    <t>Basti jam Gul Muhammad chohan p.o KOT SUBZAL Mohib moza mohib Shah</t>
  </si>
  <si>
    <t>Basti Jam Gul Muhammad</t>
  </si>
  <si>
    <t>Pir Bukhsh</t>
  </si>
  <si>
    <t>25552</t>
  </si>
  <si>
    <t>GGPS RANDHIR MORE</t>
  </si>
  <si>
    <t>Randhir more</t>
  </si>
  <si>
    <t>v.randheer mor P/o box begowala Tehsil sambrial district sialkot</t>
  </si>
  <si>
    <t>Shahida Naheed</t>
  </si>
  <si>
    <t>36038</t>
  </si>
  <si>
    <t>50076</t>
  </si>
  <si>
    <t>GGPS DHUP SARI</t>
  </si>
  <si>
    <t>Moza Mohib Pur</t>
  </si>
  <si>
    <t>GGP/s dhup sari tasil sahi wal distit sargodha</t>
  </si>
  <si>
    <t>Dial Sharif</t>
  </si>
  <si>
    <t>15214</t>
  </si>
  <si>
    <t>15624</t>
  </si>
  <si>
    <t>GGES CHAK 488 GB SOUTH MAMUNKANJAN</t>
  </si>
  <si>
    <t>488gb</t>
  </si>
  <si>
    <t>chak488gbsouth</t>
  </si>
  <si>
    <t>Chak488gbsouth</t>
  </si>
  <si>
    <t>Machanika</t>
  </si>
  <si>
    <t>Anila Saleem</t>
  </si>
  <si>
    <t>30319</t>
  </si>
  <si>
    <t>38096</t>
  </si>
  <si>
    <t>GHS BINDORE ABBASIAN</t>
  </si>
  <si>
    <t>Bindore abbasian</t>
  </si>
  <si>
    <t>Village Bindore abbasian tehsil sadik abad</t>
  </si>
  <si>
    <t>faiz ullah faiz</t>
  </si>
  <si>
    <t>21670</t>
  </si>
  <si>
    <t>GMPS DOAR</t>
  </si>
  <si>
    <t>Dour</t>
  </si>
  <si>
    <t>govt model primary school dour</t>
  </si>
  <si>
    <t>Saima Mudassar</t>
  </si>
  <si>
    <t>GGPS DHERO SAIL</t>
  </si>
  <si>
    <t>Dhero Sial</t>
  </si>
  <si>
    <t>dhero sial p/o kudlathi ara</t>
  </si>
  <si>
    <t>Aliya Parveen</t>
  </si>
  <si>
    <t>GPS CHAK 385 GB SAMUNDRI</t>
  </si>
  <si>
    <t>chak 438gb</t>
  </si>
  <si>
    <t>chak 385 gb</t>
  </si>
  <si>
    <t>chak 385gb</t>
  </si>
  <si>
    <t>chak 388 gb</t>
  </si>
  <si>
    <t>Mirza Naveed Baig</t>
  </si>
  <si>
    <t>49886</t>
  </si>
  <si>
    <t>GGES MEGHA ARA</t>
  </si>
  <si>
    <t>Megha Ara</t>
  </si>
  <si>
    <t>Megha Ara tehsil Sahiwal</t>
  </si>
  <si>
    <t>Kud Lathi Ara</t>
  </si>
  <si>
    <t>Shgufta Nasreen</t>
  </si>
  <si>
    <t>50011</t>
  </si>
  <si>
    <t>GMPS MODEL DINNAR</t>
  </si>
  <si>
    <t>Dinar</t>
  </si>
  <si>
    <t>GMPS RAKH NOSHEHRA</t>
  </si>
  <si>
    <t>Rakh Noshehra</t>
  </si>
  <si>
    <t>GMPS Rakh Noshehra tehsil Sambrial district Sialkot.</t>
  </si>
  <si>
    <t>Sadia Azeem</t>
  </si>
  <si>
    <t>GGCMS CHAK 205 GB MAMUNKANJAN</t>
  </si>
  <si>
    <t>Rathr Chatr</t>
  </si>
  <si>
    <t>chak no 205 gb Teh. samundri distt.faisalabad</t>
  </si>
  <si>
    <t>205 GB</t>
  </si>
  <si>
    <t>Umber Yasmin</t>
  </si>
  <si>
    <t>49983</t>
  </si>
  <si>
    <t>GMPS GIDAR KHADI (NOOR PUR KHOKRAN)</t>
  </si>
  <si>
    <t>Noor Pur Khokhran</t>
  </si>
  <si>
    <t>noor pur khokhran tahsil sahiwal district sargodha</t>
  </si>
  <si>
    <t>Bochra Kohana</t>
  </si>
  <si>
    <t>36069</t>
  </si>
  <si>
    <t>GHS BHONG</t>
  </si>
  <si>
    <t>MUHAMMAD HASSAN SARDAR</t>
  </si>
  <si>
    <t>50025</t>
  </si>
  <si>
    <t>GMPS KINIKI PINDI</t>
  </si>
  <si>
    <t>Sikandar Pur</t>
  </si>
  <si>
    <t>kiniki pindi p/o ahmad pur teh. Sahiwal distt. sargodha</t>
  </si>
  <si>
    <t>Kiniki Pindi</t>
  </si>
  <si>
    <t>Ihsan Ahmad</t>
  </si>
  <si>
    <t>GGPS NAND PUR SHARQI</t>
  </si>
  <si>
    <t>nandpur sharqi</t>
  </si>
  <si>
    <t>village nandpur sharqi tehsil sambrial district Sialkot</t>
  </si>
  <si>
    <t>Nandpur Sharqi</t>
  </si>
  <si>
    <t>anila irshad</t>
  </si>
  <si>
    <t>49963</t>
  </si>
  <si>
    <t>GPS KOTLA FATEH KHAN</t>
  </si>
  <si>
    <t>Thatti Jalal</t>
  </si>
  <si>
    <t>kotla Fateh Khan</t>
  </si>
  <si>
    <t>Kotla Fateh Khan</t>
  </si>
  <si>
    <t>Muhammad yousaf shahzad</t>
  </si>
  <si>
    <t>41377</t>
  </si>
  <si>
    <t>GES CHAK NO 156/P SADIQABAD</t>
  </si>
  <si>
    <t>Chak 156/p</t>
  </si>
  <si>
    <t>GES CHak No. 156/p SAdiq Abad</t>
  </si>
  <si>
    <t>42614</t>
  </si>
  <si>
    <t>GGPS SIKANDAR PUR</t>
  </si>
  <si>
    <t>Sikandar pur sahiwal</t>
  </si>
  <si>
    <t>Bhochra 129</t>
  </si>
  <si>
    <t>Hafiza Sadia Ayub</t>
  </si>
  <si>
    <t>GPS CHAK 149/P</t>
  </si>
  <si>
    <t>Moran</t>
  </si>
  <si>
    <t>GPS Chak 149/P, Markaz Adam Sahaba, Sadiq Abad</t>
  </si>
  <si>
    <t>Chak 149/P</t>
  </si>
  <si>
    <t>49979</t>
  </si>
  <si>
    <t>GGPS NO.3 SAHIWAL</t>
  </si>
  <si>
    <t>muhala wazir pur sahiwal</t>
  </si>
  <si>
    <t>54253</t>
  </si>
  <si>
    <t>35213</t>
  </si>
  <si>
    <t>GPS NAGRAIN WALA</t>
  </si>
  <si>
    <t>village nagrianwala p.o jathekey</t>
  </si>
  <si>
    <t>Adnan Shahid</t>
  </si>
  <si>
    <t>33363</t>
  </si>
  <si>
    <t>GMPS 157/P</t>
  </si>
  <si>
    <t>Chak No.157/P</t>
  </si>
  <si>
    <t>Chak No.157/P Tehsil Sadiq Abad Dist. Rahim Yar Khan</t>
  </si>
  <si>
    <t>Chak No.160/P</t>
  </si>
  <si>
    <t>Kang</t>
  </si>
  <si>
    <t>v.p.o kang</t>
  </si>
  <si>
    <t>Dhillam Blaghun</t>
  </si>
  <si>
    <t>GMPS HUSSAIN PUR</t>
  </si>
  <si>
    <t>Hussain PUR</t>
  </si>
  <si>
    <t>village  Hussain Pur P.O. begowala teh sambrial distt sialkot</t>
  </si>
  <si>
    <t>Syeda Nafeesa Shabbir</t>
  </si>
  <si>
    <t>35846</t>
  </si>
  <si>
    <t>25567</t>
  </si>
  <si>
    <t>GGPS DERA BHATIAN</t>
  </si>
  <si>
    <t>dera bhattian</t>
  </si>
  <si>
    <t>GES DOGRAN WALA</t>
  </si>
  <si>
    <t>Dogran Wala</t>
  </si>
  <si>
    <t>Dogran wala teh sambrial sialkot</t>
  </si>
  <si>
    <t>GMPS SAHIAN WALA</t>
  </si>
  <si>
    <t>Sayianwala</t>
  </si>
  <si>
    <t>village sayianwala. p/o Begowala Teh.Sambrial Dist.sialkot</t>
  </si>
  <si>
    <t>Ayesha Tasleem</t>
  </si>
  <si>
    <t>44216</t>
  </si>
  <si>
    <t>GHS KOTLA HAYAT</t>
  </si>
  <si>
    <t>GSS kotla hayat basti talib shah tahsil sadiqabad</t>
  </si>
  <si>
    <t>Basti Talib Shah</t>
  </si>
  <si>
    <t>QARI ANWAR SAEED</t>
  </si>
  <si>
    <t>35854</t>
  </si>
  <si>
    <t>25544</t>
  </si>
  <si>
    <t>GGPS KOT HAYAT</t>
  </si>
  <si>
    <t>KOT HAYAT</t>
  </si>
  <si>
    <t>KOT HAYAT P.O BEGOWALA TEHSIL SAMBRIAL DISTT SIALKOT</t>
  </si>
  <si>
    <t>BUSHRA AKARAM</t>
  </si>
  <si>
    <t>35855</t>
  </si>
  <si>
    <t>50022</t>
  </si>
  <si>
    <t>GMPS CHANDNA</t>
  </si>
  <si>
    <t>Chandna</t>
  </si>
  <si>
    <t>Village Chandna Teh Sahiwal District Sargodha</t>
  </si>
  <si>
    <t>Aneela Ahmed Khan</t>
  </si>
  <si>
    <t>48350</t>
  </si>
  <si>
    <t>GMPS CHAK KUKKA</t>
  </si>
  <si>
    <t>Chak Kakka</t>
  </si>
  <si>
    <t>chak kakka</t>
  </si>
  <si>
    <t>Veroeala</t>
  </si>
  <si>
    <t>35863</t>
  </si>
  <si>
    <t>GMPS MANGU BEHRAM</t>
  </si>
  <si>
    <t>Mangu Behram</t>
  </si>
  <si>
    <t>tehsil sambrial district Sialkot village mangu behram</t>
  </si>
  <si>
    <t>Mangubehram</t>
  </si>
  <si>
    <t>GGPS MADOKAY</t>
  </si>
  <si>
    <t>Maddokey</t>
  </si>
  <si>
    <t>p/o randhir village maddikey</t>
  </si>
  <si>
    <t>Kausar Talib Hussain</t>
  </si>
  <si>
    <t>GPS CHAK NO 197/P</t>
  </si>
  <si>
    <t>Chak 197/p</t>
  </si>
  <si>
    <t>Gbps Chak no. 197/p dak khana chak 199/p</t>
  </si>
  <si>
    <t>Bandoor Abssian</t>
  </si>
  <si>
    <t>7117</t>
  </si>
  <si>
    <t>GPS CHAK NO 181 NP</t>
  </si>
  <si>
    <t>Chak no 181/NP Sadiqabad</t>
  </si>
  <si>
    <t>Umar Farooq Ahmad</t>
  </si>
  <si>
    <t>Filter Pump</t>
  </si>
  <si>
    <t>GPS MUNDAIR KHURD</t>
  </si>
  <si>
    <t>GPS NO. 2 SAMUNDRI</t>
  </si>
  <si>
    <t>Mohallah Danish pura  Samundri</t>
  </si>
  <si>
    <t>McSamundri</t>
  </si>
  <si>
    <t>18837</t>
  </si>
  <si>
    <t>GGHS RADHAN</t>
  </si>
  <si>
    <t>Radhan,tehsil sahiwal, district sargodha</t>
  </si>
  <si>
    <t>Kalsoom Rana</t>
  </si>
  <si>
    <t>49858</t>
  </si>
  <si>
    <t>GHS KOT GUL</t>
  </si>
  <si>
    <t>Kalyar</t>
  </si>
  <si>
    <t>village kot Gul tehsil sahiwal district sargodha</t>
  </si>
  <si>
    <t>Kot Gul</t>
  </si>
  <si>
    <t>abdul ghaffar</t>
  </si>
  <si>
    <t>15736</t>
  </si>
  <si>
    <t>GGHS CHAK NO 204 GB FSD</t>
  </si>
  <si>
    <t>Chak No 204GB FSD</t>
  </si>
  <si>
    <t>chak No 204Gb teh samundri dist FSD</t>
  </si>
  <si>
    <t>204GB</t>
  </si>
  <si>
    <t>ramlah malik zady</t>
  </si>
  <si>
    <t>GPS RASOOL PURA</t>
  </si>
  <si>
    <t>rasool pura</t>
  </si>
  <si>
    <t>50059</t>
  </si>
  <si>
    <t>GGPS BADAR BHOON</t>
  </si>
  <si>
    <t>Badar Bhoon</t>
  </si>
  <si>
    <t>35891</t>
  </si>
  <si>
    <t>GMPS KARTAR PUR</t>
  </si>
  <si>
    <t>kartar Pur</t>
  </si>
  <si>
    <t>GMPS  kartar pur</t>
  </si>
  <si>
    <t>35896</t>
  </si>
  <si>
    <t>GMMS ALI BUX NOMBAR DAR</t>
  </si>
  <si>
    <t>Basti gulshan Imam din</t>
  </si>
  <si>
    <t>Basti Gulshan Imam</t>
  </si>
  <si>
    <t>Shabbeer Ahmad</t>
  </si>
  <si>
    <t>GPS DADAN</t>
  </si>
  <si>
    <t>dadan</t>
  </si>
  <si>
    <t>village dadan tehsil sahiwal sargodha</t>
  </si>
  <si>
    <t>Ghulam Husnain</t>
  </si>
  <si>
    <t>25412</t>
  </si>
  <si>
    <t>GPS DADU WALI</t>
  </si>
  <si>
    <t>Adda Bagowala</t>
  </si>
  <si>
    <t>Adda begowala P O jhamat Tehsil Sambrial Sialkot</t>
  </si>
  <si>
    <t>Malkhawala</t>
  </si>
  <si>
    <t>GGPS KOT CHOGHATA</t>
  </si>
  <si>
    <t>Kot Choghata</t>
  </si>
  <si>
    <t>kot choghata</t>
  </si>
  <si>
    <t>18035</t>
  </si>
  <si>
    <t>35910</t>
  </si>
  <si>
    <t>GGPS 178/P</t>
  </si>
  <si>
    <t>178 P</t>
  </si>
  <si>
    <t>chak no178/p street no 1 Sadiqabad District Rahim Yar khan</t>
  </si>
  <si>
    <t>Chak No178/p</t>
  </si>
  <si>
    <t>Amina Batool</t>
  </si>
  <si>
    <t>25384</t>
  </si>
  <si>
    <t>GGHS PIPLEE WALA</t>
  </si>
  <si>
    <t>Pipliwala</t>
  </si>
  <si>
    <t>Pipliwala post office Begowala tehsil Sambrial district Sialkot</t>
  </si>
  <si>
    <t>Ghulam Kausar</t>
  </si>
  <si>
    <t>15452</t>
  </si>
  <si>
    <t>GPS CHAK 227 GB WEST SAMUNDRI</t>
  </si>
  <si>
    <t>227 Cheeny</t>
  </si>
  <si>
    <t>chak.no227 gb west sammundri</t>
  </si>
  <si>
    <t>Chak no227 west</t>
  </si>
  <si>
    <t>chak 225 gb</t>
  </si>
  <si>
    <t>Muhammad Umar Jameel</t>
  </si>
  <si>
    <t>25398</t>
  </si>
  <si>
    <t>Mohallah Fazalpura sambrial district sialkot</t>
  </si>
  <si>
    <t>Darussalam</t>
  </si>
  <si>
    <t>Muhammad Saleh</t>
  </si>
  <si>
    <t>44890</t>
  </si>
  <si>
    <t>35916</t>
  </si>
  <si>
    <t>49887</t>
  </si>
  <si>
    <t>GGES DHOOL KADHI</t>
  </si>
  <si>
    <t>Dhool kadhi</t>
  </si>
  <si>
    <t>P/0 ,Dhool kadhi sahiwl sargodha</t>
  </si>
  <si>
    <t>17609</t>
  </si>
  <si>
    <t>35925</t>
  </si>
  <si>
    <t>25394</t>
  </si>
  <si>
    <t>GPS MANDI SAMBRIAL NO.1</t>
  </si>
  <si>
    <t>GPS No1 Mandi Sambrial</t>
  </si>
  <si>
    <t>35927</t>
  </si>
  <si>
    <t>50078</t>
  </si>
  <si>
    <t>GGPS KAKRANI</t>
  </si>
  <si>
    <t>Kakrani</t>
  </si>
  <si>
    <t>Kot Musa Khan</t>
  </si>
  <si>
    <t>39214</t>
  </si>
  <si>
    <t>25576</t>
  </si>
  <si>
    <t>GGPS CHAK JANTA</t>
  </si>
  <si>
    <t>Chak Janta</t>
  </si>
  <si>
    <t>Chak Jainta</t>
  </si>
  <si>
    <t>Fazeelat Kosar</t>
  </si>
  <si>
    <t>GMPS GUL BIBI</t>
  </si>
  <si>
    <t>Gull bi bi</t>
  </si>
  <si>
    <t>Mps gull bi bi sahiwal</t>
  </si>
  <si>
    <t>bhochra</t>
  </si>
  <si>
    <t>49945</t>
  </si>
  <si>
    <t>GPS OKAN WALA</t>
  </si>
  <si>
    <t>Jhanian Shah</t>
  </si>
  <si>
    <t>Aqeel Haider Khan</t>
  </si>
  <si>
    <t>14317</t>
  </si>
  <si>
    <t>GPS MANDI SAMBRIAL NO.2</t>
  </si>
  <si>
    <t>Mandi Sambial</t>
  </si>
  <si>
    <t>Street no. 5 mandi sambrial</t>
  </si>
  <si>
    <t>tanveer islam</t>
  </si>
  <si>
    <t>36099</t>
  </si>
  <si>
    <t>15531</t>
  </si>
  <si>
    <t>GPS 481 GB</t>
  </si>
  <si>
    <t>481 Khan Porsil</t>
  </si>
  <si>
    <t>481 gb</t>
  </si>
  <si>
    <t>481 Gb</t>
  </si>
  <si>
    <t>36102</t>
  </si>
  <si>
    <t>jara post office dera jara tehsil sahiwal district sargodha</t>
  </si>
  <si>
    <t>Tanzila Hayat</t>
  </si>
  <si>
    <t>36104</t>
  </si>
  <si>
    <t>7242</t>
  </si>
  <si>
    <t>GPS CHAK NO 35 NP</t>
  </si>
  <si>
    <t>Kot Mitha</t>
  </si>
  <si>
    <t>kot mitha, sadiqabad</t>
  </si>
  <si>
    <t>chachran</t>
  </si>
  <si>
    <t>50024</t>
  </si>
  <si>
    <t>GGCMS VIJH</t>
  </si>
  <si>
    <t>muhammdi colony vijh</t>
  </si>
  <si>
    <t>36109</t>
  </si>
  <si>
    <t>49851</t>
  </si>
  <si>
    <t>GGHS LAKHI WAL</t>
  </si>
  <si>
    <t>Lakhi wal</t>
  </si>
  <si>
    <t>village lakhiwal tehsil sahiwal distt sargodha</t>
  </si>
  <si>
    <t>Rukhsana Kausar Malik</t>
  </si>
  <si>
    <t>47789</t>
  </si>
  <si>
    <t>GHS BEGO WALA</t>
  </si>
  <si>
    <t>VPO Begowala Tehsil Sambrial District Sialkot</t>
  </si>
  <si>
    <t>LIlyas Ahmad</t>
  </si>
  <si>
    <t>49953</t>
  </si>
  <si>
    <t>GPS BARAN</t>
  </si>
  <si>
    <t>baran sahiwal sargodha</t>
  </si>
  <si>
    <t>49998</t>
  </si>
  <si>
    <t>GMPS NAWAN LOK SIAL DHOLKA</t>
  </si>
  <si>
    <t>Sial Dholka</t>
  </si>
  <si>
    <t>GMPS Nawan Loke Sial Dholka Sahiwal Sargodha</t>
  </si>
  <si>
    <t>Nawan Loke Sial Dholka</t>
  </si>
  <si>
    <t>GGPS DHINGOWAL</t>
  </si>
  <si>
    <t>Dhingowal</t>
  </si>
  <si>
    <t>Kullowal</t>
  </si>
  <si>
    <t>Ayesha Tahir</t>
  </si>
  <si>
    <t>GGCMS PATHAN KOT</t>
  </si>
  <si>
    <t>pathan kot</t>
  </si>
  <si>
    <t>Attiya Noreen</t>
  </si>
  <si>
    <t>50544</t>
  </si>
  <si>
    <t>GMPS KOTLI MUGHLAN</t>
  </si>
  <si>
    <t>Kotli Muglan</t>
  </si>
  <si>
    <t>village kotli mughlan. p/o Begowala. test sambrial. dist sialkot</t>
  </si>
  <si>
    <t>Asia Kulsoom</t>
  </si>
  <si>
    <t>46352</t>
  </si>
  <si>
    <t>36124</t>
  </si>
  <si>
    <t>GGPS MOBHARAY KHAN</t>
  </si>
  <si>
    <t>mubhary khan tehsil sahiwal distt sargodha</t>
  </si>
  <si>
    <t>Safia Mubeen</t>
  </si>
  <si>
    <t>GPS CHAK 448 GB I SAMUNDRI</t>
  </si>
  <si>
    <t>Chak no 448 GB</t>
  </si>
  <si>
    <t>Chak No 448</t>
  </si>
  <si>
    <t>Mian Asrar Ali</t>
  </si>
  <si>
    <t>GGHS VEROWALA</t>
  </si>
  <si>
    <t>SHAGUFTA PARVEEN</t>
  </si>
  <si>
    <t>42116</t>
  </si>
  <si>
    <t>GPS PUNOO KHAN LAGHARI</t>
  </si>
  <si>
    <t>Ghulam Ahmad Abad</t>
  </si>
  <si>
    <t>Basti Punoo khan Laghari U/c bhong Tehsil Sadiq Abad District Rahim Yar Khan</t>
  </si>
  <si>
    <t>Punu Khan Laghari</t>
  </si>
  <si>
    <t>Aftab Hussain Shah</t>
  </si>
  <si>
    <t>GHS ZIA-UL-SHAMS ISLAM (MEETA)</t>
  </si>
  <si>
    <t>Meta</t>
  </si>
  <si>
    <t>Govt.zia Shams Ul Islam HS META, SARGODHA</t>
  </si>
  <si>
    <t>sial sharif</t>
  </si>
  <si>
    <t>GGHS MALKHAN WALA</t>
  </si>
  <si>
    <t>v&amp;p/o malkhanwala,Teh:sambrial,distt: Sialkot.</t>
  </si>
  <si>
    <t>50029</t>
  </si>
  <si>
    <t>GMPS CHAK BANDI</t>
  </si>
  <si>
    <t>Chak Bandi</t>
  </si>
  <si>
    <t>P/O mubary Khan teh. sahiwal distt. Sargodha</t>
  </si>
  <si>
    <t>Bindoor Abbasian</t>
  </si>
  <si>
    <t>GPS Rehmani P/o Walhar SDK</t>
  </si>
  <si>
    <t>BASTI REHMANI</t>
  </si>
  <si>
    <t>25364</t>
  </si>
  <si>
    <t>49849</t>
  </si>
  <si>
    <t>GHSS NEHANG SGD</t>
  </si>
  <si>
    <t>Village and P.O. Nehang Teh. Sahiwal Distt. Sargodha</t>
  </si>
  <si>
    <t>Munir Ahmad Sial</t>
  </si>
  <si>
    <t>GGES KOT DARAN</t>
  </si>
  <si>
    <t>Kot Daran</t>
  </si>
  <si>
    <t>Govt. girls E/S kot daran sambrial</t>
  </si>
  <si>
    <t>Kot daran</t>
  </si>
  <si>
    <t>Allay Wali</t>
  </si>
  <si>
    <t>Firdous</t>
  </si>
  <si>
    <t>GHSS JAMAL DIN WALI</t>
  </si>
  <si>
    <t>jamal din wali tehsil sadiq abad</t>
  </si>
  <si>
    <t>49761</t>
  </si>
  <si>
    <t>GPS CHAK 219 GB SAMUNDRI</t>
  </si>
  <si>
    <t>CHAK NO 219 GB</t>
  </si>
  <si>
    <t>CHAK NO 219 GB.</t>
  </si>
  <si>
    <t>CHAK NO 142GB</t>
  </si>
  <si>
    <t>24521</t>
  </si>
  <si>
    <t>36163</t>
  </si>
  <si>
    <t>GES RANJHAY KHAN</t>
  </si>
  <si>
    <t>Basti Ranjhay Khan Post office Lakar Wali Tehsil Sadiq Abad District Rahim Yar Khan</t>
  </si>
  <si>
    <t>36166</t>
  </si>
  <si>
    <t>GHS ROUTI SHARIF</t>
  </si>
  <si>
    <t>Routi Sharif</t>
  </si>
  <si>
    <t>GBHS Routi Sharif P/O Jamal din Wali Sadiqabad</t>
  </si>
  <si>
    <t>Mehmood ul Hassan</t>
  </si>
  <si>
    <t>32218</t>
  </si>
  <si>
    <t>36169</t>
  </si>
  <si>
    <t>25354</t>
  </si>
  <si>
    <t>GGHS BHOPAL WALA</t>
  </si>
  <si>
    <t>BHOPALWALA</t>
  </si>
  <si>
    <t>GGHS BHOPALWALA TEHSIL SAMBRIAL,SIALKOT</t>
  </si>
  <si>
    <t>36173</t>
  </si>
  <si>
    <t>GHS CHAK NO. 148/P</t>
  </si>
  <si>
    <t>LUNDA</t>
  </si>
  <si>
    <t>CHAK NO. 148/P SADIQABAD P/O  SAME</t>
  </si>
  <si>
    <t>CHAK NO.148/P</t>
  </si>
  <si>
    <t>MUHAMMAD JAVED  IQBAL</t>
  </si>
  <si>
    <t>GES CHAK 413 GB SAMUNDRI</t>
  </si>
  <si>
    <t>Chak no413</t>
  </si>
  <si>
    <t>chak no 413gb Teh..samundri Distt,Faisalabad</t>
  </si>
  <si>
    <t>Chak No413gb</t>
  </si>
  <si>
    <t>Chak  no441gb</t>
  </si>
  <si>
    <t>GPS GOTH MEHMOOD</t>
  </si>
  <si>
    <t>Goth Mehmood</t>
  </si>
  <si>
    <t>basti jam wazeer ahmed khambra maoza goth mehmood the SDK distt Ryk</t>
  </si>
  <si>
    <t>Basti Jam Wazeer Ahmed Khambra</t>
  </si>
  <si>
    <t>Raiz Ahmed</t>
  </si>
  <si>
    <t>GMMS 262/P</t>
  </si>
  <si>
    <t>GMMS chak no 262p</t>
  </si>
  <si>
    <t>Chak 220p</t>
  </si>
  <si>
    <t>Chak No 264p</t>
  </si>
  <si>
    <t>Shaman jee</t>
  </si>
  <si>
    <t>GMMS SHEIKH ABAD</t>
  </si>
  <si>
    <t>Rotti Shareef</t>
  </si>
  <si>
    <t>jamaldinwali,tehsil SDK,District RYK</t>
  </si>
  <si>
    <t>MUHAMMAD ASHFAQ  SADIQ</t>
  </si>
  <si>
    <t>36505</t>
  </si>
  <si>
    <t>GPS CHAK NO 257/P</t>
  </si>
  <si>
    <t>Chak No 257p</t>
  </si>
  <si>
    <t>chak no 257p</t>
  </si>
  <si>
    <t>Chak No 186</t>
  </si>
  <si>
    <t>GGHS 479/GB</t>
  </si>
  <si>
    <t>CHAK NO 479 GB</t>
  </si>
  <si>
    <t>CHAK NO 479 GB TEHSIL SAMUNDRI DISTRICT FAISALBAD</t>
  </si>
  <si>
    <t>SUrTAPUR</t>
  </si>
  <si>
    <t>ARFFA  ASLAM</t>
  </si>
  <si>
    <t>GGCMS LAKAR WALI</t>
  </si>
  <si>
    <t>Umaid Ali Bhait</t>
  </si>
  <si>
    <t>basti lakar wali</t>
  </si>
  <si>
    <t>Basti Lakar Wali</t>
  </si>
  <si>
    <t>Asmat Jameel</t>
  </si>
  <si>
    <t>by water tank</t>
  </si>
  <si>
    <t>36517</t>
  </si>
  <si>
    <t>GPS BASTI SHAH KOT</t>
  </si>
  <si>
    <t>GBPS Shah kot post office Bahadur pur, Sadiq abad.</t>
  </si>
  <si>
    <t>36523</t>
  </si>
  <si>
    <t>GGES CHAK 238/P</t>
  </si>
  <si>
    <t>Chak 238/p</t>
  </si>
  <si>
    <t>bangla manthar chak no.238/p SDK</t>
  </si>
  <si>
    <t>Chak No 238/p Rany</t>
  </si>
  <si>
    <t>186/p</t>
  </si>
  <si>
    <t>Aisha Ikram</t>
  </si>
  <si>
    <t>GGES JAMIAT PUR</t>
  </si>
  <si>
    <t>Jamiat Pur</t>
  </si>
  <si>
    <t>jamiat pur p.o ahmed pur teh.sahiwal dist.sargodha</t>
  </si>
  <si>
    <t>Nighat Nasreen</t>
  </si>
  <si>
    <t>51150</t>
  </si>
  <si>
    <t>36771</t>
  </si>
  <si>
    <t>GGPS MOUZA LUNDA</t>
  </si>
  <si>
    <t>Bsti mouza lunda</t>
  </si>
  <si>
    <t>Moza Lunda</t>
  </si>
  <si>
    <t>148/p</t>
  </si>
  <si>
    <t>Farhat nasreen</t>
  </si>
  <si>
    <t>GPS CHAK NO 12 NP</t>
  </si>
  <si>
    <t>Chak 12Np</t>
  </si>
  <si>
    <t>49949</t>
  </si>
  <si>
    <t>GPS SULKI</t>
  </si>
  <si>
    <t>Sulki</t>
  </si>
  <si>
    <t>GPS Sulki</t>
  </si>
  <si>
    <t>35711</t>
  </si>
  <si>
    <t>kamal pur  p/o sahowala teh sambrial sialkot</t>
  </si>
  <si>
    <t>19865</t>
  </si>
  <si>
    <t>GPS TAKOWALA</t>
  </si>
  <si>
    <t>takowala</t>
  </si>
  <si>
    <t>village takowala p.o begowala</t>
  </si>
  <si>
    <t>begowala</t>
  </si>
  <si>
    <t>25432</t>
  </si>
  <si>
    <t>GMPS KOTLI BAVERIAN</t>
  </si>
  <si>
    <t>BEGOWALA - FEMALE</t>
  </si>
  <si>
    <t>Kotli Bawrian</t>
  </si>
  <si>
    <t>kotli bawrian p/o begowala</t>
  </si>
  <si>
    <t>35722</t>
  </si>
  <si>
    <t>GPS CHAK NO 237-P</t>
  </si>
  <si>
    <t>Chak 237/P</t>
  </si>
  <si>
    <t>GPS 237/P</t>
  </si>
  <si>
    <t>Chak 186/P</t>
  </si>
  <si>
    <t>35725</t>
  </si>
  <si>
    <t>GES BASTI KHAHI</t>
  </si>
  <si>
    <t>basti khahi</t>
  </si>
  <si>
    <t>Basti Khahi</t>
  </si>
  <si>
    <t>49853</t>
  </si>
  <si>
    <t>GHS DHEROWAL</t>
  </si>
  <si>
    <t>Dherowal</t>
  </si>
  <si>
    <t>Govt. High School Dherowal, Tehsil Sahiwal, District Sargodha.</t>
  </si>
  <si>
    <t>21716</t>
  </si>
  <si>
    <t>GPS ALLEWALI GHARBI</t>
  </si>
  <si>
    <t>Allewali Gharbi</t>
  </si>
  <si>
    <t>allewali gharbi</t>
  </si>
  <si>
    <t>Shafarish Ali</t>
  </si>
  <si>
    <t>GGHS CHAK NO.199/GB</t>
  </si>
  <si>
    <t>Sotehri</t>
  </si>
  <si>
    <t>chak no 199gb samundri fsd</t>
  </si>
  <si>
    <t>199gb</t>
  </si>
  <si>
    <t>Chak No 196gb</t>
  </si>
  <si>
    <t>rabia sadaf</t>
  </si>
  <si>
    <t>GHS HAVELI MAJOKA</t>
  </si>
  <si>
    <t>Anwar Abbas</t>
  </si>
  <si>
    <t>12888</t>
  </si>
  <si>
    <t>35733</t>
  </si>
  <si>
    <t>GMPS ALI PUR GUJJRAN</t>
  </si>
  <si>
    <t>Ali Pur GUJRAN</t>
  </si>
  <si>
    <t>Ali Pur Gujran</t>
  </si>
  <si>
    <t>GPS BASTI M.NAWAZ WASA</t>
  </si>
  <si>
    <t>Jam Wasa</t>
  </si>
  <si>
    <t>Basti Muhammad Nawaz Wasa  P/O M.Pur Lamma SDK.</t>
  </si>
  <si>
    <t>Basti Muhammad Nawaz Wasa</t>
  </si>
  <si>
    <t>Rana Hafeez Ur Rahman</t>
  </si>
  <si>
    <t>49913</t>
  </si>
  <si>
    <t>GES THATHI LAMBI</t>
  </si>
  <si>
    <t>Village Thatti Lambi Teh Sahiwal Distt Sargodha</t>
  </si>
  <si>
    <t>Hafiz Ghulam Yaseen</t>
  </si>
  <si>
    <t>GES GARHI DHODHO</t>
  </si>
  <si>
    <t>Garhi Dho Dho</t>
  </si>
  <si>
    <t>Garhi dho dho p/o bhong tehsil sadiq abad distt rahim yar khan</t>
  </si>
  <si>
    <t>Mohammad yousaf</t>
  </si>
  <si>
    <t>4212</t>
  </si>
  <si>
    <t>50062</t>
  </si>
  <si>
    <t>GGPS CHAWEKA</t>
  </si>
  <si>
    <t>GGPS Chawaika Sahiwal Sargodha</t>
  </si>
  <si>
    <t>Dania Rubab</t>
  </si>
  <si>
    <t>GES CHAK NO.486/GB</t>
  </si>
  <si>
    <t>Chak no 486GB</t>
  </si>
  <si>
    <t>GES486GB</t>
  </si>
  <si>
    <t>Chak no 486 GB</t>
  </si>
  <si>
    <t>Chak no 484 GB</t>
  </si>
  <si>
    <t>M Shakoor</t>
  </si>
  <si>
    <t>GHS CHAK NO. 158/P</t>
  </si>
  <si>
    <t>Chak 158/p</t>
  </si>
  <si>
    <t>Govt Boys High School 158 /P Sadiqabad.</t>
  </si>
  <si>
    <t>Chak  158/P</t>
  </si>
  <si>
    <t>Chak  160/P</t>
  </si>
  <si>
    <t>10883</t>
  </si>
  <si>
    <t>25581</t>
  </si>
  <si>
    <t>GMPS KOT CHOUHDA</t>
  </si>
  <si>
    <t>Kot Chouhda</t>
  </si>
  <si>
    <t>Kot Chouhda Sambrial</t>
  </si>
  <si>
    <t>Nazia Naz</t>
  </si>
  <si>
    <t>GGPS NO.1 NAWAN LOK SAHIWAL</t>
  </si>
  <si>
    <t>near dypty d.e.o (w) office sahiwal</t>
  </si>
  <si>
    <t>43936</t>
  </si>
  <si>
    <t>25368</t>
  </si>
  <si>
    <t>GHS DHILLAM BALAGAN</t>
  </si>
  <si>
    <t>Dhillam Dhillam DhillamBallaggan</t>
  </si>
  <si>
    <t>village &amp; pro dhillam ballaggan tehsil sambrial distt. sialkot</t>
  </si>
  <si>
    <t>GMPS DILAWAR</t>
  </si>
  <si>
    <t>Dilawar</t>
  </si>
  <si>
    <t>Moza Dilawar Dak khana Farooka</t>
  </si>
  <si>
    <t>GPS NO.1 SAHIWAL</t>
  </si>
  <si>
    <t>qabli gate wazir pur SAHIWAL  (SGD)</t>
  </si>
  <si>
    <t>Rifat Hayat</t>
  </si>
  <si>
    <t>49939</t>
  </si>
  <si>
    <t>GPS SHAHPUR KANGRA KIKAR WALA</t>
  </si>
  <si>
    <t>village kikerwala post office nehang tehsil Sahiwal District sargodha</t>
  </si>
  <si>
    <t>Kikerwala</t>
  </si>
  <si>
    <t>Muhammad Adeel Hassan</t>
  </si>
  <si>
    <t>Kikkri</t>
  </si>
  <si>
    <t>basti mehmood mouza kikkri</t>
  </si>
  <si>
    <t>GMPS SEHJOKAY</t>
  </si>
  <si>
    <t>Sehjoke</t>
  </si>
  <si>
    <t>vpo Sehjoke Teh Sambrial District Sialkot</t>
  </si>
  <si>
    <t>Suraiya Khanam</t>
  </si>
  <si>
    <t>35787</t>
  </si>
  <si>
    <t>GGPS CHAK NO.2/NP</t>
  </si>
  <si>
    <t>Muhammad  Pur</t>
  </si>
  <si>
    <t>chak   no    2 n.p.</t>
  </si>
  <si>
    <t>Chak  No  2  Np</t>
  </si>
  <si>
    <t>Kousar Sadiq</t>
  </si>
  <si>
    <t>35793</t>
  </si>
  <si>
    <t>GGHS RORAS</t>
  </si>
  <si>
    <t>government girls high school roras</t>
  </si>
  <si>
    <t>25524</t>
  </si>
  <si>
    <t>GMPS KARAN WALI</t>
  </si>
  <si>
    <t>Karnwali</t>
  </si>
  <si>
    <t>karanwali</t>
  </si>
  <si>
    <t>Karanwli</t>
  </si>
  <si>
    <t>28638</t>
  </si>
  <si>
    <t>GPS FATTO CHAK</t>
  </si>
  <si>
    <t>Fattu Chack</t>
  </si>
  <si>
    <t>village fattu chack p/o bhophalwala</t>
  </si>
  <si>
    <t>Afzaal Ahmed</t>
  </si>
  <si>
    <t>46008</t>
  </si>
  <si>
    <t>49862</t>
  </si>
  <si>
    <t>GHS KUDLATHI ARA SHAH PUR</t>
  </si>
  <si>
    <t>kudlathi Ara</t>
  </si>
  <si>
    <t>VPO Kudlathi Ara Tehsil sahiwal distt. Sargodha</t>
  </si>
  <si>
    <t>Hafiz Muhammad Umar</t>
  </si>
  <si>
    <t>GGPS ROHAILA</t>
  </si>
  <si>
    <t>Rohaila</t>
  </si>
  <si>
    <t>Village Rohaila post office Begowala tehsil sambrial district Sialkot</t>
  </si>
  <si>
    <t>Koppra</t>
  </si>
  <si>
    <t>Azmat Iqbal</t>
  </si>
  <si>
    <t>36530</t>
  </si>
  <si>
    <t>6912</t>
  </si>
  <si>
    <t>GHS MACHKA</t>
  </si>
  <si>
    <t>Machka Tehsil Sadiqabad District Rahimyarkhan</t>
  </si>
  <si>
    <t>GMMS BASTI KOT ABDULLAH</t>
  </si>
  <si>
    <t>Miansadi Sultan</t>
  </si>
  <si>
    <t>basti kotabdullah</t>
  </si>
  <si>
    <t>Kotabdullah</t>
  </si>
  <si>
    <t>GGPS MEHMAND WALI</t>
  </si>
  <si>
    <t>Mehmand Wali</t>
  </si>
  <si>
    <t>Mehmand wali chak no.111</t>
  </si>
  <si>
    <t>Bado Mali</t>
  </si>
  <si>
    <t>10302</t>
  </si>
  <si>
    <t>Kot Mehtab</t>
  </si>
  <si>
    <t>moza kot mahtab basti khokhran</t>
  </si>
  <si>
    <t>Jam Arz Muhammad</t>
  </si>
  <si>
    <t>GGES PURANA CHAHOOR NO 4 SANGLA HILL</t>
  </si>
  <si>
    <t>Purana Chahoor</t>
  </si>
  <si>
    <t>ward no.4 purana chahoor sangla hill</t>
  </si>
  <si>
    <t>Naila Anjum</t>
  </si>
  <si>
    <t>GPS MOCHKI</t>
  </si>
  <si>
    <t>Chak12np</t>
  </si>
  <si>
    <t>basti mochki moza chak 12np uc m pur lamma tehsil sdk</t>
  </si>
  <si>
    <t>Basti Mochki</t>
  </si>
  <si>
    <t>M Pur Lamma</t>
  </si>
  <si>
    <t>Jamil Ur Rehman</t>
  </si>
  <si>
    <t>7259</t>
  </si>
  <si>
    <t>GGCMS MUHAMMAD MURAD MACHI</t>
  </si>
  <si>
    <t>Mohammad Murad Machi Murad Machi</t>
  </si>
  <si>
    <t>machi Goth mouza Mohammad Murad machi basti hajji Jan Mohammad teh sdk</t>
  </si>
  <si>
    <t>Basti Hajji Jan Mohammad</t>
  </si>
  <si>
    <t>Shahida Tufail</t>
  </si>
  <si>
    <t>33525</t>
  </si>
  <si>
    <t>GGPS GARDHARY LAL</t>
  </si>
  <si>
    <t>Mohalla Ghous Pura Sangla Hill</t>
  </si>
  <si>
    <t>Gardhary Lal Mohalla Ghous Pura Sangla Hill</t>
  </si>
  <si>
    <t>NARGIS CHOUDHARY</t>
  </si>
  <si>
    <t>Canal Water</t>
  </si>
  <si>
    <t>GGHS BASTI KAMAM</t>
  </si>
  <si>
    <t>GGHS BASTI KAMAM, SDK</t>
  </si>
  <si>
    <t>Basti Kamam</t>
  </si>
  <si>
    <t>GES RATTIAN CHAK 5/RB</t>
  </si>
  <si>
    <t>Rattian Arrian Check 05</t>
  </si>
  <si>
    <t>Rattian arrain check no 05 rb</t>
  </si>
  <si>
    <t>Rattian Arrian Check 05rb</t>
  </si>
  <si>
    <t>Marhbalochan</t>
  </si>
  <si>
    <t>GGPS BINDORE ABBASIAN</t>
  </si>
  <si>
    <t>P.O Sadiq Abad, Tehsil Sadiq Abad</t>
  </si>
  <si>
    <t>Ifrah Abbasi</t>
  </si>
  <si>
    <t>From a distant handpump</t>
  </si>
  <si>
    <t>33491</t>
  </si>
  <si>
    <t>GES BADDO MALHI CHAK 113/RB</t>
  </si>
  <si>
    <t>baddo malhi</t>
  </si>
  <si>
    <t>GES School baddo malhi sanglahill</t>
  </si>
  <si>
    <t>Aamar Irshad</t>
  </si>
  <si>
    <t>GGCMES HAMRAJ PURA CHAK 40/RB</t>
  </si>
  <si>
    <t>Hamraj Pura</t>
  </si>
  <si>
    <t>Govt.Girls E/ School Hamraj pura CH no.40/RB</t>
  </si>
  <si>
    <t>33543</t>
  </si>
  <si>
    <t>GGPS CHATHA CHAK 46/RB</t>
  </si>
  <si>
    <t>Chath chak 46 RB</t>
  </si>
  <si>
    <t>45 marrar</t>
  </si>
  <si>
    <t>Sabiha Munir</t>
  </si>
  <si>
    <t>GGHSS CHAK NO 469 GB</t>
  </si>
  <si>
    <t>CHAK NO. 469 GB</t>
  </si>
  <si>
    <t>ASMA REHMAN</t>
  </si>
  <si>
    <t>15608</t>
  </si>
  <si>
    <t>GGPS CHAK MUREED WALA 19 SAMUNDRI</t>
  </si>
  <si>
    <t>Mureedwala</t>
  </si>
  <si>
    <t>gojra road mureedwala</t>
  </si>
  <si>
    <t>Chak No 198 Gb</t>
  </si>
  <si>
    <t>Aisha Zahoor</t>
  </si>
  <si>
    <t>GGPS KOT FAZIL</t>
  </si>
  <si>
    <t>shafiqasahiba@gmail.com</t>
  </si>
  <si>
    <t>Arien  Colony</t>
  </si>
  <si>
    <t>Mc Sadiqabad A</t>
  </si>
  <si>
    <t>Mrs Shafiqa Kousar</t>
  </si>
  <si>
    <t>14655</t>
  </si>
  <si>
    <t>36306</t>
  </si>
  <si>
    <t>GPS CHAK NO 172/P</t>
  </si>
  <si>
    <t>172/p</t>
  </si>
  <si>
    <t>chak 172/p</t>
  </si>
  <si>
    <t>46175</t>
  </si>
  <si>
    <t>GPS MOADIB WALHAR</t>
  </si>
  <si>
    <t>old walhar dakhna khas walhar</t>
  </si>
  <si>
    <t>Wlhar</t>
  </si>
  <si>
    <t>Bindoor Abassian</t>
  </si>
  <si>
    <t>Hafiz Ali Raza</t>
  </si>
  <si>
    <t>GPS SANJAR PUR KHOHNA</t>
  </si>
  <si>
    <t>San jar Pur kohna</t>
  </si>
  <si>
    <t>Basti sanjar pur kohna Markaz Sanjar pur Tehsil Sadiq Abad District Rahim Yar Khan</t>
  </si>
  <si>
    <t>San jar Pur</t>
  </si>
  <si>
    <t>GES DARUL AMMAN BASTI RAFIQ SOLANGI</t>
  </si>
  <si>
    <t>Allah abad</t>
  </si>
  <si>
    <t>Basti Rafiq Solangi p/o Nasir abad tehsile sdk distt Rahim Yar Khan</t>
  </si>
  <si>
    <t>basti Rafiq Solangi</t>
  </si>
  <si>
    <t>Rahim abad</t>
  </si>
  <si>
    <t>Gulshair Ahmad</t>
  </si>
  <si>
    <t>GHS CHAK 440 GB SAMUNDRI FSD</t>
  </si>
  <si>
    <t>440 GB</t>
  </si>
  <si>
    <t>CHAK NO 440 GB</t>
  </si>
  <si>
    <t>FAIZPUR</t>
  </si>
  <si>
    <t>CHAK NO 441 GB</t>
  </si>
  <si>
    <t>QUTAB ALI</t>
  </si>
  <si>
    <t>BRING IN CANS</t>
  </si>
  <si>
    <t>36330</t>
  </si>
  <si>
    <t>GPS BASTI BOOTAY KHAN</t>
  </si>
  <si>
    <t>ada no 1 kotsabzal</t>
  </si>
  <si>
    <t>Kotsabzal</t>
  </si>
  <si>
    <t>GPS 220/P</t>
  </si>
  <si>
    <t>chak no 220p</t>
  </si>
  <si>
    <t>gbp/s chak no 220p p/o chak no 211p  s*d*k</t>
  </si>
  <si>
    <t>chak no 264p</t>
  </si>
  <si>
    <t>36337</t>
  </si>
  <si>
    <t>GHS CHAK 479 GB SAMUNDRI</t>
  </si>
  <si>
    <t>CHAK NO 479 GB TEHSIL SAMUNDRI DISTRICT FAISALABAD</t>
  </si>
  <si>
    <t>SURTAPUR</t>
  </si>
  <si>
    <t>GGPS GOTH JOHRA BASTI MASORIAN</t>
  </si>
  <si>
    <t>Basti Masorian</t>
  </si>
  <si>
    <t>Roshan Beth</t>
  </si>
  <si>
    <t>Qamar Mumtaz</t>
  </si>
  <si>
    <t>GPS CHAK NO. 161/P</t>
  </si>
  <si>
    <t>chak no 161/ p</t>
  </si>
  <si>
    <t>Chak 161/p</t>
  </si>
  <si>
    <t>Chak No 160/p</t>
  </si>
  <si>
    <t>6919</t>
  </si>
  <si>
    <t>GHSS CHOK BAHADAR PUR</t>
  </si>
  <si>
    <t>Chowk Bahadarpur</t>
  </si>
  <si>
    <t>ashiq hussain naeem</t>
  </si>
  <si>
    <t>36349</t>
  </si>
  <si>
    <t>GGES 212/GB</t>
  </si>
  <si>
    <t>212 Gb</t>
  </si>
  <si>
    <t>chak no 212 gb</t>
  </si>
  <si>
    <t>Chak No 212 Gb</t>
  </si>
  <si>
    <t>211 Gb</t>
  </si>
  <si>
    <t>SHAFQAT ARA</t>
  </si>
  <si>
    <t>36355</t>
  </si>
  <si>
    <t>GPS SHAH PUR PO DHANDI</t>
  </si>
  <si>
    <t>Basti Shah pur Rais Ahmed den chachar marks dhandi</t>
  </si>
  <si>
    <t>Shah Pur Basti Rais Ahmed den chachar</t>
  </si>
  <si>
    <t>M WARYYAM KHAN</t>
  </si>
  <si>
    <t>36356</t>
  </si>
  <si>
    <t>GPS SYED PUR</t>
  </si>
  <si>
    <t>Syed Pur, Post office Kot Fazil, Tahsil Sadiq Abad, District Rahim Yar Khan.</t>
  </si>
  <si>
    <t>7285</t>
  </si>
  <si>
    <t>GGPS BIRTHWALA</t>
  </si>
  <si>
    <t>Birthala</t>
  </si>
  <si>
    <t>chak no 150/p mauza birthala</t>
  </si>
  <si>
    <t>Chak 150p</t>
  </si>
  <si>
    <t>Noshaba Noreen</t>
  </si>
  <si>
    <t>GPS KOTHA THALI (PUNDAT DARI)</t>
  </si>
  <si>
    <t>Barthala</t>
  </si>
  <si>
    <t>Basti Pundat dari SDK</t>
  </si>
  <si>
    <t>Pundat dari</t>
  </si>
  <si>
    <t>Chak no 148/p</t>
  </si>
  <si>
    <t>Mahmood ul hassan</t>
  </si>
  <si>
    <t>GPS CHAK NO 205/P</t>
  </si>
  <si>
    <t>Chak No 205/P BANDHI</t>
  </si>
  <si>
    <t>7476</t>
  </si>
  <si>
    <t>GGPS SHAH KOT</t>
  </si>
  <si>
    <t>G g p /s shah kot dak khana bahadar pur district rahim yar</t>
  </si>
  <si>
    <t>Shah Kot</t>
  </si>
  <si>
    <t>Shabeena Kouser</t>
  </si>
  <si>
    <t>36378</t>
  </si>
  <si>
    <t>GGPS CHAK NO. 17 NP</t>
  </si>
  <si>
    <t>GGPS Chak 17/NP</t>
  </si>
  <si>
    <t>17/NP</t>
  </si>
  <si>
    <t>36382</t>
  </si>
  <si>
    <t>GHS BLOCK NO.1</t>
  </si>
  <si>
    <t>near police station city muhala islam pura sadiq abad</t>
  </si>
  <si>
    <t>MUHALA ISLAM PURA</t>
  </si>
  <si>
    <t>muhammad ashiq</t>
  </si>
  <si>
    <t>GPS CHAK NO 259/P</t>
  </si>
  <si>
    <t>Chak # 259/P</t>
  </si>
  <si>
    <t>Chak # 259/p Teh. Sadiqabad Dist. Rahim yar khan</t>
  </si>
  <si>
    <t>Chak # 186/P</t>
  </si>
  <si>
    <t>Allah Wadhaya</t>
  </si>
  <si>
    <t>GPS BASTI PATAFI</t>
  </si>
  <si>
    <t>GBPS basti petafi chowk bahadar pur Sadiqabad</t>
  </si>
  <si>
    <t>Basti Petafi</t>
  </si>
  <si>
    <t>Syed Mansoor Ul Hassan</t>
  </si>
  <si>
    <t>36396</t>
  </si>
  <si>
    <t>GPS UMER KOT</t>
  </si>
  <si>
    <t>Roti Sharif</t>
  </si>
  <si>
    <t>Basti Umerkot Moza Roti Sharif P/O Jamal Din Wali Tehsil Sadiqabad District Rahim Yar Khan.</t>
  </si>
  <si>
    <t>ALLAH WASAYA</t>
  </si>
  <si>
    <t>36406</t>
  </si>
  <si>
    <t>GPS TIBBI MUHAMMAD PUR</t>
  </si>
  <si>
    <t>Tibbi Muhammad Pur</t>
  </si>
  <si>
    <t>Basti Tibbi Muhammad Pur post office JW 2 Sugar Mill</t>
  </si>
  <si>
    <t>Basti Tibbi Muhammad Pur</t>
  </si>
  <si>
    <t>7029</t>
  </si>
  <si>
    <t>GPS CHAK NO 195/PB</t>
  </si>
  <si>
    <t>195pb</t>
  </si>
  <si>
    <t>chak no 195/pb</t>
  </si>
  <si>
    <t>195/pb</t>
  </si>
  <si>
    <t>Chak No 173/p</t>
  </si>
  <si>
    <t>GGPS CHAK NO.264/P</t>
  </si>
  <si>
    <t>Chak No264p</t>
  </si>
  <si>
    <t>chak no. 264p</t>
  </si>
  <si>
    <t>Sobia Azeem</t>
  </si>
  <si>
    <t>33568</t>
  </si>
  <si>
    <t>GGES GINAN WALA CHAK NO. 21/RB</t>
  </si>
  <si>
    <t>guninwala chak21 rb</t>
  </si>
  <si>
    <t>Guninwala</t>
  </si>
  <si>
    <t>Marah Balocha</t>
  </si>
  <si>
    <t>Mehwish Tariq</t>
  </si>
  <si>
    <t>GPS CHAK NO 28/NP</t>
  </si>
  <si>
    <t>CHAK NO 28 Np</t>
  </si>
  <si>
    <t>Chak no 28 Np</t>
  </si>
  <si>
    <t>Chak No 28 Np</t>
  </si>
  <si>
    <t>Abdul Malik Solangi</t>
  </si>
  <si>
    <t>GPS JINAH ABADI</t>
  </si>
  <si>
    <t>Jinnahabadi</t>
  </si>
  <si>
    <t>jinnahabadi sangls hill</t>
  </si>
  <si>
    <t>Muhammad Tariq Ali</t>
  </si>
  <si>
    <t>28001</t>
  </si>
  <si>
    <t>36603</t>
  </si>
  <si>
    <t>GPS CHAK NO. 4/NP</t>
  </si>
  <si>
    <t>Chak 4NP</t>
  </si>
  <si>
    <t>Chak 4NP sadiqabad distt rahim Yar Khan</t>
  </si>
  <si>
    <t>GGPS BASTI KALWAR</t>
  </si>
  <si>
    <t>basti kalwar rahim abad sadiq abad</t>
  </si>
  <si>
    <t>36605</t>
  </si>
  <si>
    <t>33496</t>
  </si>
  <si>
    <t>GES CHATTA CHAK 46/RB</t>
  </si>
  <si>
    <t>Chattha Chak 46</t>
  </si>
  <si>
    <t>chattha 46 rb</t>
  </si>
  <si>
    <t>Chak 46 Rb</t>
  </si>
  <si>
    <t>42 Marharh</t>
  </si>
  <si>
    <t>33497</t>
  </si>
  <si>
    <t>GES KOTLA KALAN CHAK 43/RB</t>
  </si>
  <si>
    <t>Kotla Kalan</t>
  </si>
  <si>
    <t>kotla kalan</t>
  </si>
  <si>
    <t>Marrer 45</t>
  </si>
  <si>
    <t>GPS DANDAM SHAKA TEH SADIQA ABAD</t>
  </si>
  <si>
    <t>Mitha Dandam</t>
  </si>
  <si>
    <t>GBPS dandam shakh</t>
  </si>
  <si>
    <t>Dandam Shakh</t>
  </si>
  <si>
    <t>Mohammad Athar</t>
  </si>
  <si>
    <t>36621</t>
  </si>
  <si>
    <t>GPS CHAK NO 200/P</t>
  </si>
  <si>
    <t>Chak 200/p</t>
  </si>
  <si>
    <t>Chak no 200/p Sadiq abad</t>
  </si>
  <si>
    <t>36614</t>
  </si>
  <si>
    <t>GES GUNIAN NO. 17 RB</t>
  </si>
  <si>
    <t>Maliburji Chak 17</t>
  </si>
  <si>
    <t>maliburji chak 17 tehsil sangla hill district nankana sahib</t>
  </si>
  <si>
    <t>Sathiali Kalan Chak 25</t>
  </si>
  <si>
    <t>Muhammad Iqbal Siddiqui</t>
  </si>
  <si>
    <t>7234</t>
  </si>
  <si>
    <t>GPS BASTI SHAHAB DIN</t>
  </si>
  <si>
    <t>Garhi Bela</t>
  </si>
  <si>
    <t>basti abdul haq</t>
  </si>
  <si>
    <t>SHAHZAD Ahmad</t>
  </si>
  <si>
    <t>36616</t>
  </si>
  <si>
    <t>33498</t>
  </si>
  <si>
    <t>GES CHAHOOR SIKHAN 118</t>
  </si>
  <si>
    <t>Choor Sikhan 118/R.B</t>
  </si>
  <si>
    <t>Chahoor Sikhan 118/R.B Tehsil Sangla Hill District Nankana Sahib.</t>
  </si>
  <si>
    <t>Chahoor Sikhan 118/r.B.</t>
  </si>
  <si>
    <t>Chahoor Muslim Chak No. 118/R.B</t>
  </si>
  <si>
    <t>Hafiz Muhammad Ali</t>
  </si>
  <si>
    <t>33509</t>
  </si>
  <si>
    <t>Sagla Hill</t>
  </si>
  <si>
    <t>huda sugar mills colony sangla hill</t>
  </si>
  <si>
    <t>M C Sangla Hill</t>
  </si>
  <si>
    <t>Bilal Mujahid</t>
  </si>
  <si>
    <t>36622</t>
  </si>
  <si>
    <t>GPS GHARIB ABAD</t>
  </si>
  <si>
    <t>mohalla faisal abad</t>
  </si>
  <si>
    <t>Mohala Faisal Abad</t>
  </si>
  <si>
    <t>GPS MARRAR CHAK 45</t>
  </si>
  <si>
    <t>marrar 45</t>
  </si>
  <si>
    <t>42967</t>
  </si>
  <si>
    <t>7102</t>
  </si>
  <si>
    <t>GPS CHAK NO 203/P</t>
  </si>
  <si>
    <t>203/P</t>
  </si>
  <si>
    <t>chak 203/p daak Khana 199/p</t>
  </si>
  <si>
    <t>Chak 203/P</t>
  </si>
  <si>
    <t>Munazzam Munir</t>
  </si>
  <si>
    <t>36630</t>
  </si>
  <si>
    <t>GES THOTHIAN KALAN CHAK 10/RB</t>
  </si>
  <si>
    <t>Chak#10</t>
  </si>
  <si>
    <t>thothian kalan</t>
  </si>
  <si>
    <t>Thothian Kalan</t>
  </si>
  <si>
    <t>Muhammad Altaf Gill</t>
  </si>
  <si>
    <t>36636</t>
  </si>
  <si>
    <t>33522</t>
  </si>
  <si>
    <t>GPS KOTLA KHURD CHAK NO. 43/RB</t>
  </si>
  <si>
    <t>Kotla Khurd</t>
  </si>
  <si>
    <t>gps kotla khurd chak 43 teh sangla hill NNS</t>
  </si>
  <si>
    <t>Marar45</t>
  </si>
  <si>
    <t>29311</t>
  </si>
  <si>
    <t>33519</t>
  </si>
  <si>
    <t>Dhera Bhattian</t>
  </si>
  <si>
    <t>Village Dera Bhattian P.O Marrar Chak 42/RB Teh:Sangla Hill Distt:Nankana Sahib.</t>
  </si>
  <si>
    <t>Roriwala Chak No 41</t>
  </si>
  <si>
    <t>Babar Shabbir</t>
  </si>
  <si>
    <t>GES MARAR CHAK 41/RB</t>
  </si>
  <si>
    <t>Marrar chak no 41</t>
  </si>
  <si>
    <t>marrar  chak no 41 tehsil sangla hill distt nankana  sahib</t>
  </si>
  <si>
    <t>Marar  Chak No  41</t>
  </si>
  <si>
    <t>Marrar  Chak No 41</t>
  </si>
  <si>
    <t>Muhammad Naeem Bukhari</t>
  </si>
  <si>
    <t>GHS RAHEEM ABAD</t>
  </si>
  <si>
    <t>rahim abad</t>
  </si>
  <si>
    <t>gbhs rahim abad</t>
  </si>
  <si>
    <t>rahim aad</t>
  </si>
  <si>
    <t>zulfiqar ali mazari</t>
  </si>
  <si>
    <t>36649</t>
  </si>
  <si>
    <t>54705</t>
  </si>
  <si>
    <t>GPS PANDAT WALA CHAK NO 37</t>
  </si>
  <si>
    <t>pandat Wala chak 37</t>
  </si>
  <si>
    <t>Pandat Wala</t>
  </si>
  <si>
    <t>Humayun Aslam</t>
  </si>
  <si>
    <t>39887</t>
  </si>
  <si>
    <t>36651</t>
  </si>
  <si>
    <t>GGPS KOTLA KHURD SANGLA HILL</t>
  </si>
  <si>
    <t>Kolta Khurd</t>
  </si>
  <si>
    <t>kotla khurd. 43 rb. sangla hill</t>
  </si>
  <si>
    <t>Kolta Khurd 43rb</t>
  </si>
  <si>
    <t>45 Marrar</t>
  </si>
  <si>
    <t>Aasiya Parveen</t>
  </si>
  <si>
    <t>36385</t>
  </si>
  <si>
    <t>GGHS VERSENKEY</t>
  </si>
  <si>
    <t>Versienkey</t>
  </si>
  <si>
    <t>village versienkey P/O shahgarib tehsil shakargarh district narowal.</t>
  </si>
  <si>
    <t>Jameela Akhtar</t>
  </si>
  <si>
    <t>48864</t>
  </si>
  <si>
    <t>GGPS CHAK NO. 52 SB</t>
  </si>
  <si>
    <t>Ggps 52 Sb Sgd</t>
  </si>
  <si>
    <t>GGPS 52 sb SGD</t>
  </si>
  <si>
    <t>Sadia Ghaffar</t>
  </si>
  <si>
    <t>GGPS KOTLI GUJRAN</t>
  </si>
  <si>
    <t>Kotli Gujjran</t>
  </si>
  <si>
    <t>kotli gujran</t>
  </si>
  <si>
    <t>GPS CHAH MUQIMAN WALA</t>
  </si>
  <si>
    <t>Muqeeman Wala</t>
  </si>
  <si>
    <t>GES SARAI ALAMGIR NO.2</t>
  </si>
  <si>
    <t>near fawara chowk purani jhelum sarai alamgir</t>
  </si>
  <si>
    <t>Syed Zulqarnain Hussain Shah</t>
  </si>
  <si>
    <t>49549</t>
  </si>
  <si>
    <t>GMPS HARI PUR</t>
  </si>
  <si>
    <t>Haripur</t>
  </si>
  <si>
    <t>Haripur p/o Jahanabd Teh shahpur  Dist Sargodha</t>
  </si>
  <si>
    <t>23471</t>
  </si>
  <si>
    <t>GPS NOTHIA QURASHIAN</t>
  </si>
  <si>
    <t>gps nothia qureshian</t>
  </si>
  <si>
    <t>Nothia Qureshia</t>
  </si>
  <si>
    <t>BhagNagar</t>
  </si>
  <si>
    <t>Abdul Wasim</t>
  </si>
  <si>
    <t>GGHS KHAMBI</t>
  </si>
  <si>
    <t>KHAMBI</t>
  </si>
  <si>
    <t>VILLAGE KHAMBI TEHSIL SARAI ALAMGIR</t>
  </si>
  <si>
    <t>48977</t>
  </si>
  <si>
    <t>GPS CHAK NO.83 SB</t>
  </si>
  <si>
    <t>Chak 83 SB</t>
  </si>
  <si>
    <t>chak # 83 SB sargodha</t>
  </si>
  <si>
    <t>Chak 74 SB</t>
  </si>
  <si>
    <t>Zulifqar Ali Shah</t>
  </si>
  <si>
    <t>34086</t>
  </si>
  <si>
    <t>37044</t>
  </si>
  <si>
    <t>GPS PHULARWAN</t>
  </si>
  <si>
    <t>BAISA</t>
  </si>
  <si>
    <t>GPS JHUGIAN SIAL</t>
  </si>
  <si>
    <t>jhugian Sial N Tehsil Shahpur District Sargodha</t>
  </si>
  <si>
    <t>Jhugian Sial N</t>
  </si>
  <si>
    <t>Tariq Mahmood Anjum</t>
  </si>
  <si>
    <t>GGHS BARA MANGA</t>
  </si>
  <si>
    <t>village&amp; p/o baramanga teh shakrgarh distt narowal</t>
  </si>
  <si>
    <t>aqsa rashid</t>
  </si>
  <si>
    <t>Nooray Wala</t>
  </si>
  <si>
    <t>Nooray wala kudlathi kadhi</t>
  </si>
  <si>
    <t>Kudlathi Kadhi</t>
  </si>
  <si>
    <t>KotBhai Khan</t>
  </si>
  <si>
    <t>36891</t>
  </si>
  <si>
    <t>GHS I.T. BARA MANGA</t>
  </si>
  <si>
    <t>village and post office baramanga tehsil shakargarh district narowal</t>
  </si>
  <si>
    <t>Mangowalkhurd</t>
  </si>
  <si>
    <t>Allahabad Shahpur Sargodha</t>
  </si>
  <si>
    <t>33162</t>
  </si>
  <si>
    <t>23468</t>
  </si>
  <si>
    <t>GPS KOTIAN</t>
  </si>
  <si>
    <t>Kotian</t>
  </si>
  <si>
    <t>kotian p.o aurangabad tehsil sarai alamgir district gujrat</t>
  </si>
  <si>
    <t>MC Sarai Alamgir</t>
  </si>
  <si>
    <t>Naveeda Khatoon</t>
  </si>
  <si>
    <t>36904</t>
  </si>
  <si>
    <t>23548</t>
  </si>
  <si>
    <t>GGPS DHOK AMRAL</t>
  </si>
  <si>
    <t>vill dhok Amral po fatehpur</t>
  </si>
  <si>
    <t>Dhok Amral</t>
  </si>
  <si>
    <t>Aniqa Saeed</t>
  </si>
  <si>
    <t>GPS BHAKKAR BAR</t>
  </si>
  <si>
    <t>Bakharbar</t>
  </si>
  <si>
    <t>Dara khajianwala p/O Bakhar Bar tehsil Shah pur Sargodha</t>
  </si>
  <si>
    <t>Muhammad Asghar Hayat</t>
  </si>
  <si>
    <t>GMPS PINDI JATTAN</t>
  </si>
  <si>
    <t>Pindi jattan</t>
  </si>
  <si>
    <t>village Pindi jattan post office simble Teh Sarai Alam Gir Disst Gujrat</t>
  </si>
  <si>
    <t>PINDI JATTAN</t>
  </si>
  <si>
    <t>Simble</t>
  </si>
  <si>
    <t>Fozia Noreen</t>
  </si>
  <si>
    <t>36927</t>
  </si>
  <si>
    <t>49014</t>
  </si>
  <si>
    <t>GES CHAK NO.25 SB</t>
  </si>
  <si>
    <t>Chak No 25 SB</t>
  </si>
  <si>
    <t>Govt . GES chak no 25 SB bhagtanwala Sargodha</t>
  </si>
  <si>
    <t>30754</t>
  </si>
  <si>
    <t>36933</t>
  </si>
  <si>
    <t>49518</t>
  </si>
  <si>
    <t>GMPS RIAZ UL KHATEEB COLONY SHAHPUR SADAR</t>
  </si>
  <si>
    <t>Riaz ul khatib colony Shahpur Sadar</t>
  </si>
  <si>
    <t>Riaz ul khatib colony</t>
  </si>
  <si>
    <t>SHAHPUR SADAR</t>
  </si>
  <si>
    <t>M Qayyum</t>
  </si>
  <si>
    <t>36934</t>
  </si>
  <si>
    <t>7386</t>
  </si>
  <si>
    <t>GGPS GARHI KHAIR MUHAMMAD JHAK</t>
  </si>
  <si>
    <t>Garhi Khair Muhamad Jhak</t>
  </si>
  <si>
    <t>ggps garhi khair muhamad jhak</t>
  </si>
  <si>
    <t>Garhi Dhodho</t>
  </si>
  <si>
    <t>Salma Hassan</t>
  </si>
  <si>
    <t>49452</t>
  </si>
  <si>
    <t>GPS KANDAN KHURD</t>
  </si>
  <si>
    <t>p/o khass kandan Khurd tehsil shahpur district sargodha</t>
  </si>
  <si>
    <t>Kandan Khurd</t>
  </si>
  <si>
    <t>7219</t>
  </si>
  <si>
    <t>GPS NARWAL</t>
  </si>
  <si>
    <t>Village Narwal PO Khadriala Sarai Alamgir</t>
  </si>
  <si>
    <t>aamir hussain</t>
  </si>
  <si>
    <t>18147</t>
  </si>
  <si>
    <t>36942</t>
  </si>
  <si>
    <t>GHSS KOT NAINAN</t>
  </si>
  <si>
    <t>Kotnainan</t>
  </si>
  <si>
    <t>GOVT.HIGHER SECONDARY SCHOOL KOTNAINAN</t>
  </si>
  <si>
    <t>JAVED MANZOOR</t>
  </si>
  <si>
    <t>24360</t>
  </si>
  <si>
    <t>36943</t>
  </si>
  <si>
    <t>GGPS BOHI WARR</t>
  </si>
  <si>
    <t>Bohi Warr</t>
  </si>
  <si>
    <t>GGPS Bohi Warr Village Bohi Warr SDK</t>
  </si>
  <si>
    <t>Shoukat Firdous</t>
  </si>
  <si>
    <t>49582</t>
  </si>
  <si>
    <t>GPS MODEL KOT MAGHRAB</t>
  </si>
  <si>
    <t>DHUDHIAN - FEMALE</t>
  </si>
  <si>
    <t>Koot Maghrib</t>
  </si>
  <si>
    <t>koot maghrib</t>
  </si>
  <si>
    <t>GPS BASTI HASAN DIN JAMAL DIN WALI</t>
  </si>
  <si>
    <t>Chak 14 N0</t>
  </si>
  <si>
    <t>Basti hassan din chak 14 np uc bhutta wahan near jk daries jdw</t>
  </si>
  <si>
    <t>Basti Hassan Din</t>
  </si>
  <si>
    <t>Bhutta Waham</t>
  </si>
  <si>
    <t>GPS SABANA</t>
  </si>
  <si>
    <t>Sabana</t>
  </si>
  <si>
    <t>village sabana Tehsil Shah pur sadar district sargodha</t>
  </si>
  <si>
    <t>GPS TOHANA</t>
  </si>
  <si>
    <t>Tohana</t>
  </si>
  <si>
    <t>village tohana post office Dehlra Tehsil  SHAKARGARH District Narowal</t>
  </si>
  <si>
    <t>ARBAZ HASSAN ATHIR</t>
  </si>
  <si>
    <t>GGPS DHORI</t>
  </si>
  <si>
    <t>p/o khohar village dhori Sara.i.alamgir</t>
  </si>
  <si>
    <t>Sundas Jamil</t>
  </si>
  <si>
    <t>GPS DARBAR GHULAB SHAH</t>
  </si>
  <si>
    <t>Umeed Ali Bhait</t>
  </si>
  <si>
    <t>basti gulab Shah p/o laker wali the sadiq abad</t>
  </si>
  <si>
    <t>Gulab Shah</t>
  </si>
  <si>
    <t>49613</t>
  </si>
  <si>
    <t>GMPS DERA HAYAT WALA</t>
  </si>
  <si>
    <t>Kakey Wala</t>
  </si>
  <si>
    <t>P/O: Khawajabad, Teh: Shah Pur, Distt: Sargodha</t>
  </si>
  <si>
    <t>Dera Hayat Wala</t>
  </si>
  <si>
    <t>Khawajabad</t>
  </si>
  <si>
    <t>23495</t>
  </si>
  <si>
    <t>GES AIMA SHAHJI</t>
  </si>
  <si>
    <t>AIMA SHAH JEE</t>
  </si>
  <si>
    <t>VPO AIMA SHAH JEE TEHSIL SARAIALAMGIR DISTRICT GUJRAT</t>
  </si>
  <si>
    <t>MASOOM PUR</t>
  </si>
  <si>
    <t>GPS ALLO KHAN</t>
  </si>
  <si>
    <t>Ranjay Khan</t>
  </si>
  <si>
    <t>basti allo khan</t>
  </si>
  <si>
    <t>49586</t>
  </si>
  <si>
    <t>GMPS PIND BAQRA</t>
  </si>
  <si>
    <t>Pind Baqra</t>
  </si>
  <si>
    <t>pind baqra</t>
  </si>
  <si>
    <t>Farzana Kalsoom</t>
  </si>
  <si>
    <t>28026</t>
  </si>
  <si>
    <t>GPS BAGH MOHALLAH</t>
  </si>
  <si>
    <t>Sarai alamgir</t>
  </si>
  <si>
    <t>Gps Bagh Mohalla sarai alamgir.</t>
  </si>
  <si>
    <t>MC Sarai alamgir</t>
  </si>
  <si>
    <t>Rizwana Akhter</t>
  </si>
  <si>
    <t>GGPS BASTI REHMAT ULAH</t>
  </si>
  <si>
    <t>Sadiq Abad Deh</t>
  </si>
  <si>
    <t>basti rehmatullah muza sadiq abad deh near thana sadar</t>
  </si>
  <si>
    <t>Basti Rehmatullah</t>
  </si>
  <si>
    <t>Wahad Buksh laar</t>
  </si>
  <si>
    <t>Shehnaz Kouser</t>
  </si>
  <si>
    <t>36964</t>
  </si>
  <si>
    <t>GPS ICHHAR</t>
  </si>
  <si>
    <t>Ichhar</t>
  </si>
  <si>
    <t>ichar shah pur sargodha</t>
  </si>
  <si>
    <t>GHS MASROOR</t>
  </si>
  <si>
    <t>GOVT. HIGH SCHOOL MASRUR P/O MASRUR TEH. SKG  DIST. NAROWAL</t>
  </si>
  <si>
    <t>23539</t>
  </si>
  <si>
    <t>GMPS DANDI CHACH</t>
  </si>
  <si>
    <t>Dandi Chach</t>
  </si>
  <si>
    <t>Village Dandi Chach P :ODandi Nizam Tehsil Saria Alamgir District Gujrat</t>
  </si>
  <si>
    <t>Maria Sabir</t>
  </si>
  <si>
    <t>31663</t>
  </si>
  <si>
    <t>36177</t>
  </si>
  <si>
    <t>GPS MOZA LUNDAH</t>
  </si>
  <si>
    <t>Lundah</t>
  </si>
  <si>
    <t>Moza Lundah</t>
  </si>
  <si>
    <t>Chak No 148P</t>
  </si>
  <si>
    <t>Imrana Yasmeen</t>
  </si>
  <si>
    <t>GPS MUD CHACHAR</t>
  </si>
  <si>
    <t>Basti Rais Qadir Bux Kobhar</t>
  </si>
  <si>
    <t>Abdul Razzaque</t>
  </si>
  <si>
    <t>7048</t>
  </si>
  <si>
    <t>GPS CHAK NO 147/P</t>
  </si>
  <si>
    <t>chak no. 147/p sadiqabad</t>
  </si>
  <si>
    <t>147/p</t>
  </si>
  <si>
    <t>54198</t>
  </si>
  <si>
    <t>GGPS BASTI SIAL NAGAR</t>
  </si>
  <si>
    <t>G.G p/s basti sial nagar teh sdk dist.ryk</t>
  </si>
  <si>
    <t>Bhalka Sial</t>
  </si>
  <si>
    <t>Ishrat Noor</t>
  </si>
  <si>
    <t>8001</t>
  </si>
  <si>
    <t>GPS CHAK 176 P</t>
  </si>
  <si>
    <t>Chak No 176/p</t>
  </si>
  <si>
    <t>Chak No 176/p p/o chak no 175/p tehsil sadiq abad dist ry khan</t>
  </si>
  <si>
    <t>GPS 209 GB</t>
  </si>
  <si>
    <t>Chak 209 GB</t>
  </si>
  <si>
    <t>CHAK NO. 209 G.B</t>
  </si>
  <si>
    <t>Chak 205 GB</t>
  </si>
  <si>
    <t>GPS CHAK NO 146/P</t>
  </si>
  <si>
    <t>146/P</t>
  </si>
  <si>
    <t>chak no 146/p tehsil sadiq abad district rahim Yar khan</t>
  </si>
  <si>
    <t>148/P</t>
  </si>
  <si>
    <t>36219</t>
  </si>
  <si>
    <t>GPS CHAK NO 235-P</t>
  </si>
  <si>
    <t>Chak No 235p</t>
  </si>
  <si>
    <t>Chak no 235p</t>
  </si>
  <si>
    <t>Chak No 186p</t>
  </si>
  <si>
    <t>17205</t>
  </si>
  <si>
    <t>GPS CHAK NO 162 NP</t>
  </si>
  <si>
    <t>Chak No 162 NP</t>
  </si>
  <si>
    <t>chak no 162 NP</t>
  </si>
  <si>
    <t>36225</t>
  </si>
  <si>
    <t>GES CHAK NO 153/P</t>
  </si>
  <si>
    <t>Chak No. 153/p Sadiqabad</t>
  </si>
  <si>
    <t>153/p</t>
  </si>
  <si>
    <t>160/p</t>
  </si>
  <si>
    <t>Muhammad Khalid Naveed</t>
  </si>
  <si>
    <t>near by handpump</t>
  </si>
  <si>
    <t>GPS PEERAN BHUTA</t>
  </si>
  <si>
    <t>Peeran Bhutta</t>
  </si>
  <si>
    <t>Basti Kaman Bhutta</t>
  </si>
  <si>
    <t>Kaman Bhutta</t>
  </si>
  <si>
    <t>Mudassar atta</t>
  </si>
  <si>
    <t>GPS CHAK NO. 44 NP</t>
  </si>
  <si>
    <t>Chak NO44NP</t>
  </si>
  <si>
    <t>P/S Chak NO.44NP Markaz Sanjarpur Teh Sadiq Abad</t>
  </si>
  <si>
    <t>36245</t>
  </si>
  <si>
    <t>GPS BASTI ABDUL KARIM</t>
  </si>
  <si>
    <t>GBPS Basti Abdul Karim Chowk Bahadurpur</t>
  </si>
  <si>
    <t>Basti Abdul Karim</t>
  </si>
  <si>
    <t>13094</t>
  </si>
  <si>
    <t>GMMS BASTI QADU KHAN</t>
  </si>
  <si>
    <t>Nazar MUHAMMAD</t>
  </si>
  <si>
    <t>Basti and Yar Ali moza nazar the Muhammad</t>
  </si>
  <si>
    <t>Basti I Yar Ali</t>
  </si>
  <si>
    <t>JINNAH TOWN SADIQ ABAD</t>
  </si>
  <si>
    <t>JINNAH TOWN</t>
  </si>
  <si>
    <t>D FOUR</t>
  </si>
  <si>
    <t>KHALID MEHMOOD KHAN</t>
  </si>
  <si>
    <t>R.O Plant</t>
  </si>
  <si>
    <t>GGES CHAK 120/P</t>
  </si>
  <si>
    <t>Chak 120p</t>
  </si>
  <si>
    <t>chak 120p</t>
  </si>
  <si>
    <t>Chak148p</t>
  </si>
  <si>
    <t>Samreen Aslam</t>
  </si>
  <si>
    <t>GGHS 160/P</t>
  </si>
  <si>
    <t>chak160p</t>
  </si>
  <si>
    <t>Ayisha Latif</t>
  </si>
  <si>
    <t>GGPS SHAH DIN NO.1</t>
  </si>
  <si>
    <t>basti shah din</t>
  </si>
  <si>
    <t>Zahida Bashir</t>
  </si>
  <si>
    <t>GPS KOT PATHAN</t>
  </si>
  <si>
    <t>Darhah</t>
  </si>
  <si>
    <t>moza allah abad</t>
  </si>
  <si>
    <t>7151</t>
  </si>
  <si>
    <t>GPS CHAK NO 1/NP</t>
  </si>
  <si>
    <t>CHAK 1NP BAHADUR Pur  Tehsil Sadiq Abad District Rahim Yar Khan</t>
  </si>
  <si>
    <t>Chak 1Np</t>
  </si>
  <si>
    <t>Ashiq  Hussain Soomro</t>
  </si>
  <si>
    <t>36281</t>
  </si>
  <si>
    <t>GPS MAKAN SHAH</t>
  </si>
  <si>
    <t>Makan shah</t>
  </si>
  <si>
    <t>Basti Makan shah.Gps Makan shah.p/o kotsabzal.</t>
  </si>
  <si>
    <t>GGHS CHAK NO. 11/NP</t>
  </si>
  <si>
    <t>chak no.11np</t>
  </si>
  <si>
    <t>Chak No 11/Np</t>
  </si>
  <si>
    <t>Shama Ashraf</t>
  </si>
  <si>
    <t>36287</t>
  </si>
  <si>
    <t>GES CHAK NO. 26 NP</t>
  </si>
  <si>
    <t>CHAK NO 26/NP</t>
  </si>
  <si>
    <t>CHAK NO.26/NP JDW Road Sadiq Abad</t>
  </si>
  <si>
    <t>CHAK NO26/NP</t>
  </si>
  <si>
    <t>GPS BASTI RAIS</t>
  </si>
  <si>
    <t>Basti Rais</t>
  </si>
  <si>
    <t>AbouTurab Muhammad Aslam</t>
  </si>
  <si>
    <t>GGES GHAFOOR ABAD GHAFOOR ABAD</t>
  </si>
  <si>
    <t>chak no. 10 np</t>
  </si>
  <si>
    <t>mohallah ghafoor abad, sadiqabad</t>
  </si>
  <si>
    <t>muncipal commitee</t>
  </si>
  <si>
    <t>Mc Sadiqabad B</t>
  </si>
  <si>
    <t>purchase water</t>
  </si>
  <si>
    <t>36293</t>
  </si>
  <si>
    <t>GGHS SHAHID IQBAL (SHAHEED) CHAK NO 172 GB</t>
  </si>
  <si>
    <t>172gb tehsil samundri distt. faisalabad</t>
  </si>
  <si>
    <t>172gb</t>
  </si>
  <si>
    <t>supplied  water</t>
  </si>
  <si>
    <t>GPS DHOK MAIRA</t>
  </si>
  <si>
    <t>MAIRA sharif</t>
  </si>
  <si>
    <t>MAIRA sharif post office baisa kalan tehsil sarai alamgir district gujrat.</t>
  </si>
  <si>
    <t>Syed Muhammad Idrees</t>
  </si>
  <si>
    <t>GMPS HAVELI MIAN ALLAH JAWAYA</t>
  </si>
  <si>
    <t>Havaly</t>
  </si>
  <si>
    <t>Havaly Mian Allan Jawaya</t>
  </si>
  <si>
    <t>Jalpana</t>
  </si>
  <si>
    <t>Abdur Rahim</t>
  </si>
  <si>
    <t>GPS NO.2 CHAK NO.90 SB</t>
  </si>
  <si>
    <t>Chak 90-SB</t>
  </si>
  <si>
    <t>Chak 36-SB</t>
  </si>
  <si>
    <t>36980</t>
  </si>
  <si>
    <t>GHS BULANI</t>
  </si>
  <si>
    <t>v &amp; po;Bulani</t>
  </si>
  <si>
    <t>36985</t>
  </si>
  <si>
    <t>GPS MEGHA KADHI</t>
  </si>
  <si>
    <t>Megha Kadhi</t>
  </si>
  <si>
    <t>megha kadhi p.o birbal shareef tehsil shahpur sargodha</t>
  </si>
  <si>
    <t>megha kadhi</t>
  </si>
  <si>
    <t>ahmed shah</t>
  </si>
  <si>
    <t>GPS QAZI BAKAR</t>
  </si>
  <si>
    <t>Qazi baqar</t>
  </si>
  <si>
    <t>vill qazi baqar post office qasba karyali tehsil sarai alamgir</t>
  </si>
  <si>
    <t>Qasba  Karyali</t>
  </si>
  <si>
    <t>Tanveer ahmed</t>
  </si>
  <si>
    <t>24889</t>
  </si>
  <si>
    <t>49487</t>
  </si>
  <si>
    <t>GPS HAYAT KHANJAR LOKRI DAKHALI</t>
  </si>
  <si>
    <t>Mohalla Khanjar Jhawarian</t>
  </si>
  <si>
    <t>Khanjar</t>
  </si>
  <si>
    <t>Muhammad Raza</t>
  </si>
  <si>
    <t>16367</t>
  </si>
  <si>
    <t>36989</t>
  </si>
  <si>
    <t>GGHS MALLAH</t>
  </si>
  <si>
    <t>Village Mallah post office Kanjrur</t>
  </si>
  <si>
    <t>Noraiz Fatima Bukhari</t>
  </si>
  <si>
    <t>23477</t>
  </si>
  <si>
    <t>GPS BHAWANG</t>
  </si>
  <si>
    <t>Bhawanj</t>
  </si>
  <si>
    <t>vpo bhawanj S.A.Gir Gujrat</t>
  </si>
  <si>
    <t>Sumair Hanif</t>
  </si>
  <si>
    <t>30650</t>
  </si>
  <si>
    <t>GGPS BAJAAR</t>
  </si>
  <si>
    <t>village bajar p/o raiba  kalan</t>
  </si>
  <si>
    <t>Raiba  Kalan</t>
  </si>
  <si>
    <t>Zill E Huma</t>
  </si>
  <si>
    <t>GES LAK</t>
  </si>
  <si>
    <t>govt elementary school lak more tehsil sargodha</t>
  </si>
  <si>
    <t>Jamal pur p/o kot nainan Teh: Shakargarh. Narowal</t>
  </si>
  <si>
    <t>49496</t>
  </si>
  <si>
    <t>GPS KAKEY WALA</t>
  </si>
  <si>
    <t>Kakaywala</t>
  </si>
  <si>
    <t>kakaywala jhawriyan shahpur</t>
  </si>
  <si>
    <t>Khawaja Naeem Akbar</t>
  </si>
  <si>
    <t>49571</t>
  </si>
  <si>
    <t>GMPS SALEEM ABAD</t>
  </si>
  <si>
    <t>saleem abad shahpur sadar</t>
  </si>
  <si>
    <t>Rashida Shaheen</t>
  </si>
  <si>
    <t>37004</t>
  </si>
  <si>
    <t>Village Hazara P.O.Bulani Tehsil S A Gir District Gujrat.</t>
  </si>
  <si>
    <t>26025</t>
  </si>
  <si>
    <t>GGHS KOT NAINAN</t>
  </si>
  <si>
    <t>Govt.Girls High School KotNainan</t>
  </si>
  <si>
    <t>Asia Naseem</t>
  </si>
  <si>
    <t>49584</t>
  </si>
  <si>
    <t>GGPS ALLAH DAD WALA</t>
  </si>
  <si>
    <t>Chachar</t>
  </si>
  <si>
    <t>allah dad wala, p/o chachar, shah pur, sargodha</t>
  </si>
  <si>
    <t>37008</t>
  </si>
  <si>
    <t>Wegowal</t>
  </si>
  <si>
    <t>chah Malik Wala</t>
  </si>
  <si>
    <t>Jahanaabad</t>
  </si>
  <si>
    <t>Basharat Sohail</t>
  </si>
  <si>
    <t>GGHSS SARAI ALAMGIR</t>
  </si>
  <si>
    <t>Govt.Girls Higher Secondary School Old Railway Line Sarai Alamgir</t>
  </si>
  <si>
    <t>49443</t>
  </si>
  <si>
    <t>GPS BAKHARI</t>
  </si>
  <si>
    <t>49088</t>
  </si>
  <si>
    <t>GES CHAK NO.105 NB</t>
  </si>
  <si>
    <t>CHAK 84-NB - MALE</t>
  </si>
  <si>
    <t>Godhay Wala</t>
  </si>
  <si>
    <t>Chak No 105 NB Sargodha</t>
  </si>
  <si>
    <t>Chak No 105 NB</t>
  </si>
  <si>
    <t>Chak No 104 NB</t>
  </si>
  <si>
    <t>37055</t>
  </si>
  <si>
    <t>haji pur tehsil shakargarh district national.</t>
  </si>
  <si>
    <t>Chamrial</t>
  </si>
  <si>
    <t>Shahida Yusaf</t>
  </si>
  <si>
    <t>23509</t>
  </si>
  <si>
    <t>GGPS KANARA</t>
  </si>
  <si>
    <t>Kanara</t>
  </si>
  <si>
    <t>village kanara Post office dandi nizam Tehsil Sarai Alamgir district gujrat</t>
  </si>
  <si>
    <t>Qasba Karyali</t>
  </si>
  <si>
    <t>Salma Aalia</t>
  </si>
  <si>
    <t>49561</t>
  </si>
  <si>
    <t>GGPS MASAR</t>
  </si>
  <si>
    <t>Masar</t>
  </si>
  <si>
    <t>village masar tehsil shahpur district sargodha</t>
  </si>
  <si>
    <t>17128</t>
  </si>
  <si>
    <t>49049</t>
  </si>
  <si>
    <t>GPS NEW SEED FARM CHAK NO.38 NB</t>
  </si>
  <si>
    <t>Chak 38nb Sgd</t>
  </si>
  <si>
    <t>GPS NEW SEED FARM SGD CHAK NO.38 NB SARGODHA</t>
  </si>
  <si>
    <t>Chak 34nb Sgd</t>
  </si>
  <si>
    <t>GPS CHAK NO.23 SB</t>
  </si>
  <si>
    <t>Chak No 23 SB</t>
  </si>
  <si>
    <t>chak No 23 SB sargodha</t>
  </si>
  <si>
    <t>48102</t>
  </si>
  <si>
    <t>GGES SHAHPUR SADAR</t>
  </si>
  <si>
    <t>MOHALLA BHAROCHI SHAHPUR SADAR DISTRICT SARGODHA</t>
  </si>
  <si>
    <t>8146</t>
  </si>
  <si>
    <t>49018</t>
  </si>
  <si>
    <t>GPS BHAGTAN WALA</t>
  </si>
  <si>
    <t>GPS Bhagtanwala</t>
  </si>
  <si>
    <t>49493</t>
  </si>
  <si>
    <t>GPS KAHOOT</t>
  </si>
  <si>
    <t>Village Kahoot P/O jhawarian Tehsil Shahpur Sargodha</t>
  </si>
  <si>
    <t>Muhammad Mehboob</t>
  </si>
  <si>
    <t>36522</t>
  </si>
  <si>
    <t>26058</t>
  </si>
  <si>
    <t>GGHS BHERI KHURD</t>
  </si>
  <si>
    <t>Bheri Khurd</t>
  </si>
  <si>
    <t>bheri khurd</t>
  </si>
  <si>
    <t>shamshad begum</t>
  </si>
  <si>
    <t>GPS CHAK NO.81 SB</t>
  </si>
  <si>
    <t>Hada</t>
  </si>
  <si>
    <t>gps 81 sb sargodha</t>
  </si>
  <si>
    <t>Chak No 81 Sb</t>
  </si>
  <si>
    <t>84 Sb</t>
  </si>
  <si>
    <t>M Afzal Headmaster</t>
  </si>
  <si>
    <t>145654</t>
  </si>
  <si>
    <t>Saima  Zafar</t>
  </si>
  <si>
    <t>36781</t>
  </si>
  <si>
    <t>7033</t>
  </si>
  <si>
    <t>GPS BASTI ATTA MUHAMMAD SHAH CHAK NO 163/P</t>
  </si>
  <si>
    <t>Sinawar</t>
  </si>
  <si>
    <t>GPS Basti Atta Muhammad shah</t>
  </si>
  <si>
    <t>Basti Atta Muhammad Shah</t>
  </si>
  <si>
    <t>Waqar Shahid</t>
  </si>
  <si>
    <t>GES PAHIRWAL</t>
  </si>
  <si>
    <t>Pahirwal</t>
  </si>
  <si>
    <t>pahirwal po khas teh sarai almgir distt gujrat</t>
  </si>
  <si>
    <t>Simbly</t>
  </si>
  <si>
    <t>36681</t>
  </si>
  <si>
    <t>23487</t>
  </si>
  <si>
    <t>GPS DHOK AMRAL</t>
  </si>
  <si>
    <t>Village Dhok Amral Post Office Fathepur Tehsil Saraialamgir District Gujrat</t>
  </si>
  <si>
    <t>Muhammad Sufian</t>
  </si>
  <si>
    <t>36791</t>
  </si>
  <si>
    <t>GHSS THILL</t>
  </si>
  <si>
    <t>Thill</t>
  </si>
  <si>
    <t>Vill po Thill Tehsil Sarai Alamgir District Gujrat</t>
  </si>
  <si>
    <t>Mandi Bhalwal</t>
  </si>
  <si>
    <t>PERVAIZ AHMAD CHEEMA</t>
  </si>
  <si>
    <t>24615</t>
  </si>
  <si>
    <t>GPS DHOK KARYALA</t>
  </si>
  <si>
    <t>Dhok Karyala</t>
  </si>
  <si>
    <t>GPS Dhok karyala</t>
  </si>
  <si>
    <t>7301</t>
  </si>
  <si>
    <t>49412</t>
  </si>
  <si>
    <t>GES SHAHZAD PUR</t>
  </si>
  <si>
    <t>shahzadpur</t>
  </si>
  <si>
    <t>Muhammad Ijaz Chadhar</t>
  </si>
  <si>
    <t>GPS BHALWAL GHARBI</t>
  </si>
  <si>
    <t>Bhalwal Gharbi</t>
  </si>
  <si>
    <t>VPO Bhalwal Gharbi Sarai Alamgir Gujrat</t>
  </si>
  <si>
    <t>GPS CHAK NO 253/P</t>
  </si>
  <si>
    <t>chak no 253/p</t>
  </si>
  <si>
    <t>253/p</t>
  </si>
  <si>
    <t>M Yaqoob</t>
  </si>
  <si>
    <t>GPS DARBAR M. SHAHEED</t>
  </si>
  <si>
    <t>Garhi Baigarh</t>
  </si>
  <si>
    <t>Basti Darbar M. Shaheed 156/p road Sadiqabad</t>
  </si>
  <si>
    <t>Basti DARBAR Muhammad Shaheed Sadiq Abad</t>
  </si>
  <si>
    <t>Chak # 160/P</t>
  </si>
  <si>
    <t>GGHS SARAI ALAM GIR</t>
  </si>
  <si>
    <t>SARAI ALAMGIR</t>
  </si>
  <si>
    <t>GGHS SARAI ALAMGIR MEHAY ROAD</t>
  </si>
  <si>
    <t>MEHAY Road</t>
  </si>
  <si>
    <t>SARAI ALAMGIR-I</t>
  </si>
  <si>
    <t>ZAHIDA ASGHAR</t>
  </si>
  <si>
    <t>34417</t>
  </si>
  <si>
    <t>49604</t>
  </si>
  <si>
    <t>GGPS KAKEY WALA</t>
  </si>
  <si>
    <t>KAKEY WALA</t>
  </si>
  <si>
    <t>GGPS KAKEY WALA TEHSIL SHAHPUR DISTRICT SARGODHA</t>
  </si>
  <si>
    <t>KHAWJABAD</t>
  </si>
  <si>
    <t>Shaista Fayyaz</t>
  </si>
  <si>
    <t>GGPS BAWLI KHURD</t>
  </si>
  <si>
    <t>Bawli Khurd</t>
  </si>
  <si>
    <t>village bawli khurd</t>
  </si>
  <si>
    <t>summia rehman</t>
  </si>
  <si>
    <t>GPS BAIG MEHAR</t>
  </si>
  <si>
    <t>Meral Wasa</t>
  </si>
  <si>
    <t>moza meral wasa p/o Muhammad pur lama</t>
  </si>
  <si>
    <t>Basti Alahi Bux Wasa</t>
  </si>
  <si>
    <t>Masood Muhammad</t>
  </si>
  <si>
    <t>20051</t>
  </si>
  <si>
    <t>49474</t>
  </si>
  <si>
    <t>GPS RADHA NAGAR</t>
  </si>
  <si>
    <t>Radha Nagar</t>
  </si>
  <si>
    <t>village Radha Nagar teh shahpur distt sargodha</t>
  </si>
  <si>
    <t>Zohaib Anwar</t>
  </si>
  <si>
    <t>GHSS ISLAMIA DANDI NIZAM</t>
  </si>
  <si>
    <t>Dandi Nizam</t>
  </si>
  <si>
    <t>Dandi Nizam Tehsil Sarai Alamgir District Gujrat</t>
  </si>
  <si>
    <t>Dandi Niizam</t>
  </si>
  <si>
    <t>Muhammad Waseem Anwar</t>
  </si>
  <si>
    <t>26038</t>
  </si>
  <si>
    <t>GHS NATLAH KALAN</t>
  </si>
  <si>
    <t>Natlah Kalan</t>
  </si>
  <si>
    <t>ghs natlah kalan shakargath</t>
  </si>
  <si>
    <t>Ghulsam Bari</t>
  </si>
  <si>
    <t>GPS CHAK NO 254/P</t>
  </si>
  <si>
    <t>chak no 254/p tehseel sadiq abad district rahim yar khan p/o bangla manthar</t>
  </si>
  <si>
    <t>254/P</t>
  </si>
  <si>
    <t>GGPS NO.2 KOT KAMBOH</t>
  </si>
  <si>
    <t>Village Kot Kamboh P/O Jhawarian Tehsil: Shahpur</t>
  </si>
  <si>
    <t>Aslam Parveen</t>
  </si>
  <si>
    <t>23449</t>
  </si>
  <si>
    <t>GGHS DAK CHIBBAN</t>
  </si>
  <si>
    <t>VPO-Dak Chibban</t>
  </si>
  <si>
    <t>Masoompur</t>
  </si>
  <si>
    <t>Syeda Aqeela Athar</t>
  </si>
  <si>
    <t>49457</t>
  </si>
  <si>
    <t>GPS CHOCHRIAN WALA</t>
  </si>
  <si>
    <t>Chak Petri Janobi</t>
  </si>
  <si>
    <t>GPS Chochrianwala Tehsil Shahpur District Sargodha</t>
  </si>
  <si>
    <t>Chochrianwala</t>
  </si>
  <si>
    <t>Hafiz Qamar-Ur-Rahman</t>
  </si>
  <si>
    <t>28509</t>
  </si>
  <si>
    <t>GPS GURRAH JATTAN</t>
  </si>
  <si>
    <t>Gurrah Jattan</t>
  </si>
  <si>
    <t>vpo gurrah jattan teh.sara i alamgir disstt.gujrat</t>
  </si>
  <si>
    <t>Saima Kausar</t>
  </si>
  <si>
    <t>GHS SUKHO CHAK</t>
  </si>
  <si>
    <t>SUKHO CHAK TEH SHAKARGARH DISTRICT NAROWAL</t>
  </si>
  <si>
    <t>SUKHO CHAK</t>
  </si>
  <si>
    <t>23579</t>
  </si>
  <si>
    <t>GPS FAIZ PUR</t>
  </si>
  <si>
    <t>GPS FAIZ PUR SARAI ALAMGIR GUJRAT</t>
  </si>
  <si>
    <t>QASBA KARYALI</t>
  </si>
  <si>
    <t>ADEEL TARIQ</t>
  </si>
  <si>
    <t>49464</t>
  </si>
  <si>
    <t>21932</t>
  </si>
  <si>
    <t>GPS KALLAH</t>
  </si>
  <si>
    <t>GPS Kallah</t>
  </si>
  <si>
    <t>GGES DHAKWAN SHAHPUR</t>
  </si>
  <si>
    <t>Dhakwan</t>
  </si>
  <si>
    <t>Dhakwan p/o khass teh .shahpur distt.sgd</t>
  </si>
  <si>
    <t>Sahrash Nosheen</t>
  </si>
  <si>
    <t>GGPS KOTLI AWAN</t>
  </si>
  <si>
    <t>Kotli Awan</t>
  </si>
  <si>
    <t>koli awan tehsil shapur district sargodha</t>
  </si>
  <si>
    <t>Khawaja Bad</t>
  </si>
  <si>
    <t>Saima Mumtaz</t>
  </si>
  <si>
    <t>36870</t>
  </si>
  <si>
    <t>23585</t>
  </si>
  <si>
    <t>GPS DHOK KALAN</t>
  </si>
  <si>
    <t>Dhok Kalan</t>
  </si>
  <si>
    <t>dhok kalan p.o baisa teh sarai alamgi dist gujrat</t>
  </si>
  <si>
    <t>Sajida bibi</t>
  </si>
  <si>
    <t>49413</t>
  </si>
  <si>
    <t>GES JALAL PUR JADEED</t>
  </si>
  <si>
    <t>Jalalpur Jadeed</t>
  </si>
  <si>
    <t>Jalalpur Jadeed, Tehsil Shahpur, District Sargodha.</t>
  </si>
  <si>
    <t>Jhanabad</t>
  </si>
  <si>
    <t>AHMAD HAYAT</t>
  </si>
  <si>
    <t>GPS KATCHAY WALA</t>
  </si>
  <si>
    <t>katchay wala</t>
  </si>
  <si>
    <t>katchay wala shahpur district sargodha</t>
  </si>
  <si>
    <t>Katchay wala</t>
  </si>
  <si>
    <t>Aqil Shah</t>
  </si>
  <si>
    <t>GGHSS SANJAR PUR</t>
  </si>
  <si>
    <t>sanjar pur</t>
  </si>
  <si>
    <t>post office sanjar pur sadik abad</t>
  </si>
  <si>
    <t>surraiya muhammad hussain</t>
  </si>
  <si>
    <t>23536</t>
  </si>
  <si>
    <t>GMPS DHOK MURID</t>
  </si>
  <si>
    <t>Dhok Mureed</t>
  </si>
  <si>
    <t>vill dhok mureed p o qasba karyali</t>
  </si>
  <si>
    <t>27381</t>
  </si>
  <si>
    <t>GGES CHAK NO.29 NB</t>
  </si>
  <si>
    <t>29 Nb</t>
  </si>
  <si>
    <t>chak no 29 NB</t>
  </si>
  <si>
    <t>Chak No 29 Nb</t>
  </si>
  <si>
    <t>Chak  No 36 NB</t>
  </si>
  <si>
    <t>Sana Akram</t>
  </si>
  <si>
    <t>49603</t>
  </si>
  <si>
    <t>GGPS KAHOOT</t>
  </si>
  <si>
    <t>village kahoot p/o jhawaria tehsil/shahpur Dist sargodha</t>
  </si>
  <si>
    <t>Tehmina Yousaf</t>
  </si>
  <si>
    <t>37089</t>
  </si>
  <si>
    <t>GHS CHHAMAL</t>
  </si>
  <si>
    <t>Chhamal</t>
  </si>
  <si>
    <t>Govt. H/S Chhamal Tehsil Shakargarh Narowal</t>
  </si>
  <si>
    <t>Shah Pura Bhango</t>
  </si>
  <si>
    <t>Naveed Ahmad Anjum</t>
  </si>
  <si>
    <t>72600</t>
  </si>
  <si>
    <t>37094</t>
  </si>
  <si>
    <t>GGPS CHAK NO.10/85 REMOUNT DEPOT</t>
  </si>
  <si>
    <t>REMOUNT DEPOT - FEMALE</t>
  </si>
  <si>
    <t>Chak #10/85 RD</t>
  </si>
  <si>
    <t>ggps chak no 10/85 rd sargodha</t>
  </si>
  <si>
    <t>Chak No 10/85 RD</t>
  </si>
  <si>
    <t>Bari Mandi RD</t>
  </si>
  <si>
    <t>Noor Un Nisa</t>
  </si>
  <si>
    <t>49583</t>
  </si>
  <si>
    <t>GGPS BIRBAL</t>
  </si>
  <si>
    <t>Birbal Sharif Tehseel Shahpur Sadar District Sargodha</t>
  </si>
  <si>
    <t>42541</t>
  </si>
  <si>
    <t>GPS PHAGLI</t>
  </si>
  <si>
    <t>Phagli</t>
  </si>
  <si>
    <t>Vilge phagli post office shiekhpur Teh sarai Alamgir District Gujrat</t>
  </si>
  <si>
    <t>GES CHAK NO.87 SB</t>
  </si>
  <si>
    <t>Mohsin Shabir</t>
  </si>
  <si>
    <t>GPS RAJAR</t>
  </si>
  <si>
    <t>New Rajar</t>
  </si>
  <si>
    <t>New rajar sarai alamgir</t>
  </si>
  <si>
    <t>Farzana Ferdoos</t>
  </si>
  <si>
    <t>43674</t>
  </si>
  <si>
    <t>49579</t>
  </si>
  <si>
    <t>GGPS KOT PEHLWAN</t>
  </si>
  <si>
    <t>Kot pehlwan</t>
  </si>
  <si>
    <t>Azmat Jahan</t>
  </si>
  <si>
    <t>50922</t>
  </si>
  <si>
    <t>30268</t>
  </si>
  <si>
    <t>26333</t>
  </si>
  <si>
    <t>GGPS BHAGWAN PUR</t>
  </si>
  <si>
    <t>Village BHAGWAN Pur p/o kot naina</t>
  </si>
  <si>
    <t>Baghwan Pur</t>
  </si>
  <si>
    <t>Sojowal</t>
  </si>
  <si>
    <t>Sadia Maqsood</t>
  </si>
  <si>
    <t>GPS TOOTIAN</t>
  </si>
  <si>
    <t>Tootian</t>
  </si>
  <si>
    <t>GPS Tootian Post Office Nothia Qureshian Tehsil Sarai Alamgir District Gujrat</t>
  </si>
  <si>
    <t>Bhagnagar</t>
  </si>
  <si>
    <t>49116</t>
  </si>
  <si>
    <t>GPS SALAR WALA</t>
  </si>
  <si>
    <t>Salar Wala Sargodha</t>
  </si>
  <si>
    <t>Salar Wala</t>
  </si>
  <si>
    <t>82 NB</t>
  </si>
  <si>
    <t>Hammad Shakir</t>
  </si>
  <si>
    <t>GPS NO.1 SADA KOMBOH</t>
  </si>
  <si>
    <t>po and vill sada kamboh dist sargodha teh shahpur</t>
  </si>
  <si>
    <t>Khurram shehzad</t>
  </si>
  <si>
    <t>49261</t>
  </si>
  <si>
    <t>GGPS DIN COLONY</t>
  </si>
  <si>
    <t>Deen Colony</t>
  </si>
  <si>
    <t>deen colony sargodha</t>
  </si>
  <si>
    <t>Gillwala</t>
  </si>
  <si>
    <t>Um E kalsoom</t>
  </si>
  <si>
    <t>GHS KHAN PUR WADRA</t>
  </si>
  <si>
    <t>KHANPUR WADHRA</t>
  </si>
  <si>
    <t>KHANPUR WADHRA SARGODHA</t>
  </si>
  <si>
    <t>TASAWER ABBAS</t>
  </si>
  <si>
    <t>37128</t>
  </si>
  <si>
    <t>GPS CHAK NO. 187 NB</t>
  </si>
  <si>
    <t>chak no 187nb sargodha</t>
  </si>
  <si>
    <t>Chak 187nb</t>
  </si>
  <si>
    <t>Shanza Perveen</t>
  </si>
  <si>
    <t>GES BEHAK MAIKEN</t>
  </si>
  <si>
    <t>Behak Maiken</t>
  </si>
  <si>
    <t>Chak behak maken</t>
  </si>
  <si>
    <t>92NB</t>
  </si>
  <si>
    <t>GHS KALRA SHAHPUR</t>
  </si>
  <si>
    <t>kalra Teh. Sahpur Dist. Sargodha</t>
  </si>
  <si>
    <t>MUHAMMAD Yar</t>
  </si>
  <si>
    <t>48880</t>
  </si>
  <si>
    <t>GGES DAKHLI CHAK JODH AMIRA ABAD SARGODHA</t>
  </si>
  <si>
    <t>gges amirabad dakhli chak jodh</t>
  </si>
  <si>
    <t>52sb</t>
  </si>
  <si>
    <t>Hareem Fatima</t>
  </si>
  <si>
    <t>GPS SANIKA</t>
  </si>
  <si>
    <t>Sanika</t>
  </si>
  <si>
    <t>Sanika shahpur sargodha</t>
  </si>
  <si>
    <t>49463</t>
  </si>
  <si>
    <t>GPS JHUGIAN HAMOKA</t>
  </si>
  <si>
    <t>Jhugian hamoka</t>
  </si>
  <si>
    <t>Jhugian hamoka shahpur Sargodha</t>
  </si>
  <si>
    <t>37544</t>
  </si>
  <si>
    <t>GPS MAILU SAILU</t>
  </si>
  <si>
    <t>mailu sailu tehsil shakargarh distt narowal</t>
  </si>
  <si>
    <t>Mailu Sailu Tehsil Shakargarh Distt Narowal</t>
  </si>
  <si>
    <t>GHS KOT BHAI KHAN SHAH PUR</t>
  </si>
  <si>
    <t>PO &amp; Village Kot Bhai Khan Tehsil Shahpur District Sargodha</t>
  </si>
  <si>
    <t>muhammad riaz shahid</t>
  </si>
  <si>
    <t>6064</t>
  </si>
  <si>
    <t>GGPS MUSLIM TOWN SKG</t>
  </si>
  <si>
    <t>SHAKARGARH (SOUTH)-FEMALE</t>
  </si>
  <si>
    <t>muslim town   skg</t>
  </si>
  <si>
    <t>Skg</t>
  </si>
  <si>
    <t>Ghazia Razia</t>
  </si>
  <si>
    <t>GGPS CHAK NO.37 NB</t>
  </si>
  <si>
    <t>37 NB</t>
  </si>
  <si>
    <t>chak no 37 nb sargodha</t>
  </si>
  <si>
    <t>37 Nb</t>
  </si>
  <si>
    <t>Madam Rukhsana Parveen</t>
  </si>
  <si>
    <t>GES CHAK NO.26 SB</t>
  </si>
  <si>
    <t>Chak No 26 Sb</t>
  </si>
  <si>
    <t>chak No 26 sb</t>
  </si>
  <si>
    <t>49162</t>
  </si>
  <si>
    <t>GGPS CHAK NO.101 ASSIAN WALA BADLA</t>
  </si>
  <si>
    <t>GGPS Chak No. 101 Badla Assianwala</t>
  </si>
  <si>
    <t>Badla Assianwala</t>
  </si>
  <si>
    <t>50NB</t>
  </si>
  <si>
    <t>23325</t>
  </si>
  <si>
    <t>49391</t>
  </si>
  <si>
    <t>GHS SHAHPUR SADDAR</t>
  </si>
  <si>
    <t>Govt. High School, Shahpur Sadar, Tehsil Shahpur, Sargodha</t>
  </si>
  <si>
    <t>26161</t>
  </si>
  <si>
    <t>GPS BAGHWAN PUR</t>
  </si>
  <si>
    <t>Bhagwan Pur</t>
  </si>
  <si>
    <t>village Bhagwan pur p/o kot nainan teh. shakargarh distt. narowal</t>
  </si>
  <si>
    <t>Sujhowal</t>
  </si>
  <si>
    <t>GPS CHAK NO.69 SB</t>
  </si>
  <si>
    <t>Chak NO 69 SB</t>
  </si>
  <si>
    <t>GPS Chak No 69 SB</t>
  </si>
  <si>
    <t>Chak No 69 SB</t>
  </si>
  <si>
    <t>Chak No 24 SB</t>
  </si>
  <si>
    <t>Saleem Akbar</t>
  </si>
  <si>
    <t>GPS NUROOR</t>
  </si>
  <si>
    <t>Naroor</t>
  </si>
  <si>
    <t>gps naroor teh skg distt narowal</t>
  </si>
  <si>
    <t>Sarwar Hussain</t>
  </si>
  <si>
    <t>GPS DERA DOUNGHA</t>
  </si>
  <si>
    <t>Dera Doungha</t>
  </si>
  <si>
    <t>dera doungha p/o kot bhai khan teh shahpur dist sargodha</t>
  </si>
  <si>
    <t>24839</t>
  </si>
  <si>
    <t>49422</t>
  </si>
  <si>
    <t>GGHS KANDAN</t>
  </si>
  <si>
    <t>tehsil shahpur distt sargodha</t>
  </si>
  <si>
    <t>11487</t>
  </si>
  <si>
    <t>37384</t>
  </si>
  <si>
    <t>49556</t>
  </si>
  <si>
    <t>bonga balochan P/o chakrala teh.shahpur distt. sargodha</t>
  </si>
  <si>
    <t>37386</t>
  </si>
  <si>
    <t>GHS SAHARI (G.F.AL.MUJAHID)</t>
  </si>
  <si>
    <t>37390</t>
  </si>
  <si>
    <t>49606</t>
  </si>
  <si>
    <t>GMPS HAYAT PUR</t>
  </si>
  <si>
    <t>P/O: Jhawarian, Tehsil: Shah Pur, Distt: Sargodha</t>
  </si>
  <si>
    <t>KALRA</t>
  </si>
  <si>
    <t>GHS CHATRANA</t>
  </si>
  <si>
    <t>village chatrana tehsil shakargarh district narowal</t>
  </si>
  <si>
    <t>Ch. Talib Hussain</t>
  </si>
  <si>
    <t>49446</t>
  </si>
  <si>
    <t>GES AQIL SHAH</t>
  </si>
  <si>
    <t>aqil shah teh. shahpur sargodha</t>
  </si>
  <si>
    <t>GPS CHHANI BAGHWALI</t>
  </si>
  <si>
    <t>Channi Baghwali</t>
  </si>
  <si>
    <t>Channi Baghwali tehsil shakargarh district narowal</t>
  </si>
  <si>
    <t>GPS BHATTI AFGHANAN</t>
  </si>
  <si>
    <t>Bhatti Afghana</t>
  </si>
  <si>
    <t>Bhatti Afghana shakargarh. Com</t>
  </si>
  <si>
    <t>Rizwan Ali Zahid</t>
  </si>
  <si>
    <t>51619</t>
  </si>
  <si>
    <t>49405</t>
  </si>
  <si>
    <t>GHS DHAKWAN</t>
  </si>
  <si>
    <t>ghs dhakwan tehsil shahpur district sargodha</t>
  </si>
  <si>
    <t>Khawajaabad</t>
  </si>
  <si>
    <t>Muhammad Zahir Qamar</t>
  </si>
  <si>
    <t>GGHS KHAIRA</t>
  </si>
  <si>
    <t>village khaira tehsil shakargarh</t>
  </si>
  <si>
    <t>GHS CHAK NO.88 NB</t>
  </si>
  <si>
    <t>CHAK NO 88 NB SARGODHA</t>
  </si>
  <si>
    <t>Chak No 100 NB</t>
  </si>
  <si>
    <t>Syed Ijaz Hussain Kazmi</t>
  </si>
  <si>
    <t>32781</t>
  </si>
  <si>
    <t>GHS GHANGWAL</t>
  </si>
  <si>
    <t>GHS GHANGWAL TEHSIL SHAHPUR DISTRICT SARGODHA</t>
  </si>
  <si>
    <t>village chatri shakargarh</t>
  </si>
  <si>
    <t>AZRA SULTANA</t>
  </si>
  <si>
    <t>45827</t>
  </si>
  <si>
    <t>49507</t>
  </si>
  <si>
    <t>GPS KADHAN WALA</t>
  </si>
  <si>
    <t>Kadhan wala</t>
  </si>
  <si>
    <t>Gps Kadhan wala teh.shahpur Dist.Sargodha</t>
  </si>
  <si>
    <t>kot pehlwan</t>
  </si>
  <si>
    <t>Mazhar Qayyum</t>
  </si>
  <si>
    <t>48993</t>
  </si>
  <si>
    <t>GPS CHAK NO.70 SB</t>
  </si>
  <si>
    <t>Chak 70sb</t>
  </si>
  <si>
    <t>ges chak 70sb</t>
  </si>
  <si>
    <t>Chak 73sb</t>
  </si>
  <si>
    <t>Sarwat Mehmood</t>
  </si>
  <si>
    <t>37438</t>
  </si>
  <si>
    <t>GMPS NAWAN LOK</t>
  </si>
  <si>
    <t>Thathi Muzaml</t>
  </si>
  <si>
    <t>Humaira Ahmed</t>
  </si>
  <si>
    <t>GHS MC ISTAQLAL ABAD SARGODHA</t>
  </si>
  <si>
    <t>Istaqlalabad</t>
  </si>
  <si>
    <t>istaqlalabad cly Sargodha</t>
  </si>
  <si>
    <t>MC Istaqlalabad</t>
  </si>
  <si>
    <t>Khalid Mahmood Akhtar</t>
  </si>
  <si>
    <t>49479</t>
  </si>
  <si>
    <t>GPS MUHAMMAD WALA</t>
  </si>
  <si>
    <t>muhammad wala shahpur sadar</t>
  </si>
  <si>
    <t>Muhammad wala</t>
  </si>
  <si>
    <t>11288</t>
  </si>
  <si>
    <t>46933</t>
  </si>
  <si>
    <t>GPS LODHI LAWARRI</t>
  </si>
  <si>
    <t>Lodhi Lawarri</t>
  </si>
  <si>
    <t>village Lodhi Lawarri P/O Ikhlaspur Tehsil Shakargarh District Narowal</t>
  </si>
  <si>
    <t>Shahid pervez Akhtar</t>
  </si>
  <si>
    <t>49418</t>
  </si>
  <si>
    <t>GES CHAKRALA</t>
  </si>
  <si>
    <t>post office chakrala tehsil shahpur district sargodha</t>
  </si>
  <si>
    <t>GGHS JAMAL DIN WALI</t>
  </si>
  <si>
    <t>JAMAL DIN WALI</t>
  </si>
  <si>
    <t>GOVT GIRLS SECONDARY SCHOOL JAMAL DIN WALI</t>
  </si>
  <si>
    <t>33512</t>
  </si>
  <si>
    <t>GPS LANGOWAL CHAK 28/RB</t>
  </si>
  <si>
    <t>longowal chak 28 rb</t>
  </si>
  <si>
    <t>Muhammad Asif Zaman</t>
  </si>
  <si>
    <t>GGPS THALA SHRIF</t>
  </si>
  <si>
    <t>GGPS thalla sharif</t>
  </si>
  <si>
    <t>Hafiza Naveeda Akram</t>
  </si>
  <si>
    <t>36675</t>
  </si>
  <si>
    <t>GGPS MARRAR 45 RB</t>
  </si>
  <si>
    <t>Chak 45 Marrar</t>
  </si>
  <si>
    <t>chak no. 45 marrar sangla hill district nankana sahib</t>
  </si>
  <si>
    <t>Chak No 45 Marrar</t>
  </si>
  <si>
    <t>41020</t>
  </si>
  <si>
    <t>7448</t>
  </si>
  <si>
    <t>GGPS CHAK NO. 206/P BASTI KHALTI</t>
  </si>
  <si>
    <t>206/p basti khalti</t>
  </si>
  <si>
    <t>206/p</t>
  </si>
  <si>
    <t>Dhandhi</t>
  </si>
  <si>
    <t>Madiha Rashid</t>
  </si>
  <si>
    <t>GGPS TALIB HUSSAN CHAK NO. 169/P</t>
  </si>
  <si>
    <t>Check 169</t>
  </si>
  <si>
    <t>chack 169/p</t>
  </si>
  <si>
    <t>Nadia</t>
  </si>
  <si>
    <t>GPS HEMRAJ PURA CHAK 40/RB</t>
  </si>
  <si>
    <t>hamraj pura Chak No 40</t>
  </si>
  <si>
    <t>Langowal</t>
  </si>
  <si>
    <t>GGPS JUGHIAN CHAK 292/RB</t>
  </si>
  <si>
    <t>Jhugian Chak#292</t>
  </si>
  <si>
    <t>GGPS JHGIAN CHAK NO 292</t>
  </si>
  <si>
    <t>jhugian chak 292</t>
  </si>
  <si>
    <t>JHGIAN Chak#292</t>
  </si>
  <si>
    <t>36702</t>
  </si>
  <si>
    <t>GGPS BASTI SALMAN KHAN AWAN</t>
  </si>
  <si>
    <t>Ghulam Ahmad A</t>
  </si>
  <si>
    <t>cantt cmh rahim yar khan</t>
  </si>
  <si>
    <t>Bastisuleman Awan</t>
  </si>
  <si>
    <t>36753</t>
  </si>
  <si>
    <t>GPS MUHAMMAD MURAD DAHIR</t>
  </si>
  <si>
    <t>Muhammad Murad Dahar Murad Dahar</t>
  </si>
  <si>
    <t>malook Shah m.m.dahar sadik abad</t>
  </si>
  <si>
    <t>Malook Shah</t>
  </si>
  <si>
    <t>GPS CHAK NO 21/NP</t>
  </si>
  <si>
    <t>Chak No 21 NP</t>
  </si>
  <si>
    <t>Gps chak no 21 n.p tehsil sadik abad district rahim yar khan</t>
  </si>
  <si>
    <t>Asif Rasheed</t>
  </si>
  <si>
    <t>25164</t>
  </si>
  <si>
    <t>36709</t>
  </si>
  <si>
    <t>GES SHAH-BAZ PUR</t>
  </si>
  <si>
    <t>Basti shahbaz pur</t>
  </si>
  <si>
    <t>Basti Shahbaz Pur</t>
  </si>
  <si>
    <t>Muhammad Waseem Iqbal</t>
  </si>
  <si>
    <t>GGPS KOT PRAACHA</t>
  </si>
  <si>
    <t>Kot Paracha</t>
  </si>
  <si>
    <t>ggps kot paracha</t>
  </si>
  <si>
    <t>Iram Iqbal</t>
  </si>
  <si>
    <t>GHS CHAK NO. 188/P</t>
  </si>
  <si>
    <t>CHAK NO. 188/P</t>
  </si>
  <si>
    <t>CHAK NO. 188/P, P.O. BOX CHAK NO. 188/P SADIQ ABAD, RAHIM YAR KHAN</t>
  </si>
  <si>
    <t>CHAK NO. 160/P</t>
  </si>
  <si>
    <t>MUDASSIR KHAN</t>
  </si>
  <si>
    <t>26490</t>
  </si>
  <si>
    <t>36727</t>
  </si>
  <si>
    <t>GPS CHAK NO. 236/P</t>
  </si>
  <si>
    <t>Chak N0 236/p</t>
  </si>
  <si>
    <t>Chak No 236/p Bangla Manthar Tehsil Sadiqabad</t>
  </si>
  <si>
    <t>Chak No 236/p</t>
  </si>
  <si>
    <t>Chak No186/p</t>
  </si>
  <si>
    <t>GES HAMID ULLAH BHATTI</t>
  </si>
  <si>
    <t>Hamid Ullah Bhatti  TEHSIL Sadiq Abad District Rahim YAR Khan.</t>
  </si>
  <si>
    <t>Hamid ULLAH Bhatti</t>
  </si>
  <si>
    <t>MUHAMMAD  SHAKEEL</t>
  </si>
  <si>
    <t>36746</t>
  </si>
  <si>
    <t>GGPS BASTI ALI HASSAN KOSH</t>
  </si>
  <si>
    <t>ggps basti ali hassan kosh</t>
  </si>
  <si>
    <t>Basti Ali Hassan Kosh</t>
  </si>
  <si>
    <t>Kot Sanjar Kha</t>
  </si>
  <si>
    <t>Faiza Ferdos</t>
  </si>
  <si>
    <t>GES CHAK NO. 182/P</t>
  </si>
  <si>
    <t>182/P</t>
  </si>
  <si>
    <t>Chak No.182/P</t>
  </si>
  <si>
    <t>GGPS 35/NP</t>
  </si>
  <si>
    <t>GGGPS chak no 35 np moza Kandair sdk ryk</t>
  </si>
  <si>
    <t>Chak 35np</t>
  </si>
  <si>
    <t>Sobia Anwar</t>
  </si>
  <si>
    <t>GMPS 18 NP</t>
  </si>
  <si>
    <t>chak 18 NP</t>
  </si>
  <si>
    <t>Chak 18 NP</t>
  </si>
  <si>
    <t>47573</t>
  </si>
  <si>
    <t>36756</t>
  </si>
  <si>
    <t>GGPS KOT SANJAR KHAN QADEEM</t>
  </si>
  <si>
    <t>kot sanjar khan tehsil sadiqabad distt.  rahim yar khan</t>
  </si>
  <si>
    <t>Iqra Kainat</t>
  </si>
  <si>
    <t>GGPS MOHAMAD ABAD</t>
  </si>
  <si>
    <t>Basti Muhammadabad BAIG MAHAR</t>
  </si>
  <si>
    <t>Muhammad Abad</t>
  </si>
  <si>
    <t>Tahira Siddique</t>
  </si>
  <si>
    <t>GGPS WIHID BUX LAR</t>
  </si>
  <si>
    <t>GGPS wahid bux lar</t>
  </si>
  <si>
    <t>Hameeda Rasheed</t>
  </si>
  <si>
    <t>GGHS WALI PUR BURA</t>
  </si>
  <si>
    <t>Wali Pur Bourha</t>
  </si>
  <si>
    <t>wali pur bourha po box baramanga skg</t>
  </si>
  <si>
    <t>Wali Pur Bourhs</t>
  </si>
  <si>
    <t>Zirvah Nasreen</t>
  </si>
  <si>
    <t>37448</t>
  </si>
  <si>
    <t>26807</t>
  </si>
  <si>
    <t>GPS KOHLIAN</t>
  </si>
  <si>
    <t>kohlian post office kargal tehsil shakargarh district narowal</t>
  </si>
  <si>
    <t>Muhammad Jawad</t>
  </si>
  <si>
    <t>GPS CHAK NO.68 NB</t>
  </si>
  <si>
    <t>68 Nb</t>
  </si>
  <si>
    <t>chak no 68NB p/o Dharema sargodha</t>
  </si>
  <si>
    <t>Chak 68 Nb</t>
  </si>
  <si>
    <t>67A NB</t>
  </si>
  <si>
    <t>49602</t>
  </si>
  <si>
    <t>GMPS RAWAL</t>
  </si>
  <si>
    <t>rawal</t>
  </si>
  <si>
    <t>Maria Fayyaz</t>
  </si>
  <si>
    <t>37459</t>
  </si>
  <si>
    <t>49028</t>
  </si>
  <si>
    <t>GPS CHAK NO.91 A-SB</t>
  </si>
  <si>
    <t>91Asb</t>
  </si>
  <si>
    <t>Chak No. 91 Asb sgd</t>
  </si>
  <si>
    <t>Chak40nb</t>
  </si>
  <si>
    <t>44060</t>
  </si>
  <si>
    <t>45034</t>
  </si>
  <si>
    <t>26007</t>
  </si>
  <si>
    <t>GHS BHAJNA</t>
  </si>
  <si>
    <t>Bhajana</t>
  </si>
  <si>
    <t>GHS  Bhajna</t>
  </si>
  <si>
    <t>37461</t>
  </si>
  <si>
    <t>GPS DERA NAWAB SAHIB</t>
  </si>
  <si>
    <t>Dera nawab sahib</t>
  </si>
  <si>
    <t>dera nawab sahib chakrala tehsil shahpur district sargodha</t>
  </si>
  <si>
    <t>Muhammad Hussain Mavia</t>
  </si>
  <si>
    <t>49078</t>
  </si>
  <si>
    <t>GPS HALQA NO.6</t>
  </si>
  <si>
    <t>Maqam E Hayat</t>
  </si>
  <si>
    <t>maqam e hayat Sargodha</t>
  </si>
  <si>
    <t>MC15</t>
  </si>
  <si>
    <t>Muhammad Zain Shehzad</t>
  </si>
  <si>
    <t>GES FATIMA JINNAH COLONY</t>
  </si>
  <si>
    <t>Fatima jinnah  colony</t>
  </si>
  <si>
    <t>GES KOT KOMBOH</t>
  </si>
  <si>
    <t>kot kamboh</t>
  </si>
  <si>
    <t>Khawaja Abad</t>
  </si>
  <si>
    <t>Muhammad Shahmir Qasim</t>
  </si>
  <si>
    <t>GPS SAHANPUR</t>
  </si>
  <si>
    <t>Sahanpur</t>
  </si>
  <si>
    <t>sahanpur p/o ikhlaspur dist narowal</t>
  </si>
  <si>
    <t>Khaliq Mahmood</t>
  </si>
  <si>
    <t>GGHS SEHARI</t>
  </si>
  <si>
    <t>Shahgarib</t>
  </si>
  <si>
    <t>Saharee p / o SAHARI TEHSIL SHAKARGARH DISTT NAROWAL</t>
  </si>
  <si>
    <t>shamim akhtar saleem</t>
  </si>
  <si>
    <t>GGHS CHAK NO.84 NB</t>
  </si>
  <si>
    <t>Chak No 84 N B-SGD</t>
  </si>
  <si>
    <t>Chak no 84 N B-SGD</t>
  </si>
  <si>
    <t>Chak no 92 Nb</t>
  </si>
  <si>
    <t>Ghazala Mumtaz</t>
  </si>
  <si>
    <t>GGMPS MADDO KE GOAL</t>
  </si>
  <si>
    <t>mado k goal</t>
  </si>
  <si>
    <t>village and post office gol tehsil shakargarh district Narowal</t>
  </si>
  <si>
    <t>mado k gol</t>
  </si>
  <si>
    <t>37572</t>
  </si>
  <si>
    <t>GPS SAWAR MONDI CHAK NO.8 REMOUNT DEPOT</t>
  </si>
  <si>
    <t>sawarmandi chak no  8 remount Depot sargodha</t>
  </si>
  <si>
    <t>Chak no 8 Sawarmandi</t>
  </si>
  <si>
    <t>48781</t>
  </si>
  <si>
    <t>GGHS CHAK NO.100 SB</t>
  </si>
  <si>
    <t>Chak No100 SB</t>
  </si>
  <si>
    <t>chak no.100 sb sargodha</t>
  </si>
  <si>
    <t>100 sb</t>
  </si>
  <si>
    <t>chak 100 sb</t>
  </si>
  <si>
    <t>Nusrat kalsoom</t>
  </si>
  <si>
    <t>GPS TURPAY</t>
  </si>
  <si>
    <t>Turpai</t>
  </si>
  <si>
    <t>village turpai p/o bheri khurd tehsil shakargarh district narowal</t>
  </si>
  <si>
    <t>48724</t>
  </si>
  <si>
    <t>GHS CHAK NO. 40 SB</t>
  </si>
  <si>
    <t>Chak No 40 SB Sargodha</t>
  </si>
  <si>
    <t>MUHAMMAD ASIF JAVID</t>
  </si>
  <si>
    <t>25995</t>
  </si>
  <si>
    <t>GHS MUSLIM MODEL SHAKARGARH</t>
  </si>
  <si>
    <t>Zia Road Shakargarh</t>
  </si>
  <si>
    <t>ZIA ROAD SHAKARGARH</t>
  </si>
  <si>
    <t>UC SHAKARGARH</t>
  </si>
  <si>
    <t>UMAR HAYAT</t>
  </si>
  <si>
    <t>48849</t>
  </si>
  <si>
    <t>GHS KOLOWAL NANGIANA</t>
  </si>
  <si>
    <t>KOLOWAL TEHSIL AND DISTRICT SARGODHA</t>
  </si>
  <si>
    <t>37591</t>
  </si>
  <si>
    <t>GGHS MEELU SEELU</t>
  </si>
  <si>
    <t>44383</t>
  </si>
  <si>
    <t>48836</t>
  </si>
  <si>
    <t>GES CHAK NO.98 NB</t>
  </si>
  <si>
    <t>Chak No 98 NB</t>
  </si>
  <si>
    <t>chack no 98 NB Sargodha</t>
  </si>
  <si>
    <t>Chack No 98 NB</t>
  </si>
  <si>
    <t>Chack No 100 NB</t>
  </si>
  <si>
    <t>26191</t>
  </si>
  <si>
    <t>GPS DHIDAR</t>
  </si>
  <si>
    <t>Dedhar</t>
  </si>
  <si>
    <t>dedhar</t>
  </si>
  <si>
    <t>Fateh pur Afghana</t>
  </si>
  <si>
    <t>37599</t>
  </si>
  <si>
    <t>49032</t>
  </si>
  <si>
    <t>GPS CHAK NO.91 SB BHATTIAN WALA</t>
  </si>
  <si>
    <t>Chak 91 Sb Bhattian</t>
  </si>
  <si>
    <t>Govt primary school chak 91 sb bhattian</t>
  </si>
  <si>
    <t>Chak 88 Sb</t>
  </si>
  <si>
    <t>Aftab Akram</t>
  </si>
  <si>
    <t>GPS CHAK 57/WB</t>
  </si>
  <si>
    <t>Chak 57 WB</t>
  </si>
  <si>
    <t>chak 57 WB</t>
  </si>
  <si>
    <t>63 WB</t>
  </si>
  <si>
    <t>TASWAR ALI</t>
  </si>
  <si>
    <t>41419</t>
  </si>
  <si>
    <t>52851</t>
  </si>
  <si>
    <t>GGES CHAK 298 GB</t>
  </si>
  <si>
    <t>298 gb</t>
  </si>
  <si>
    <t>Chak# 298 GB Toba Tek Singh</t>
  </si>
  <si>
    <t>298 GB</t>
  </si>
  <si>
    <t>296gb</t>
  </si>
  <si>
    <t>18432</t>
  </si>
  <si>
    <t>41434</t>
  </si>
  <si>
    <t>19634</t>
  </si>
  <si>
    <t>GMPS CHAK 290 JB</t>
  </si>
  <si>
    <t>Chak 290jb</t>
  </si>
  <si>
    <t>chak 289jb</t>
  </si>
  <si>
    <t>Chak 290Jb</t>
  </si>
  <si>
    <t>Irum</t>
  </si>
  <si>
    <t>53680</t>
  </si>
  <si>
    <t>50523</t>
  </si>
  <si>
    <t>GPS CHAK 536 GB SOUTH</t>
  </si>
  <si>
    <t>SONAHRI BANGLA MALE</t>
  </si>
  <si>
    <t>536 Gb South</t>
  </si>
  <si>
    <t>GPS 536 GB south</t>
  </si>
  <si>
    <t>536 GB South</t>
  </si>
  <si>
    <t>41437</t>
  </si>
  <si>
    <t>GPS CHAK NO. 9-11/WB WEST</t>
  </si>
  <si>
    <t>9-11WB</t>
  </si>
  <si>
    <t>9-11WB VEHARI</t>
  </si>
  <si>
    <t>GGES CHAK 405 JB</t>
  </si>
  <si>
    <t>405JB</t>
  </si>
  <si>
    <t>chak no 405 JB Tehsile &amp; District T.T.Singh</t>
  </si>
  <si>
    <t>405JB Muqeem Pur</t>
  </si>
  <si>
    <t>314 GB</t>
  </si>
  <si>
    <t>Tanzeela Ashraf</t>
  </si>
  <si>
    <t>39093</t>
  </si>
  <si>
    <t>41443</t>
  </si>
  <si>
    <t>GGPS 200 EB</t>
  </si>
  <si>
    <t>200/EB</t>
  </si>
  <si>
    <t>chak no. 200/EB Tehsil Vehari</t>
  </si>
  <si>
    <t>Chak No. 200/EB</t>
  </si>
  <si>
    <t>Chak No. 204/EB</t>
  </si>
  <si>
    <t>Zobia Munir</t>
  </si>
  <si>
    <t>GHS MODEL EID GAH ROAD T.T.SINGH</t>
  </si>
  <si>
    <t>Govt. Model H/S  Eidgah road TobaTekS Singh</t>
  </si>
  <si>
    <t>TT Singh</t>
  </si>
  <si>
    <t>D BLOCK</t>
  </si>
  <si>
    <t>D BLOCK VEHARI</t>
  </si>
  <si>
    <t>MUNEEB ULLAH</t>
  </si>
  <si>
    <t>GGHS CHAK 184 GB</t>
  </si>
  <si>
    <t>Chak no 184 gb</t>
  </si>
  <si>
    <t>184 gb</t>
  </si>
  <si>
    <t>Naveed Naz</t>
  </si>
  <si>
    <t>GGCMPS CHAK 394 JB</t>
  </si>
  <si>
    <t>TOBA CITY FEMALE</t>
  </si>
  <si>
    <t>394jb</t>
  </si>
  <si>
    <t>ggcms394jb</t>
  </si>
  <si>
    <t>Chak No393jb</t>
  </si>
  <si>
    <t>Nasreen Akram</t>
  </si>
  <si>
    <t>43842</t>
  </si>
  <si>
    <t>36235</t>
  </si>
  <si>
    <t>GPS CHAK NO.66/WB</t>
  </si>
  <si>
    <t>Chak no 66 w.b vehari</t>
  </si>
  <si>
    <t>58 WB</t>
  </si>
  <si>
    <t>52017</t>
  </si>
  <si>
    <t>49482</t>
  </si>
  <si>
    <t>GPS CHAH KRAM ALI WALA</t>
  </si>
  <si>
    <t>Dera Kram Ali Wala Moza Aqil Shah Tehsil Shahpur District Sargodha</t>
  </si>
  <si>
    <t>Chah Kram Ali Wala</t>
  </si>
  <si>
    <t>Faiz Ul Hassan</t>
  </si>
  <si>
    <t>49467</t>
  </si>
  <si>
    <t>GPS THATTI MUZLAM</t>
  </si>
  <si>
    <t>THATTI MUZLAM</t>
  </si>
  <si>
    <t>GOVT  PRIMARY SCHOOL THATTI MUZLAM</t>
  </si>
  <si>
    <t>GPS NANDNA</t>
  </si>
  <si>
    <t>Nandna</t>
  </si>
  <si>
    <t>vill Nandna PO bolani tehsil sarai alamgir distt.gujra</t>
  </si>
  <si>
    <t>49508</t>
  </si>
  <si>
    <t>GES CHACHAR</t>
  </si>
  <si>
    <t>Village and post office Chachar Teh.Shah pur District.Sargodha</t>
  </si>
  <si>
    <t>Kot Phelwan</t>
  </si>
  <si>
    <t>Haq DAD</t>
  </si>
  <si>
    <t>23584</t>
  </si>
  <si>
    <t>GPS SOKAR</t>
  </si>
  <si>
    <t>Charr</t>
  </si>
  <si>
    <t>village sokar p.o charr sarai alamgir</t>
  </si>
  <si>
    <t>Muhammad Ulfat</t>
  </si>
  <si>
    <t>GPS BAGOLARH</t>
  </si>
  <si>
    <t>Bagolarh</t>
  </si>
  <si>
    <t>Village. Bagolarh post office SukhoChak Teh. shakar Garh Dist Narowal</t>
  </si>
  <si>
    <t>SukhoChak</t>
  </si>
  <si>
    <t>49119</t>
  </si>
  <si>
    <t>GES CHAK NO.63 NB</t>
  </si>
  <si>
    <t>chak no 63 nb</t>
  </si>
  <si>
    <t>Chak No 63 NB</t>
  </si>
  <si>
    <t>Chak 67 Alif Shumali</t>
  </si>
  <si>
    <t>37275</t>
  </si>
  <si>
    <t>49459</t>
  </si>
  <si>
    <t>GPS SHAH YOUSAF</t>
  </si>
  <si>
    <t>Shahyousaf</t>
  </si>
  <si>
    <t>VPO shahyousaf teh.shahpur distt.sargodha</t>
  </si>
  <si>
    <t>Mangowal Khurd</t>
  </si>
  <si>
    <t>33873</t>
  </si>
  <si>
    <t>GES CHAK NO.93 NB</t>
  </si>
  <si>
    <t>93NB</t>
  </si>
  <si>
    <t>house#85 street# 1 MURAD Colony near commerce college faisal abad road sgd</t>
  </si>
  <si>
    <t>93 NB</t>
  </si>
  <si>
    <t>Chak 82 NB</t>
  </si>
  <si>
    <t>GHS QASBA KARIALY</t>
  </si>
  <si>
    <t>VILL. &amp; PO. QASBA KARYALI TEHSIL; SARAI ALAMGIR GUJRAT</t>
  </si>
  <si>
    <t>SYED RASHID AHMED</t>
  </si>
  <si>
    <t>49394</t>
  </si>
  <si>
    <t>GHS JAHANABAD</t>
  </si>
  <si>
    <t>Tehsil Shahpur , District Sargodha</t>
  </si>
  <si>
    <t>GPS SANG NUMBER DARAN</t>
  </si>
  <si>
    <t>Sang Number Daran</t>
  </si>
  <si>
    <t>Sang Number Daran. P. O. Char. Sarai Alamgir, Gujrat</t>
  </si>
  <si>
    <t>50941</t>
  </si>
  <si>
    <t>GGPS SUMMRAN</t>
  </si>
  <si>
    <t>Samraw</t>
  </si>
  <si>
    <t>samraw</t>
  </si>
  <si>
    <t>Sammraw</t>
  </si>
  <si>
    <t>Tasleem Riaz</t>
  </si>
  <si>
    <t>46261</t>
  </si>
  <si>
    <t>GPS ROOPO WALI</t>
  </si>
  <si>
    <t>Ropowali</t>
  </si>
  <si>
    <t>javaid khan sabri</t>
  </si>
  <si>
    <t>GPS KHAN PUR GUJRAN</t>
  </si>
  <si>
    <t>Khanpur Gujjaran</t>
  </si>
  <si>
    <t>khanpur gujjaran</t>
  </si>
  <si>
    <t>GGHS BHAWANJ</t>
  </si>
  <si>
    <t>GGHS Bhawanj,village &amp; PO Bhawanj,Tehsil S.A.Gir,District Gujrat</t>
  </si>
  <si>
    <t>49416</t>
  </si>
  <si>
    <t>GES WAGOWAL</t>
  </si>
  <si>
    <t>wagowal</t>
  </si>
  <si>
    <t>WAGOWAL</t>
  </si>
  <si>
    <t>Jahan Abad</t>
  </si>
  <si>
    <t>USAMA JABBAR</t>
  </si>
  <si>
    <t>49093</t>
  </si>
  <si>
    <t>GPS CHAK NO.53 NB NEW</t>
  </si>
  <si>
    <t>53 Nb</t>
  </si>
  <si>
    <t>chak 53 nb new</t>
  </si>
  <si>
    <t>53 Nb New</t>
  </si>
  <si>
    <t>Ludewala</t>
  </si>
  <si>
    <t>SHAHID MEHBOOB</t>
  </si>
  <si>
    <t>GPS SULTAN PUR</t>
  </si>
  <si>
    <t>Hafiz Muhammad Usman</t>
  </si>
  <si>
    <t>23432</t>
  </si>
  <si>
    <t>GHS KHARKA KHADRIALA</t>
  </si>
  <si>
    <t>KAHRKA KHADRIALA</t>
  </si>
  <si>
    <t>VPO KHARKA KHADRIALA, TEHSIL SA GIR, GUJRAT</t>
  </si>
  <si>
    <t>KHARKA KHADRIALA</t>
  </si>
  <si>
    <t>GGHS Fateh Pur</t>
  </si>
  <si>
    <t>GPS MORRO WALA</t>
  </si>
  <si>
    <t>village sardarpur tehsil shahpur district sargodha</t>
  </si>
  <si>
    <t>Rana WAQAR Ahmad</t>
  </si>
  <si>
    <t>48742</t>
  </si>
  <si>
    <t>GHS MC SATELLITE TOWN SARGODHA</t>
  </si>
  <si>
    <t>Govt mc boys high school satellite town sargodha</t>
  </si>
  <si>
    <t>NASIR MAHMOOD</t>
  </si>
  <si>
    <t>195840</t>
  </si>
  <si>
    <t>37330</t>
  </si>
  <si>
    <t>GGHS PURAN</t>
  </si>
  <si>
    <t>GGHS PURAN TEH SARAI ALAMGIR GISTT GUJRAT</t>
  </si>
  <si>
    <t>SADIA KHALID</t>
  </si>
  <si>
    <t>70225</t>
  </si>
  <si>
    <t>GPS DERA RUB NAWAZ</t>
  </si>
  <si>
    <t>Kashmirian Wala</t>
  </si>
  <si>
    <t>Dera Rub Nawaz Shahpur</t>
  </si>
  <si>
    <t>Dera Rub Nawaz</t>
  </si>
  <si>
    <t>SAQIB NAVEED</t>
  </si>
  <si>
    <t>41465</t>
  </si>
  <si>
    <t>49456</t>
  </si>
  <si>
    <t>GPS KARORRAY WALA</t>
  </si>
  <si>
    <t>Noon Kallu</t>
  </si>
  <si>
    <t>karorray Wala p.o. shahpur City Teh. Shahpur Distt. Sargodha</t>
  </si>
  <si>
    <t>Karorray Wala</t>
  </si>
  <si>
    <t>37345</t>
  </si>
  <si>
    <t>49124</t>
  </si>
  <si>
    <t>GPS CHAK NO.83 NB</t>
  </si>
  <si>
    <t>83 NB</t>
  </si>
  <si>
    <t>Chak no 83 T/  D Sargodha</t>
  </si>
  <si>
    <t>43494</t>
  </si>
  <si>
    <t>31879</t>
  </si>
  <si>
    <t>37351</t>
  </si>
  <si>
    <t>49478</t>
  </si>
  <si>
    <t>GPS MUZAFAR ABAD</t>
  </si>
  <si>
    <t>chak Muzaffarabad</t>
  </si>
  <si>
    <t>Muzaffarabad</t>
  </si>
  <si>
    <t>Muhammad Tanveer Azhar</t>
  </si>
  <si>
    <t>42409</t>
  </si>
  <si>
    <t>GGPS CHAK NO.38 NB</t>
  </si>
  <si>
    <t>chak 38 NB Sargodha</t>
  </si>
  <si>
    <t>38 NB</t>
  </si>
  <si>
    <t>Bushra Noor Ahmad</t>
  </si>
  <si>
    <t>GPS FAZAL PUR</t>
  </si>
  <si>
    <t>Village Fazalpur Post Office Kanjrur Teh: Shakargarh Dist: Narowal</t>
  </si>
  <si>
    <t>49454</t>
  </si>
  <si>
    <t>GPS AHMAD DA LOKE</t>
  </si>
  <si>
    <t>ahmed da loke P.O shahpur Teh.Shahpur Dist.Sargodha</t>
  </si>
  <si>
    <t>Ahmed Da Loke</t>
  </si>
  <si>
    <t>26029</t>
  </si>
  <si>
    <t>GHS LAKHNOOR</t>
  </si>
  <si>
    <t>Lakhnor</t>
  </si>
  <si>
    <t>Govt High School Lakhnoor Tehsil Shakargarh Distt. Narowal</t>
  </si>
  <si>
    <t>Lakhnoor</t>
  </si>
  <si>
    <t>37365</t>
  </si>
  <si>
    <t>GGES JALPANA</t>
  </si>
  <si>
    <t>govt girls e/s jalpana</t>
  </si>
  <si>
    <t>Mrs Sajida Parveen</t>
  </si>
  <si>
    <t>37366</t>
  </si>
  <si>
    <t>GPS CHAK NO.39 NB KACHI ABADI</t>
  </si>
  <si>
    <t>39nb Sgd</t>
  </si>
  <si>
    <t>GPS 39nb kachi abadi Sgd</t>
  </si>
  <si>
    <t>Chak 39nb Kachi Abadi Dgd</t>
  </si>
  <si>
    <t>36nb Sgd</t>
  </si>
  <si>
    <t>Muhammad Hameed Ullah</t>
  </si>
  <si>
    <t>village and post office budhial</t>
  </si>
  <si>
    <t>40826</t>
  </si>
  <si>
    <t>6366</t>
  </si>
  <si>
    <t>GES CHAK 341 GB</t>
  </si>
  <si>
    <t>KHIKHA BANGLA-MALE</t>
  </si>
  <si>
    <t>nagal</t>
  </si>
  <si>
    <t>chak no 341 gb</t>
  </si>
  <si>
    <t>341gb</t>
  </si>
  <si>
    <t>342 gb</t>
  </si>
  <si>
    <t>Dr Abdul Ghafoor</t>
  </si>
  <si>
    <t>36276</t>
  </si>
  <si>
    <t>GPS MOZA KHACHI</t>
  </si>
  <si>
    <t>Gps mouza khichi</t>
  </si>
  <si>
    <t>43909</t>
  </si>
  <si>
    <t>GGPS SADKAL</t>
  </si>
  <si>
    <t>dhoke sadqal</t>
  </si>
  <si>
    <t>Sadqal</t>
  </si>
  <si>
    <t>Multan Khurad</t>
  </si>
  <si>
    <t>Shumaila Yasmeen</t>
  </si>
  <si>
    <t>43965</t>
  </si>
  <si>
    <t>GGHS BANGLA NOOR SHAH</t>
  </si>
  <si>
    <t>Bangla Noor Shah</t>
  </si>
  <si>
    <t>ward No 8 MOHALA BANGLA NOOR SHAH TALAGANG DISTRICT CHAKWAL</t>
  </si>
  <si>
    <t>Tala sharq</t>
  </si>
  <si>
    <t>Ayaz Tariq</t>
  </si>
  <si>
    <t>GMPS CHAK 317 JB</t>
  </si>
  <si>
    <t>chak no 317 jb</t>
  </si>
  <si>
    <t>Chak No 317 Jb</t>
  </si>
  <si>
    <t>Shabnum Firdous</t>
  </si>
  <si>
    <t>GES DHOK FAQIRA</t>
  </si>
  <si>
    <t>SAGHAR-MALE</t>
  </si>
  <si>
    <t>Dk Faqeera</t>
  </si>
  <si>
    <t>vpo dhokefqeera talagang chakwal</t>
  </si>
  <si>
    <t>Saleem Iqbal</t>
  </si>
  <si>
    <t>40840</t>
  </si>
  <si>
    <t>43688</t>
  </si>
  <si>
    <t>GHS MOGLA</t>
  </si>
  <si>
    <t>vpo mogla teh Talagang distt Chakwal</t>
  </si>
  <si>
    <t>Dhoular</t>
  </si>
  <si>
    <t>MUBARIK HUSSAIN</t>
  </si>
  <si>
    <t>40841</t>
  </si>
  <si>
    <t>GES CHAK 289 GB</t>
  </si>
  <si>
    <t>RAJANA MALE</t>
  </si>
  <si>
    <t>chak no 289 GB</t>
  </si>
  <si>
    <t>289GB</t>
  </si>
  <si>
    <t>Chak No 290 GB</t>
  </si>
  <si>
    <t>GPS CHAK 304 GB I</t>
  </si>
  <si>
    <t>CHUTIANA MALE</t>
  </si>
  <si>
    <t>304 Gb</t>
  </si>
  <si>
    <t>Gps 304 gb 1</t>
  </si>
  <si>
    <t>chak 304 Gb</t>
  </si>
  <si>
    <t>chak 316 Gb</t>
  </si>
  <si>
    <t>22336</t>
  </si>
  <si>
    <t>GPS SADRAKI</t>
  </si>
  <si>
    <t>CHINJI-MALE</t>
  </si>
  <si>
    <t>Sadraki</t>
  </si>
  <si>
    <t>village sadrki</t>
  </si>
  <si>
    <t>Tm Khan</t>
  </si>
  <si>
    <t>GHS PATWALI</t>
  </si>
  <si>
    <t>Patwali</t>
  </si>
  <si>
    <t>patwali teh talagang chakwal</t>
  </si>
  <si>
    <t>Muhammad Waqar Hasnain Haider</t>
  </si>
  <si>
    <t>GPS CHAK NO 26 WB</t>
  </si>
  <si>
    <t>26/wb</t>
  </si>
  <si>
    <t>Chak no 26/wb</t>
  </si>
  <si>
    <t>54471</t>
  </si>
  <si>
    <t>GGPS DHOK PHALLI</t>
  </si>
  <si>
    <t>Jab I Shah Dilawar</t>
  </si>
  <si>
    <t>ggpsdhokephalli</t>
  </si>
  <si>
    <t>Dhok Phali</t>
  </si>
  <si>
    <t>36241</t>
  </si>
  <si>
    <t>GPS CHAK NO.81/WB</t>
  </si>
  <si>
    <t>81 Wb</t>
  </si>
  <si>
    <t>chak 81 wb</t>
  </si>
  <si>
    <t>40884</t>
  </si>
  <si>
    <t>43967</t>
  </si>
  <si>
    <t>GGPS TALAGANG NO. 7</t>
  </si>
  <si>
    <t>dhok yousaf</t>
  </si>
  <si>
    <t>ggps no 7 talagang</t>
  </si>
  <si>
    <t>Adeela umer</t>
  </si>
  <si>
    <t>GPS DHOK KASMAL VILLAGE MULTAN KHURD</t>
  </si>
  <si>
    <t>MULTAN KHURD-MALE</t>
  </si>
  <si>
    <t>dhok kasmal P/ O Multan khurd</t>
  </si>
  <si>
    <t>Dhok Kasmal</t>
  </si>
  <si>
    <t>Parveen Kausar</t>
  </si>
  <si>
    <t>GPS TALA JABA</t>
  </si>
  <si>
    <t>vpo thoha mahram khan dhok jaba</t>
  </si>
  <si>
    <t>Thoha Mahram Khan</t>
  </si>
  <si>
    <t>Raisham Khan</t>
  </si>
  <si>
    <t>GGCMES CHAK 491 GB MAMUNKANJAN</t>
  </si>
  <si>
    <t>Baman</t>
  </si>
  <si>
    <t>Chak no 491GB</t>
  </si>
  <si>
    <t>Chak No 491GB</t>
  </si>
  <si>
    <t>44770</t>
  </si>
  <si>
    <t>GGHS CHAK 521 GB</t>
  </si>
  <si>
    <t>Chak no.521 GB</t>
  </si>
  <si>
    <t>Chak No.521 GB Teh &amp; Distt Toba Tek Singh</t>
  </si>
  <si>
    <t>Chak No.521 GB</t>
  </si>
  <si>
    <t>Chak No.519 GB</t>
  </si>
  <si>
    <t>Shakila Perveen</t>
  </si>
  <si>
    <t>43913</t>
  </si>
  <si>
    <t>GGHS BHAGTHAL</t>
  </si>
  <si>
    <t>VPO bhagtal</t>
  </si>
  <si>
    <t>Peera Fatehal</t>
  </si>
  <si>
    <t>Aqleem Mustafa</t>
  </si>
  <si>
    <t>24324</t>
  </si>
  <si>
    <t>GHS CHAK 508 GB TANDLIANWALA FSD</t>
  </si>
  <si>
    <t>Chak 508 GB</t>
  </si>
  <si>
    <t>CHAK NO. 508 GB</t>
  </si>
  <si>
    <t>CHAK NO. 514 GB</t>
  </si>
  <si>
    <t>30362</t>
  </si>
  <si>
    <t>48914</t>
  </si>
  <si>
    <t>GGHS CHAK NO.96 NB</t>
  </si>
  <si>
    <t>79 NB</t>
  </si>
  <si>
    <t>GGHS96NB Sargodha</t>
  </si>
  <si>
    <t>GGHS96NB SARGODHA</t>
  </si>
  <si>
    <t>121/97</t>
  </si>
  <si>
    <t>GPS SATO WALI</t>
  </si>
  <si>
    <t>Sato Wali</t>
  </si>
  <si>
    <t>Sato Wali p.o. peerochak teh.&amp; district sialkot</t>
  </si>
  <si>
    <t>Muhammed Ajmal</t>
  </si>
  <si>
    <t>17652</t>
  </si>
  <si>
    <t>38574</t>
  </si>
  <si>
    <t>51585</t>
  </si>
  <si>
    <t>GMPS PINDI MANDALA</t>
  </si>
  <si>
    <t>Pindi Mandala</t>
  </si>
  <si>
    <t>pindi mandla Tehsil sialkot District sialkot</t>
  </si>
  <si>
    <t>Ismat Bashir</t>
  </si>
  <si>
    <t>21379</t>
  </si>
  <si>
    <t>GGCMHS RACHAND</t>
  </si>
  <si>
    <t>Rachand</t>
  </si>
  <si>
    <t>GGCMHS Rachand  Village Rachand</t>
  </si>
  <si>
    <t>385398</t>
  </si>
  <si>
    <t>GGHSS CHAK NO.109 SB</t>
  </si>
  <si>
    <t>109 SB</t>
  </si>
  <si>
    <t>Chak 109SB, Sargodha</t>
  </si>
  <si>
    <t>Chak 109SB</t>
  </si>
  <si>
    <t>Raana Mustafa</t>
  </si>
  <si>
    <t>GPS KAKKOO WALA</t>
  </si>
  <si>
    <t>Kakkoo Wala</t>
  </si>
  <si>
    <t>kakkoo wala p/o Qaim bharwana tehsil shorkot jhang</t>
  </si>
  <si>
    <t>Qaim Bharwana</t>
  </si>
  <si>
    <t>GGES CHAK MANDHAR</t>
  </si>
  <si>
    <t>ChakMandahar</t>
  </si>
  <si>
    <t>GGES CHAKMANDAHAR NEAR PULLI TOP KHANA SIALKOT</t>
  </si>
  <si>
    <t>BhallanWala</t>
  </si>
  <si>
    <t>Shafia Haider</t>
  </si>
  <si>
    <t>31380</t>
  </si>
  <si>
    <t>18390</t>
  </si>
  <si>
    <t>32264</t>
  </si>
  <si>
    <t>GGPS DERA SOIAO</t>
  </si>
  <si>
    <t>Ggps dera soian district sheikhupura</t>
  </si>
  <si>
    <t>Dera Soian</t>
  </si>
  <si>
    <t>Nuzhat Bibi</t>
  </si>
  <si>
    <t>GPS KAIR BAVA</t>
  </si>
  <si>
    <t>Kair Bava</t>
  </si>
  <si>
    <t>Kair Bava Farooqabad Sheikhupura</t>
  </si>
  <si>
    <t>Farooqabad Village</t>
  </si>
  <si>
    <t>22798</t>
  </si>
  <si>
    <t>32381</t>
  </si>
  <si>
    <t>GGPS BILLU ANA</t>
  </si>
  <si>
    <t>Jhabbran</t>
  </si>
  <si>
    <t>Billo Ana</t>
  </si>
  <si>
    <t>Saeeda Akram</t>
  </si>
  <si>
    <t>GPS FOUJDAR GARH</t>
  </si>
  <si>
    <t>Foujdargarh</t>
  </si>
  <si>
    <t>Foujdargarh P.O Kotli Loharan West Tehsil and District Sialkot</t>
  </si>
  <si>
    <t>GGPS MEELO DHENGLA</t>
  </si>
  <si>
    <t>MELOO Dhengla</t>
  </si>
  <si>
    <t>GGPS MELOO Dhengla</t>
  </si>
  <si>
    <t>Moongar</t>
  </si>
  <si>
    <t>Emrozia Khan</t>
  </si>
  <si>
    <t>24897</t>
  </si>
  <si>
    <t>GPS ZINDAH</t>
  </si>
  <si>
    <t>Zindah</t>
  </si>
  <si>
    <t>village zindah post office headmarala sialkot</t>
  </si>
  <si>
    <t>Headmarala</t>
  </si>
  <si>
    <t>41374</t>
  </si>
  <si>
    <t>38602</t>
  </si>
  <si>
    <t>31958</t>
  </si>
  <si>
    <t>GGES NAWAN KOT</t>
  </si>
  <si>
    <t>Dera  Gulab Sing</t>
  </si>
  <si>
    <t>GGES nawan kot skp</t>
  </si>
  <si>
    <t>Aysha Nasir</t>
  </si>
  <si>
    <t>38605</t>
  </si>
  <si>
    <t>49287</t>
  </si>
  <si>
    <t>GGPS SHER DIL CHOWK</t>
  </si>
  <si>
    <t>Maqame Hayat</t>
  </si>
  <si>
    <t>GG p/s sher dil chowk maqam e hayat</t>
  </si>
  <si>
    <t>38613</t>
  </si>
  <si>
    <t>GGPS GANJI JHULAAR</t>
  </si>
  <si>
    <t>Ganji Jhulaar</t>
  </si>
  <si>
    <t>GGPS Ganji Jhalar</t>
  </si>
  <si>
    <t>Masooda Bashir</t>
  </si>
  <si>
    <t>GGHS GUNA KALAN</t>
  </si>
  <si>
    <t>Village &amp; p.o. gunna kalan</t>
  </si>
  <si>
    <t>GHSS HAVELI BAHADUR SHAH</t>
  </si>
  <si>
    <t>HAVELI bahadar  BAHADUR SHAH</t>
  </si>
  <si>
    <t>GOVT HIGHER SECONDARY SCHOOL HAVELI BAHADUR SHAH JHANG</t>
  </si>
  <si>
    <t>Muhammad Masood Ur Rehman</t>
  </si>
  <si>
    <t>48824</t>
  </si>
  <si>
    <t>GES CHAK NO.30 SB</t>
  </si>
  <si>
    <t>chak 30 sb sargodha</t>
  </si>
  <si>
    <t>Chak 30 Sb</t>
  </si>
  <si>
    <t>Chak No 30 Sb</t>
  </si>
  <si>
    <t>GES MAKKI NO. 460</t>
  </si>
  <si>
    <t>GMPS SUNDHWALA</t>
  </si>
  <si>
    <t>Sandhwala</t>
  </si>
  <si>
    <t>GMPS Sandhwala</t>
  </si>
  <si>
    <t>Kishwar  Tahira</t>
  </si>
  <si>
    <t>34734</t>
  </si>
  <si>
    <t>38627</t>
  </si>
  <si>
    <t>GPS KHALIL PUR</t>
  </si>
  <si>
    <t>Khalilpur, Marakaz Head Marala, Tehsil and District Sialkot</t>
  </si>
  <si>
    <t>43297</t>
  </si>
  <si>
    <t>GPS GHULAM MUHAMMAD ABAD</t>
  </si>
  <si>
    <t>Basti Bhabhal Wala ,mouza badh rajbana Shorkot City</t>
  </si>
  <si>
    <t>Bhabhal Wala</t>
  </si>
  <si>
    <t>MUHAMMAD SIDDIQUE RIAZ</t>
  </si>
  <si>
    <t>GPS CHAK NO.35 NB</t>
  </si>
  <si>
    <t>35 Nb</t>
  </si>
  <si>
    <t>chak no 35 nb</t>
  </si>
  <si>
    <t>Chak No 35 Nb</t>
  </si>
  <si>
    <t>Chak No 34 Nb</t>
  </si>
  <si>
    <t>Khuram Ishfaq</t>
  </si>
  <si>
    <t>25656</t>
  </si>
  <si>
    <t>37726</t>
  </si>
  <si>
    <t>26010</t>
  </si>
  <si>
    <t>village &amp; p/o phagwari</t>
  </si>
  <si>
    <t>54821</t>
  </si>
  <si>
    <t>GGPS DARYA GUJRAN</t>
  </si>
  <si>
    <t>Darya Gujjran</t>
  </si>
  <si>
    <t>darya gujran</t>
  </si>
  <si>
    <t>Darya Gujran</t>
  </si>
  <si>
    <t>Mahwish Farooqi</t>
  </si>
  <si>
    <t>49024</t>
  </si>
  <si>
    <t>GPS CHAK NO.99 NB NEW ABADI</t>
  </si>
  <si>
    <t>99nb</t>
  </si>
  <si>
    <t>,99nb newabadi</t>
  </si>
  <si>
    <t>Syed Ayyaz Javed</t>
  </si>
  <si>
    <t>Village Veeram P/o Kanjrur Tehsil Shakargarh Distirct Narowal</t>
  </si>
  <si>
    <t>kotli bary Khan</t>
  </si>
  <si>
    <t>Farhat Naseeb</t>
  </si>
  <si>
    <t>49137</t>
  </si>
  <si>
    <t>GPS CHAK NO.5 REMOUNT DEPOT</t>
  </si>
  <si>
    <t>REMOUNT Depot DEPOT  72 NB</t>
  </si>
  <si>
    <t>Chak No. 5 Remount Depot</t>
  </si>
  <si>
    <t>Chak 5 RD</t>
  </si>
  <si>
    <t>GPS CHANJORA</t>
  </si>
  <si>
    <t>GPS chanjora</t>
  </si>
  <si>
    <t>Chanjorra</t>
  </si>
  <si>
    <t>Gorsaiyal</t>
  </si>
  <si>
    <t>Muhammad Asif Javaid</t>
  </si>
  <si>
    <t>GPS DERA AFGHANAN</t>
  </si>
  <si>
    <t>dera afghanan</t>
  </si>
  <si>
    <t>Dera Afghanan</t>
  </si>
  <si>
    <t>Kotli Barey Khan</t>
  </si>
  <si>
    <t>49086</t>
  </si>
  <si>
    <t>GPS NO.2 CHAK NO.71 NB</t>
  </si>
  <si>
    <t>71 Nb</t>
  </si>
  <si>
    <t>chak no 71 nb sargodha</t>
  </si>
  <si>
    <t>Chak No 71nb</t>
  </si>
  <si>
    <t>49055</t>
  </si>
  <si>
    <t>GPS CHAK NO.102 NB</t>
  </si>
  <si>
    <t>Chak No 102nb</t>
  </si>
  <si>
    <t>govt boys p/s Chak no 102 NB. sgd.</t>
  </si>
  <si>
    <t>Chak 102nb</t>
  </si>
  <si>
    <t>Chak No 97nb</t>
  </si>
  <si>
    <t>Mustansar Billah</t>
  </si>
  <si>
    <t>31111</t>
  </si>
  <si>
    <t>GGPS BAGOLARAH</t>
  </si>
  <si>
    <t>Bagolrah</t>
  </si>
  <si>
    <t>village bagolrah post office sukhochak tehsil shakargarh district narowal</t>
  </si>
  <si>
    <t>Aysha Saddiqa</t>
  </si>
  <si>
    <t>37770</t>
  </si>
  <si>
    <t>GGCMS CHAK NO.54 NB SHUMALI</t>
  </si>
  <si>
    <t>Chak 54 Nb</t>
  </si>
  <si>
    <t>GGCMS chak 54 nb</t>
  </si>
  <si>
    <t>Chak 54 Nb Sgd</t>
  </si>
  <si>
    <t>Ludday Wala</t>
  </si>
  <si>
    <t>Naheed Shabana</t>
  </si>
  <si>
    <t>GGHS CHAK NO.95 SB</t>
  </si>
  <si>
    <t>Chak No 95 SB</t>
  </si>
  <si>
    <t>Chak No 95 SB Tehsil &amp; District Sargodha</t>
  </si>
  <si>
    <t>52838</t>
  </si>
  <si>
    <t>GGHS JOHAR COLONY SGD</t>
  </si>
  <si>
    <t>JOUHAR COLONY SARGODHA</t>
  </si>
  <si>
    <t>Jouhar Colony</t>
  </si>
  <si>
    <t>TASNEEM SULTANA</t>
  </si>
  <si>
    <t>GPS CHAK NO.91 SB</t>
  </si>
  <si>
    <t>91 Sb East</t>
  </si>
  <si>
    <t>Chak No 91 ASB  E</t>
  </si>
  <si>
    <t>Chak No 91 ASB</t>
  </si>
  <si>
    <t>Chak No 40 NB</t>
  </si>
  <si>
    <t>37792</t>
  </si>
  <si>
    <t>49089</t>
  </si>
  <si>
    <t>GES CHAK NO.94 NB</t>
  </si>
  <si>
    <t>Khoonan 94 NB</t>
  </si>
  <si>
    <t>chak 94 NB Sargodha</t>
  </si>
  <si>
    <t>Khoonan</t>
  </si>
  <si>
    <t>104 NB</t>
  </si>
  <si>
    <t>Malik Bashir Ahmad</t>
  </si>
  <si>
    <t>26063</t>
  </si>
  <si>
    <t>GGHS FATWAL</t>
  </si>
  <si>
    <t>village fatwal post office babral tehsil shakargarh district narowal</t>
  </si>
  <si>
    <t>GGMPS NATHU KOT</t>
  </si>
  <si>
    <t>nathukot</t>
  </si>
  <si>
    <t>Razia Sharif</t>
  </si>
  <si>
    <t>37799</t>
  </si>
  <si>
    <t>GGPS CHAK NO.101 NB NEW ABADI</t>
  </si>
  <si>
    <t>101nb New Abadi</t>
  </si>
  <si>
    <t>GGPS 101nb new Abadi Sargodha</t>
  </si>
  <si>
    <t>101nb</t>
  </si>
  <si>
    <t>97 Nb</t>
  </si>
  <si>
    <t>Shagufta Jalal</t>
  </si>
  <si>
    <t>6636</t>
  </si>
  <si>
    <t>GGPS RAJAR KALAN</t>
  </si>
  <si>
    <t>govt  girls primary  school rajar kalan . tehsil Sarai  Alamgir.</t>
  </si>
  <si>
    <t>Rajar  Kalan</t>
  </si>
  <si>
    <t>Rajar  Kalan Sarai  Alamgir</t>
  </si>
  <si>
    <t>Aneela Iqbal</t>
  </si>
  <si>
    <t>GHS SHAH YOUSAF SHAHPUR</t>
  </si>
  <si>
    <t>shah yousaf</t>
  </si>
  <si>
    <t>post office /village shah yousaf</t>
  </si>
  <si>
    <t>mangowal kalan</t>
  </si>
  <si>
    <t>Abdur Rahman</t>
  </si>
  <si>
    <t>49475</t>
  </si>
  <si>
    <t>GPS BAHADERIAN WALA</t>
  </si>
  <si>
    <t>Dera Bahaderian Wala</t>
  </si>
  <si>
    <t>p/o mangowal kalan teh.shahpur disst.Sargodha</t>
  </si>
  <si>
    <t>39958</t>
  </si>
  <si>
    <t>37141</t>
  </si>
  <si>
    <t>GPS AQIL SHAH KHURD</t>
  </si>
  <si>
    <t>Aqil  Shah</t>
  </si>
  <si>
    <t>Aqil Shah Khurd Shahpur Sadar</t>
  </si>
  <si>
    <t>Aqil Shah Khurd</t>
  </si>
  <si>
    <t>Tanveer Asif</t>
  </si>
  <si>
    <t>GMPS KHAN PUR GUJRAN</t>
  </si>
  <si>
    <t>khanpur gujran</t>
  </si>
  <si>
    <t>Khnapur Gujran</t>
  </si>
  <si>
    <t>Hina Saghir</t>
  </si>
  <si>
    <t>49497</t>
  </si>
  <si>
    <t>village and post office kalra tehsil shahpur district sargodha</t>
  </si>
  <si>
    <t>GES CHAK NO.190 NB TARKOTA</t>
  </si>
  <si>
    <t>190nb</t>
  </si>
  <si>
    <t>chak 190 nb</t>
  </si>
  <si>
    <t>Tirkota</t>
  </si>
  <si>
    <t>Muhammad Asjad</t>
  </si>
  <si>
    <t>49123</t>
  </si>
  <si>
    <t>GPS CHAK NO.81 NB MAHLO WALA</t>
  </si>
  <si>
    <t>GPS 81NB CHAK NO. 81NB MAHLOWALA</t>
  </si>
  <si>
    <t>Chak No 81 Nb Mahlowala</t>
  </si>
  <si>
    <t>Chak No 82nb</t>
  </si>
  <si>
    <t>Ahmad Adeel</t>
  </si>
  <si>
    <t>26145</t>
  </si>
  <si>
    <t>GPS BHERI KHURD</t>
  </si>
  <si>
    <t>GPS Bheri Khurd Tehsil Shakargarh, District Narowal</t>
  </si>
  <si>
    <t>48837</t>
  </si>
  <si>
    <t>GES CHAK NO.85 SB</t>
  </si>
  <si>
    <t>Chak No. 85 SB</t>
  </si>
  <si>
    <t>Chak No 85 SB</t>
  </si>
  <si>
    <t>Chak No 88 SB</t>
  </si>
  <si>
    <t>Malik Gulzaman</t>
  </si>
  <si>
    <t>GPS KAPUR DEV</t>
  </si>
  <si>
    <t>KAPUR DEVE</t>
  </si>
  <si>
    <t>VILLAGE KAPOOR DEV PO KANJRUR TEHSIL SHAKARGARH</t>
  </si>
  <si>
    <t>KAPUR DEV</t>
  </si>
  <si>
    <t>KANJRUR</t>
  </si>
  <si>
    <t>REHMAN SABIR</t>
  </si>
  <si>
    <t>49273</t>
  </si>
  <si>
    <t>GPS SANG DARMIANA</t>
  </si>
  <si>
    <t>Char</t>
  </si>
  <si>
    <t>village sang darmiana post office char tehsil
sarai e alamgir</t>
  </si>
  <si>
    <t>Sang Darmiana</t>
  </si>
  <si>
    <t>Arslan Munir</t>
  </si>
  <si>
    <t>37170</t>
  </si>
  <si>
    <t>GGPS KAKROT</t>
  </si>
  <si>
    <t>kakrot</t>
  </si>
  <si>
    <t>Kakrot</t>
  </si>
  <si>
    <t>Maria sajid</t>
  </si>
  <si>
    <t>GMPS RAHIAN</t>
  </si>
  <si>
    <t>Rahian</t>
  </si>
  <si>
    <t>vill rahian pobox nothaia qureshia teh sarai alamgir dist gujrat</t>
  </si>
  <si>
    <t>49590</t>
  </si>
  <si>
    <t>GGPS SHER KOT KUD LATHI</t>
  </si>
  <si>
    <t>Bilal colony Jhawarian</t>
  </si>
  <si>
    <t>Kot  Bhai Khan</t>
  </si>
  <si>
    <t>37185</t>
  </si>
  <si>
    <t>GHS JALALA</t>
  </si>
  <si>
    <t>village jalala post office ikhlaspur tehsil shakargarh disttrict narowal</t>
  </si>
  <si>
    <t>Mujahid Maqbool</t>
  </si>
  <si>
    <t>GPS KOTHAY NANGAL</t>
  </si>
  <si>
    <t>Nangle</t>
  </si>
  <si>
    <t>vill: kothey nangle p.o kanjrur teh. shakargarh distt. narowal</t>
  </si>
  <si>
    <t>GPS BAKOHAL JATTAN</t>
  </si>
  <si>
    <t>Bakohal Jattan</t>
  </si>
  <si>
    <t>GPS Bakohal Jattan PO Thill</t>
  </si>
  <si>
    <t>GGPS GHARGHAL</t>
  </si>
  <si>
    <t>Ghorghal</t>
  </si>
  <si>
    <t>village ghorghal p.o baramanga tehsil shakargarh district narowal</t>
  </si>
  <si>
    <t>Mobeen Khaliq</t>
  </si>
  <si>
    <t>49225</t>
  </si>
  <si>
    <t>GGCMS CHAK NO.17 SB TANGOWALI</t>
  </si>
  <si>
    <t>17SB</t>
  </si>
  <si>
    <t>Mithalak</t>
  </si>
  <si>
    <t>Ayesha Nasir</t>
  </si>
  <si>
    <t>15101</t>
  </si>
  <si>
    <t>51022</t>
  </si>
  <si>
    <t>49303</t>
  </si>
  <si>
    <t>GGPS CHAK NO.65 NB</t>
  </si>
  <si>
    <t>65 NB</t>
  </si>
  <si>
    <t>65NB</t>
  </si>
  <si>
    <t>58NB</t>
  </si>
  <si>
    <t>Sammar Un Nisa</t>
  </si>
  <si>
    <t>GPS DHAREMA DHARAT PATI</t>
  </si>
  <si>
    <t>p/o dharema,tehsil &amp; district Sargodha</t>
  </si>
  <si>
    <t>Dharat Pati</t>
  </si>
  <si>
    <t>Rifat Abbas</t>
  </si>
  <si>
    <t>44275</t>
  </si>
  <si>
    <t>37216</t>
  </si>
  <si>
    <t>49449</t>
  </si>
  <si>
    <t>GPS MIDH</t>
  </si>
  <si>
    <t>Midh,Tehsil shah pur district sargodha</t>
  </si>
  <si>
    <t>19156</t>
  </si>
  <si>
    <t>GGPS AFZAL PURA</t>
  </si>
  <si>
    <t>Afzal pura norkot road shakargarh</t>
  </si>
  <si>
    <t>Safia Begham</t>
  </si>
  <si>
    <t>GGHS CHAK NO.49 NB</t>
  </si>
  <si>
    <t>Chak 49 Nb</t>
  </si>
  <si>
    <t>Government girls high school Chak 49 Nb sargodha</t>
  </si>
  <si>
    <t>Muhammad Bibi</t>
  </si>
  <si>
    <t>GPS DAMOON CHAK</t>
  </si>
  <si>
    <t>Damuchak</t>
  </si>
  <si>
    <t>vill DAMUChakposaadatpurTehsaraialamgirgujrat</t>
  </si>
  <si>
    <t>Bagnagr</t>
  </si>
  <si>
    <t>49625</t>
  </si>
  <si>
    <t>Jhugian Sial</t>
  </si>
  <si>
    <t>jhugian sial po box mankey wala</t>
  </si>
  <si>
    <t>26331</t>
  </si>
  <si>
    <t>GGPS MAJUA</t>
  </si>
  <si>
    <t>Majua</t>
  </si>
  <si>
    <t>govt.girls primary school majua</t>
  </si>
  <si>
    <t>tanzila riaz</t>
  </si>
  <si>
    <t>GES LUQMAN</t>
  </si>
  <si>
    <t>Village Luqman</t>
  </si>
  <si>
    <t>Muhammad Omar Farooq</t>
  </si>
  <si>
    <t>49460</t>
  </si>
  <si>
    <t>GPS SABOWAL</t>
  </si>
  <si>
    <t>sabowal teh shahpur distt Sargodha</t>
  </si>
  <si>
    <t>49390</t>
  </si>
  <si>
    <t>GHS JHAWARIAN</t>
  </si>
  <si>
    <t>JHAWARIAN</t>
  </si>
  <si>
    <t>bhera road jhawarian.</t>
  </si>
  <si>
    <t>jhawarian</t>
  </si>
  <si>
    <t>MUHAMMAD RIAZ KALEEM</t>
  </si>
  <si>
    <t>GGPS DHAL</t>
  </si>
  <si>
    <t>Dhall</t>
  </si>
  <si>
    <t>Village Dhall P.O. Nothia Qureshian Tehsil Sarai Alamgir District Gujrat</t>
  </si>
  <si>
    <t>Ghazala Saleem</t>
  </si>
  <si>
    <t>25998</t>
  </si>
  <si>
    <t>GHS PINDI UMRA</t>
  </si>
  <si>
    <t>Pindi Umra</t>
  </si>
  <si>
    <t>Pindi Umra P/O Pindi Umra Tehsil Shakargarh</t>
  </si>
  <si>
    <t>26248</t>
  </si>
  <si>
    <t>GGPS SHAKAR GARH NO 2 ZIA ROAD</t>
  </si>
  <si>
    <t>Zia road.  Skg</t>
  </si>
  <si>
    <t>Zobaida Bibi</t>
  </si>
  <si>
    <t>GPS NO.2 CHAK NO.27 SB</t>
  </si>
  <si>
    <t>Chak No 27sb</t>
  </si>
  <si>
    <t>Chak No. 27 Sb, Tehsil &amp; District Sargodha</t>
  </si>
  <si>
    <t>Chak No 27 Sb</t>
  </si>
  <si>
    <t>37807</t>
  </si>
  <si>
    <t>GES LALIAN</t>
  </si>
  <si>
    <t>LaLian</t>
  </si>
  <si>
    <t>Village &amp; P/O LaLian Shakar Garh</t>
  </si>
  <si>
    <t>26146</t>
  </si>
  <si>
    <t>GPS BHARI KALAN</t>
  </si>
  <si>
    <t>Bhari Kalan</t>
  </si>
  <si>
    <t>Bheri Kalan</t>
  </si>
  <si>
    <t>Muhammad Arif Sajid</t>
  </si>
  <si>
    <t>GGPS AMRYAL</t>
  </si>
  <si>
    <t>Amriyal</t>
  </si>
  <si>
    <t>V amriyal, SKG narowal</t>
  </si>
  <si>
    <t>Naem Farha</t>
  </si>
  <si>
    <t>36619</t>
  </si>
  <si>
    <t>GGES SHAKAR GARH NO. 1</t>
  </si>
  <si>
    <t>Katchehry</t>
  </si>
  <si>
    <t>gges no 1 shakargarh main bazar</t>
  </si>
  <si>
    <t>26207</t>
  </si>
  <si>
    <t>GPS SATUWAL</t>
  </si>
  <si>
    <t>Satuwal</t>
  </si>
  <si>
    <t>Gps Satuwal  P/o  satuwal</t>
  </si>
  <si>
    <t>GPS CHAK NO.85 NB</t>
  </si>
  <si>
    <t>85 NB</t>
  </si>
  <si>
    <t>chak 85 NB</t>
  </si>
  <si>
    <t>chak no 90 nb</t>
  </si>
  <si>
    <t>34064</t>
  </si>
  <si>
    <t>49039</t>
  </si>
  <si>
    <t>GPS CHAK NO.29 NB</t>
  </si>
  <si>
    <t>ChakNo29NB</t>
  </si>
  <si>
    <t>GPS29N.B.Sargodha.</t>
  </si>
  <si>
    <t>ChakNo36NB</t>
  </si>
  <si>
    <t>48831</t>
  </si>
  <si>
    <t>GES CHAK NO.37 SB</t>
  </si>
  <si>
    <t>37 Sb</t>
  </si>
  <si>
    <t>Chak no 37 sb Sargodha</t>
  </si>
  <si>
    <t>36 SB</t>
  </si>
  <si>
    <t>47235</t>
  </si>
  <si>
    <t>GGPS SHAUKAT HAYAT COLONY SARGODHA</t>
  </si>
  <si>
    <t>Shoukat Hayat  Colony Sgd</t>
  </si>
  <si>
    <t>shoukat hayat colony sgd</t>
  </si>
  <si>
    <t>Shoukat Hayat Colony</t>
  </si>
  <si>
    <t>Nosheen Shahid</t>
  </si>
  <si>
    <t>48758</t>
  </si>
  <si>
    <t>GHSS CHAK NO.104 NB</t>
  </si>
  <si>
    <t>CHAK NO 104 NB</t>
  </si>
  <si>
    <t>CHAK NO 104NB TEHSIL AND DISTRICT SARGODHA</t>
  </si>
  <si>
    <t>CH AHMAD NAWAZ</t>
  </si>
  <si>
    <t>GHS MALO WALL SKP</t>
  </si>
  <si>
    <t>Village Malowl Post Office Same</t>
  </si>
  <si>
    <t>Rana Maqsood Ahmed</t>
  </si>
  <si>
    <t>49016</t>
  </si>
  <si>
    <t>GES CHAK NO.22 SB</t>
  </si>
  <si>
    <t>chak no 22 sb</t>
  </si>
  <si>
    <t>chak 22 sb</t>
  </si>
  <si>
    <t>chak 24 sb</t>
  </si>
  <si>
    <t>23870</t>
  </si>
  <si>
    <t>GMPS BHAGAL</t>
  </si>
  <si>
    <t>Bhagal</t>
  </si>
  <si>
    <t>Kharota Syeddan</t>
  </si>
  <si>
    <t>20107</t>
  </si>
  <si>
    <t>24866</t>
  </si>
  <si>
    <t>GPS HADALI</t>
  </si>
  <si>
    <t>HADALI</t>
  </si>
  <si>
    <t>VILLAGE HADALI P/O CHAPRAR</t>
  </si>
  <si>
    <t>CHAK JOGO</t>
  </si>
  <si>
    <t>50049</t>
  </si>
  <si>
    <t>GPS CHAK NO 5 GHAGH</t>
  </si>
  <si>
    <t>Chak No 5</t>
  </si>
  <si>
    <t>GPS chak no 5 ghagh</t>
  </si>
  <si>
    <t>Chak No 5 Ghagh</t>
  </si>
  <si>
    <t>Chak No 3 Ghagh</t>
  </si>
  <si>
    <t>32124</t>
  </si>
  <si>
    <t>GPS CHAH KAMBOOKA</t>
  </si>
  <si>
    <t>Chah Kamboka</t>
  </si>
  <si>
    <t>chah kamboka</t>
  </si>
  <si>
    <t>Gujiana Nau</t>
  </si>
  <si>
    <t>Hafiz Muhammad Najam Ul Hassan</t>
  </si>
  <si>
    <t>25228</t>
  </si>
  <si>
    <t>GGPS BHINDER</t>
  </si>
  <si>
    <t>Bhinder</t>
  </si>
  <si>
    <t>Village bhinder tehsil sialkot via uggoki</t>
  </si>
  <si>
    <t>Jourian Kalan</t>
  </si>
  <si>
    <t>Filter cooler</t>
  </si>
  <si>
    <t>GPS KEERIAN WALI</t>
  </si>
  <si>
    <t>Manga Virkan</t>
  </si>
  <si>
    <t>keerian Wali Distt Sheikhupura</t>
  </si>
  <si>
    <t>Keerian Wali</t>
  </si>
  <si>
    <t>Azam Munir</t>
  </si>
  <si>
    <t>GPS KAPURAN WALA</t>
  </si>
  <si>
    <t>Kakki Nau Doam</t>
  </si>
  <si>
    <t>chah kapuran wala kakki nau doam</t>
  </si>
  <si>
    <t>Kapuran Wala</t>
  </si>
  <si>
    <t>Mehrban Ali</t>
  </si>
  <si>
    <t>GPS CHAK NO 17 GHAGH</t>
  </si>
  <si>
    <t>17 Ghagh</t>
  </si>
  <si>
    <t>chak no 17 ghagh, shorkot, jhang</t>
  </si>
  <si>
    <t>Chak 3 Ghagh</t>
  </si>
  <si>
    <t>GGHS CHAK NO 17 GHAGH</t>
  </si>
  <si>
    <t>Chak No 17 Ghagh</t>
  </si>
  <si>
    <t>gghs 17 ghagh</t>
  </si>
  <si>
    <t>GHS ISLAMIA SIALKOT CITY</t>
  </si>
  <si>
    <t>ADDA SHAHBAZ KHAN KARIM PURA SIALKOT</t>
  </si>
  <si>
    <t>KARIM PURA</t>
  </si>
  <si>
    <t>48772</t>
  </si>
  <si>
    <t>GHS SKAESAR BAR</t>
  </si>
  <si>
    <t>Sakesar Bar</t>
  </si>
  <si>
    <t>sakesar Bar Tehsil and District Sargodha</t>
  </si>
  <si>
    <t>44649</t>
  </si>
  <si>
    <t>38457</t>
  </si>
  <si>
    <t>18230</t>
  </si>
  <si>
    <t>Rakh Kotla</t>
  </si>
  <si>
    <t>colony kot kabir mouza rakh kotla</t>
  </si>
  <si>
    <t>Kotla Muhammad Zareef Khan</t>
  </si>
  <si>
    <t>Nadeem Ahmad Ghauri</t>
  </si>
  <si>
    <t>GES KHUJJAR</t>
  </si>
  <si>
    <t>Kujjar</t>
  </si>
  <si>
    <t>Govt. E/S. Kujjar</t>
  </si>
  <si>
    <t>38461</t>
  </si>
  <si>
    <t>GGPS QILA AKWAK SINGH</t>
  </si>
  <si>
    <t>QILA AKWAK SINGH</t>
  </si>
  <si>
    <t>QILA AKWAK SINGH P/O MANANWALA DISTRICT SHEIKHUPURA</t>
  </si>
  <si>
    <t>NAJMA KAUSAR</t>
  </si>
  <si>
    <t>49638</t>
  </si>
  <si>
    <t>GGPS HAIRAN</t>
  </si>
  <si>
    <t>Hairan</t>
  </si>
  <si>
    <t>Hairan Tehsil &amp; district Sheikhupura</t>
  </si>
  <si>
    <t>Anam Tahseen</t>
  </si>
  <si>
    <t>GMES MEHAL</t>
  </si>
  <si>
    <t>Mehal</t>
  </si>
  <si>
    <t>Wad Gran</t>
  </si>
  <si>
    <t>Zahida Battool</t>
  </si>
  <si>
    <t>GES CHAK NO 7 GHAGH</t>
  </si>
  <si>
    <t>Chak No 7 Ghagh</t>
  </si>
  <si>
    <t>CHAK NO 7 GHAGH TEHSIL SHORKOT DISTRICT JHANG</t>
  </si>
  <si>
    <t>CHAK NO 7 GHAGH</t>
  </si>
  <si>
    <t>MUHAMMAD IRFN SHAH HASHMI</t>
  </si>
  <si>
    <t>32377</t>
  </si>
  <si>
    <t>GGPS KHEWAN WALA</t>
  </si>
  <si>
    <t>Khewan Wala</t>
  </si>
  <si>
    <t>dera khewan wala p/O Mirza virkan Sheikhupura</t>
  </si>
  <si>
    <t>Munazza Koser</t>
  </si>
  <si>
    <t>GPS MUDKAY</t>
  </si>
  <si>
    <t>Mudky</t>
  </si>
  <si>
    <t>GPS mudky</t>
  </si>
  <si>
    <t>Mudwala Kalan</t>
  </si>
  <si>
    <t>Adnan Ashraf</t>
  </si>
  <si>
    <t>18227</t>
  </si>
  <si>
    <t>GPS GULBERG ALLAH YAR JUTA</t>
  </si>
  <si>
    <t>allah yar jutta</t>
  </si>
  <si>
    <t>2.5 km west kot Muhammad yar, Basti bahadar khan jutta</t>
  </si>
  <si>
    <t>Basti Bahadar khan jutta</t>
  </si>
  <si>
    <t>Allah yar jutta</t>
  </si>
  <si>
    <t>Muhammad usman tuayyab</t>
  </si>
  <si>
    <t>GPS DARA QAIM</t>
  </si>
  <si>
    <t>Chal awal basti Dara qaim kakki nau tehsil shorkot district jhang</t>
  </si>
  <si>
    <t>Dara Qaim</t>
  </si>
  <si>
    <t>Muhammad Zulqarnan</t>
  </si>
  <si>
    <t>28513</t>
  </si>
  <si>
    <t>GPS HAMBO TARRAN</t>
  </si>
  <si>
    <t>thatha tarran p.o. tibbi hambo chak no. 578 tehsil &amp; district sheikhupura</t>
  </si>
  <si>
    <t>mohsan latif butt</t>
  </si>
  <si>
    <t>GGES CHAK NO 16 GHAGH</t>
  </si>
  <si>
    <t>3ghagh</t>
  </si>
  <si>
    <t>chak no 16 ghagh p /o 17 ghagh</t>
  </si>
  <si>
    <t>Farzana Tauqir</t>
  </si>
  <si>
    <t>24433</t>
  </si>
  <si>
    <t>18205</t>
  </si>
  <si>
    <t>GGCMS CHAK NO. 479 JB KASHMIRIAN</t>
  </si>
  <si>
    <t>chak 479 kashmirian</t>
  </si>
  <si>
    <t>Sadia Noureen</t>
  </si>
  <si>
    <t>GES BHABRIAN WALA</t>
  </si>
  <si>
    <t>Bhabrianwala</t>
  </si>
  <si>
    <t>50846</t>
  </si>
  <si>
    <t>GPS BHIKHI ANA</t>
  </si>
  <si>
    <t>Dera Bhikhiana p/o Jandiala shar khan Teh/Distt Sheikhupura</t>
  </si>
  <si>
    <t>Bhikhiana</t>
  </si>
  <si>
    <t>Muhammad Zahid Qadeer</t>
  </si>
  <si>
    <t>49187</t>
  </si>
  <si>
    <t>GGES CHAK NO.72 SB</t>
  </si>
  <si>
    <t>72sb</t>
  </si>
  <si>
    <t>chak no 72 sb</t>
  </si>
  <si>
    <t>73sb</t>
  </si>
  <si>
    <t>Anum Saba</t>
  </si>
  <si>
    <t>GPS DERA GHULAM MUHAMMAD</t>
  </si>
  <si>
    <t>dera ghulam Muhammad warn</t>
  </si>
  <si>
    <t>Muhammad Rafiq Akif</t>
  </si>
  <si>
    <t>24758</t>
  </si>
  <si>
    <t>49117</t>
  </si>
  <si>
    <t>GES NO.1 CHAK NO.92 NB</t>
  </si>
  <si>
    <t>Chak 92nb</t>
  </si>
  <si>
    <t>chak no. 92nb teh. &amp; dist Sargodha</t>
  </si>
  <si>
    <t>Muhammad Mueed Haider</t>
  </si>
  <si>
    <t>32188</t>
  </si>
  <si>
    <t>49477</t>
  </si>
  <si>
    <t>GPS BARA VIRKAN</t>
  </si>
  <si>
    <t>Bara Virkan</t>
  </si>
  <si>
    <t>bara virkan</t>
  </si>
  <si>
    <t>GPS KOTLI JHANDIRAN</t>
  </si>
  <si>
    <t>Kotly Jhudiran</t>
  </si>
  <si>
    <t>kotly jhundiran teh. shorkot jhung</t>
  </si>
  <si>
    <t>Kotly Jhundiran</t>
  </si>
  <si>
    <t>ALI AMEER</t>
  </si>
  <si>
    <t>GPS GANJIAN WALI KHURD</t>
  </si>
  <si>
    <t>Ganjian Wali Khurd</t>
  </si>
  <si>
    <t>village gunjian wali khurd T\D sialkot</t>
  </si>
  <si>
    <t>Gunjian Wali Khurd</t>
  </si>
  <si>
    <t>Adalat Ghar</t>
  </si>
  <si>
    <t>Malik Yaseen Ahmed</t>
  </si>
  <si>
    <t>10399</t>
  </si>
  <si>
    <t>32826</t>
  </si>
  <si>
    <t>38512</t>
  </si>
  <si>
    <t>32184</t>
  </si>
  <si>
    <t>GPS DERA SHARIF WARN SKP</t>
  </si>
  <si>
    <t>Dera Sharif</t>
  </si>
  <si>
    <t>Dera Sharif Warn</t>
  </si>
  <si>
    <t>Qamar Nazir</t>
  </si>
  <si>
    <t>32262</t>
  </si>
  <si>
    <t>GGCMS LONGO WALA</t>
  </si>
  <si>
    <t>GGCMS Longowal</t>
  </si>
  <si>
    <t>Nadia Roshan</t>
  </si>
  <si>
    <t>44360</t>
  </si>
  <si>
    <t>GPS CHAK NO 482 NORTH</t>
  </si>
  <si>
    <t>Chak No 482 Jb</t>
  </si>
  <si>
    <t>Chak no 482 jb tehsil shorkot district jhang</t>
  </si>
  <si>
    <t>Chak No 482</t>
  </si>
  <si>
    <t>Chak No 478 Jb</t>
  </si>
  <si>
    <t>Ashfaq Hussain Khan</t>
  </si>
  <si>
    <t>48733</t>
  </si>
  <si>
    <t>GGHSS CHAK NO.88 SB</t>
  </si>
  <si>
    <t>chak no 88 sb sargodha</t>
  </si>
  <si>
    <t>chak no 88 sb</t>
  </si>
  <si>
    <t>Mrs. khalida seher</t>
  </si>
  <si>
    <t>32094</t>
  </si>
  <si>
    <t>GPS PACCA WARA FAROOQABAD</t>
  </si>
  <si>
    <t>pacca wara</t>
  </si>
  <si>
    <t>pacca wara postoffice jatri kohna</t>
  </si>
  <si>
    <t>Tariq Abbas</t>
  </si>
  <si>
    <t>GPS DHALAY WALI</t>
  </si>
  <si>
    <t>dhalley wali head Marsala sialkot</t>
  </si>
  <si>
    <t>48827</t>
  </si>
  <si>
    <t>GES CHAK NO.23 A-SB</t>
  </si>
  <si>
    <t>Chak No 23asb</t>
  </si>
  <si>
    <t>chak No 23asb</t>
  </si>
  <si>
    <t>GPS THABAL</t>
  </si>
  <si>
    <t>38542</t>
  </si>
  <si>
    <t>32148</t>
  </si>
  <si>
    <t>GPS HAIRAN</t>
  </si>
  <si>
    <t>VILLAGE HAIRAN P/O MANAWALA TEHSIL &amp; DISTT SHEIKHUPURA</t>
  </si>
  <si>
    <t>18108</t>
  </si>
  <si>
    <t>GGCMES KHUMANA WALA</t>
  </si>
  <si>
    <t>Kakki Kohna</t>
  </si>
  <si>
    <t>GGCMES khumanawala shorkot</t>
  </si>
  <si>
    <t>Azadpur Khumanawala</t>
  </si>
  <si>
    <t>Bushra Munawar</t>
  </si>
  <si>
    <t>GPS DERA NASEER DIN</t>
  </si>
  <si>
    <t>Waran</t>
  </si>
  <si>
    <t>Dera Naseer Din, village Waran, Sheikhupura</t>
  </si>
  <si>
    <t>Muhammad Abbas Bhatti</t>
  </si>
  <si>
    <t>32334</t>
  </si>
  <si>
    <t>GGPS KACHI KOTHI</t>
  </si>
  <si>
    <t>kachi kothi Manawala</t>
  </si>
  <si>
    <t>Jodh Singh</t>
  </si>
  <si>
    <t>7226</t>
  </si>
  <si>
    <t>54237</t>
  </si>
  <si>
    <t>GGPS ZULFIQAR ABAD</t>
  </si>
  <si>
    <t>493JB</t>
  </si>
  <si>
    <t>kot mirza</t>
  </si>
  <si>
    <t>Kot Mirza</t>
  </si>
  <si>
    <t>493 JB</t>
  </si>
  <si>
    <t>Farhana Tabassum</t>
  </si>
  <si>
    <t>38552</t>
  </si>
  <si>
    <t>48737</t>
  </si>
  <si>
    <t>GHS CHAK NO.36 SB TEH &amp; DIST</t>
  </si>
  <si>
    <t>36 Sb Sgd</t>
  </si>
  <si>
    <t>chak 36 sb sgd</t>
  </si>
  <si>
    <t>Chak 36 Sb Sgd</t>
  </si>
  <si>
    <t>Chak 36 Sb</t>
  </si>
  <si>
    <t>Masoom Akhtar</t>
  </si>
  <si>
    <t>24851</t>
  </si>
  <si>
    <t>GPS TONGAR</t>
  </si>
  <si>
    <t>Tongar</t>
  </si>
  <si>
    <t>village Tongar p/o umranwali Teh &amp; Distt sialkot</t>
  </si>
  <si>
    <t>Rasool  Pur Bhallian</t>
  </si>
  <si>
    <t>Mohammad  Yaqub</t>
  </si>
  <si>
    <t>GPS RAKH KOTLA</t>
  </si>
  <si>
    <t>moza rakh kotla dora pur road tehsil Shorkot (JHANG)</t>
  </si>
  <si>
    <t>Kotla Muhammad Zarif Khan</t>
  </si>
  <si>
    <t>GPS SAHOWALI</t>
  </si>
  <si>
    <t>Sahowali</t>
  </si>
  <si>
    <t>Village sahowali, P.O Cantt. sialkot</t>
  </si>
  <si>
    <t>Langriali</t>
  </si>
  <si>
    <t>Zufishan Bhatti</t>
  </si>
  <si>
    <t>community Water supply</t>
  </si>
  <si>
    <t>54141</t>
  </si>
  <si>
    <t>GPS CHAK NO. 505 JB (De-merged)</t>
  </si>
  <si>
    <t>chak no 505 j.b</t>
  </si>
  <si>
    <t>Chak No 505 Jb</t>
  </si>
  <si>
    <t>Chak No 493 Jb</t>
  </si>
  <si>
    <t>32049</t>
  </si>
  <si>
    <t>GPS DHAARI GUJRAN</t>
  </si>
  <si>
    <t>Dhari Gujjran</t>
  </si>
  <si>
    <t>dhari gujjran fsd road kharianwala skp</t>
  </si>
  <si>
    <t>Near Qaberstan kot Jugjeet sing MANANWALA</t>
  </si>
  <si>
    <t>kot Jugjeet singh</t>
  </si>
  <si>
    <t>carpal singh</t>
  </si>
  <si>
    <t>KHALID NAVEED</t>
  </si>
  <si>
    <t>GPS PAKI KOTLI</t>
  </si>
  <si>
    <t>village and p/o pakki kotli,tehsil &amp; district Sialkot</t>
  </si>
  <si>
    <t>GGPS AABID ABAD</t>
  </si>
  <si>
    <t>abid abad kharan wala</t>
  </si>
  <si>
    <t>rifat bashir</t>
  </si>
  <si>
    <t>GGES PAKKI KOTLI</t>
  </si>
  <si>
    <t>GGES Pakki Kotli Sialkot</t>
  </si>
  <si>
    <t>Rehana Muhammad Ali</t>
  </si>
  <si>
    <t>GGHS JHAMKEY</t>
  </si>
  <si>
    <t>Jhamke</t>
  </si>
  <si>
    <t>Gghs Jhamke skp</t>
  </si>
  <si>
    <t>Humaira Iqbal</t>
  </si>
  <si>
    <t>18012</t>
  </si>
  <si>
    <t>GES RAFIQ ABAD</t>
  </si>
  <si>
    <t>Kakki Nau Soam</t>
  </si>
  <si>
    <t>Colony Kausarabad Multan Road Tehsil Shorkot District Jhang</t>
  </si>
  <si>
    <t>Colony Kausarabad</t>
  </si>
  <si>
    <t>Asghar Abbas</t>
  </si>
  <si>
    <t>GPS MIANI AWANAN</t>
  </si>
  <si>
    <t>Mianiawanan</t>
  </si>
  <si>
    <t>gps mianiawanan1985</t>
  </si>
  <si>
    <t>Mohammad Amin Tahir</t>
  </si>
  <si>
    <t>32386</t>
  </si>
  <si>
    <t>GPS SUNSHINE</t>
  </si>
  <si>
    <t>zafar abad skp</t>
  </si>
  <si>
    <t>Faheem Ijaz Khokhar</t>
  </si>
  <si>
    <t>38715</t>
  </si>
  <si>
    <t>GMPS CHAK SANTHAL</t>
  </si>
  <si>
    <t>Chak santhal</t>
  </si>
  <si>
    <t>Vill.Chak santhal area bajwat.Teh.Sialkot</t>
  </si>
  <si>
    <t>Kachi mand</t>
  </si>
  <si>
    <t>samma khan</t>
  </si>
  <si>
    <t>38719</t>
  </si>
  <si>
    <t>GPS NOKHAR QADIM</t>
  </si>
  <si>
    <t>Nokhar Qadeem</t>
  </si>
  <si>
    <t>Nokhar Qadeem Farooqabad</t>
  </si>
  <si>
    <t>GPS CHAK NO.72 A-SB</t>
  </si>
  <si>
    <t>Chak No72asb</t>
  </si>
  <si>
    <t>Chakno72asb</t>
  </si>
  <si>
    <t>13139</t>
  </si>
  <si>
    <t>GES MAHARAJA ROAD SIALKOT</t>
  </si>
  <si>
    <t>Maharaja road sialkot</t>
  </si>
  <si>
    <t>Maharaja Road</t>
  </si>
  <si>
    <t>kareem Pura</t>
  </si>
  <si>
    <t>Malik Zaheer Ahmed Anwar Awan</t>
  </si>
  <si>
    <t>GGES CHAK WAHI 522</t>
  </si>
  <si>
    <t>Chak Wahi 522</t>
  </si>
  <si>
    <t>chak wahi 522 sheikhupura</t>
  </si>
  <si>
    <t>Sara Arif</t>
  </si>
  <si>
    <t>GGPS BHANGOO NO 1</t>
  </si>
  <si>
    <t>bhangoo mouza</t>
  </si>
  <si>
    <t>38727</t>
  </si>
  <si>
    <t>GHS BHAGTANWALA (DE-GRADE)</t>
  </si>
  <si>
    <t>BHAGTANWALA</t>
  </si>
  <si>
    <t>BHAGTANWALA SARGODHA</t>
  </si>
  <si>
    <t>GGHSS DHAROWAL</t>
  </si>
  <si>
    <t>DHAROWAL</t>
  </si>
  <si>
    <t>GGHSS DHAROWAL, SIALKOT</t>
  </si>
  <si>
    <t>ASMA ZAHID DAR</t>
  </si>
  <si>
    <t>38739</t>
  </si>
  <si>
    <t>49274</t>
  </si>
  <si>
    <t>GGPS AMIN PURA AMIN COLONY</t>
  </si>
  <si>
    <t>Amin Pura</t>
  </si>
  <si>
    <t>GGps Amin pura sgd</t>
  </si>
  <si>
    <t>Samina Hussain</t>
  </si>
  <si>
    <t>GHS CHAK WAHI NO. 522</t>
  </si>
  <si>
    <t>Chak Wahi No 522</t>
  </si>
  <si>
    <t>Chak Wahi No 522 P/O Same Sheikhupura</t>
  </si>
  <si>
    <t>Kakkar Gil</t>
  </si>
  <si>
    <t>Syed Hassan Ali</t>
  </si>
  <si>
    <t>50075</t>
  </si>
  <si>
    <t>7378</t>
  </si>
  <si>
    <t>26993</t>
  </si>
  <si>
    <t>GGHS KAMAN WALA</t>
  </si>
  <si>
    <t>kammanwala</t>
  </si>
  <si>
    <t>Kammanwala</t>
  </si>
  <si>
    <t>Kulsoom Khalid</t>
  </si>
  <si>
    <t>38748</t>
  </si>
  <si>
    <t>24801</t>
  </si>
  <si>
    <t>GGHS DHEERA SANDA</t>
  </si>
  <si>
    <t>Govt Girls High School Dheera Sandha Sialkot</t>
  </si>
  <si>
    <t>Nazia Pervaiz</t>
  </si>
  <si>
    <t>GPS DERA AMRAT SARIAN</t>
  </si>
  <si>
    <t>Dera Amartsarian</t>
  </si>
  <si>
    <t>dera amartsarian</t>
  </si>
  <si>
    <t>Dera Amartsrian</t>
  </si>
  <si>
    <t>Farooq Abad Village</t>
  </si>
  <si>
    <t>5059</t>
  </si>
  <si>
    <t>GHS BOONGA MINHAS</t>
  </si>
  <si>
    <t>Boonga Minhas</t>
  </si>
  <si>
    <t>Boonga minhas</t>
  </si>
  <si>
    <t>GES DOURAN PUR</t>
  </si>
  <si>
    <t>Khuda Yar Kathia</t>
  </si>
  <si>
    <t>Douran Pur, Tehsil. Shorkot, District. Jhang</t>
  </si>
  <si>
    <t>Doran Pur</t>
  </si>
  <si>
    <t>Kotla Zarif Khan</t>
  </si>
  <si>
    <t>GGHS CHAK NO.37 SB</t>
  </si>
  <si>
    <t>Chak No37SB</t>
  </si>
  <si>
    <t>chak no.37SB</t>
  </si>
  <si>
    <t>Chak 36 SB Sargodha</t>
  </si>
  <si>
    <t>Shaista Mariam</t>
  </si>
  <si>
    <t>GPS CHAK NO.29 SB</t>
  </si>
  <si>
    <t>Chak 29sb</t>
  </si>
  <si>
    <t>chak. no. 29 sb</t>
  </si>
  <si>
    <t>29sb</t>
  </si>
  <si>
    <t>Nadeem Anwar</t>
  </si>
  <si>
    <t>GGHS CM LANGRAYALI</t>
  </si>
  <si>
    <t>GGHS langeriali Sialkot</t>
  </si>
  <si>
    <t>langeriali</t>
  </si>
  <si>
    <t>Rizwana Asher</t>
  </si>
  <si>
    <t>GPS DHILLAM</t>
  </si>
  <si>
    <t>Dhilam</t>
  </si>
  <si>
    <t>village dhilam  teh/distt sheikhupura</t>
  </si>
  <si>
    <t>Ahsan Ullah Khan</t>
  </si>
  <si>
    <t>GPS DALAIL WALA</t>
  </si>
  <si>
    <t>Kotla M Zareef Khan</t>
  </si>
  <si>
    <t>chah dalail wala mouza kotla zareef khan</t>
  </si>
  <si>
    <t>29177</t>
  </si>
  <si>
    <t>GPS DITAY WALA</t>
  </si>
  <si>
    <t>Ludda mahni</t>
  </si>
  <si>
    <t>moza ludda mahni post office same teh shor kot jhang</t>
  </si>
  <si>
    <t>Dittay wala</t>
  </si>
  <si>
    <t>32238</t>
  </si>
  <si>
    <t>GGPS JEVEN PURA KHURD</t>
  </si>
  <si>
    <t>jevan pura khurd</t>
  </si>
  <si>
    <t>Jevan Pura Khurd</t>
  </si>
  <si>
    <t>GGCMS GHAZI MINARA</t>
  </si>
  <si>
    <t>Ghazi Minara</t>
  </si>
  <si>
    <t>GGCM/s Ghazi minara  skp</t>
  </si>
  <si>
    <t>Ghazi Minaa</t>
  </si>
  <si>
    <t>Nasreen Nazir</t>
  </si>
  <si>
    <t>GPS MUZAFAR PUR</t>
  </si>
  <si>
    <t>roras road muzafarpur sialkot</t>
  </si>
  <si>
    <t>Faisal Hafeez</t>
  </si>
  <si>
    <t>49334</t>
  </si>
  <si>
    <t>GHS HARDEV</t>
  </si>
  <si>
    <t>hardev</t>
  </si>
  <si>
    <t>village &amp; post office hardev tehsil &amp; district sheikhupura</t>
  </si>
  <si>
    <t>muhammad riaz</t>
  </si>
  <si>
    <t>7469</t>
  </si>
  <si>
    <t>38788</t>
  </si>
  <si>
    <t>GGHS CHAK NO.54 SB</t>
  </si>
  <si>
    <t>chak 54sb sgd</t>
  </si>
  <si>
    <t>Chak 54 SB</t>
  </si>
  <si>
    <t>52SB</t>
  </si>
  <si>
    <t>Fouzia Lal</t>
  </si>
  <si>
    <t>GPS BASTI ISMAIL</t>
  </si>
  <si>
    <t>Thathi Elchi</t>
  </si>
  <si>
    <t>basti ismail mouza thathi  Elchi</t>
  </si>
  <si>
    <t>Hafiz Muhammad Asim</t>
  </si>
  <si>
    <t>37614</t>
  </si>
  <si>
    <t>26017</t>
  </si>
  <si>
    <t>GGHSS KANJRUR</t>
  </si>
  <si>
    <t>village &amp;p/o kanjrur</t>
  </si>
  <si>
    <t>Shazia Yousaf</t>
  </si>
  <si>
    <t>38549</t>
  </si>
  <si>
    <t>48845</t>
  </si>
  <si>
    <t>GHS CHAK NO.42 NB GILL WALA</t>
  </si>
  <si>
    <t>Manzoor town</t>
  </si>
  <si>
    <t>GHS 42 NB GILLWALA SARGODHA</t>
  </si>
  <si>
    <t>42 NB</t>
  </si>
  <si>
    <t>Manzoor Town</t>
  </si>
  <si>
    <t>Muhammad Sarwar Gondal</t>
  </si>
  <si>
    <t>37618</t>
  </si>
  <si>
    <t>GPS MANJEY TOOR</t>
  </si>
  <si>
    <t>Manjey Toor</t>
  </si>
  <si>
    <t>Qaisar Wasim Khan</t>
  </si>
  <si>
    <t>45632</t>
  </si>
  <si>
    <t>37620</t>
  </si>
  <si>
    <t>26378</t>
  </si>
  <si>
    <t>GGPS JUNI PUR</t>
  </si>
  <si>
    <t>Juni Pur</t>
  </si>
  <si>
    <t>dist nwl teh skg p.o nurkot</t>
  </si>
  <si>
    <t>Juni Pur Panwan</t>
  </si>
  <si>
    <t>Melu Selu</t>
  </si>
  <si>
    <t>Aliya Majeed</t>
  </si>
  <si>
    <t>37621</t>
  </si>
  <si>
    <t>49133</t>
  </si>
  <si>
    <t>GPS CHAK NO.3 REMOUNT DEPOT</t>
  </si>
  <si>
    <t>chak no 3 remount depot</t>
  </si>
  <si>
    <t>Arif Masroor</t>
  </si>
  <si>
    <t>GGES MAJRA</t>
  </si>
  <si>
    <t>Ghumtala</t>
  </si>
  <si>
    <t>Kausar Manzoor</t>
  </si>
  <si>
    <t>37625</t>
  </si>
  <si>
    <t>GGES DIN PUR KALAN</t>
  </si>
  <si>
    <t>Din pur Kalan</t>
  </si>
  <si>
    <t>din pur kala</t>
  </si>
  <si>
    <t>Din Pur Kalan</t>
  </si>
  <si>
    <t>Shakakargarh</t>
  </si>
  <si>
    <t>53721</t>
  </si>
  <si>
    <t>37627</t>
  </si>
  <si>
    <t>GHS LANGAH</t>
  </si>
  <si>
    <t>Jhanday Langah</t>
  </si>
  <si>
    <t>jhanday langah</t>
  </si>
  <si>
    <t>MUHAMMAD  WASEEM SADIQ</t>
  </si>
  <si>
    <t>49235</t>
  </si>
  <si>
    <t>GGES CHAK NO.32 NB</t>
  </si>
  <si>
    <t>Chak No 32 North</t>
  </si>
  <si>
    <t>chak no 32 nb Sargodha</t>
  </si>
  <si>
    <t>Chak32 Nb</t>
  </si>
  <si>
    <t>Choukera</t>
  </si>
  <si>
    <t>Asima Sarwar</t>
  </si>
  <si>
    <t>49094</t>
  </si>
  <si>
    <t>GPS CHAK NO.54 NB</t>
  </si>
  <si>
    <t>54nb</t>
  </si>
  <si>
    <t>54nb sargodha</t>
  </si>
  <si>
    <t>54Nb</t>
  </si>
  <si>
    <t>Lude Wala</t>
  </si>
  <si>
    <t>Fazal-ur-Rehman</t>
  </si>
  <si>
    <t>48964</t>
  </si>
  <si>
    <t>GPS CHAK NO.99 SB</t>
  </si>
  <si>
    <t>99 Sb</t>
  </si>
  <si>
    <t>chak no 99 sb</t>
  </si>
  <si>
    <t>Chak No 50 Nb</t>
  </si>
  <si>
    <t>Arshad Urfat</t>
  </si>
  <si>
    <t>GPS CHAK NO.86 NB</t>
  </si>
  <si>
    <t>Chak no 86 nb</t>
  </si>
  <si>
    <t>Chak no 86 nb sargdha</t>
  </si>
  <si>
    <t>Chak no 86 nb Sgd</t>
  </si>
  <si>
    <t>Umer mumtaz</t>
  </si>
  <si>
    <t>GGPS CHAK NO.98 NB DERA DINDAR</t>
  </si>
  <si>
    <t>98 NB DD</t>
  </si>
  <si>
    <t>chak no 98 Nb dera din dar sargodha</t>
  </si>
  <si>
    <t>Chak 98 NB</t>
  </si>
  <si>
    <t>100 NB</t>
  </si>
  <si>
    <t>Neelam Gull</t>
  </si>
  <si>
    <t>49319</t>
  </si>
  <si>
    <t>GGPS CHAK NO.103 A-NB</t>
  </si>
  <si>
    <t>103 A NB</t>
  </si>
  <si>
    <t>GGPS 103 A NB</t>
  </si>
  <si>
    <t>103 NB</t>
  </si>
  <si>
    <t>37671</t>
  </si>
  <si>
    <t>26076</t>
  </si>
  <si>
    <t>GPS ANAYAT PUR</t>
  </si>
  <si>
    <t>village Anayat pur p/o Akhlas pur</t>
  </si>
  <si>
    <t>Abdul-Ghaffar</t>
  </si>
  <si>
    <t>48771</t>
  </si>
  <si>
    <t>GHS CHAK NO.55 NB</t>
  </si>
  <si>
    <t>Chak No. 55 NB</t>
  </si>
  <si>
    <t>Chak No. 55 NB Tehsil and District Sargodha</t>
  </si>
  <si>
    <t>GPS CHAK NO.115 SB</t>
  </si>
  <si>
    <t>CHAK 115 SB</t>
  </si>
  <si>
    <t>chak no 115 sb</t>
  </si>
  <si>
    <t>Chak No 115 Sb</t>
  </si>
  <si>
    <t>village saidpur</t>
  </si>
  <si>
    <t>37685</t>
  </si>
  <si>
    <t>26154</t>
  </si>
  <si>
    <t>GES KARWAL</t>
  </si>
  <si>
    <t>Karwal</t>
  </si>
  <si>
    <t>village karwal post karwal tehsil shakargarh district narowal</t>
  </si>
  <si>
    <t>37686</t>
  </si>
  <si>
    <t>GHS CHAK NO.111 SB</t>
  </si>
  <si>
    <t>Chak 111 Sb</t>
  </si>
  <si>
    <t>chak 111 SB Sargodha</t>
  </si>
  <si>
    <t>Manzoor Raza</t>
  </si>
  <si>
    <t>48898</t>
  </si>
  <si>
    <t>GGES CHAK NO.43 SB</t>
  </si>
  <si>
    <t>Anum Yamin</t>
  </si>
  <si>
    <t>37695</t>
  </si>
  <si>
    <t>48747</t>
  </si>
  <si>
    <t>GHS JAMIA QASIM UL ULOOM JINNAH COLONY</t>
  </si>
  <si>
    <t>govt. jamia qasim-ul-uloom h/S Jinnah colony sargodha</t>
  </si>
  <si>
    <t>Self Purchased</t>
  </si>
  <si>
    <t>GGPS KALLAH</t>
  </si>
  <si>
    <t>village kallah, p\o mirpur, tehsil Shakargarh,dist:narowal.</t>
  </si>
  <si>
    <t>Rashida Siddique</t>
  </si>
  <si>
    <t>GHS CHAK NO.107 SB</t>
  </si>
  <si>
    <t>Chak No. 107 SB Sargodha.</t>
  </si>
  <si>
    <t>Shafiq Anwar</t>
  </si>
  <si>
    <t>GPS MUNDALI KALAN</t>
  </si>
  <si>
    <t>Mundali Kalan</t>
  </si>
  <si>
    <t>village Mandyali kalan p/o satuwall  Teh. shakargarh Distt. Narowal</t>
  </si>
  <si>
    <t>GGPS JUGWAL</t>
  </si>
  <si>
    <t>Jugwal</t>
  </si>
  <si>
    <t>village Jugwal P.O box sukho chack the Skg dist narowal</t>
  </si>
  <si>
    <t>Wajiha Hassan</t>
  </si>
  <si>
    <t>37711</t>
  </si>
  <si>
    <t>GES CHAK NO.142 SB</t>
  </si>
  <si>
    <t>Chak No142 SB Sargodha</t>
  </si>
  <si>
    <t>chak no.142 SB sargodha</t>
  </si>
  <si>
    <t>Chak No113 SB Sargodha</t>
  </si>
  <si>
    <t>GGPS JODHEY</t>
  </si>
  <si>
    <t>Jodhay</t>
  </si>
  <si>
    <t>jodhay</t>
  </si>
  <si>
    <t>KotNainan</t>
  </si>
  <si>
    <t>Nadia Aslam</t>
  </si>
  <si>
    <t>48943</t>
  </si>
  <si>
    <t>GGHS CHAK NO.58 NB</t>
  </si>
  <si>
    <t>58nb</t>
  </si>
  <si>
    <t>Gghs58nb</t>
  </si>
  <si>
    <t>Chak no 58nb</t>
  </si>
  <si>
    <t>47310</t>
  </si>
  <si>
    <t>37722</t>
  </si>
  <si>
    <t>49122</t>
  </si>
  <si>
    <t>GPS CHAK NO.81 NB</t>
  </si>
  <si>
    <t>81 Nb Sighwal</t>
  </si>
  <si>
    <t>chak 81 nb sighwal</t>
  </si>
  <si>
    <t>Chak no 82 Nb</t>
  </si>
  <si>
    <t>Azmat Abbas</t>
  </si>
  <si>
    <t>38319</t>
  </si>
  <si>
    <t>GPS MANDIAN WALA</t>
  </si>
  <si>
    <t>Mandianwala sharqpur</t>
  </si>
  <si>
    <t>Tridaywali</t>
  </si>
  <si>
    <t>GGPS THATHI AILCHI</t>
  </si>
  <si>
    <t>Kahki Lakhi</t>
  </si>
  <si>
    <t>Thathi Ailchi, Khaki Lakhi, Shorkot, Jhang</t>
  </si>
  <si>
    <t>Thathi Ailchi</t>
  </si>
  <si>
    <t>Musharaf Sultana</t>
  </si>
  <si>
    <t>38326</t>
  </si>
  <si>
    <t>GPS SHAMSHER TOWN</t>
  </si>
  <si>
    <t>GPS shamsher town sargodha</t>
  </si>
  <si>
    <t>32159</t>
  </si>
  <si>
    <t>38333</t>
  </si>
  <si>
    <t>48984</t>
  </si>
  <si>
    <t>GPS CHAK NO.89 SB</t>
  </si>
  <si>
    <t>CHAK 89 SB</t>
  </si>
  <si>
    <t>Chak 89 S.B Tehsil &amp; District Sargodha</t>
  </si>
  <si>
    <t>CHAK 96 SB</t>
  </si>
  <si>
    <t>GGPS BASTI QAIM DARA INAYAT WALA</t>
  </si>
  <si>
    <t>Kaki  Nou</t>
  </si>
  <si>
    <t>basti  qaim  dara</t>
  </si>
  <si>
    <t>Basti  Qaim Dara</t>
  </si>
  <si>
    <t>Kaki  Nou  -dom</t>
  </si>
  <si>
    <t>Samina Nawaz</t>
  </si>
  <si>
    <t>GPS DERA TUFAIL</t>
  </si>
  <si>
    <t>Chak 8 Ucc</t>
  </si>
  <si>
    <t>GPS dera tufail</t>
  </si>
  <si>
    <t>Dera Tufail</t>
  </si>
  <si>
    <t>Kurlkey Androon</t>
  </si>
  <si>
    <t>Muhammad Ikram Ul Haq</t>
  </si>
  <si>
    <t>25299</t>
  </si>
  <si>
    <t>GPS BAQAR PUR</t>
  </si>
  <si>
    <t>vill,baqar pur, p/o kotli loharan, teh&amp;dist sialkot</t>
  </si>
  <si>
    <t>GGES MC ISRAR COLONY</t>
  </si>
  <si>
    <t>data shah Jamal road israr colony skp</t>
  </si>
  <si>
    <t>Sheikhupura Urban 9</t>
  </si>
  <si>
    <t>Fozia Tabbassum</t>
  </si>
  <si>
    <t>GHS CHAK NO.34 SB.SGD.</t>
  </si>
  <si>
    <t>CHAK 34 SB</t>
  </si>
  <si>
    <t>CHAK NO.34 SB SARGODHA</t>
  </si>
  <si>
    <t>CHAK NO.34 SB</t>
  </si>
  <si>
    <t>CHAK NO.33 SB</t>
  </si>
  <si>
    <t>IMRAN ALI</t>
  </si>
  <si>
    <t>GGCMS BASTI DAD</t>
  </si>
  <si>
    <t>GGCM School Basti Dad</t>
  </si>
  <si>
    <t>Samia Ali</t>
  </si>
  <si>
    <t>GPS NO. 2 MANANWALA</t>
  </si>
  <si>
    <t>Eman Town Mananwala</t>
  </si>
  <si>
    <t>Khalid Mehmood Sabir</t>
  </si>
  <si>
    <t>28980</t>
  </si>
  <si>
    <t>38362</t>
  </si>
  <si>
    <t>32318</t>
  </si>
  <si>
    <t>GGPS ARTALI DHULWAN</t>
  </si>
  <si>
    <t>Artalidhilwan</t>
  </si>
  <si>
    <t>jandiala road sheikhupura</t>
  </si>
  <si>
    <t>Samina Talib</t>
  </si>
  <si>
    <t>38366</t>
  </si>
  <si>
    <t>GES ADALAT GARH</t>
  </si>
  <si>
    <t>Adalat Garh Sialkot</t>
  </si>
  <si>
    <t>Hafiz Mubarak Ali</t>
  </si>
  <si>
    <t>Filtration Plant</t>
  </si>
  <si>
    <t>GMPS KACHA KABIRA</t>
  </si>
  <si>
    <t>Kacha Kabira</t>
  </si>
  <si>
    <t>Kacha kabira teh shorkot dist jhang</t>
  </si>
  <si>
    <t>IQBAL BEGUM</t>
  </si>
  <si>
    <t>GPS KHAMBIAN WALA</t>
  </si>
  <si>
    <t>Khambian Wala</t>
  </si>
  <si>
    <t>khambian wala tehsil and didtrict sheikhupura</t>
  </si>
  <si>
    <t>Karpal Sing</t>
  </si>
  <si>
    <t>Abdul Hamid Zahid</t>
  </si>
  <si>
    <t>GPS BAMBKI MALLIAN</t>
  </si>
  <si>
    <t>Bamb Ki Mallian</t>
  </si>
  <si>
    <t>Bamb post office manoo pur tehsile and district sheikhupura</t>
  </si>
  <si>
    <t>48710</t>
  </si>
  <si>
    <t>38376</t>
  </si>
  <si>
    <t>GHS KHUMANA WALA</t>
  </si>
  <si>
    <t>Khumanawala</t>
  </si>
  <si>
    <t>khumanawala shorkot</t>
  </si>
  <si>
    <t>Chak No 497/ JB</t>
  </si>
  <si>
    <t>Muhammad Ishaq Shaikh</t>
  </si>
  <si>
    <t>38379</t>
  </si>
  <si>
    <t>32077</t>
  </si>
  <si>
    <t>GPS DERA MALLIAN WALLA</t>
  </si>
  <si>
    <t>Mallain Wala</t>
  </si>
  <si>
    <t>GPS Dera Mallain Wala Farooq Abad</t>
  </si>
  <si>
    <t>Dera Mallain Wala</t>
  </si>
  <si>
    <t>GPS BHADAL</t>
  </si>
  <si>
    <t>Bhadal PO Khas Tehsil &amp; District Sialkot</t>
  </si>
  <si>
    <t>32122</t>
  </si>
  <si>
    <t>GPS CHAK WAHL WALA</t>
  </si>
  <si>
    <t>Wahl Wala</t>
  </si>
  <si>
    <t>Wahl Wala p.o gujiana nau distt. skp</t>
  </si>
  <si>
    <t>32329</t>
  </si>
  <si>
    <t>GGPS GORAY WALA</t>
  </si>
  <si>
    <t>Goraywala</t>
  </si>
  <si>
    <t>Patti Karpal Singh</t>
  </si>
  <si>
    <t>GGPS SHANKER PUR</t>
  </si>
  <si>
    <t>Shanker Pur</t>
  </si>
  <si>
    <t>village shanker pur post office Bhagwal Awan  tehsil and district Sialkot</t>
  </si>
  <si>
    <t>48832</t>
  </si>
  <si>
    <t>GES CHAK NO.78 SB</t>
  </si>
  <si>
    <t>78 Sb</t>
  </si>
  <si>
    <t>chak 78 s.b sargodha</t>
  </si>
  <si>
    <t>24733</t>
  </si>
  <si>
    <t>GGHS MARAKEWAL</t>
  </si>
  <si>
    <t>MARAKIWAL</t>
  </si>
  <si>
    <t>Govt Girls High School Marakiwal tehsil sialkot district sialkot</t>
  </si>
  <si>
    <t>Waseem AKHTAR</t>
  </si>
  <si>
    <t>38396</t>
  </si>
  <si>
    <t>GPS PHILLO DUWATA</t>
  </si>
  <si>
    <t>Phillo Dewtta</t>
  </si>
  <si>
    <t>GPS PHILLO DEWTTA</t>
  </si>
  <si>
    <t>Amjad Farooq Virk</t>
  </si>
  <si>
    <t>38397</t>
  </si>
  <si>
    <t>GES CHAK NO 491 JB KHAS</t>
  </si>
  <si>
    <t>Chak No. 491 JB Khas P/O Waryam Station Tehsil Shorkot District Jhang</t>
  </si>
  <si>
    <t>Chak No 491 JB Khas</t>
  </si>
  <si>
    <t>Naveed Ahmad Asad</t>
  </si>
  <si>
    <t>54214</t>
  </si>
  <si>
    <t>GPS MAIDAN WALA SHORKOT CITY</t>
  </si>
  <si>
    <t>Maidan wala</t>
  </si>
  <si>
    <t>Mohallah maidan wala shorkot city</t>
  </si>
  <si>
    <t>muncipal commette</t>
  </si>
  <si>
    <t>wajid Ali</t>
  </si>
  <si>
    <t>38411</t>
  </si>
  <si>
    <t>GPS THERIAN</t>
  </si>
  <si>
    <t>post office alipur village theriyan</t>
  </si>
  <si>
    <t>Therian</t>
  </si>
  <si>
    <t>18073</t>
  </si>
  <si>
    <t>GPS BASTI YOUSAFA</t>
  </si>
  <si>
    <t>Binda Surbana</t>
  </si>
  <si>
    <t>Basti yousafa moza binda surbana tehsile shorkot district jhang</t>
  </si>
  <si>
    <t>Basti Yousafa</t>
  </si>
  <si>
    <t>24757</t>
  </si>
  <si>
    <t>GES DHERA SANDA KALAN</t>
  </si>
  <si>
    <t>dheera sandha</t>
  </si>
  <si>
    <t>water user society</t>
  </si>
  <si>
    <t>GPS DHINGAR BATH</t>
  </si>
  <si>
    <t>Dhiengrbath</t>
  </si>
  <si>
    <t>Dhiengrbath District Sheikhupura</t>
  </si>
  <si>
    <t>GMPS DHEERA</t>
  </si>
  <si>
    <t>Dhera</t>
  </si>
  <si>
    <t>Village Dhera P.O Looni Tehsil &amp;District Sialkot</t>
  </si>
  <si>
    <t>Asma  Ali Ul Haq</t>
  </si>
  <si>
    <t>43823</t>
  </si>
  <si>
    <t>p/o Gondal vill Garhi</t>
  </si>
  <si>
    <t>Mohammad Rashid</t>
  </si>
  <si>
    <t>GGPS KALPI CHAK NO. 24</t>
  </si>
  <si>
    <t>kalpi dogran</t>
  </si>
  <si>
    <t>Barianwala</t>
  </si>
  <si>
    <t>Saadia Doger</t>
  </si>
  <si>
    <t>38434</t>
  </si>
  <si>
    <t>GPS KHAROTA SYEDAN</t>
  </si>
  <si>
    <t>VILLAGE KHAROTA SYEDAN P/O SAME</t>
  </si>
  <si>
    <t>Syed Arshad Hussain</t>
  </si>
  <si>
    <t>38437</t>
  </si>
  <si>
    <t>GPS KAKI NOU CHAK SOUM</t>
  </si>
  <si>
    <t>kaki nau soum</t>
  </si>
  <si>
    <t>kaki nau chak soumshorkot jhang</t>
  </si>
  <si>
    <t>chak soum</t>
  </si>
  <si>
    <t>40702</t>
  </si>
  <si>
    <t>GPS CHAK NO.198/EB</t>
  </si>
  <si>
    <t>chak no 198/eb</t>
  </si>
  <si>
    <t>Chak No 198/EB</t>
  </si>
  <si>
    <t>194/eb</t>
  </si>
  <si>
    <t>Muhammad Irfan Anwar Warriach</t>
  </si>
  <si>
    <t>GGPS CHAK 256 GB II PHALOOR</t>
  </si>
  <si>
    <t>PHALORE FEMALE</t>
  </si>
  <si>
    <t>256gb</t>
  </si>
  <si>
    <t>40716</t>
  </si>
  <si>
    <t>43634</t>
  </si>
  <si>
    <t>GHS MALIKWAL</t>
  </si>
  <si>
    <t>Sargodha Road Malikwal</t>
  </si>
  <si>
    <t>Muhammad Arshed Hussin Malik</t>
  </si>
  <si>
    <t>43658</t>
  </si>
  <si>
    <t>GGHS WANHAR TALAGANG</t>
  </si>
  <si>
    <t>Wanhar</t>
  </si>
  <si>
    <t>vpo wanhar tehsil Talagang distt:Chakwal</t>
  </si>
  <si>
    <t>43981</t>
  </si>
  <si>
    <t>GGPS DHOK JAMAL</t>
  </si>
  <si>
    <t>Dhok Jhamal</t>
  </si>
  <si>
    <t>GGPS dhok jhamal</t>
  </si>
  <si>
    <t>Nakkah Kahut</t>
  </si>
  <si>
    <t>40732</t>
  </si>
  <si>
    <t>43668</t>
  </si>
  <si>
    <t>GHS MISRIAL</t>
  </si>
  <si>
    <t>Vpo misrial Teh Talagang Chakwal</t>
  </si>
  <si>
    <t>GPS MEHAR ALI</t>
  </si>
  <si>
    <t>Tmkhan</t>
  </si>
  <si>
    <t>dhoke meharali thoha mehram khan</t>
  </si>
  <si>
    <t>Mehar Ali</t>
  </si>
  <si>
    <t>40736</t>
  </si>
  <si>
    <t>GES KOT GHULAM QADIR</t>
  </si>
  <si>
    <t>Pul Kot Luddan</t>
  </si>
  <si>
    <t>SHOKAT HAYAT KHAN</t>
  </si>
  <si>
    <t>37647</t>
  </si>
  <si>
    <t>40226</t>
  </si>
  <si>
    <t>GES KUMHARI</t>
  </si>
  <si>
    <t>Doke Kumhari</t>
  </si>
  <si>
    <t>vpo thoha doke kumhari tehsil talagang dist chakwal</t>
  </si>
  <si>
    <t>Thoha  Mehram Khan</t>
  </si>
  <si>
    <t>Ghulam Raza</t>
  </si>
  <si>
    <t>42117</t>
  </si>
  <si>
    <t>GGPS DHOK MALLARIAN</t>
  </si>
  <si>
    <t>Jandu</t>
  </si>
  <si>
    <t>village p.o Choker .dhokmalyaran</t>
  </si>
  <si>
    <t>Dhokmalyaran</t>
  </si>
  <si>
    <t>Thathakhalil</t>
  </si>
  <si>
    <t>GES DHOK BAZA</t>
  </si>
  <si>
    <t>dhok baza</t>
  </si>
  <si>
    <t>vpo dhok baza</t>
  </si>
  <si>
    <t>pira fatehal</t>
  </si>
  <si>
    <t>AMIR MUHAMMAD</t>
  </si>
  <si>
    <t>GGPS MAISIAN</t>
  </si>
  <si>
    <t>Maisian</t>
  </si>
  <si>
    <t>massian</t>
  </si>
  <si>
    <t>Reema Rani</t>
  </si>
  <si>
    <t>GGHS CHAK NO.137/138 NB SOBAGHA</t>
  </si>
  <si>
    <t>GGHS 137/138 NB Sobhaga</t>
  </si>
  <si>
    <t>Chak 137/138 NB</t>
  </si>
  <si>
    <t>Hifsa Ammara Naeem</t>
  </si>
  <si>
    <t>43824</t>
  </si>
  <si>
    <t>GPS DHOK HAM</t>
  </si>
  <si>
    <t>Dhok Ham</t>
  </si>
  <si>
    <t>Pira Fathal</t>
  </si>
  <si>
    <t>43690</t>
  </si>
  <si>
    <t>GES BHIRA</t>
  </si>
  <si>
    <t>DHOLAR-MALE</t>
  </si>
  <si>
    <t>Neraghi</t>
  </si>
  <si>
    <t>Naraghi Adda Tehsil Talagang District Chakwal</t>
  </si>
  <si>
    <t>Naraghi Adda</t>
  </si>
  <si>
    <t>Naraghhi</t>
  </si>
  <si>
    <t>GPS 541 GB II</t>
  </si>
  <si>
    <t>541 Gb</t>
  </si>
  <si>
    <t>chak no 541 gb thraba nuw</t>
  </si>
  <si>
    <t>541 Gb Tharana Nuw</t>
  </si>
  <si>
    <t>455 Gb</t>
  </si>
  <si>
    <t>MEHMOOD AHMAD</t>
  </si>
  <si>
    <t>GHS JASIAL</t>
  </si>
  <si>
    <t>vpo jasial tehsil talagang distt.chakwal</t>
  </si>
  <si>
    <t>Tehseen Ehsan</t>
  </si>
  <si>
    <t>17639</t>
  </si>
  <si>
    <t>GGCMS CHAK 505 GB MAMUNKANJAN</t>
  </si>
  <si>
    <t>Purbana</t>
  </si>
  <si>
    <t>505GB</t>
  </si>
  <si>
    <t>498 GB</t>
  </si>
  <si>
    <t>34893</t>
  </si>
  <si>
    <t>42126</t>
  </si>
  <si>
    <t>GGES BRAHMA</t>
  </si>
  <si>
    <t>BRAHMA</t>
  </si>
  <si>
    <t>G.G.E.S BRAHMA</t>
  </si>
  <si>
    <t>Izzat Anjum</t>
  </si>
  <si>
    <t>40112</t>
  </si>
  <si>
    <t>GGES CHAK NO.120 NB</t>
  </si>
  <si>
    <t>Chak No 120 Nb</t>
  </si>
  <si>
    <t>chak no 120 nb</t>
  </si>
  <si>
    <t>Chak No 135sb</t>
  </si>
  <si>
    <t>40113</t>
  </si>
  <si>
    <t>GGHS NAGIAL</t>
  </si>
  <si>
    <t>gghsnagial</t>
  </si>
  <si>
    <t>nadia perveen</t>
  </si>
  <si>
    <t>11126</t>
  </si>
  <si>
    <t>40114</t>
  </si>
  <si>
    <t>49711</t>
  </si>
  <si>
    <t>GGES CHAK NO.128 SB</t>
  </si>
  <si>
    <t>128 Sb</t>
  </si>
  <si>
    <t>chak 128 sb</t>
  </si>
  <si>
    <t>Chak 128 Sb</t>
  </si>
  <si>
    <t>40116</t>
  </si>
  <si>
    <t>49828</t>
  </si>
  <si>
    <t>GGPS NO.2 CHAK NO.139 SB DERA REHMAT ULLAH ABAD</t>
  </si>
  <si>
    <t>139 Sb</t>
  </si>
  <si>
    <t>ggps139sb dera rahmat abad</t>
  </si>
  <si>
    <t>139sb</t>
  </si>
  <si>
    <t>Ummul aish</t>
  </si>
  <si>
    <t>48884</t>
  </si>
  <si>
    <t>vpo banth teh sohawa distt jhelum</t>
  </si>
  <si>
    <t>Shumaila Perveen</t>
  </si>
  <si>
    <t>49742</t>
  </si>
  <si>
    <t>GPS CHAK NO.153 NB</t>
  </si>
  <si>
    <t>SHAH NIKDAR-I - MALE</t>
  </si>
  <si>
    <t>153NB</t>
  </si>
  <si>
    <t>chak no 153 nb</t>
  </si>
  <si>
    <t>Muhammad Afzal Shaheen</t>
  </si>
  <si>
    <t>49650</t>
  </si>
  <si>
    <t>GHS CHAK NO.131 SB</t>
  </si>
  <si>
    <t>chak No 131sb</t>
  </si>
  <si>
    <t>131 SB</t>
  </si>
  <si>
    <t>Chak 126 Sb</t>
  </si>
  <si>
    <t>Hassan Raza Qureshi</t>
  </si>
  <si>
    <t>49685</t>
  </si>
  <si>
    <t>GGES CHAK NO.118 NB</t>
  </si>
  <si>
    <t>Chak No 118nb</t>
  </si>
  <si>
    <t>gges chak no 118nb</t>
  </si>
  <si>
    <t>Ashraf Batool</t>
  </si>
  <si>
    <t>40135</t>
  </si>
  <si>
    <t>49808</t>
  </si>
  <si>
    <t>GGPS CHAK NO.111 NB</t>
  </si>
  <si>
    <t>chk 111 n.b.</t>
  </si>
  <si>
    <t>Sadia Ehsan</t>
  </si>
  <si>
    <t>25478</t>
  </si>
  <si>
    <t>23478</t>
  </si>
  <si>
    <t>GGPS PATHAR TALAGANG</t>
  </si>
  <si>
    <t>Phathar</t>
  </si>
  <si>
    <t>v p o Budhial tensil Talagang  district  chakwal</t>
  </si>
  <si>
    <t>Bhudial</t>
  </si>
  <si>
    <t>ZAHIDA AUNMBREEN</t>
  </si>
  <si>
    <t>49714</t>
  </si>
  <si>
    <t>GGHS CHAK NO.125 SB</t>
  </si>
  <si>
    <t>Chak 125SB</t>
  </si>
  <si>
    <t>Chak 125 SB Tehsil Sillanwali District Sargodha</t>
  </si>
  <si>
    <t>Chak 125sb</t>
  </si>
  <si>
    <t>Zeenat Begum</t>
  </si>
  <si>
    <t>44047</t>
  </si>
  <si>
    <t>GGPS DHOK KHALAS</t>
  </si>
  <si>
    <t>vpo Patwali,Dhoke Khalas Tehsil Talagang District Chakwal</t>
  </si>
  <si>
    <t>Budhail</t>
  </si>
  <si>
    <t>Rokash Afzal</t>
  </si>
  <si>
    <t>GGPS KUNJALA</t>
  </si>
  <si>
    <t>v/po patwali dhok/  kunjala/tha/talagang dist/chakwal</t>
  </si>
  <si>
    <t>43643</t>
  </si>
  <si>
    <t>GHS BHILOMAR</t>
  </si>
  <si>
    <t>Vpo bhilomar</t>
  </si>
  <si>
    <t>Bhil0mar</t>
  </si>
  <si>
    <t>AAMIR IJAZ</t>
  </si>
  <si>
    <t>40168</t>
  </si>
  <si>
    <t>GHSS CHAK NO.126 SB</t>
  </si>
  <si>
    <t>CHAK NO 126 SB</t>
  </si>
  <si>
    <t>gHSS CHAK NO 126 SB</t>
  </si>
  <si>
    <t>GPS NAKA CHOI</t>
  </si>
  <si>
    <t>dhoke sukhial, p/o thoha mehram khan, talagang chakwal</t>
  </si>
  <si>
    <t>Dhoke Sukhial</t>
  </si>
  <si>
    <t>Kashif Feroz Bhatti</t>
  </si>
  <si>
    <t>44029</t>
  </si>
  <si>
    <t>GPS DHOK DARA</t>
  </si>
  <si>
    <t>Dhoke Dara</t>
  </si>
  <si>
    <t>Village Dhok Dara P.O Dhoke Faqira.</t>
  </si>
  <si>
    <t>FOZIA BIBI</t>
  </si>
  <si>
    <t>GGPS DHOK JUGIAL</t>
  </si>
  <si>
    <t>dhoke jugial vpo budhail teh talagang district chkwal</t>
  </si>
  <si>
    <t>43955</t>
  </si>
  <si>
    <t>43888</t>
  </si>
  <si>
    <t>GGPS DHOK BANWALI</t>
  </si>
  <si>
    <t>VPO Budhial dhoke banwali Tehseel Talagang district Chakwal</t>
  </si>
  <si>
    <t>Saiqa Dilshad</t>
  </si>
  <si>
    <t>GGCMS USMAN KHATTAR</t>
  </si>
  <si>
    <t>Usman Khattar</t>
  </si>
  <si>
    <t>usman khattar tehsil taxila</t>
  </si>
  <si>
    <t>Nasira Yaqoob</t>
  </si>
  <si>
    <t>43874</t>
  </si>
  <si>
    <t>GGPS NIKKI CHOOI</t>
  </si>
  <si>
    <t>vpo saghar nikki chooi talagang chakwal</t>
  </si>
  <si>
    <t>43872</t>
  </si>
  <si>
    <t>GPS DABAR DHIBA</t>
  </si>
  <si>
    <t>Dabar p/o T.M .Khan</t>
  </si>
  <si>
    <t>Dk Dabar</t>
  </si>
  <si>
    <t>Rasool Bakhsh Nasir</t>
  </si>
  <si>
    <t>44039</t>
  </si>
  <si>
    <t>GPS DHOK MUHAMMAD KHAN</t>
  </si>
  <si>
    <t>Dk Faqeer</t>
  </si>
  <si>
    <t>vop Pira Fatehal Tehsil Talagang District Chakwal</t>
  </si>
  <si>
    <t>49652</t>
  </si>
  <si>
    <t>GHS CHAK NO.63 SB</t>
  </si>
  <si>
    <t>63 SB</t>
  </si>
  <si>
    <t>Chak 63 SB  Tehsil Sillanwali District Sargodha</t>
  </si>
  <si>
    <t>Chak No 63 SB</t>
  </si>
  <si>
    <t>Chak No 49 Sb</t>
  </si>
  <si>
    <t>43869</t>
  </si>
  <si>
    <t>GPS PIRA</t>
  </si>
  <si>
    <t>Dhok Pira</t>
  </si>
  <si>
    <t>gps dhok pira vpo thoa mehram khan</t>
  </si>
  <si>
    <t>Thoa Mehram Khan</t>
  </si>
  <si>
    <t>25043</t>
  </si>
  <si>
    <t>GPS DHOK BHATTI</t>
  </si>
  <si>
    <t>DHOK BHATTI</t>
  </si>
  <si>
    <t>vpo pira fatehal GPS Dhok Bhatti</t>
  </si>
  <si>
    <t>Pira Fateha</t>
  </si>
  <si>
    <t>43727</t>
  </si>
  <si>
    <t>GPS DHOK ETBAAR NO.2</t>
  </si>
  <si>
    <t>Dhok Itabar</t>
  </si>
  <si>
    <t>Dhok Itabar VPO Saghar</t>
  </si>
  <si>
    <t>Gohar Bano</t>
  </si>
  <si>
    <t>42106</t>
  </si>
  <si>
    <t>GGPS JUGIAN</t>
  </si>
  <si>
    <t>Jugian</t>
  </si>
  <si>
    <t>jugian near taxila grid station.taxila</t>
  </si>
  <si>
    <t>Samra Muzzamil</t>
  </si>
  <si>
    <t>bored</t>
  </si>
  <si>
    <t>42108</t>
  </si>
  <si>
    <t>GGPS KHURRAM GUJJAR</t>
  </si>
  <si>
    <t>Khuram Gujar</t>
  </si>
  <si>
    <t>village and post office khuram gujar Taxila</t>
  </si>
  <si>
    <t>Mahwish Noor</t>
  </si>
  <si>
    <t>31951</t>
  </si>
  <si>
    <t>43832</t>
  </si>
  <si>
    <t>GPS DHOK  KADHI</t>
  </si>
  <si>
    <t>Dhok Kadhi</t>
  </si>
  <si>
    <t>GpsDhok kadhi vpo thoa mehram kha n</t>
  </si>
  <si>
    <t>Thoa Mehram khan</t>
  </si>
  <si>
    <t>36769</t>
  </si>
  <si>
    <t>GHS CHAK NO.113 NB</t>
  </si>
  <si>
    <t>Chak No 113 Nb</t>
  </si>
  <si>
    <t>chak no 113 nb teh sillanwali distt sargodha</t>
  </si>
  <si>
    <t>113 NB</t>
  </si>
  <si>
    <t>Chak 111 N B</t>
  </si>
  <si>
    <t>Muhammad Munawar Hussain</t>
  </si>
  <si>
    <t>30588</t>
  </si>
  <si>
    <t>40265</t>
  </si>
  <si>
    <t>43868</t>
  </si>
  <si>
    <t>GPS HAWA PURA</t>
  </si>
  <si>
    <t>dhok  Hawapura T.M Khan TALAGANG</t>
  </si>
  <si>
    <t>T M Khan Hawapura</t>
  </si>
  <si>
    <t>17349</t>
  </si>
  <si>
    <t>GPS GATTIA</t>
  </si>
  <si>
    <t>gattia</t>
  </si>
  <si>
    <t>government boys primary school gattia</t>
  </si>
  <si>
    <t>wah</t>
  </si>
  <si>
    <t>Yasmeen Surriya</t>
  </si>
  <si>
    <t>43821</t>
  </si>
  <si>
    <t>GPS DODHANDI</t>
  </si>
  <si>
    <t>Dodhandi</t>
  </si>
  <si>
    <t>vpo dholar,gps dodhandi,talagang,chakwal</t>
  </si>
  <si>
    <t>Dholar</t>
  </si>
  <si>
    <t>12272</t>
  </si>
  <si>
    <t>GHS LAB THATHO</t>
  </si>
  <si>
    <t>Lab Thathoo</t>
  </si>
  <si>
    <t>GHS lab thathoo tehsil taxila distt rwp</t>
  </si>
  <si>
    <t>42033</t>
  </si>
  <si>
    <t>GHS TALEEM-UL-QURAN TAXILA</t>
  </si>
  <si>
    <t>GHS Taleem ul Quran, Taxila</t>
  </si>
  <si>
    <t>Sara e kala</t>
  </si>
  <si>
    <t>SHER MUHAMMAD KHAN NIAZI</t>
  </si>
  <si>
    <t>GGHS CHAK NO.135 NB</t>
  </si>
  <si>
    <t>Chak No. 135 N.B.</t>
  </si>
  <si>
    <t>Tabinda Zaheer</t>
  </si>
  <si>
    <t>43891</t>
  </si>
  <si>
    <t>GGHSMISRIAL</t>
  </si>
  <si>
    <t>gghs misrial village misrial teh talagang</t>
  </si>
  <si>
    <t>40287</t>
  </si>
  <si>
    <t>GHS USMAN KHATTAR</t>
  </si>
  <si>
    <t>Usama Khattar</t>
  </si>
  <si>
    <t>Usman khattar</t>
  </si>
  <si>
    <t>fida hussain</t>
  </si>
  <si>
    <t>42055</t>
  </si>
  <si>
    <t>GGHS WAH VILLAGE</t>
  </si>
  <si>
    <t>GGHS wah village</t>
  </si>
  <si>
    <t>Zahoor Bibi</t>
  </si>
  <si>
    <t>49723</t>
  </si>
  <si>
    <t>GGHS CHAK NO.116 NB</t>
  </si>
  <si>
    <t>CK 116 NB</t>
  </si>
  <si>
    <t>CK 116NB</t>
  </si>
  <si>
    <t>CK 118 NB</t>
  </si>
  <si>
    <t>Sadia Ahmad</t>
  </si>
  <si>
    <t>49639</t>
  </si>
  <si>
    <t>GHS CHAK NO.127 SB</t>
  </si>
  <si>
    <t>Chak 127 SB</t>
  </si>
  <si>
    <t>51548</t>
  </si>
  <si>
    <t>51212</t>
  </si>
  <si>
    <t>GPS DHOK MUSTA</t>
  </si>
  <si>
    <t>Dhoke Musta</t>
  </si>
  <si>
    <t>Dhoke Musta teh Taxila Dist Rwp</t>
  </si>
  <si>
    <t>Ghazi Kohli</t>
  </si>
  <si>
    <t>39988</t>
  </si>
  <si>
    <t>40798</t>
  </si>
  <si>
    <t>GGPS DHOK MOCHIAN</t>
  </si>
  <si>
    <t>village Dhoke Mochian p/o Bakrala Tehsil Sohawa Disst Jhelum</t>
  </si>
  <si>
    <t>Naveeda Parveen</t>
  </si>
  <si>
    <t>11047</t>
  </si>
  <si>
    <t>40559</t>
  </si>
  <si>
    <t>GHS PARI DARVEZA</t>
  </si>
  <si>
    <t>Pari Darweza</t>
  </si>
  <si>
    <t>vpo pari darweza tehsil sohawa District Jhelum</t>
  </si>
  <si>
    <t>40001</t>
  </si>
  <si>
    <t>GGES CHAK NO.142 NB</t>
  </si>
  <si>
    <t>Chak #142nb</t>
  </si>
  <si>
    <t>chak#142 nb</t>
  </si>
  <si>
    <t>Chak#142nb</t>
  </si>
  <si>
    <t>131nb</t>
  </si>
  <si>
    <t>NAQASH FATIMA</t>
  </si>
  <si>
    <t>GHS JANDALA</t>
  </si>
  <si>
    <t>GHS JANDALA TEHSIL SOHAWA DISTT JHELUM</t>
  </si>
  <si>
    <t>Shakeel Arshad Kayani</t>
  </si>
  <si>
    <t>40568</t>
  </si>
  <si>
    <t>GGHS PARI DERWEZA</t>
  </si>
  <si>
    <t>GGHS PARI DERWEZA TEHSIL SOHAWA DISTT JHELUM</t>
  </si>
  <si>
    <t>Pari Derweza</t>
  </si>
  <si>
    <t>Phulary Saydan</t>
  </si>
  <si>
    <t>Qudsia-tun-nisa</t>
  </si>
  <si>
    <t>daily basis</t>
  </si>
  <si>
    <t>49736</t>
  </si>
  <si>
    <t>GPS CHAK NO.137 SB</t>
  </si>
  <si>
    <t>137 Sb</t>
  </si>
  <si>
    <t>chak no. 137 sb sillanwali</t>
  </si>
  <si>
    <t>136 Sb</t>
  </si>
  <si>
    <t>GGES CHAK NO.140 SB</t>
  </si>
  <si>
    <t>Chak140 Sb</t>
  </si>
  <si>
    <t>chak no 140 sb sillanwali</t>
  </si>
  <si>
    <t>Chak 140 Sb</t>
  </si>
  <si>
    <t>Chak No 138 Sb</t>
  </si>
  <si>
    <t>Noureen Huma</t>
  </si>
  <si>
    <t>49773</t>
  </si>
  <si>
    <t>GPS CHAK NO.141 NB</t>
  </si>
  <si>
    <t>Chak No 141 NB</t>
  </si>
  <si>
    <t>Chak No. 141 NB Tehsil Sillanwali District Sargodha</t>
  </si>
  <si>
    <t>Chak No 141NB</t>
  </si>
  <si>
    <t>Chak No 131 NB</t>
  </si>
  <si>
    <t>40613</t>
  </si>
  <si>
    <t>GPS MOHRA LAL</t>
  </si>
  <si>
    <t>Mohra Lal</t>
  </si>
  <si>
    <t>Bari luss teh. sohawa district Jhelum</t>
  </si>
  <si>
    <t>Pail Baney Khan</t>
  </si>
  <si>
    <t>40687</t>
  </si>
  <si>
    <t>GPS PADHRALA</t>
  </si>
  <si>
    <t>Padhrala</t>
  </si>
  <si>
    <t>village padhrala P/O phadial</t>
  </si>
  <si>
    <t>GHS JAJIAL</t>
  </si>
  <si>
    <t>Govt. High School Jajial tehsil sohawa district Jhelum</t>
  </si>
  <si>
    <t>Safeer Hussain Malik</t>
  </si>
  <si>
    <t>40664</t>
  </si>
  <si>
    <t>GPS MATHEEN</t>
  </si>
  <si>
    <t>Lubana Hail</t>
  </si>
  <si>
    <t>village Matheen P/o padhri Teh sohawa Dist jhelum</t>
  </si>
  <si>
    <t>Matheen</t>
  </si>
  <si>
    <t>GGHS PANDORRI</t>
  </si>
  <si>
    <t>GGHS Pundori sohawa</t>
  </si>
  <si>
    <t>32508</t>
  </si>
  <si>
    <t>GPS HAKEEM GHARY</t>
  </si>
  <si>
    <t>Sharqpur</t>
  </si>
  <si>
    <t>GPS HAKEEM GAHRRI SHARQPUR SHARIF</t>
  </si>
  <si>
    <t>31058</t>
  </si>
  <si>
    <t>30861</t>
  </si>
  <si>
    <t>GHS ISLAMIA CHAK NO.29 SB</t>
  </si>
  <si>
    <t>Chak No 29 SB</t>
  </si>
  <si>
    <t>CHAK No. 29 SB TEHSIL &amp;DISTRICT SARGODHA</t>
  </si>
  <si>
    <t>Chak No 28 SB</t>
  </si>
  <si>
    <t>Abdul Waheed Bhatti</t>
  </si>
  <si>
    <t>GGPS CHAH PEHLWAN WALA</t>
  </si>
  <si>
    <t>Chah Pehlwan Wala Mouza Ghuman Mari</t>
  </si>
  <si>
    <t>Chah Pehlwan Wala</t>
  </si>
  <si>
    <t>Anam Asif</t>
  </si>
  <si>
    <t>GPS THATHA RAGWAN</t>
  </si>
  <si>
    <t>Thatha Rugwan</t>
  </si>
  <si>
    <t>25298</t>
  </si>
  <si>
    <t>GPS NAZIR PURA</t>
  </si>
  <si>
    <t>Nazir Pura</t>
  </si>
  <si>
    <t>village Nazir Pura p/o Chakrala Sialkot</t>
  </si>
  <si>
    <t>Tasadaq Hussain</t>
  </si>
  <si>
    <t>25153</t>
  </si>
  <si>
    <t>GGPS BALIWAD</t>
  </si>
  <si>
    <t>Baliwad</t>
  </si>
  <si>
    <t>Beliwad</t>
  </si>
  <si>
    <t>asia kousar</t>
  </si>
  <si>
    <t>GPS WARA KHIALIAN</t>
  </si>
  <si>
    <t>Wara Ghialian</t>
  </si>
  <si>
    <t>wara ghialian dist shekhupra</t>
  </si>
  <si>
    <t>Irfan Masih</t>
  </si>
  <si>
    <t>48786</t>
  </si>
  <si>
    <t>GGHS BHAGTANWALA</t>
  </si>
  <si>
    <t>Bhagtanwala , Sargodha</t>
  </si>
  <si>
    <t>FARAH ATHER</t>
  </si>
  <si>
    <t>GGES KHAKI LAKHI</t>
  </si>
  <si>
    <t>LAKHI LAKHI</t>
  </si>
  <si>
    <t>Dak'khana khas khaki Lakhi</t>
  </si>
  <si>
    <t>Khaki LAKHI</t>
  </si>
  <si>
    <t>Iram Shaheen</t>
  </si>
  <si>
    <t>GGHS NAZER LABANA P/O KHAS (MC)</t>
  </si>
  <si>
    <t>VILL NAZAR LUBANA TAHSIL SHARAQPUR DISTT: SKP</t>
  </si>
  <si>
    <t>laila kanwal</t>
  </si>
  <si>
    <t>GPS QILA KONYAN</t>
  </si>
  <si>
    <t>Qila Konian</t>
  </si>
  <si>
    <t>Village Qila Konian Distt. Sheikhupura</t>
  </si>
  <si>
    <t>Muhammad Afzal Rafique</t>
  </si>
  <si>
    <t>GPS KHANI BAZI GARAN</t>
  </si>
  <si>
    <t>Khani Bazigiran</t>
  </si>
  <si>
    <t>Govt P/S Khani Bazigiran</t>
  </si>
  <si>
    <t>Quraishyanwala</t>
  </si>
  <si>
    <t>32610</t>
  </si>
  <si>
    <t>GGES CHAK NO. 23</t>
  </si>
  <si>
    <t>Chak23</t>
  </si>
  <si>
    <t>Chak 23</t>
  </si>
  <si>
    <t>Chak20ucc</t>
  </si>
  <si>
    <t>Farasat qaisra</t>
  </si>
  <si>
    <t>GMPS CHAK NO 19 GHAGH</t>
  </si>
  <si>
    <t>19ghagh</t>
  </si>
  <si>
    <t>19 ghagh</t>
  </si>
  <si>
    <t>19 Ghagh</t>
  </si>
  <si>
    <t>Anum Parveen</t>
  </si>
  <si>
    <t>38252</t>
  </si>
  <si>
    <t>25127</t>
  </si>
  <si>
    <t>GGPS SEERH</t>
  </si>
  <si>
    <t>Seerh</t>
  </si>
  <si>
    <t>SeerhP/OPHUKLIAN Area Bajwan Distt/Tehsil Sialkot</t>
  </si>
  <si>
    <t>Wodgirran</t>
  </si>
  <si>
    <t>Nazia Noureen</t>
  </si>
  <si>
    <t>GMPS MARWAL</t>
  </si>
  <si>
    <t>Marwal</t>
  </si>
  <si>
    <t>MarwalP/OPhuklian</t>
  </si>
  <si>
    <t>Rashda Bibi</t>
  </si>
  <si>
    <t>38257</t>
  </si>
  <si>
    <t>32141</t>
  </si>
  <si>
    <t>GPS QILA AKWAK SINGH</t>
  </si>
  <si>
    <t>Qila Akwak Singh</t>
  </si>
  <si>
    <t>Sultan Muhammad Qumar Ullah</t>
  </si>
  <si>
    <t>38260</t>
  </si>
  <si>
    <t>GHS CHAK NO 13 UCC</t>
  </si>
  <si>
    <t>CHAK NO 13 UCC P/O Marh Bhangwan Tehsil Sharaqpur District Sheikhupura</t>
  </si>
  <si>
    <t>CHAK NO 13 UCC</t>
  </si>
  <si>
    <t>Muhammad Nauman</t>
  </si>
  <si>
    <t>GPS LAMB WALI JADEED</t>
  </si>
  <si>
    <t>Lambwali</t>
  </si>
  <si>
    <t>lamb wali sheikhupura.</t>
  </si>
  <si>
    <t>Lamb Wali</t>
  </si>
  <si>
    <t>Shamsingh</t>
  </si>
  <si>
    <t>Ahsanulhaq</t>
  </si>
  <si>
    <t>45336</t>
  </si>
  <si>
    <t>GGPS DERA DAD POTERAY</t>
  </si>
  <si>
    <t>Farooq Abad Y</t>
  </si>
  <si>
    <t>Dera dad Poteray</t>
  </si>
  <si>
    <t>Farooq Abad Goan</t>
  </si>
  <si>
    <t>Musharaf Akram</t>
  </si>
  <si>
    <t>32576</t>
  </si>
  <si>
    <t>GGPS AYYA PUR</t>
  </si>
  <si>
    <t>Ayyapur</t>
  </si>
  <si>
    <t>ayyapur</t>
  </si>
  <si>
    <t>Aniqa Shahzadi</t>
  </si>
  <si>
    <t>GGPS GHULLAH WATTOWAN</t>
  </si>
  <si>
    <t>Ghulla watwan</t>
  </si>
  <si>
    <t>Govt. girls primary school ghulla watwan</t>
  </si>
  <si>
    <t>Ghullawattwan</t>
  </si>
  <si>
    <t>Ferozewatwan 2</t>
  </si>
  <si>
    <t>Razia  Begum</t>
  </si>
  <si>
    <t>GPS NAZAM PURA</t>
  </si>
  <si>
    <t>38273</t>
  </si>
  <si>
    <t>GPS GHOLAN KE MALIAN</t>
  </si>
  <si>
    <t>mallian kalan</t>
  </si>
  <si>
    <t>gholen ki mallian tehsile &amp; district sheikhupura</t>
  </si>
  <si>
    <t>gholen ki mallian</t>
  </si>
  <si>
    <t>18151</t>
  </si>
  <si>
    <t>GGPS CHAH MEHMOOD WALA</t>
  </si>
  <si>
    <t>G.G P/s chah mahmood wala</t>
  </si>
  <si>
    <t>Raheela Nazir</t>
  </si>
  <si>
    <t>49157</t>
  </si>
  <si>
    <t>GGPS CHAK NO.114 SB NEW ABADI</t>
  </si>
  <si>
    <t>Chak 114 SB</t>
  </si>
  <si>
    <t>chak 114 SB New Abadi</t>
  </si>
  <si>
    <t>114 Sb New Abadi</t>
  </si>
  <si>
    <t>113 Sb</t>
  </si>
  <si>
    <t>Sumaira Ahmad</t>
  </si>
  <si>
    <t>GGPS ROHRA MAR BHANGOWAN</t>
  </si>
  <si>
    <t>ROHRA</t>
  </si>
  <si>
    <t>Nargis Mushtaq</t>
  </si>
  <si>
    <t>38281</t>
  </si>
  <si>
    <t>GMPS MONGAR</t>
  </si>
  <si>
    <t>village mongar p/o kotli loharan west district Sialkot</t>
  </si>
  <si>
    <t>GGES ASSIAN WALA</t>
  </si>
  <si>
    <t>Assian wala</t>
  </si>
  <si>
    <t>assian wala sargodha</t>
  </si>
  <si>
    <t>Assian wala Sargodha</t>
  </si>
  <si>
    <t>38288</t>
  </si>
  <si>
    <t>31901</t>
  </si>
  <si>
    <t>GHS KOT RANJEET (SKP)</t>
  </si>
  <si>
    <t>GHS Kot Ranjeet</t>
  </si>
  <si>
    <t>Abdul Rehman Shakir</t>
  </si>
  <si>
    <t>GPS NIA MIANA PURA WEST</t>
  </si>
  <si>
    <t>Nia Miana Pura W</t>
  </si>
  <si>
    <t>Nia Miana Pura west Sialkot</t>
  </si>
  <si>
    <t>Nia Miana Pura west</t>
  </si>
  <si>
    <t>32532</t>
  </si>
  <si>
    <t>GES CHAK NO. 23 UCC NORTH</t>
  </si>
  <si>
    <t>23chak</t>
  </si>
  <si>
    <t>Govt E/S CHAK 23 NORTH</t>
  </si>
  <si>
    <t>23 Chak</t>
  </si>
  <si>
    <t>Yasir Munir</t>
  </si>
  <si>
    <t>32234</t>
  </si>
  <si>
    <t>GGPS CHAK NO 8 GAGH</t>
  </si>
  <si>
    <t>chak# 8 ghagh.teh.shorkot</t>
  </si>
  <si>
    <t>chak no 8ghagh</t>
  </si>
  <si>
    <t>kotla zareef khan</t>
  </si>
  <si>
    <t>shazia ijaz</t>
  </si>
  <si>
    <t>32447</t>
  </si>
  <si>
    <t>GPS KHARO PUR MALIAN</t>
  </si>
  <si>
    <t>Khairo Pur Mallian</t>
  </si>
  <si>
    <t>khairo pur mallian post office mallian kalan  tehsil and distt sheikhukura</t>
  </si>
  <si>
    <t>Muhammad Sajjad Ghazanfar</t>
  </si>
  <si>
    <t>GGPS MUSLIM PURA SHARAQPUR</t>
  </si>
  <si>
    <t>ggps muslimpura sharaqpur</t>
  </si>
  <si>
    <t>Muslim Pura</t>
  </si>
  <si>
    <t>Town Commitee Sharaqpur</t>
  </si>
  <si>
    <t>Muzamal Hanif</t>
  </si>
  <si>
    <t>GES PARTAN WALI</t>
  </si>
  <si>
    <t>Govt. Elementary school Partanwali sialkot</t>
  </si>
  <si>
    <t>38302</t>
  </si>
  <si>
    <t>GGHS SHORKOT CANTT</t>
  </si>
  <si>
    <t>gghs shorkot cantt</t>
  </si>
  <si>
    <t>Shorkot Cantt</t>
  </si>
  <si>
    <t>AZKA CHAUDHRY</t>
  </si>
  <si>
    <t>38309</t>
  </si>
  <si>
    <t>GGPS KOT JEWAN SINGH</t>
  </si>
  <si>
    <t>Kharainwala</t>
  </si>
  <si>
    <t>ko jewan singh p/ o kharainwala  sheikhupura</t>
  </si>
  <si>
    <t>Kot Jewan Singh</t>
  </si>
  <si>
    <t>Ruqya Parveen</t>
  </si>
  <si>
    <t>38316</t>
  </si>
  <si>
    <t>32009</t>
  </si>
  <si>
    <t>GES WALGUN JANDA</t>
  </si>
  <si>
    <t>Walgan jhanda tehsil and dist sheikhupura</t>
  </si>
  <si>
    <t>Walgan Jhanda</t>
  </si>
  <si>
    <t>Ferozewattowa</t>
  </si>
  <si>
    <t>Asif Khan</t>
  </si>
  <si>
    <t>GHS BADH RAJBANA</t>
  </si>
  <si>
    <t>badhrajbana</t>
  </si>
  <si>
    <t>muaza badhrajbana pattan road shorkot city</t>
  </si>
  <si>
    <t>Muhammad Zia Ul Ameen</t>
  </si>
  <si>
    <t>24809</t>
  </si>
  <si>
    <t>GGHS KOUR PUR</t>
  </si>
  <si>
    <t>kourpur skt</t>
  </si>
  <si>
    <t>Saba Javed</t>
  </si>
  <si>
    <t>filterred water</t>
  </si>
  <si>
    <t>48616</t>
  </si>
  <si>
    <t>GGES CHAKRALA</t>
  </si>
  <si>
    <t>Hamna Saddique</t>
  </si>
  <si>
    <t>24736</t>
  </si>
  <si>
    <t>GGHSS PHUKLIAN</t>
  </si>
  <si>
    <t>phuklian</t>
  </si>
  <si>
    <t>village and P/O phuklian</t>
  </si>
  <si>
    <t>sitara javaid</t>
  </si>
  <si>
    <t>GGPS CHANDHAR NO.1</t>
  </si>
  <si>
    <t>Chandar No 1</t>
  </si>
  <si>
    <t>village Chandar no. 1 teh and disst sialkot</t>
  </si>
  <si>
    <t>GPS KARLOOP</t>
  </si>
  <si>
    <t>Karloop</t>
  </si>
  <si>
    <t>village karloop</t>
  </si>
  <si>
    <t>Village Karloop</t>
  </si>
  <si>
    <t>39656</t>
  </si>
  <si>
    <t>GPS CHAK KHOJA</t>
  </si>
  <si>
    <t>Chak Khoja</t>
  </si>
  <si>
    <t>village chak khoja p o Phuklian Sialkot</t>
  </si>
  <si>
    <t>Shamas Din</t>
  </si>
  <si>
    <t>45928</t>
  </si>
  <si>
    <t>47963</t>
  </si>
  <si>
    <t>39662</t>
  </si>
  <si>
    <t>24965</t>
  </si>
  <si>
    <t>GGPS TAJER TAROKANA</t>
  </si>
  <si>
    <t>Tajer Taro Kana</t>
  </si>
  <si>
    <t>village tarokana post office dalowali</t>
  </si>
  <si>
    <t>Kausar Rani</t>
  </si>
  <si>
    <t>GGPS CHAK KHOJA</t>
  </si>
  <si>
    <t>Chakkhoja</t>
  </si>
  <si>
    <t>ckakkoja.  po.   phuklian.  TD.  Sialkot</t>
  </si>
  <si>
    <t>Yasmeen Gulzar</t>
  </si>
  <si>
    <t>GES BOUNKAN</t>
  </si>
  <si>
    <t>Bounkan</t>
  </si>
  <si>
    <t>Bounkan Tehsil &amp; District Sialkot</t>
  </si>
  <si>
    <t>Naimat Ullah</t>
  </si>
  <si>
    <t>39167</t>
  </si>
  <si>
    <t>GGPS MARHAL</t>
  </si>
  <si>
    <t>Marhal</t>
  </si>
  <si>
    <t>village marhal</t>
  </si>
  <si>
    <t>SAJIDA AFZAL</t>
  </si>
  <si>
    <t>GHS GHAZI MINARA SHEIKHUPURA</t>
  </si>
  <si>
    <t>Sargodha Road, sheikhupura</t>
  </si>
  <si>
    <t>ghazanfar ali</t>
  </si>
  <si>
    <t>30683</t>
  </si>
  <si>
    <t>GMPS SARDAR MUHAMMAD KATHIA</t>
  </si>
  <si>
    <t>P/0 shah sadiq nehang basti kot kathia</t>
  </si>
  <si>
    <t>Sardar M Kathia</t>
  </si>
  <si>
    <t>18122</t>
  </si>
  <si>
    <t>GGPS CHAK NO 500 JB FRANCIS ABAD</t>
  </si>
  <si>
    <t>Padrian Wala</t>
  </si>
  <si>
    <t>chak 500 Francis a bad teh shorkot distt jhang</t>
  </si>
  <si>
    <t>500 Francis Abad</t>
  </si>
  <si>
    <t>Saneeia Sadiq</t>
  </si>
  <si>
    <t>GPS KOTLI BHUTTA</t>
  </si>
  <si>
    <t>kotli bhutta sialkot</t>
  </si>
  <si>
    <t>Muhammad Adnan Bashir</t>
  </si>
  <si>
    <t>GGPS LUNDA BHATTIAN (RASOOL PUR BHATTIAN)</t>
  </si>
  <si>
    <t>Rasoolpur Bhattian</t>
  </si>
  <si>
    <t>GGPS rasoolpur bhattian</t>
  </si>
  <si>
    <t>Rasool pur Bhattian</t>
  </si>
  <si>
    <t>GAJYANA</t>
  </si>
  <si>
    <t>shabnam younas</t>
  </si>
  <si>
    <t>22059</t>
  </si>
  <si>
    <t>27112</t>
  </si>
  <si>
    <t>GES LOONI</t>
  </si>
  <si>
    <t>looni sialkot</t>
  </si>
  <si>
    <t>SHABBIR AHMED</t>
  </si>
  <si>
    <t>GMPS  CHAK NO 492 JB 1</t>
  </si>
  <si>
    <t>Chak no 492 jb 1 post office waryam wala tehsil shorkot district jhang</t>
  </si>
  <si>
    <t>Chak no 492 jb 1</t>
  </si>
  <si>
    <t>22492</t>
  </si>
  <si>
    <t>39187</t>
  </si>
  <si>
    <t>31964</t>
  </si>
  <si>
    <t>GGHS BAHIR</t>
  </si>
  <si>
    <t>Baahrr</t>
  </si>
  <si>
    <t>Village Baahrr Teh &amp; Distt Sheikhupura</t>
  </si>
  <si>
    <t>FAKHRA AMIN</t>
  </si>
  <si>
    <t>39039</t>
  </si>
  <si>
    <t>GPS MC ROSHAN PURA</t>
  </si>
  <si>
    <t>Roshan Pura</t>
  </si>
  <si>
    <t>Street no 9 REHMAT Colony no 2</t>
  </si>
  <si>
    <t>Farhan Rashid Bhatti</t>
  </si>
  <si>
    <t>GGES CM PUL BAJWAN</t>
  </si>
  <si>
    <t>Pullbajwan</t>
  </si>
  <si>
    <t>Pullbajan</t>
  </si>
  <si>
    <t>Najma  Rani</t>
  </si>
  <si>
    <t>49693</t>
  </si>
  <si>
    <t>GPS HAVELI WALA</t>
  </si>
  <si>
    <t>pattan road shor kot</t>
  </si>
  <si>
    <t>Mian Imran Mehdi</t>
  </si>
  <si>
    <t>49012</t>
  </si>
  <si>
    <t>GPS CHAK NO.51 SB</t>
  </si>
  <si>
    <t>chak 51 sb</t>
  </si>
  <si>
    <t>Chak 51 sb P/O Bhagtanwala Teh/Distt Sargodha</t>
  </si>
  <si>
    <t>Chak 51 SB</t>
  </si>
  <si>
    <t>GGPS LUDA MAHNI SHARQI</t>
  </si>
  <si>
    <t>Luda Mahni</t>
  </si>
  <si>
    <t>Luda Mahni, Rustam Sargana</t>
  </si>
  <si>
    <t>GES KOT DIYA RAM</t>
  </si>
  <si>
    <t>Kot Diya Ram</t>
  </si>
  <si>
    <t>Kot Diya Ram P/O same</t>
  </si>
  <si>
    <t>Nokhar Nau</t>
  </si>
  <si>
    <t>39060</t>
  </si>
  <si>
    <t>24871</t>
  </si>
  <si>
    <t>GPS PUNOWAL</t>
  </si>
  <si>
    <t>Punowal</t>
  </si>
  <si>
    <t>GPS Punowal  Sialkot</t>
  </si>
  <si>
    <t>14161</t>
  </si>
  <si>
    <t>48823</t>
  </si>
  <si>
    <t>GES CHAK NO.59 SB</t>
  </si>
  <si>
    <t>Chak No 59 SB</t>
  </si>
  <si>
    <t>GES CHAK NO 59 SB</t>
  </si>
  <si>
    <t>Chak 58 ASB</t>
  </si>
  <si>
    <t>Muddasir Rasool</t>
  </si>
  <si>
    <t>39072</t>
  </si>
  <si>
    <t>GGPS JOGO CHAK</t>
  </si>
  <si>
    <t>44407</t>
  </si>
  <si>
    <t>39077</t>
  </si>
  <si>
    <t>GPS SUNDER PUR</t>
  </si>
  <si>
    <t>Sunder Pur</t>
  </si>
  <si>
    <t>village sunder pur p o kotli loharan west district and tehsil Sialkot</t>
  </si>
  <si>
    <t>Bharthan Wala</t>
  </si>
  <si>
    <t>25087</t>
  </si>
  <si>
    <t>GGPS CHHANI ACHRAN</t>
  </si>
  <si>
    <t>Channi Achran</t>
  </si>
  <si>
    <t>village Channi Achran teh and distt Sialkot post office chaprar</t>
  </si>
  <si>
    <t>GGPS MATRAL KALAN</t>
  </si>
  <si>
    <t>Mitral Kalan</t>
  </si>
  <si>
    <t>GGP/S mitral kalan</t>
  </si>
  <si>
    <t>Govt. Shuhada-e-APS Memorial High School Sgd</t>
  </si>
  <si>
    <t>Chak 43 NB</t>
  </si>
  <si>
    <t>Kot freed Road Sargodha</t>
  </si>
  <si>
    <t>79338</t>
  </si>
  <si>
    <t>GPS DERA NARIAN WALA</t>
  </si>
  <si>
    <t>Dera Narian Wala</t>
  </si>
  <si>
    <t>dera narin wala manawala road farooqabad</t>
  </si>
  <si>
    <t>Dera Narin Wala</t>
  </si>
  <si>
    <t>Makki</t>
  </si>
  <si>
    <t>GHS SAHOWALI CHAMRANGAN</t>
  </si>
  <si>
    <t>Sahowali Chamrangan</t>
  </si>
  <si>
    <t>GHS Sahowali Chamrangan Village and Post Office Sahowali Chamrangan Pasrur Road Sialkot</t>
  </si>
  <si>
    <t>50198</t>
  </si>
  <si>
    <t>39102</t>
  </si>
  <si>
    <t>GGPS MC ASHRAF PARK</t>
  </si>
  <si>
    <t>chwk imam barga gali dak khana sheikhupura</t>
  </si>
  <si>
    <t>muncipal</t>
  </si>
  <si>
    <t>Mehak Saeed</t>
  </si>
  <si>
    <t>25002</t>
  </si>
  <si>
    <t>GGPS KOTLI ARAIAN</t>
  </si>
  <si>
    <t>Kotli Araian</t>
  </si>
  <si>
    <t>village kotli araian</t>
  </si>
  <si>
    <t>Saiydan Wali</t>
  </si>
  <si>
    <t>GPS KOTLI ARAIAN</t>
  </si>
  <si>
    <t>Kotli Arian</t>
  </si>
  <si>
    <t>vil:kotli Arian,p/o kotli loharan, the&amp;dist Sialkot</t>
  </si>
  <si>
    <t>Ch mudasar iqbal</t>
  </si>
  <si>
    <t>10604</t>
  </si>
  <si>
    <t>24762</t>
  </si>
  <si>
    <t>GHS JOURIAN KALAN</t>
  </si>
  <si>
    <t>jaurian kalan Tehsil &amp; District Sialkot</t>
  </si>
  <si>
    <t>Muhammad Akram Nadeem</t>
  </si>
  <si>
    <t>39117</t>
  </si>
  <si>
    <t>31926</t>
  </si>
  <si>
    <t>GES JAITA</t>
  </si>
  <si>
    <t>village jaita tehsil muridke distt sheikhuoura</t>
  </si>
  <si>
    <t>Mohammed Afzal Shah</t>
  </si>
  <si>
    <t>39121</t>
  </si>
  <si>
    <t>25055</t>
  </si>
  <si>
    <t>GGPS RUM</t>
  </si>
  <si>
    <t>Ggps Rum</t>
  </si>
  <si>
    <t>Farzana Ramzan</t>
  </si>
  <si>
    <t>25307</t>
  </si>
  <si>
    <t>GPS PUL BAJWAN</t>
  </si>
  <si>
    <t>PUL BAJWAN</t>
  </si>
  <si>
    <t>Village&amp;p/o Pul Bajwan Tehsil &amp; distt Sialkot</t>
  </si>
  <si>
    <t>Gps sher pur</t>
  </si>
  <si>
    <t>shehni</t>
  </si>
  <si>
    <t>GGES RAFIQ ABAD</t>
  </si>
  <si>
    <t>Kakki Nou Soiam</t>
  </si>
  <si>
    <t>ggesrafique abad</t>
  </si>
  <si>
    <t>KOUSAR Abad</t>
  </si>
  <si>
    <t>31891</t>
  </si>
  <si>
    <t>GHS LAGAR</t>
  </si>
  <si>
    <t>GHS Lagar tehsil and district sheikhupura</t>
  </si>
  <si>
    <t>muhammad nawaz ahmad khan</t>
  </si>
  <si>
    <t>18172</t>
  </si>
  <si>
    <t>Manzoora Baad</t>
  </si>
  <si>
    <t>Gumman Maari</t>
  </si>
  <si>
    <t>Shehzadi Jahan Aara</t>
  </si>
  <si>
    <t>39134</t>
  </si>
  <si>
    <t>24706</t>
  </si>
  <si>
    <t>GHS HEAD MARALA</t>
  </si>
  <si>
    <t>GOVERNMENT HIGH SCHOOL HEAD MARALA</t>
  </si>
  <si>
    <t>MUREED GHOSE TAMIMI</t>
  </si>
  <si>
    <t>32313</t>
  </si>
  <si>
    <t>GGPS MOGA AMIN</t>
  </si>
  <si>
    <t>village Moga Amin</t>
  </si>
  <si>
    <t>Gajiana Nau</t>
  </si>
  <si>
    <t>GHS FAROOQ ABAD GAON</t>
  </si>
  <si>
    <t>farooqabad gaon</t>
  </si>
  <si>
    <t>MUHAMMAD  RAFIQUE ANJUM</t>
  </si>
  <si>
    <t>43802</t>
  </si>
  <si>
    <t>GGPS HAZOORI WALA</t>
  </si>
  <si>
    <t>Jaleel Akhtar</t>
  </si>
  <si>
    <t>39191</t>
  </si>
  <si>
    <t>GGHS CHAK NO 478 JB</t>
  </si>
  <si>
    <t>Chak no.  478 jb jhang</t>
  </si>
  <si>
    <t>government Girls high school chak no.  478 jb jhang</t>
  </si>
  <si>
    <t>chak no.  478 JB jhang</t>
  </si>
  <si>
    <t>chak no.  481 JB Bootay wali</t>
  </si>
  <si>
    <t>Saba Chaudhary</t>
  </si>
  <si>
    <t>GES KACHI MAND</t>
  </si>
  <si>
    <t>vpo kachi mand</t>
  </si>
  <si>
    <t>49527</t>
  </si>
  <si>
    <t>GES MANDIALA VIRKAN</t>
  </si>
  <si>
    <t>Mandiala Virkan Tehsil &amp; Distt Sheikhupura.</t>
  </si>
  <si>
    <t>Razwan Anwar</t>
  </si>
  <si>
    <t>GGES SAIDRA KHURD</t>
  </si>
  <si>
    <t>Saidra Khurd</t>
  </si>
  <si>
    <t>saidra khurd teh, dist sialkot</t>
  </si>
  <si>
    <t>Azma Shafi</t>
  </si>
  <si>
    <t>GGPS MAKI 460</t>
  </si>
  <si>
    <t>makki 460</t>
  </si>
  <si>
    <t>SAEEDA KHAN</t>
  </si>
  <si>
    <t>GPS MC ARANIAN WALA</t>
  </si>
  <si>
    <t>Araian Wala</t>
  </si>
  <si>
    <t>GPS MC Boys Araian Wala Ghazni road Sheikhupura</t>
  </si>
  <si>
    <t>Zahid Majeed</t>
  </si>
  <si>
    <t>GHS CHAK NO 7 UCC</t>
  </si>
  <si>
    <t>Chak No 7 Ucc</t>
  </si>
  <si>
    <t>Chak no 7 ucc skp</t>
  </si>
  <si>
    <t>Chak No 7 Ucc Skp</t>
  </si>
  <si>
    <t>Muhammad ishaq rehmain</t>
  </si>
  <si>
    <t>25056</t>
  </si>
  <si>
    <t>GMES CHAK AMBO</t>
  </si>
  <si>
    <t>chak ambo</t>
  </si>
  <si>
    <t>p/o chaprar tehseel/district sialkot</t>
  </si>
  <si>
    <t>Asma Sadeeqa</t>
  </si>
  <si>
    <t>14172</t>
  </si>
  <si>
    <t>GGPS RASIKH ABAD</t>
  </si>
  <si>
    <t>Merik Sial</t>
  </si>
  <si>
    <t>rasikhabad colony</t>
  </si>
  <si>
    <t>Rasikhabad</t>
  </si>
  <si>
    <t>Allah Yar Jotta</t>
  </si>
  <si>
    <t>Munazza Sarwar</t>
  </si>
  <si>
    <t>GPS QAYYUM PUR</t>
  </si>
  <si>
    <t>QIAMPUR</t>
  </si>
  <si>
    <t>QIAMPUR P/O MONOPUR TEHSIL AND DISRTRICT SHEIKHUPURA</t>
  </si>
  <si>
    <t>MANDIALA VIRKAN</t>
  </si>
  <si>
    <t>MUHAMMAD YASEEN TAHIR</t>
  </si>
  <si>
    <t>GHSS SIALKOT CITY</t>
  </si>
  <si>
    <t>Baba Beri</t>
  </si>
  <si>
    <t>pul aik zafarwal road</t>
  </si>
  <si>
    <t>nekapura</t>
  </si>
  <si>
    <t>duburji arrain</t>
  </si>
  <si>
    <t>MAHMOOD ARSHAD</t>
  </si>
  <si>
    <t>GPS GHULLAH WATTOWAN</t>
  </si>
  <si>
    <t>Ghullah Wattowan</t>
  </si>
  <si>
    <t>Feroze Wattowan 2</t>
  </si>
  <si>
    <t>Hafiz Rashid Mahmood</t>
  </si>
  <si>
    <t>36223</t>
  </si>
  <si>
    <t>31897</t>
  </si>
  <si>
    <t>GHS SAHOKI MALLIAN</t>
  </si>
  <si>
    <t>SahomiMallian</t>
  </si>
  <si>
    <t>SahokiMallian</t>
  </si>
  <si>
    <t>Chichoki Mallian</t>
  </si>
  <si>
    <t>NAWAZISH ALI BASRA</t>
  </si>
  <si>
    <t>GPS SAGAR</t>
  </si>
  <si>
    <t>Sagar</t>
  </si>
  <si>
    <t>Sagar p/o Gondal</t>
  </si>
  <si>
    <t>Abid Raza</t>
  </si>
  <si>
    <t>33422</t>
  </si>
  <si>
    <t>GGHS FATEH GARH</t>
  </si>
  <si>
    <t>fateh Garh Agency Sialkot, Teh. &amp;Distt. Sialkot</t>
  </si>
  <si>
    <t>Fate Garh</t>
  </si>
  <si>
    <t>Robina Shaheen Mir</t>
  </si>
  <si>
    <t>32404</t>
  </si>
  <si>
    <t>GPS CHUHRI DHALL</t>
  </si>
  <si>
    <t>Chuhrri Dhal</t>
  </si>
  <si>
    <t>chak bola no.178 tehsil shahkot district  nankana</t>
  </si>
  <si>
    <t>31974</t>
  </si>
  <si>
    <t>GGES OGAND</t>
  </si>
  <si>
    <t>Ogand</t>
  </si>
  <si>
    <t>ogand sheikhupura</t>
  </si>
  <si>
    <t>Ajniawala</t>
  </si>
  <si>
    <t>rabia sharif</t>
  </si>
  <si>
    <t>GGPS BADH RAJBANA</t>
  </si>
  <si>
    <t>moza badh Rajbana markiz Khaki Lakhi  Tehsil Shorkot District Jhang</t>
  </si>
  <si>
    <t>GES MC KASHMIRI MOHALLAH</t>
  </si>
  <si>
    <t>Marian</t>
  </si>
  <si>
    <t>mohalla Marian sialkot</t>
  </si>
  <si>
    <t>GHS KHARIAN WALA</t>
  </si>
  <si>
    <t>GOVT. HIGH SCHOOL KHARIANWALA FAISALABAD ROAD DISTT. SHEIKHUPURA</t>
  </si>
  <si>
    <t>Iftakhar Hasan Butt</t>
  </si>
  <si>
    <t>32142</t>
  </si>
  <si>
    <t>GPS KOT NONEHAL SINGH</t>
  </si>
  <si>
    <t>Gps kot nonehal singh</t>
  </si>
  <si>
    <t>Kot Nonehal Singh</t>
  </si>
  <si>
    <t>Ahmad Ali Bhatti</t>
  </si>
  <si>
    <t>42079</t>
  </si>
  <si>
    <t>17938</t>
  </si>
  <si>
    <t>GHS ALLAH YAR JUTA</t>
  </si>
  <si>
    <t>Allah Yar  Juta</t>
  </si>
  <si>
    <t>p.o Allah yar juta Tehsil shorkot District jhang</t>
  </si>
  <si>
    <t>Allah Yar Juta</t>
  </si>
  <si>
    <t>MIAN TASSAWAR IQBAL</t>
  </si>
  <si>
    <t>GES AMMOKE</t>
  </si>
  <si>
    <t>Ammonkey</t>
  </si>
  <si>
    <t>Herdeve</t>
  </si>
  <si>
    <t>GGHS ADALAT GARH</t>
  </si>
  <si>
    <t>adalat garh</t>
  </si>
  <si>
    <t>new adalat garh,sialkot</t>
  </si>
  <si>
    <t>SYEDA  NOSHEEN ZAHRA</t>
  </si>
  <si>
    <t>GPS HAMZA GHOUS</t>
  </si>
  <si>
    <t>Hamza Ghous</t>
  </si>
  <si>
    <t>new Hamza Ghous Sialkot</t>
  </si>
  <si>
    <t>Hamza GHous</t>
  </si>
  <si>
    <t>Hamza ghous</t>
  </si>
  <si>
    <t>GES OGAND</t>
  </si>
  <si>
    <t>Ogand post office Ajnianwala Distt sheikhupura</t>
  </si>
  <si>
    <t>42670</t>
  </si>
  <si>
    <t>GGES CHAH JANDU</t>
  </si>
  <si>
    <t>Chah Chandu</t>
  </si>
  <si>
    <t>Chah Chandu Skp</t>
  </si>
  <si>
    <t>Naveela Faiz</t>
  </si>
  <si>
    <t>38922</t>
  </si>
  <si>
    <t>GPS DERA SOIAN</t>
  </si>
  <si>
    <t>dera soian p/o box kharianwala</t>
  </si>
  <si>
    <t>49130</t>
  </si>
  <si>
    <t>GPS CHAK NO.67 A/N.B</t>
  </si>
  <si>
    <t>Chak No 67a Nb</t>
  </si>
  <si>
    <t>Gps Chak no 67a nb Sargodha</t>
  </si>
  <si>
    <t>Kamran Haider</t>
  </si>
  <si>
    <t>GHS SHORKOT CANTT</t>
  </si>
  <si>
    <t>Ch Abid Hussain</t>
  </si>
  <si>
    <t>GGHS KHADIJA-TUL-KUBRA SHEIKHUPURA</t>
  </si>
  <si>
    <t>CIVIL QUATER ROAD SHEIKHUPURA</t>
  </si>
  <si>
    <t>city jinnah park</t>
  </si>
  <si>
    <t>SHAMIM FATIMA ZAIDI</t>
  </si>
  <si>
    <t>42121</t>
  </si>
  <si>
    <t>GGHS CHAK NO.91 NB</t>
  </si>
  <si>
    <t>91 NB</t>
  </si>
  <si>
    <t>CHAK # 91NB SARGODHA</t>
  </si>
  <si>
    <t>90 NB</t>
  </si>
  <si>
    <t>HUMAIRA ISMAIL</t>
  </si>
  <si>
    <t>GHS KAN PUR</t>
  </si>
  <si>
    <t>village and post office kanpur tehsil sialkot</t>
  </si>
  <si>
    <t>Plora Kalan</t>
  </si>
  <si>
    <t>ANWAR HUSSAIN</t>
  </si>
  <si>
    <t>31939</t>
  </si>
  <si>
    <t>GES GOPI RAI</t>
  </si>
  <si>
    <t>Gopi Rai P/O Thabal The &amp;District Sheikhupura</t>
  </si>
  <si>
    <t>38933</t>
  </si>
  <si>
    <t>54244</t>
  </si>
  <si>
    <t>GPS KARI WALA</t>
  </si>
  <si>
    <t>Kot Laal</t>
  </si>
  <si>
    <t>Kari wala kot laal p/o waryam Wala station</t>
  </si>
  <si>
    <t>Mazhar Abbas Gohar</t>
  </si>
  <si>
    <t>Kakewali</t>
  </si>
  <si>
    <t>Village kakewali PO Cantt Teh &amp; Dist Sialkot</t>
  </si>
  <si>
    <t>Talwara Mughlan</t>
  </si>
  <si>
    <t>Muhammad Arshad Bhatti</t>
  </si>
  <si>
    <t>GGHSS HUNDAL</t>
  </si>
  <si>
    <t>gghss hundal sialkot</t>
  </si>
  <si>
    <t>Robina Mir</t>
  </si>
  <si>
    <t>GPS THATHA ALI</t>
  </si>
  <si>
    <t>Thats Ali</t>
  </si>
  <si>
    <t>Thatha Ali p/o Chak wahi distribution skp</t>
  </si>
  <si>
    <t>Kaker Gil</t>
  </si>
  <si>
    <t>munir ahmad bhatti</t>
  </si>
  <si>
    <t>32178</t>
  </si>
  <si>
    <t>GPS CHAK PATHANA</t>
  </si>
  <si>
    <t>Chak Pathana</t>
  </si>
  <si>
    <t>GPS Chak Pathana P/O Mirza virkan</t>
  </si>
  <si>
    <t>GES DARYA BIDER</t>
  </si>
  <si>
    <t>darya biddar</t>
  </si>
  <si>
    <t>darya biddar village sialkot</t>
  </si>
  <si>
    <t>Ahmad Nadeem Akram Baig</t>
  </si>
  <si>
    <t>40780</t>
  </si>
  <si>
    <t>13861</t>
  </si>
  <si>
    <t>38956</t>
  </si>
  <si>
    <t>GPS DERA NALIAN</t>
  </si>
  <si>
    <t>GPS dera nalian</t>
  </si>
  <si>
    <t>Dera Naliyan</t>
  </si>
  <si>
    <t>Makii 460</t>
  </si>
  <si>
    <t>39425</t>
  </si>
  <si>
    <t>GHS RUSTAM SARGANA</t>
  </si>
  <si>
    <t>ghs rustam sargana</t>
  </si>
  <si>
    <t>51455</t>
  </si>
  <si>
    <t>24707</t>
  </si>
  <si>
    <t>GHSS KOTLI LOHARAN</t>
  </si>
  <si>
    <t>kotli loharan</t>
  </si>
  <si>
    <t>govt higher secondary school, kotli loharan, sialkot</t>
  </si>
  <si>
    <t>121424</t>
  </si>
  <si>
    <t>38963</t>
  </si>
  <si>
    <t>GGHS KAIR WALI</t>
  </si>
  <si>
    <t>gghs kairwali P.O dur-e-najaf lodhary Tehsil &amp; Distt Sialkot</t>
  </si>
  <si>
    <t>Kairwali</t>
  </si>
  <si>
    <t>48785</t>
  </si>
  <si>
    <t>GGHS CHAK NO. 41 SB</t>
  </si>
  <si>
    <t>Chak No 41 Sb</t>
  </si>
  <si>
    <t>chak No 41 sb</t>
  </si>
  <si>
    <t>Hina Rubab</t>
  </si>
  <si>
    <t>51377</t>
  </si>
  <si>
    <t>GPS BAWERIANA</t>
  </si>
  <si>
    <t>Jhai</t>
  </si>
  <si>
    <t>village jhai p/o Gul bahar khurd teh and district Sialkot</t>
  </si>
  <si>
    <t>GGHS CHAK NO.52 A-NB LUDAY WALA</t>
  </si>
  <si>
    <t>Ludsy Wala</t>
  </si>
  <si>
    <t>GGHS 52 ANB Luday Wala</t>
  </si>
  <si>
    <t>52 ANB</t>
  </si>
  <si>
    <t>Luday Wala</t>
  </si>
  <si>
    <t>Farhana Noreen</t>
  </si>
  <si>
    <t>GPS CHAK NO 484 JB SOUTH</t>
  </si>
  <si>
    <t>chak no 484 jb south</t>
  </si>
  <si>
    <t>Chak No 484 South</t>
  </si>
  <si>
    <t>Chayan Wala</t>
  </si>
  <si>
    <t>GPS CHACHOKEY</t>
  </si>
  <si>
    <t>Chachokey</t>
  </si>
  <si>
    <t>Chachokey p/o amonkey Tehsil and district sheikhpura</t>
  </si>
  <si>
    <t>GGPS SHAH KHALIL NO 1</t>
  </si>
  <si>
    <t>darbar Shahkhalil moza badh rajbana Dak Khana Shor kot</t>
  </si>
  <si>
    <t>Darbar Shahkhalil</t>
  </si>
  <si>
    <t>38988</t>
  </si>
  <si>
    <t>VILLAGE NAWANKOT FAISAL ABAD ROAD TEHSIL AND DISTRICT SHEIKHUPURA</t>
  </si>
  <si>
    <t>Shabbir Ahmad Sabri</t>
  </si>
  <si>
    <t>GMPS GIDH PUR</t>
  </si>
  <si>
    <t>village gidh pur p\ o phuklian</t>
  </si>
  <si>
    <t>GGPS RATIAN SYEDAN</t>
  </si>
  <si>
    <t>Ratiyan Syedan</t>
  </si>
  <si>
    <t>Ggps ratiyan syedan  near imam bargah qaser e sakina</t>
  </si>
  <si>
    <t>Syeda Nighat Bano</t>
  </si>
  <si>
    <t>GMPS RAILWAY STATION RUSTAM SARGANA</t>
  </si>
  <si>
    <t>ggms railway station Rustam Sargana</t>
  </si>
  <si>
    <t>24739</t>
  </si>
  <si>
    <t>GGHS CHRISTIAN BARA PATHER</t>
  </si>
  <si>
    <t>Bara Pathar</t>
  </si>
  <si>
    <t>bara pathar sialkot</t>
  </si>
  <si>
    <t>Christian Town</t>
  </si>
  <si>
    <t>Kotli Behram</t>
  </si>
  <si>
    <t>RUBINA TABASSUM</t>
  </si>
  <si>
    <t>18002</t>
  </si>
  <si>
    <t>GPS CHAK NO 495 JB</t>
  </si>
  <si>
    <t>495 jb</t>
  </si>
  <si>
    <t>Chak No. 495 JB P/O Kallu wala Tehsil Shorkot District Jhang</t>
  </si>
  <si>
    <t>Chak No 495 JB</t>
  </si>
  <si>
    <t>Ghulam kazim</t>
  </si>
  <si>
    <t>GGHS FAROGH-E-TALEEM NST SARGODHA</t>
  </si>
  <si>
    <t>NST Block Z Sargodha</t>
  </si>
  <si>
    <t>17939</t>
  </si>
  <si>
    <t>GHS KAKKI NAU</t>
  </si>
  <si>
    <t>KAKKI NAU DOUM</t>
  </si>
  <si>
    <t>GOVT.HIGH SCHOOL KAKKI NAU SHORKOT JHANG</t>
  </si>
  <si>
    <t>KAKKI NAU</t>
  </si>
  <si>
    <t>CH SHAMSHAD Ali</t>
  </si>
  <si>
    <t>GHS JHABRAN</t>
  </si>
  <si>
    <t>GES MC SHAHAB PURA SIALKOT</t>
  </si>
  <si>
    <t>Govt.MC  E/ School Shahab pura.sialkot</t>
  </si>
  <si>
    <t>Shahab Pura</t>
  </si>
  <si>
    <t>48796</t>
  </si>
  <si>
    <t>GGHS MC BLOCK NO. 2 SARGODHA</t>
  </si>
  <si>
    <t>MC Girls High School Block No 2 Sgd</t>
  </si>
  <si>
    <t>Mc 2 Block</t>
  </si>
  <si>
    <t>Nusrat</t>
  </si>
  <si>
    <t>48867</t>
  </si>
  <si>
    <t>GGHS CHAK NO.60 SB</t>
  </si>
  <si>
    <t>chak 60 sb</t>
  </si>
  <si>
    <t>Iqra Malik</t>
  </si>
  <si>
    <t>GPS KHARANAY</t>
  </si>
  <si>
    <t>Kharanay</t>
  </si>
  <si>
    <t>Rasool Pur  Bhallian</t>
  </si>
  <si>
    <t>39027</t>
  </si>
  <si>
    <t>24690</t>
  </si>
  <si>
    <t>GHS JINNAH EFFICIENCY SIALKOT CANTT.</t>
  </si>
  <si>
    <t>sialkot cantt</t>
  </si>
  <si>
    <t>agha kamal haider road w.no 7 sialkot cantt</t>
  </si>
  <si>
    <t>muhammad ilyas ghuman</t>
  </si>
  <si>
    <t>30411</t>
  </si>
  <si>
    <t>GPS DERA KHEWAN WALA</t>
  </si>
  <si>
    <t>dera khewan p/o mirza virkan</t>
  </si>
  <si>
    <t>Dera Khewan Wala</t>
  </si>
  <si>
    <t>Muhammad Aflatoon</t>
  </si>
  <si>
    <t>39269</t>
  </si>
  <si>
    <t>GPS JAHAR</t>
  </si>
  <si>
    <t>jahar tehsil and Distt Sialkot</t>
  </si>
  <si>
    <t>18971</t>
  </si>
  <si>
    <t>39509</t>
  </si>
  <si>
    <t>GGHS GUJIANA NAU</t>
  </si>
  <si>
    <t>Govt Girls High school, Gujiana Nao, SKP</t>
  </si>
  <si>
    <t>Gujiana Nao</t>
  </si>
  <si>
    <t>GUJIANA NAO</t>
  </si>
  <si>
    <t>Riffat Liaqat</t>
  </si>
  <si>
    <t>44020</t>
  </si>
  <si>
    <t>24909</t>
  </si>
  <si>
    <t>GPS TIBBI ARIAN</t>
  </si>
  <si>
    <t>Tibbi Ariyan</t>
  </si>
  <si>
    <t>Village Tibbi Araiyan P.o Ghandaywali</t>
  </si>
  <si>
    <t>GPS CHAK SHAH PUR</t>
  </si>
  <si>
    <t>Chak Shah Pur</t>
  </si>
  <si>
    <t>chak shah pur</t>
  </si>
  <si>
    <t>Kurky</t>
  </si>
  <si>
    <t>31904</t>
  </si>
  <si>
    <t>GHS LALKE SKP</t>
  </si>
  <si>
    <t>Lalkay</t>
  </si>
  <si>
    <t>lakkay</t>
  </si>
  <si>
    <t>Muredkey</t>
  </si>
  <si>
    <t>25259</t>
  </si>
  <si>
    <t>GGPS SUKHNIAN</t>
  </si>
  <si>
    <t>Sukhnian</t>
  </si>
  <si>
    <t>Sukhnian p/o Jourian Kalan govt girls primary school Sukhnian</t>
  </si>
  <si>
    <t>Mehak Jabbeen</t>
  </si>
  <si>
    <t>39538</t>
  </si>
  <si>
    <t>GPS JHATWAN</t>
  </si>
  <si>
    <t>SHEIKHUPURA-XXI - MALE</t>
  </si>
  <si>
    <t>Jhatwan</t>
  </si>
  <si>
    <t>village Jhatwan post office ajnianwala tehsil and district sheikhupura</t>
  </si>
  <si>
    <t>jhatwan</t>
  </si>
  <si>
    <t>keelay</t>
  </si>
  <si>
    <t>MUHAMMAD SAEED ANWAR</t>
  </si>
  <si>
    <t>GPS BHAINSE</t>
  </si>
  <si>
    <t>Bhainse</t>
  </si>
  <si>
    <t>vill:bhainse</t>
  </si>
  <si>
    <t>Wadgran</t>
  </si>
  <si>
    <t>Inayat Miran</t>
  </si>
  <si>
    <t>GPS KARAM ABAD</t>
  </si>
  <si>
    <t>Karam Abad, Post office phuklian</t>
  </si>
  <si>
    <t>33819</t>
  </si>
  <si>
    <t>25236</t>
  </si>
  <si>
    <t>GGPS JHAR</t>
  </si>
  <si>
    <t>Jhar</t>
  </si>
  <si>
    <t>village jhar Post office ugoki sialkot</t>
  </si>
  <si>
    <t>Joria Kalan</t>
  </si>
  <si>
    <t>Asima Mumtaz</t>
  </si>
  <si>
    <t>39565</t>
  </si>
  <si>
    <t>GMPS KOTLI MANALIAN</t>
  </si>
  <si>
    <t>Kotli Manalian</t>
  </si>
  <si>
    <t>Village Kotli MANALIAN Post office phuklian Tehsil &amp; District sialkot</t>
  </si>
  <si>
    <t>GOVT. TAHIRA QAZI SHAHEED GIRLS HIGH SCHOOL SHEIKHUPURA</t>
  </si>
  <si>
    <t>GOVT. TAHIRA QAZI SHAHEED GIRLS HIGH SCHOOL SKP</t>
  </si>
  <si>
    <t>SKP URBAN</t>
  </si>
  <si>
    <t>Mrs. Ismat Iqbal</t>
  </si>
  <si>
    <t>GHS ZAHOORA</t>
  </si>
  <si>
    <t>village and p/o zahoora tehsil &amp; district sialkot</t>
  </si>
  <si>
    <t>25099</t>
  </si>
  <si>
    <t>GGPS CHADHALI</t>
  </si>
  <si>
    <t>Chadhali</t>
  </si>
  <si>
    <t>Village chadhali Post office chaprar tehsil and district sialkot</t>
  </si>
  <si>
    <t>GGHS RASOOL PUR BHALIAN</t>
  </si>
  <si>
    <t>Teh &amp; Distt Sialkot PO khas rasool pur bhalliandkt</t>
  </si>
  <si>
    <t>Rasoolpur Bhallian</t>
  </si>
  <si>
    <t>31884</t>
  </si>
  <si>
    <t>GHS JATRI KOHNA</t>
  </si>
  <si>
    <t>VILLAGE JATRI KOHNA PO SAME VIA FAROOQABAD</t>
  </si>
  <si>
    <t>MUHAMMAD JAMIL CHAUDHARY</t>
  </si>
  <si>
    <t>GGES CM RAHANG</t>
  </si>
  <si>
    <t>Rahang</t>
  </si>
  <si>
    <t>GGCMES Rahang p.o kotli loharan west teh &amp; distt sialkot</t>
  </si>
  <si>
    <t>Monger</t>
  </si>
  <si>
    <t>39594</t>
  </si>
  <si>
    <t>GGHS FEROZ WATTOWAN</t>
  </si>
  <si>
    <t>ferozwattowan</t>
  </si>
  <si>
    <t>gghs ferozwattowan skp</t>
  </si>
  <si>
    <t>ferozwattowan-1</t>
  </si>
  <si>
    <t>Kausar Nazir</t>
  </si>
  <si>
    <t>24854</t>
  </si>
  <si>
    <t>chakrala, sialkot</t>
  </si>
  <si>
    <t>Mian Ata Ul Munim</t>
  </si>
  <si>
    <t>39601</t>
  </si>
  <si>
    <t>P/O GONDAL VILL SAID PUR TEH AND DISST SIALKOT</t>
  </si>
  <si>
    <t>GGHS ESHERKEE</t>
  </si>
  <si>
    <t>Esherke</t>
  </si>
  <si>
    <t>GGHS ESHERKE GAON</t>
  </si>
  <si>
    <t>Fehmida Kasuar Maan</t>
  </si>
  <si>
    <t>2 electric coolers</t>
  </si>
  <si>
    <t>39604</t>
  </si>
  <si>
    <t>25117</t>
  </si>
  <si>
    <t>GMPS BAJWAL</t>
  </si>
  <si>
    <t>Bajwal</t>
  </si>
  <si>
    <t>village Bajwal p/o phuklian tehsil and district sialkot</t>
  </si>
  <si>
    <t>Bajhwal</t>
  </si>
  <si>
    <t>Phuklain</t>
  </si>
  <si>
    <t>GGPS JAJJAY RAMDAS</t>
  </si>
  <si>
    <t>Jajjay Ramdas</t>
  </si>
  <si>
    <t>vill Jajjay Ramdas p o Badiana teh and distt Sialkot</t>
  </si>
  <si>
    <t>47834</t>
  </si>
  <si>
    <t>31952</t>
  </si>
  <si>
    <t>GGHS CHAK 7 UCC</t>
  </si>
  <si>
    <t>7chak Ucc</t>
  </si>
  <si>
    <t>chak no 7uc</t>
  </si>
  <si>
    <t>Chak No7ucc</t>
  </si>
  <si>
    <t>Abeera Shareef</t>
  </si>
  <si>
    <t>24929</t>
  </si>
  <si>
    <t>GES BHAGWAL AWAN</t>
  </si>
  <si>
    <t>bhagwal awan</t>
  </si>
  <si>
    <t>Javid Iqbal</t>
  </si>
  <si>
    <t>39613</t>
  </si>
  <si>
    <t>GMES CHAPRARI</t>
  </si>
  <si>
    <t>Chaprari</t>
  </si>
  <si>
    <t>chaprari p/o chaprar markaz said our</t>
  </si>
  <si>
    <t>Fozia Kazmi</t>
  </si>
  <si>
    <t>39618</t>
  </si>
  <si>
    <t>GPS SHANKAR PUR</t>
  </si>
  <si>
    <t>village Shanker Pur PO Beghwal Awan Sialkot</t>
  </si>
  <si>
    <t>Beghwal Awan</t>
  </si>
  <si>
    <t>Shamas Pervaiz</t>
  </si>
  <si>
    <t>GGCMS ADALAT GARH</t>
  </si>
  <si>
    <t>Adalat Gharh New</t>
  </si>
  <si>
    <t>adalat gharh new</t>
  </si>
  <si>
    <t>Adalat Gharh</t>
  </si>
  <si>
    <t>Amina Khalid</t>
  </si>
  <si>
    <t>31911</t>
  </si>
  <si>
    <t>GGHS MC JANDIALA ROAD SKP</t>
  </si>
  <si>
    <t>DERA HAFIZAN</t>
  </si>
  <si>
    <t>MC GIRLS HIGH SCHOOL JANDIALA ROAD SKP</t>
  </si>
  <si>
    <t>FAROOQ GANJ</t>
  </si>
  <si>
    <t>MACHLI FORM</t>
  </si>
  <si>
    <t>SAJIDA BUTT</t>
  </si>
  <si>
    <t>48948</t>
  </si>
  <si>
    <t>GGHS CHAK NO.60 NB</t>
  </si>
  <si>
    <t>60 Nb</t>
  </si>
  <si>
    <t>60 NB sgd</t>
  </si>
  <si>
    <t>19 Nb</t>
  </si>
  <si>
    <t>24863</t>
  </si>
  <si>
    <t>GPS RAHANG</t>
  </si>
  <si>
    <t>Rahang Tehsil and district sialkot</t>
  </si>
  <si>
    <t>39105</t>
  </si>
  <si>
    <t>48869</t>
  </si>
  <si>
    <t>GGHS CHAK NO.48 SB</t>
  </si>
  <si>
    <t>Chak 48 Sb</t>
  </si>
  <si>
    <t>chak 48 sb tehsil sillanwali district sargodha</t>
  </si>
  <si>
    <t>Chak 120 Sb</t>
  </si>
  <si>
    <t>GPS CHAK NO. 634 JB (RE-OPEN)</t>
  </si>
  <si>
    <t>Mohalla ghosia rafiqui Chowk Shorkot Cantt</t>
  </si>
  <si>
    <t>Chak No 634JB</t>
  </si>
  <si>
    <t>GPS QILA BAWARY</t>
  </si>
  <si>
    <t>Hardeve</t>
  </si>
  <si>
    <t>GPS qilla bawary</t>
  </si>
  <si>
    <t>Qilla Bawary</t>
  </si>
  <si>
    <t>38814</t>
  </si>
  <si>
    <t>48766</t>
  </si>
  <si>
    <t>GHS CHAK NO.79 NB SARGODHA</t>
  </si>
  <si>
    <t>CHAK NO 79 NB</t>
  </si>
  <si>
    <t>CHAK NO 79 NB SARGODHA</t>
  </si>
  <si>
    <t>Chak No 79 NB</t>
  </si>
  <si>
    <t>CHAK NO 79 Nb</t>
  </si>
  <si>
    <t>MAHR SOHAIL AHMAD</t>
  </si>
  <si>
    <t>38817</t>
  </si>
  <si>
    <t>GMPS MALANG BUKHARI</t>
  </si>
  <si>
    <t>Basti Islam</t>
  </si>
  <si>
    <t>jalalpur kamlana</t>
  </si>
  <si>
    <t>Malang Bukhari</t>
  </si>
  <si>
    <t>Ghumman Mari</t>
  </si>
  <si>
    <t>Sara Kamlana</t>
  </si>
  <si>
    <t>38818</t>
  </si>
  <si>
    <t>32118</t>
  </si>
  <si>
    <t>GPS THATTA NUSTER</t>
  </si>
  <si>
    <t>Govt Primary School Thatha Nuster</t>
  </si>
  <si>
    <t>Kaker Gill</t>
  </si>
  <si>
    <t>54246</t>
  </si>
  <si>
    <t>GPS KOT MIRZA</t>
  </si>
  <si>
    <t>Moza Kotmirza</t>
  </si>
  <si>
    <t>Kotmirza P/o chak no h93/jb teh.shorkot dist. jhang</t>
  </si>
  <si>
    <t>Kotmirza</t>
  </si>
  <si>
    <t>chak no 493/jb</t>
  </si>
  <si>
    <t>Badar Muneer</t>
  </si>
  <si>
    <t>GPS KHANNA</t>
  </si>
  <si>
    <t>KHANNA</t>
  </si>
  <si>
    <t>KHANNA P O KOTLI LOJARAN WEST</t>
  </si>
  <si>
    <t>MOONGAR</t>
  </si>
  <si>
    <t>Noor Alam</t>
  </si>
  <si>
    <t>GHS BHADROO MINARA (SKP)</t>
  </si>
  <si>
    <t>Bhadru Minara</t>
  </si>
  <si>
    <t>village Bhadru minara sheikhupura</t>
  </si>
  <si>
    <t>Rakh Hirn Minara</t>
  </si>
  <si>
    <t>38827</t>
  </si>
  <si>
    <t>GHS ARABIC SIALKOT</t>
  </si>
  <si>
    <t>AHMAD PURA</t>
  </si>
  <si>
    <t>GOVERNMENT ARABIC HIGH SCHOOL SIALKOT</t>
  </si>
  <si>
    <t>41881</t>
  </si>
  <si>
    <t>18026</t>
  </si>
  <si>
    <t>GPS YASEEN WALA</t>
  </si>
  <si>
    <t>chak no 7 ghagh bangla daish colony</t>
  </si>
  <si>
    <t>7 Ghagh Bangla  Daish Colony</t>
  </si>
  <si>
    <t>Kotla Zareef Khan</t>
  </si>
  <si>
    <t>Dera Masjidwala</t>
  </si>
  <si>
    <t>dera masjid wala post office hardev</t>
  </si>
  <si>
    <t>Hardev</t>
  </si>
  <si>
    <t>38839</t>
  </si>
  <si>
    <t>48937</t>
  </si>
  <si>
    <t>GGHS IQBAL COLONY SARGODHA</t>
  </si>
  <si>
    <t>GGHS Iqbal Colony Sgd</t>
  </si>
  <si>
    <t>MC 13</t>
  </si>
  <si>
    <t>17934</t>
  </si>
  <si>
    <t>GHS CHAK NO 493 JB</t>
  </si>
  <si>
    <t>Chak No 493 Jb Tehsil Shorkot</t>
  </si>
  <si>
    <t>Chak 493 Jb</t>
  </si>
  <si>
    <t>32171</t>
  </si>
  <si>
    <t>GPS ZAMAN COLONY SKP</t>
  </si>
  <si>
    <t>Zaman Colony</t>
  </si>
  <si>
    <t>zaman colony</t>
  </si>
  <si>
    <t>24685</t>
  </si>
  <si>
    <t>GGHSS SIALKOT CANTT.</t>
  </si>
  <si>
    <t>govt girls higher secondary school sialkot cantt</t>
  </si>
  <si>
    <t>Gousia Road</t>
  </si>
  <si>
    <t>HAJRA SARWAT</t>
  </si>
  <si>
    <t>32050</t>
  </si>
  <si>
    <t>GGES JEVAN PURA KALAN</t>
  </si>
  <si>
    <t>Kudlati</t>
  </si>
  <si>
    <t>Shahzadi Kouser</t>
  </si>
  <si>
    <t>GES CHAK NO.106 SB</t>
  </si>
  <si>
    <t>GES CHAK 106 S.B SARGODHA</t>
  </si>
  <si>
    <t>Chak 106 SB SGD</t>
  </si>
  <si>
    <t>Chak 107 SB SGD</t>
  </si>
  <si>
    <t>GGPS JALIAN WALA</t>
  </si>
  <si>
    <t>Jallianwala</t>
  </si>
  <si>
    <t>Jalliawala</t>
  </si>
  <si>
    <t>Moma Kalan</t>
  </si>
  <si>
    <t>Uzam Naeem</t>
  </si>
  <si>
    <t>38861</t>
  </si>
  <si>
    <t>GMPS DERA JURA</t>
  </si>
  <si>
    <t>Dera Jura</t>
  </si>
  <si>
    <t>dera jura</t>
  </si>
  <si>
    <t>Arisha Ali</t>
  </si>
  <si>
    <t>GGPS CHAK NO 501 MAHBOB SHAH</t>
  </si>
  <si>
    <t>chak 501 Mehboob shah</t>
  </si>
  <si>
    <t>Mehboob Shah</t>
  </si>
  <si>
    <t>Chak497</t>
  </si>
  <si>
    <t>Sadia noureen</t>
  </si>
  <si>
    <t>GHS CANAL COLONY FAROOQ ABAD</t>
  </si>
  <si>
    <t>canal colony farooqabad tehsil &amp; district sheikhupura</t>
  </si>
  <si>
    <t>mian adnan jamil</t>
  </si>
  <si>
    <t>GGHSS MURAD PUR SIALKOT</t>
  </si>
  <si>
    <t>Muradpur</t>
  </si>
  <si>
    <t>PO.Gohadpur Teh,Distt Sialkot</t>
  </si>
  <si>
    <t>KAUSAR NAHEED KAZMI</t>
  </si>
  <si>
    <t>GHS BALAN WALA</t>
  </si>
  <si>
    <t>Ballanwala Sialkot</t>
  </si>
  <si>
    <t>govt high school ballanwala</t>
  </si>
  <si>
    <t>raj kumar rana</t>
  </si>
  <si>
    <t>38877</t>
  </si>
  <si>
    <t>GES NIA MIANA PURA (E)</t>
  </si>
  <si>
    <t>GES Nia Miana Pura East near Chlid Protection Bureau Capital Road Sialkot</t>
  </si>
  <si>
    <t>Mubarakpura</t>
  </si>
  <si>
    <t>Syed Akhtar Abbas Kazmi</t>
  </si>
  <si>
    <t>38882</t>
  </si>
  <si>
    <t>GPS DAB JALALA</t>
  </si>
  <si>
    <t>Dab Kala</t>
  </si>
  <si>
    <t>P/O DAB KALAN TEHSILE SHOR KOT DISTRICT JHANG</t>
  </si>
  <si>
    <t>Dab Kalan</t>
  </si>
  <si>
    <t>GGES RAILWAY COLONY SARGODHA</t>
  </si>
  <si>
    <t>GGES Railway Colony Sargodha</t>
  </si>
  <si>
    <t>38887</t>
  </si>
  <si>
    <t>GGPS CHAK NO 479 KHAKHAN WALI</t>
  </si>
  <si>
    <t>Chak No 479/jb</t>
  </si>
  <si>
    <t>Chak No 479/jb khas teh shorkot district jhang</t>
  </si>
  <si>
    <t>Chak No 478/ Jb</t>
  </si>
  <si>
    <t>NASIRA FAIZ</t>
  </si>
  <si>
    <t>15111</t>
  </si>
  <si>
    <t>GGPS KOT NADEEM</t>
  </si>
  <si>
    <t>Kot Nadeem</t>
  </si>
  <si>
    <t>Sidra Sharif</t>
  </si>
  <si>
    <t>25284</t>
  </si>
  <si>
    <t>GGPS PROPI ARAIAN</t>
  </si>
  <si>
    <t>Propi Araian</t>
  </si>
  <si>
    <t>Najma Akhter</t>
  </si>
  <si>
    <t>17219</t>
  </si>
  <si>
    <t>27303</t>
  </si>
  <si>
    <t>19694</t>
  </si>
  <si>
    <t>53998</t>
  </si>
  <si>
    <t>GGPS MODEL WARA ARORA</t>
  </si>
  <si>
    <t>Wara Arora</t>
  </si>
  <si>
    <t>wara arora</t>
  </si>
  <si>
    <t>GPS KHIZAR HAYAT WALA</t>
  </si>
  <si>
    <t>post office dab kalan tehsil shorkot dist jhang</t>
  </si>
  <si>
    <t>Khizarhyat Vala</t>
  </si>
  <si>
    <t>12928</t>
  </si>
  <si>
    <t>Mujahid colony sgd</t>
  </si>
  <si>
    <t>mujahid Colony</t>
  </si>
  <si>
    <t>Mc Sgd</t>
  </si>
  <si>
    <t>Ansar Hanif</t>
  </si>
  <si>
    <t>cane system</t>
  </si>
  <si>
    <t>48387</t>
  </si>
  <si>
    <t>11436</t>
  </si>
  <si>
    <t>GGPS PEER KOT</t>
  </si>
  <si>
    <t>Peerkot</t>
  </si>
  <si>
    <t>peerkot</t>
  </si>
  <si>
    <t>Zunairah Zafar</t>
  </si>
  <si>
    <t>49654</t>
  </si>
  <si>
    <t>39673</t>
  </si>
  <si>
    <t>GMPS JHATTA</t>
  </si>
  <si>
    <t>village jhatta p/o kapoorowali tehsil and district Sialkot</t>
  </si>
  <si>
    <t>Bharthawala</t>
  </si>
  <si>
    <t>Misbah Ramzan</t>
  </si>
  <si>
    <t>51231</t>
  </si>
  <si>
    <t>GGPS CHAK BILA NOCH</t>
  </si>
  <si>
    <t>Chak Bila Noch</t>
  </si>
  <si>
    <t>vill Chak bila noch P/O kotli Loharan sialkot</t>
  </si>
  <si>
    <t>GGES SUNDER PUR</t>
  </si>
  <si>
    <t>vill sunder pur p/o kotli Behram sialkot</t>
  </si>
  <si>
    <t>Bherthan Wala</t>
  </si>
  <si>
    <t>Maryum Fatima</t>
  </si>
  <si>
    <t>39695</t>
  </si>
  <si>
    <t>GGPS KHAJURI WALA</t>
  </si>
  <si>
    <t>Khajuriwal Wal</t>
  </si>
  <si>
    <t>village khajuri wal po kotli loharan west</t>
  </si>
  <si>
    <t>Khajuri wal</t>
  </si>
  <si>
    <t>9335</t>
  </si>
  <si>
    <t>GMPS CHEELA</t>
  </si>
  <si>
    <t>Cheela</t>
  </si>
  <si>
    <t>cheela po kotli loharan tehsil and district sialkot</t>
  </si>
  <si>
    <t>Kubra Begum</t>
  </si>
  <si>
    <t>GHS BHAGOWAL</t>
  </si>
  <si>
    <t>Village Bhagowal post office same tensile and District sialkot</t>
  </si>
  <si>
    <t>GMPS RANGPUR SAROCHAN</t>
  </si>
  <si>
    <t>Rangpur Sarochan</t>
  </si>
  <si>
    <t>China chuk Harar sialkot</t>
  </si>
  <si>
    <t>Shani</t>
  </si>
  <si>
    <t>Alia Akbar</t>
  </si>
  <si>
    <t>village and p.o miani</t>
  </si>
  <si>
    <t>Shahida Munir</t>
  </si>
  <si>
    <t>GPS NAWAN PIND ARIAN</t>
  </si>
  <si>
    <t>Nawan Pind Arian</t>
  </si>
  <si>
    <t>Village Nawan Pind Arian, Tehsil &amp; District Sialkot</t>
  </si>
  <si>
    <t>Charind</t>
  </si>
  <si>
    <t>Afrasiab Irshad Ahmed</t>
  </si>
  <si>
    <t>Private Water Filter Plant</t>
  </si>
  <si>
    <t>39711</t>
  </si>
  <si>
    <t>GGHS CHAPRAR</t>
  </si>
  <si>
    <t>Vill. Chaprar P/O Chaprar TEH/DISTT. Sialkot</t>
  </si>
  <si>
    <t>sameera sadiq</t>
  </si>
  <si>
    <t>GMPS CHAK SADAVE</t>
  </si>
  <si>
    <t>Jeerampur</t>
  </si>
  <si>
    <t>village khorota syedan  mohalla jeeram pur</t>
  </si>
  <si>
    <t>khorota syedan</t>
  </si>
  <si>
    <t>Khorota Sayedan</t>
  </si>
  <si>
    <t>madiha Shahzadi</t>
  </si>
  <si>
    <t>GMPS GHANSAR PUR</t>
  </si>
  <si>
    <t>Ghansarpur</t>
  </si>
  <si>
    <t>Ghansar pur post office ghandywali</t>
  </si>
  <si>
    <t>Kaporowali</t>
  </si>
  <si>
    <t>Tahreem Fatima</t>
  </si>
  <si>
    <t>40723</t>
  </si>
  <si>
    <t>GGPS SIMBLI RAJGAN</t>
  </si>
  <si>
    <t>Simbli Rajgan</t>
  </si>
  <si>
    <t>ggps simbli rajgan P.o diyal tehsil sohawa dist jehlum</t>
  </si>
  <si>
    <t>Shabana Rizwan</t>
  </si>
  <si>
    <t>40703</t>
  </si>
  <si>
    <t>GGPS SULTAN</t>
  </si>
  <si>
    <t>ADRANA-FEMALE</t>
  </si>
  <si>
    <t>Sultan</t>
  </si>
  <si>
    <t>Govt girls primary school sultan</t>
  </si>
  <si>
    <t>laila zubairi</t>
  </si>
  <si>
    <t>GGHS HOUSING COLONY</t>
  </si>
  <si>
    <t>HOUSING COLONY</t>
  </si>
  <si>
    <t>GGHS HOUSING COLONY SHEIKHUPURA</t>
  </si>
  <si>
    <t>salma mumtaz</t>
  </si>
  <si>
    <t>GHS KOTLI BEHRAM</t>
  </si>
  <si>
    <t>KOTLI BEHRAM</t>
  </si>
  <si>
    <t>KHADIM ALI ROAD SIALKOT</t>
  </si>
  <si>
    <t>MUHAMMAD YASIN VIRK</t>
  </si>
  <si>
    <t>GGPS KOT HASSAN MOHAMMAD</t>
  </si>
  <si>
    <t>Kot Hassan Muhammad</t>
  </si>
  <si>
    <t>kot hassan Muhammad post office kujar farooq abad sheikhupura</t>
  </si>
  <si>
    <t>Nokher No</t>
  </si>
  <si>
    <t>Jawaria Riaz</t>
  </si>
  <si>
    <t>GGES BUTTER</t>
  </si>
  <si>
    <t>butter</t>
  </si>
  <si>
    <t>gaon butter</t>
  </si>
  <si>
    <t>Sumaira Anjum</t>
  </si>
  <si>
    <t>GPS BAILA BAY CHARAGH</t>
  </si>
  <si>
    <t>Bela Bay Charagh</t>
  </si>
  <si>
    <t>vill Bela bay charagh p.o phuklain</t>
  </si>
  <si>
    <t>Wadgarn</t>
  </si>
  <si>
    <t>GPS CHAK NAO</t>
  </si>
  <si>
    <t>Chak Nao</t>
  </si>
  <si>
    <t>village chack nao teh &amp; district Sialkot</t>
  </si>
  <si>
    <t>Ammar Rashid</t>
  </si>
  <si>
    <t>54611</t>
  </si>
  <si>
    <t>GGPS DERA JARMONIAN WALA</t>
  </si>
  <si>
    <t>Vern</t>
  </si>
  <si>
    <t>Dera jarmany wala, post office jandiala sher khan, T/D Sheikhupura</t>
  </si>
  <si>
    <t>Jarmany Wala</t>
  </si>
  <si>
    <t>Iqra Kanwal</t>
  </si>
  <si>
    <t>24908</t>
  </si>
  <si>
    <t>GPS saleem pur post office malkey kalan</t>
  </si>
  <si>
    <t>Kapoor u wali</t>
  </si>
  <si>
    <t>Raheel Azad Sial</t>
  </si>
  <si>
    <t>24728</t>
  </si>
  <si>
    <t>GGHS BHAGOWAL</t>
  </si>
  <si>
    <t>vill and p.o bhagowal tehsil  and distt skt</t>
  </si>
  <si>
    <t>sarwat basharat</t>
  </si>
  <si>
    <t>GGHS LAGAR</t>
  </si>
  <si>
    <t>govt girls high school lagar</t>
  </si>
  <si>
    <t>sana ray</t>
  </si>
  <si>
    <t>233376</t>
  </si>
  <si>
    <t>24749</t>
  </si>
  <si>
    <t>GHS BHARTH</t>
  </si>
  <si>
    <t>Bharth Sialkot</t>
  </si>
  <si>
    <t>39428</t>
  </si>
  <si>
    <t>24810</t>
  </si>
  <si>
    <t>GGES NAWAN PIND</t>
  </si>
  <si>
    <t>village nawan pind po gohdpur tehsil&amp;district sialkot</t>
  </si>
  <si>
    <t>Kour Pur</t>
  </si>
  <si>
    <t>Arfana Kosar</t>
  </si>
  <si>
    <t>GMPS DHANAY</t>
  </si>
  <si>
    <t>Village Dhannay</t>
  </si>
  <si>
    <t>Dhannay</t>
  </si>
  <si>
    <t>Rani Andleeb</t>
  </si>
  <si>
    <t>6434</t>
  </si>
  <si>
    <t>39441</t>
  </si>
  <si>
    <t>32282</t>
  </si>
  <si>
    <t>GGCMS LAL KAY</t>
  </si>
  <si>
    <t>lalkay</t>
  </si>
  <si>
    <t>Muridkay</t>
  </si>
  <si>
    <t>GGES MADAR</t>
  </si>
  <si>
    <t>Madar</t>
  </si>
  <si>
    <t>village madar</t>
  </si>
  <si>
    <t>25046</t>
  </si>
  <si>
    <t>GGPS BECHOWAL</t>
  </si>
  <si>
    <t>Beechowal</t>
  </si>
  <si>
    <t>Beechowal Sailkot</t>
  </si>
  <si>
    <t>Talat Batool</t>
  </si>
  <si>
    <t>41947</t>
  </si>
  <si>
    <t>32033</t>
  </si>
  <si>
    <t>TIBBI HAMBOO</t>
  </si>
  <si>
    <t>mirza muhammad mohsin</t>
  </si>
  <si>
    <t>GGHS RAWAL</t>
  </si>
  <si>
    <t>govt girls high school rawal</t>
  </si>
  <si>
    <t>Chapars</t>
  </si>
  <si>
    <t>GGHSS KHAWAJA M.SAFDAR SIALKOT</t>
  </si>
  <si>
    <t>paris road puran Nagar sialkot</t>
  </si>
  <si>
    <t>water works</t>
  </si>
  <si>
    <t>GGHS TOORAN WAL</t>
  </si>
  <si>
    <t>Toranwal</t>
  </si>
  <si>
    <t>Village toranwal p/o kotli loharan</t>
  </si>
  <si>
    <t>Head marala</t>
  </si>
  <si>
    <t>samina younas</t>
  </si>
  <si>
    <t>39452</t>
  </si>
  <si>
    <t>GGHS BAHUMAN</t>
  </si>
  <si>
    <t>village bahuman</t>
  </si>
  <si>
    <t>mahwish</t>
  </si>
  <si>
    <t>32236</t>
  </si>
  <si>
    <t>GGES MEHMON WALI</t>
  </si>
  <si>
    <t>Mehmonwali</t>
  </si>
  <si>
    <t>G /G /G/ E/ S. Mehmonwali</t>
  </si>
  <si>
    <t>Mehmon Wali</t>
  </si>
  <si>
    <t>Tibi Hambo</t>
  </si>
  <si>
    <t>Shahida Illamdim</t>
  </si>
  <si>
    <t>GPS DERA KARE WALA</t>
  </si>
  <si>
    <t>gps dera kairwala jhabbran mandi ,sheikhupura</t>
  </si>
  <si>
    <t>54794</t>
  </si>
  <si>
    <t>GGPS NOORPURA MACHIKE</t>
  </si>
  <si>
    <t>noorpura machikey</t>
  </si>
  <si>
    <t>noorpura</t>
  </si>
  <si>
    <t>ghazi minara</t>
  </si>
  <si>
    <t>Tehmina Niaz</t>
  </si>
  <si>
    <t>GGPS MC RASOOL NAGAR</t>
  </si>
  <si>
    <t>39474</t>
  </si>
  <si>
    <t>GPS JAHANGIR PURA</t>
  </si>
  <si>
    <t>Jahangirpura</t>
  </si>
  <si>
    <t>Govt. P/S Jahangirpura UC Mirza Virkan Markaz Sadar Sheikhupura</t>
  </si>
  <si>
    <t>Waqar Ahmad Wahla</t>
  </si>
  <si>
    <t>GGHS JATRI KOHNA</t>
  </si>
  <si>
    <t>GHS QAUMI SIALKOT</t>
  </si>
  <si>
    <t>Mohallah Rehamt Elahi sialkot city</t>
  </si>
  <si>
    <t>MOHALLAH  Rehmat Ilahi</t>
  </si>
  <si>
    <t>kareem pura sialkot</t>
  </si>
  <si>
    <t>32237</t>
  </si>
  <si>
    <t>GGHS TIBBI HUMBO CHAK NO 578</t>
  </si>
  <si>
    <t>govt girls high schooltibbi humbo chak no.578</t>
  </si>
  <si>
    <t>tibbi Humbo</t>
  </si>
  <si>
    <t>tibbi humbo</t>
  </si>
  <si>
    <t>GGPS JHANDA MERA</t>
  </si>
  <si>
    <t>KARUNTA -FEMALE</t>
  </si>
  <si>
    <t>Jhanda Mera</t>
  </si>
  <si>
    <t>village jhanda mera po gadriam tehsil sohawa district jhelum</t>
  </si>
  <si>
    <t>pail Bannay Khan</t>
  </si>
  <si>
    <t>Sumeera Noreen</t>
  </si>
  <si>
    <t>GPS CHAK NO.158 NB</t>
  </si>
  <si>
    <t>Chak No 158 NB</t>
  </si>
  <si>
    <t>chak no 158 nb</t>
  </si>
  <si>
    <t>Shah Nikdur</t>
  </si>
  <si>
    <t>40646</t>
  </si>
  <si>
    <t>GPS DHOK SHERA</t>
  </si>
  <si>
    <t>Dhoke Shera</t>
  </si>
  <si>
    <t>dhoke shera po domeli</t>
  </si>
  <si>
    <t>Tahir mehmood</t>
  </si>
  <si>
    <t>40843</t>
  </si>
  <si>
    <t>GGPS PARYAL</t>
  </si>
  <si>
    <t>AKRA Mohra</t>
  </si>
  <si>
    <t>dhoke paryal dakhli akra mohra the sohawa dist jhelum</t>
  </si>
  <si>
    <t>Pindmatay Khan</t>
  </si>
  <si>
    <t>Nafeesa Begum</t>
  </si>
  <si>
    <t>29788</t>
  </si>
  <si>
    <t>49706</t>
  </si>
  <si>
    <t>GGHS CHAK NO.123 SB</t>
  </si>
  <si>
    <t>123SB</t>
  </si>
  <si>
    <t>chak no 123 SB, P/O 124 SB, tehsil: sillanwali</t>
  </si>
  <si>
    <t>Aysha Sadaf</t>
  </si>
  <si>
    <t>40103</t>
  </si>
  <si>
    <t>GGHS SILLANWALI</t>
  </si>
  <si>
    <t>Silanwali City</t>
  </si>
  <si>
    <t>Government Girls High School sillanwali</t>
  </si>
  <si>
    <t>42046</t>
  </si>
  <si>
    <t>GHS BHALLARTOP</t>
  </si>
  <si>
    <t>GHS BHALLARTOP TAXILA</t>
  </si>
  <si>
    <t>Bhallar Top Taxila</t>
  </si>
  <si>
    <t>Mazhar Ejaz</t>
  </si>
  <si>
    <t>44030</t>
  </si>
  <si>
    <t>GPS MIAL V &amp; P.O MIAL</t>
  </si>
  <si>
    <t>V&amp;PO mial Teh talagng distt chakwal</t>
  </si>
  <si>
    <t>Bidharr</t>
  </si>
  <si>
    <t>Shazia Iram</t>
  </si>
  <si>
    <t>42038</t>
  </si>
  <si>
    <t>GHS WAH VILLAGE</t>
  </si>
  <si>
    <t>wah village</t>
  </si>
  <si>
    <t>GBHS WAH VILLAGE</t>
  </si>
  <si>
    <t>WAH</t>
  </si>
  <si>
    <t>GGPS MUNIAN</t>
  </si>
  <si>
    <t>Vpo Tamman , Dhoke Munian Tehsil Talagang District Chakwal.</t>
  </si>
  <si>
    <t>GES HASSAIN ABAD</t>
  </si>
  <si>
    <t>GBES Hussain Abad WahCantt</t>
  </si>
  <si>
    <t>Hussain ABAD</t>
  </si>
  <si>
    <t>Farrukh Zeeshan</t>
  </si>
  <si>
    <t>43834</t>
  </si>
  <si>
    <t>GPS KHUND MUMNAL</t>
  </si>
  <si>
    <t>Kund Mumnal</t>
  </si>
  <si>
    <t>Kund Mumnal Thoha Mehram Khan Talagang Chakwal</t>
  </si>
  <si>
    <t>34375</t>
  </si>
  <si>
    <t>40326</t>
  </si>
  <si>
    <t>43644</t>
  </si>
  <si>
    <t>GHS JHATLA SARGODAH ROAD</t>
  </si>
  <si>
    <t>Sargodha Road</t>
  </si>
  <si>
    <t>GPS JAMILABAD</t>
  </si>
  <si>
    <t>Govt boys primary school ,jamilabad</t>
  </si>
  <si>
    <t>43699</t>
  </si>
  <si>
    <t>GGHS PATWALI</t>
  </si>
  <si>
    <t>PATWALI</t>
  </si>
  <si>
    <t>VPO PATWALI TEH TALAGANG DISTT CHAKWAL</t>
  </si>
  <si>
    <t>Asmat Zahra</t>
  </si>
  <si>
    <t>GHS THATHA KHALIL</t>
  </si>
  <si>
    <t>Village Thatha Khalil, Taxila</t>
  </si>
  <si>
    <t>thatha khalil</t>
  </si>
  <si>
    <t>GGPS CHAK BHANOO</t>
  </si>
  <si>
    <t>Chak Bhanoo</t>
  </si>
  <si>
    <t>chak Bhanoo teh and distt vehari</t>
  </si>
  <si>
    <t>Bud Gulam</t>
  </si>
  <si>
    <t>Tanzila Siddique</t>
  </si>
  <si>
    <t>40742</t>
  </si>
  <si>
    <t>GPS CHAK 303 GB</t>
  </si>
  <si>
    <t>chak 303 gb</t>
  </si>
  <si>
    <t>cahk no 303 gb</t>
  </si>
  <si>
    <t>chak 301 gb</t>
  </si>
  <si>
    <t>40743</t>
  </si>
  <si>
    <t>GPS 208/EB</t>
  </si>
  <si>
    <t>208EB</t>
  </si>
  <si>
    <t>GPS 208EB vehari</t>
  </si>
  <si>
    <t>45695</t>
  </si>
  <si>
    <t>40744</t>
  </si>
  <si>
    <t>43867</t>
  </si>
  <si>
    <t>GPS DHOK GHARKIAL</t>
  </si>
  <si>
    <t>GPS Dhok Gharkial VPO Bilalabad</t>
  </si>
  <si>
    <t>Gharkial</t>
  </si>
  <si>
    <t>40745</t>
  </si>
  <si>
    <t>GPS CHAK 291 GB I</t>
  </si>
  <si>
    <t>291GB</t>
  </si>
  <si>
    <t>Chak no 291 GB Tehsil and district toba tek singh</t>
  </si>
  <si>
    <t>M Ahsan</t>
  </si>
  <si>
    <t>5423</t>
  </si>
  <si>
    <t>40746</t>
  </si>
  <si>
    <t>36498</t>
  </si>
  <si>
    <t>Moza Kot Muhammad Hussain</t>
  </si>
  <si>
    <t>Muhammad Aslam Sabir</t>
  </si>
  <si>
    <t>GGPS DHOK CHAJJI</t>
  </si>
  <si>
    <t>GGPS Dhoke Chajji Sargodha Road ,P.O Malikwal, Tehsil talagang District Chakwal</t>
  </si>
  <si>
    <t>Nikka kahut</t>
  </si>
  <si>
    <t>Sehrish Shakeel</t>
  </si>
  <si>
    <t>40749</t>
  </si>
  <si>
    <t>GPS CHAK NO.206/EB</t>
  </si>
  <si>
    <t>Chak No 206 Eb</t>
  </si>
  <si>
    <t>chak no 206 eb vehari</t>
  </si>
  <si>
    <t>206 Eb</t>
  </si>
  <si>
    <t>204/eb</t>
  </si>
  <si>
    <t>Muhammad Sohail Akram</t>
  </si>
  <si>
    <t>36886</t>
  </si>
  <si>
    <t>36059</t>
  </si>
  <si>
    <t>GHS 65 WB</t>
  </si>
  <si>
    <t>Chak 65wb</t>
  </si>
  <si>
    <t>chak no. 65wb vehari</t>
  </si>
  <si>
    <t>Chak No 65wb Vehari</t>
  </si>
  <si>
    <t>Chak # 63WB</t>
  </si>
  <si>
    <t>muhammad zafar jamil</t>
  </si>
  <si>
    <t>43994</t>
  </si>
  <si>
    <t>GGPS KHICHI P/O JHATTLA</t>
  </si>
  <si>
    <t>village khichi, post office talagang , dist chakwal</t>
  </si>
  <si>
    <t>khichi</t>
  </si>
  <si>
    <t>Saqiba Noureen</t>
  </si>
  <si>
    <t>49321</t>
  </si>
  <si>
    <t>36133</t>
  </si>
  <si>
    <t>GGHS 15 WB</t>
  </si>
  <si>
    <t>GOVT GIRLS HIGH SCHOOL 15/WB</t>
  </si>
  <si>
    <t>CHACK 15/WB</t>
  </si>
  <si>
    <t>KALSOOM aKHTAR</t>
  </si>
  <si>
    <t>36267</t>
  </si>
  <si>
    <t>GPS CHAK NO.30/WB</t>
  </si>
  <si>
    <t>chak no30/wb</t>
  </si>
  <si>
    <t>Chak 30/WB</t>
  </si>
  <si>
    <t>Chak56/WB</t>
  </si>
  <si>
    <t>40773</t>
  </si>
  <si>
    <t>43862</t>
  </si>
  <si>
    <t>GPS KUND MIAN MUHAMMAD</t>
  </si>
  <si>
    <t>vpo THOHA MEHRAM KHAN DHOK KUND MIAN MUHAMMAD</t>
  </si>
  <si>
    <t>Though Mahram Khan</t>
  </si>
  <si>
    <t>Tmk</t>
  </si>
  <si>
    <t>36294</t>
  </si>
  <si>
    <t>GPS CHAK NO.481/EB</t>
  </si>
  <si>
    <t>481eb</t>
  </si>
  <si>
    <t>Chak no 481eb tehsil &amp;distric Vehari</t>
  </si>
  <si>
    <t>481eb Vehari</t>
  </si>
  <si>
    <t>Fazal wah</t>
  </si>
  <si>
    <t>M Khalid pervaiz</t>
  </si>
  <si>
    <t>40777</t>
  </si>
  <si>
    <t>GHS DHAULAR</t>
  </si>
  <si>
    <t>VPO DHAULAR</t>
  </si>
  <si>
    <t>36483</t>
  </si>
  <si>
    <t>GPS NO. 1 CHAK NO.226/ EB</t>
  </si>
  <si>
    <t>Chak 226/eb</t>
  </si>
  <si>
    <t>chak no 226/eb</t>
  </si>
  <si>
    <t>226/eb</t>
  </si>
  <si>
    <t>198/eb</t>
  </si>
  <si>
    <t>Qadeer Ahmad</t>
  </si>
  <si>
    <t>40799</t>
  </si>
  <si>
    <t>GMMS CHAK 269 GB KOT QASIM</t>
  </si>
  <si>
    <t>Chak 269 GB Kot Qasim</t>
  </si>
  <si>
    <t>Chak 269 GB</t>
  </si>
  <si>
    <t>Mazhar Ahmad</t>
  </si>
  <si>
    <t>40803</t>
  </si>
  <si>
    <t>43986</t>
  </si>
  <si>
    <t>GGPS NO 2 ADLAKA</t>
  </si>
  <si>
    <t>vpo adlaka</t>
  </si>
  <si>
    <t>TAHIRA SULTANA</t>
  </si>
  <si>
    <t>GPS DHIBBA HERMAL</t>
  </si>
  <si>
    <t>Dhibba heal</t>
  </si>
  <si>
    <t>Dhibba Hermal</t>
  </si>
  <si>
    <t>16514</t>
  </si>
  <si>
    <t>GPS CHAK NO 596 GB</t>
  </si>
  <si>
    <t>Jhok Rehman</t>
  </si>
  <si>
    <t>chak no 596 gb</t>
  </si>
  <si>
    <t>Chak No 596 Gb</t>
  </si>
  <si>
    <t>Iftikhar Ahmed Bazmi</t>
  </si>
  <si>
    <t>40811</t>
  </si>
  <si>
    <t>GMPS CHAK 329 JB RASALA</t>
  </si>
  <si>
    <t>PUL NAGRA-FEMALE</t>
  </si>
  <si>
    <t>329 JB</t>
  </si>
  <si>
    <t>Govt Modle Primary School chak# 329 JB Toba Tek Singh</t>
  </si>
  <si>
    <t>Chak # 329 JB</t>
  </si>
  <si>
    <t>Chak # 296 GB</t>
  </si>
  <si>
    <t>Shabana Iram</t>
  </si>
  <si>
    <t>40816</t>
  </si>
  <si>
    <t>19395</t>
  </si>
  <si>
    <t>GPS CHAK 409 JB</t>
  </si>
  <si>
    <t>chak 409 jb</t>
  </si>
  <si>
    <t>chak no 409 jb</t>
  </si>
  <si>
    <t>chak 314 gb</t>
  </si>
  <si>
    <t>GPS JAMIA MADNIA VEHARI</t>
  </si>
  <si>
    <t>A-Block Chamra Mandi Vehari</t>
  </si>
  <si>
    <t>36222</t>
  </si>
  <si>
    <t>GPS CHAK NO.555 EB</t>
  </si>
  <si>
    <t>555/EB</t>
  </si>
  <si>
    <t>chak no. 555/E.B Vehari</t>
  </si>
  <si>
    <t>Chak 555/eb VEH</t>
  </si>
  <si>
    <t>Chak 561/eb</t>
  </si>
  <si>
    <t>43687</t>
  </si>
  <si>
    <t>GES DHOK KHAUR</t>
  </si>
  <si>
    <t>TMK Khan</t>
  </si>
  <si>
    <t>dhok Khaur thoha Mehram Khan Teh talagang</t>
  </si>
  <si>
    <t>Thoha 2</t>
  </si>
  <si>
    <t>35336</t>
  </si>
  <si>
    <t>GHS CHAK 336 GB SARABHA</t>
  </si>
  <si>
    <t>Chak no 336 gb</t>
  </si>
  <si>
    <t>Chak No 336 Gb</t>
  </si>
  <si>
    <t>Chak No 517gb</t>
  </si>
  <si>
    <t>36215</t>
  </si>
  <si>
    <t>GPS CHAK NO.164/EB</t>
  </si>
  <si>
    <t>164/EB</t>
  </si>
  <si>
    <t>Govt primary school 164/EB markaz Machiwal</t>
  </si>
  <si>
    <t>164/EB Vehari</t>
  </si>
  <si>
    <t>43733</t>
  </si>
  <si>
    <t>GPS DHOK MEHR MUHAMMADAL</t>
  </si>
  <si>
    <t>Dhok BHIRRA</t>
  </si>
  <si>
    <t>Dhok BHIRRA VPO DHULLI</t>
  </si>
  <si>
    <t>DHULLI</t>
  </si>
  <si>
    <t>BIDHER</t>
  </si>
  <si>
    <t>GPS DERA BABA LAKHU</t>
  </si>
  <si>
    <t>Dera baba lakhu Village Gujiana nau  Sheikhupura.</t>
  </si>
  <si>
    <t>Dera Baba Lakhu</t>
  </si>
  <si>
    <t>Ansar Ali</t>
  </si>
  <si>
    <t>GMES SALEH PUR</t>
  </si>
  <si>
    <t>salehpur</t>
  </si>
  <si>
    <t>village salehpur p/o chaprar Tehsil and district sialkot</t>
  </si>
  <si>
    <t>Humaira Noor Hussain</t>
  </si>
  <si>
    <t>53991</t>
  </si>
  <si>
    <t>GGPS MODEL DERA AWANA</t>
  </si>
  <si>
    <t>Dera Awana</t>
  </si>
  <si>
    <t>Ggps Dera Awana</t>
  </si>
  <si>
    <t>39284</t>
  </si>
  <si>
    <t>GGPS MAKKI KHANA</t>
  </si>
  <si>
    <t>makki dakhana khas gaon gaf Bay chak # 460 distt. skp</t>
  </si>
  <si>
    <t>GGHS KHAIRPUR MALLIAN</t>
  </si>
  <si>
    <t>Khairopur Malian</t>
  </si>
  <si>
    <t>Khairopur Mallian</t>
  </si>
  <si>
    <t>KHAIROPUR MALLIAN</t>
  </si>
  <si>
    <t>Ramzana Kusar</t>
  </si>
  <si>
    <t>24725</t>
  </si>
  <si>
    <t>GGHS KOTLI BEHRAM</t>
  </si>
  <si>
    <t>KOTLI BEHRAM KHADIM ALI ROAD</t>
  </si>
  <si>
    <t>Farida Khawar</t>
  </si>
  <si>
    <t>32401</t>
  </si>
  <si>
    <t>GPS IHTISHAM COLONY MANANWALA</t>
  </si>
  <si>
    <t>Madeena Town Mananwala</t>
  </si>
  <si>
    <t>Mc Mananwala</t>
  </si>
  <si>
    <t>Mehar Elahi</t>
  </si>
  <si>
    <t>GMPS BALI MINHASAN</t>
  </si>
  <si>
    <t>BailyMinhasan</t>
  </si>
  <si>
    <t>BailyMinhasan Po Phuklian Sialkot</t>
  </si>
  <si>
    <t>NaghmanaNaz</t>
  </si>
  <si>
    <t>25952</t>
  </si>
  <si>
    <t>GGPS BOHAR BATH</t>
  </si>
  <si>
    <t>Bohar Bath</t>
  </si>
  <si>
    <t>32352</t>
  </si>
  <si>
    <t>GGPS KOT SALEEM</t>
  </si>
  <si>
    <t>G.GP/S kot saleem</t>
  </si>
  <si>
    <t>Muraday Kla</t>
  </si>
  <si>
    <t>Shahzadi  Ghuzala  Iram</t>
  </si>
  <si>
    <t>GGHS LOONI</t>
  </si>
  <si>
    <t>GGHS Looni ,Bajwat Sialkot</t>
  </si>
  <si>
    <t>looni</t>
  </si>
  <si>
    <t>kachimand</t>
  </si>
  <si>
    <t>mahnoor nisar</t>
  </si>
  <si>
    <t>26917</t>
  </si>
  <si>
    <t>badian Sialkot</t>
  </si>
  <si>
    <t>Kapoor Wali</t>
  </si>
  <si>
    <t>GPS UGGOKI</t>
  </si>
  <si>
    <t>Near Main Bazar, Mohallah Sayyedan, Uggoki, Sialkot.</t>
  </si>
  <si>
    <t>Suhail Aamer</t>
  </si>
  <si>
    <t>GGPS SADDAR PURA</t>
  </si>
  <si>
    <t>GGPS SADAR PURA</t>
  </si>
  <si>
    <t>Sadarpura</t>
  </si>
  <si>
    <t>GES MC PURAN NAGAR SIALKOT</t>
  </si>
  <si>
    <t>PURAN NAGAR</t>
  </si>
  <si>
    <t>Paris Road Sialkot</t>
  </si>
  <si>
    <t>Muhammad Ansar Javaid</t>
  </si>
  <si>
    <t>31874</t>
  </si>
  <si>
    <t>GHS BALHERKE SHEIKHUPURA</t>
  </si>
  <si>
    <t>Balherke</t>
  </si>
  <si>
    <t>village balherke tehsil and distt. balherke, sheikhupura</t>
  </si>
  <si>
    <t>32123</t>
  </si>
  <si>
    <t>GPS CHAK JANDO</t>
  </si>
  <si>
    <t>Chak Jando</t>
  </si>
  <si>
    <t>chak jando</t>
  </si>
  <si>
    <t>Chak Jado</t>
  </si>
  <si>
    <t>Basharat Ali Bhatti</t>
  </si>
  <si>
    <t>GPS THATHA QADIR SHAH</t>
  </si>
  <si>
    <t>Thatha Qadir Shah</t>
  </si>
  <si>
    <t>thatha qadir shah</t>
  </si>
  <si>
    <t>39327</t>
  </si>
  <si>
    <t>ghazipur po phuklian Sialkot</t>
  </si>
  <si>
    <t>26176</t>
  </si>
  <si>
    <t>GGPS KOTHAY ARAIAN</t>
  </si>
  <si>
    <t>Kothey Araian</t>
  </si>
  <si>
    <t>village kothey araian post offic gondal sialkot</t>
  </si>
  <si>
    <t>41792</t>
  </si>
  <si>
    <t>25067</t>
  </si>
  <si>
    <t>GMPS CHADHALA</t>
  </si>
  <si>
    <t>Chadhala</t>
  </si>
  <si>
    <t>Village Chadhala p/o Kotli Loharan T &amp; D Sialkot</t>
  </si>
  <si>
    <t>SYED SAFDAR ALI</t>
  </si>
  <si>
    <t>44129</t>
  </si>
  <si>
    <t>39344</t>
  </si>
  <si>
    <t>24869</t>
  </si>
  <si>
    <t>GPS KOTLI LOHARAN WEST</t>
  </si>
  <si>
    <t>Mohalla nakhowal, dakhana road kotli Loharan west</t>
  </si>
  <si>
    <t>Kotli Loharan West</t>
  </si>
  <si>
    <t>manzoor Hussain</t>
  </si>
  <si>
    <t>34584</t>
  </si>
  <si>
    <t>39345</t>
  </si>
  <si>
    <t>24870</t>
  </si>
  <si>
    <t>GPS BHEARY</t>
  </si>
  <si>
    <t>Bheary</t>
  </si>
  <si>
    <t>bheary p o maraki wal</t>
  </si>
  <si>
    <t>Muhammad Anwer Khan</t>
  </si>
  <si>
    <t>GGHS BHADRU MINARA</t>
  </si>
  <si>
    <t>Bhadru minara</t>
  </si>
  <si>
    <t>bhadru minara sheikhupura</t>
  </si>
  <si>
    <t>shakeela parveen</t>
  </si>
  <si>
    <t>39347</t>
  </si>
  <si>
    <t>24698</t>
  </si>
  <si>
    <t>GHS KUNDAN PUR</t>
  </si>
  <si>
    <t>VILLAGE AND P.O KUNDAN PUR SIALKOT</t>
  </si>
  <si>
    <t>45292</t>
  </si>
  <si>
    <t>31957</t>
  </si>
  <si>
    <t>GGES THATHA TARRARAN</t>
  </si>
  <si>
    <t>Tahtta Tarara</t>
  </si>
  <si>
    <t>Tattha Tarara</t>
  </si>
  <si>
    <t>Thatta Tarara</t>
  </si>
  <si>
    <t>Tabi Humbo</t>
  </si>
  <si>
    <t>TABASSUM FARZANA</t>
  </si>
  <si>
    <t>GES CHAK MANDHAR</t>
  </si>
  <si>
    <t>Chakmandahar</t>
  </si>
  <si>
    <t>Vill &amp; PO Chakmandahar Sialkot .</t>
  </si>
  <si>
    <t>Shahid Ali Baig</t>
  </si>
  <si>
    <t>39354</t>
  </si>
  <si>
    <t>GMHS TALWARA MUGHLAN</t>
  </si>
  <si>
    <t>talwara mughlan sialkot</t>
  </si>
  <si>
    <t>asia khanum</t>
  </si>
  <si>
    <t>24919</t>
  </si>
  <si>
    <t>GPS GORIAN</t>
  </si>
  <si>
    <t>Gorian</t>
  </si>
  <si>
    <t>village Gorian..p.o.box khabranwala..tehssi.district Sialkot</t>
  </si>
  <si>
    <t>Syed Qaiser Abbas</t>
  </si>
  <si>
    <t>GHS MADAR (SKP)</t>
  </si>
  <si>
    <t>Government High school Madar</t>
  </si>
  <si>
    <t>Jandiala Sher Khan</t>
  </si>
  <si>
    <t>Rashid Mahmood</t>
  </si>
  <si>
    <t>11317</t>
  </si>
  <si>
    <t>GPS NOUL</t>
  </si>
  <si>
    <t>Wazira Abad Road, Noul Tehsil &amp; District Sialkot.</t>
  </si>
  <si>
    <t>Hararr</t>
  </si>
  <si>
    <t>Inam Ullah</t>
  </si>
  <si>
    <t>GGPS PAKHAR PUR</t>
  </si>
  <si>
    <t>Pakher Pur</t>
  </si>
  <si>
    <t>GGPS pakher pur p/o kotly loharan west</t>
  </si>
  <si>
    <t>Bartha Wala</t>
  </si>
  <si>
    <t>19341</t>
  </si>
  <si>
    <t>39367</t>
  </si>
  <si>
    <t>GPS VIRKE BATH</t>
  </si>
  <si>
    <t>VIRKE BATH</t>
  </si>
  <si>
    <t>village virke bath</t>
  </si>
  <si>
    <t>virke bath</t>
  </si>
  <si>
    <t>sharafat hussain</t>
  </si>
  <si>
    <t>GGPS DOGAR TOWN</t>
  </si>
  <si>
    <t>ajnianwala</t>
  </si>
  <si>
    <t>GGHS DAIT</t>
  </si>
  <si>
    <t>Dait</t>
  </si>
  <si>
    <t>village Dait PO Gulbahar khurd tehsil and district Sialkot.</t>
  </si>
  <si>
    <t>Ulfat Noreen</t>
  </si>
  <si>
    <t>nand pur  post office kotli loharan sialkot</t>
  </si>
  <si>
    <t>32109</t>
  </si>
  <si>
    <t>GPS RASOOLPUR BHATTIAN</t>
  </si>
  <si>
    <t>Rasoolpur, Gujiana Nau, Sheikhupura</t>
  </si>
  <si>
    <t>31972</t>
  </si>
  <si>
    <t>GGHS KEELAY</t>
  </si>
  <si>
    <t>GES SHAH SAFEER</t>
  </si>
  <si>
    <t>Shah Safeer</t>
  </si>
  <si>
    <t>Village &amp; PO Shah Safeer</t>
  </si>
  <si>
    <t>49834</t>
  </si>
  <si>
    <t>GMPS CHAK NO.140 NB</t>
  </si>
  <si>
    <t>140 Nb</t>
  </si>
  <si>
    <t>GMPS chak no 140 n.b</t>
  </si>
  <si>
    <t>ISHRAT JABEEN</t>
  </si>
  <si>
    <t>39875</t>
  </si>
  <si>
    <t>49807</t>
  </si>
  <si>
    <t>GGPS CHAK NO.113 NB</t>
  </si>
  <si>
    <t>Chak 113 Nb</t>
  </si>
  <si>
    <t>chak 113nb</t>
  </si>
  <si>
    <t>113nb</t>
  </si>
  <si>
    <t>111 Nb</t>
  </si>
  <si>
    <t>49704</t>
  </si>
  <si>
    <t>GGES CHAK NO 165 NB</t>
  </si>
  <si>
    <t>GMES 165 NB</t>
  </si>
  <si>
    <t>Chak No165 NB</t>
  </si>
  <si>
    <t>163 NB</t>
  </si>
  <si>
    <t>Kulsoom Akhter</t>
  </si>
  <si>
    <t>40598</t>
  </si>
  <si>
    <t>village &amp; p.o Daiwal,Teh.Sohawa,Distt.Jhelum</t>
  </si>
  <si>
    <t>Nagina Begum</t>
  </si>
  <si>
    <t>40632</t>
  </si>
  <si>
    <t>GPS PAIL MIRZA</t>
  </si>
  <si>
    <t>Pail Mirza</t>
  </si>
  <si>
    <t>GPS Pail Mirza Tehsil Sohawa Distt. Jhelum</t>
  </si>
  <si>
    <t>Pail Banny Khan</t>
  </si>
  <si>
    <t>GPS CHAK NO.144/145 NB</t>
  </si>
  <si>
    <t>Chak No144/145 NB</t>
  </si>
  <si>
    <t>Chak No. 144/145 NB</t>
  </si>
  <si>
    <t>39888</t>
  </si>
  <si>
    <t>GHS BAKRALA</t>
  </si>
  <si>
    <t>vpo bakrala sohawa</t>
  </si>
  <si>
    <t>49696</t>
  </si>
  <si>
    <t>GGES CHAK NO.141 NB</t>
  </si>
  <si>
    <t>141 Nb</t>
  </si>
  <si>
    <t>GGESChak#141NB</t>
  </si>
  <si>
    <t>Chak #141 NB</t>
  </si>
  <si>
    <t>Chak#131NB</t>
  </si>
  <si>
    <t>49815</t>
  </si>
  <si>
    <t>GGPS CHAK NO.134 SB</t>
  </si>
  <si>
    <t>Chak No 134sb</t>
  </si>
  <si>
    <t>Chak no 134sb</t>
  </si>
  <si>
    <t>chak no 135 sb</t>
  </si>
  <si>
    <t>GPS RETLI</t>
  </si>
  <si>
    <t>bhanghala</t>
  </si>
  <si>
    <t>raitli</t>
  </si>
  <si>
    <t>lehri</t>
  </si>
  <si>
    <t>Tanzeela Kayani</t>
  </si>
  <si>
    <t>11927</t>
  </si>
  <si>
    <t>10419</t>
  </si>
  <si>
    <t>39905</t>
  </si>
  <si>
    <t>GGHS GURA UTEM SINGH</t>
  </si>
  <si>
    <t>Gurrah Utam singh</t>
  </si>
  <si>
    <t>Gurrah Utam Singh</t>
  </si>
  <si>
    <t>Jajail</t>
  </si>
  <si>
    <t>Khadija Muzzaffar</t>
  </si>
  <si>
    <t>40624</t>
  </si>
  <si>
    <t>GPS CHANGRAL</t>
  </si>
  <si>
    <t>Changral</t>
  </si>
  <si>
    <t>vill changral p.o panchor via lehri teh sohawa distt jhlm</t>
  </si>
  <si>
    <t>GES BHANGALA</t>
  </si>
  <si>
    <t>V &amp; PO Bhangala Tehsil Sohawa Distt Jhelum</t>
  </si>
  <si>
    <t>GGPS KOT DHAMIAK</t>
  </si>
  <si>
    <t>Dhamiak</t>
  </si>
  <si>
    <t>village and p/o kot dhamiak tehsil sohawa dist jhelum</t>
  </si>
  <si>
    <t>Kot Dhamiak</t>
  </si>
  <si>
    <t>49827</t>
  </si>
  <si>
    <t>GGPS CHAK NO.118 SB DERA PAKKA</t>
  </si>
  <si>
    <t>118sb</t>
  </si>
  <si>
    <t>ggps118sbpakadera</t>
  </si>
  <si>
    <t>118sb Dera Pakka</t>
  </si>
  <si>
    <t>Ramzia Saleem</t>
  </si>
  <si>
    <t>49805</t>
  </si>
  <si>
    <t>GGPS CHAK NO.115 NB NAI ABADI</t>
  </si>
  <si>
    <t>Chak No 115 Nb</t>
  </si>
  <si>
    <t>chak no 115 nb nai abadi</t>
  </si>
  <si>
    <t>Chak No115nb Nai Abadi</t>
  </si>
  <si>
    <t>Shugufta</t>
  </si>
  <si>
    <t>43565</t>
  </si>
  <si>
    <t>40648</t>
  </si>
  <si>
    <t>GPS AIMA</t>
  </si>
  <si>
    <t>Aima</t>
  </si>
  <si>
    <t>GPS Aima markaz Domeli tehsil Sohawa jhelum</t>
  </si>
  <si>
    <t>40797</t>
  </si>
  <si>
    <t>GGPS DHERI BAKRALA</t>
  </si>
  <si>
    <t>ggps dheri bakrala</t>
  </si>
  <si>
    <t>Dheri Bakrala</t>
  </si>
  <si>
    <t>Sania Munir</t>
  </si>
  <si>
    <t>GGPS CHAK NO.117 NB</t>
  </si>
  <si>
    <t>Chak 117 NB</t>
  </si>
  <si>
    <t>Chak 117 n b sillanwali sargodha</t>
  </si>
  <si>
    <t>Chak 118 NB</t>
  </si>
  <si>
    <t>49746</t>
  </si>
  <si>
    <t>GPS CHAK NO.141 SB</t>
  </si>
  <si>
    <t>141SB</t>
  </si>
  <si>
    <t>GPS chak no 141 sb</t>
  </si>
  <si>
    <t>Chak No 141 SB</t>
  </si>
  <si>
    <t>138 SB</t>
  </si>
  <si>
    <t>Haseeb Haroon</t>
  </si>
  <si>
    <t>40561</t>
  </si>
  <si>
    <t>GHS KOT DHAMIAK</t>
  </si>
  <si>
    <t>PO Kot Dhamiak  Tehsil Sohawa District Jhelum</t>
  </si>
  <si>
    <t>Pail Banny  Khan</t>
  </si>
  <si>
    <t>Mukhtar  Ahmed</t>
  </si>
  <si>
    <t>49745</t>
  </si>
  <si>
    <t>GPS CHAK NO.138 SB</t>
  </si>
  <si>
    <t>Chak 138sb</t>
  </si>
  <si>
    <t>GPS PIND MATTAY KHAN</t>
  </si>
  <si>
    <t>Pind mattay khan po &amp; teh sohawa distt jhelum</t>
  </si>
  <si>
    <t>40698</t>
  </si>
  <si>
    <t>GGPS KARBAK</t>
  </si>
  <si>
    <t>Karbak</t>
  </si>
  <si>
    <t>ggps karbak</t>
  </si>
  <si>
    <t>Sana Ishfaq</t>
  </si>
  <si>
    <t>49782</t>
  </si>
  <si>
    <t>GPS CHAK NO.137/138 NB</t>
  </si>
  <si>
    <t>Sanghianwala</t>
  </si>
  <si>
    <t>Chak No 137/ 138  NB</t>
  </si>
  <si>
    <t>Chak No 137/138 NB</t>
  </si>
  <si>
    <t>Aamir Shahzad</t>
  </si>
  <si>
    <t>39942</t>
  </si>
  <si>
    <t>49833</t>
  </si>
  <si>
    <t>GGPS CHAK NO.149/150 NB</t>
  </si>
  <si>
    <t>Chak#149/150 NB</t>
  </si>
  <si>
    <t>chak#149/150 NB</t>
  </si>
  <si>
    <t>147/148 Lakhuana</t>
  </si>
  <si>
    <t>Muqadas Abrar</t>
  </si>
  <si>
    <t>GHS ADRANA</t>
  </si>
  <si>
    <t>Babar Iqbal Khan Kayani</t>
  </si>
  <si>
    <t>7446</t>
  </si>
  <si>
    <t>48620</t>
  </si>
  <si>
    <t>22777</t>
  </si>
  <si>
    <t>39947</t>
  </si>
  <si>
    <t>GGPS DHOK KASHMIRIAN</t>
  </si>
  <si>
    <t>SHAH SAFEER -FEMALE</t>
  </si>
  <si>
    <t>Kuram Andan</t>
  </si>
  <si>
    <t>village dhok kashmirian PO dhoke mian jeewan teh Sohawa district Jhelum</t>
  </si>
  <si>
    <t>Pind Matey Khan</t>
  </si>
  <si>
    <t>GPS DHUNGI</t>
  </si>
  <si>
    <t>Dhungi</t>
  </si>
  <si>
    <t>village dhungi po Diwan-e-Hazoori tehsil sohawa District  Jhelum</t>
  </si>
  <si>
    <t>39950</t>
  </si>
  <si>
    <t>GHS SOHAWA</t>
  </si>
  <si>
    <t>sohawa</t>
  </si>
  <si>
    <t>GGPS HANI</t>
  </si>
  <si>
    <t>Hinni</t>
  </si>
  <si>
    <t>village Hinni P.O dial Tehsil sohawa Distt Jhelum</t>
  </si>
  <si>
    <t>39966</t>
  </si>
  <si>
    <t>49783</t>
  </si>
  <si>
    <t>GMPS NO.2 CHAK NO.169 NB</t>
  </si>
  <si>
    <t>Moza 169/2 Nb</t>
  </si>
  <si>
    <t>chak No. 169/2 Nb</t>
  </si>
  <si>
    <t>Chak 169/2 Nb</t>
  </si>
  <si>
    <t>Chak 169 Nb</t>
  </si>
  <si>
    <t>40558</t>
  </si>
  <si>
    <t>GHS MIANI BALA</t>
  </si>
  <si>
    <t>mianibala</t>
  </si>
  <si>
    <t>vpo mianibala tehsil sohawa distt jhelum</t>
  </si>
  <si>
    <t>pindmatty khan</t>
  </si>
  <si>
    <t>Adnan falak amjad</t>
  </si>
  <si>
    <t>49806</t>
  </si>
  <si>
    <t>GGPS CHAK NO.114 NB</t>
  </si>
  <si>
    <t>Chak # 114 NB</t>
  </si>
  <si>
    <t>Asma Afzal</t>
  </si>
  <si>
    <t>49717</t>
  </si>
  <si>
    <t>GGES CHAK NO.111 NB</t>
  </si>
  <si>
    <t>Chak 111 NB</t>
  </si>
  <si>
    <t>chak 111 NB Tehsil Sillanwali District Sargodha</t>
  </si>
  <si>
    <t>Atia Hafeez</t>
  </si>
  <si>
    <t>49634</t>
  </si>
  <si>
    <t>GHS CHAK NO.152 NB</t>
  </si>
  <si>
    <t>chak no 152 nb</t>
  </si>
  <si>
    <t>chak no 152 nb p/o khas</t>
  </si>
  <si>
    <t>chak no 152</t>
  </si>
  <si>
    <t>36248</t>
  </si>
  <si>
    <t>GPS CHAK NO.75/WB</t>
  </si>
  <si>
    <t>75/wb</t>
  </si>
  <si>
    <t>chak no.75/wb</t>
  </si>
  <si>
    <t>GGPS CHAK 375 JB MASITIAN</t>
  </si>
  <si>
    <t>dakhkhana khas chak#375jb</t>
  </si>
  <si>
    <t>Chak#375 Jb</t>
  </si>
  <si>
    <t>Nighat Razzaq</t>
  </si>
  <si>
    <t>6729</t>
  </si>
  <si>
    <t>36056</t>
  </si>
  <si>
    <t>GHS ISLAMIA VEHARI</t>
  </si>
  <si>
    <t>CITY VEHARI</t>
  </si>
  <si>
    <t>A BLOCK CLUB ROAD VEHARI</t>
  </si>
  <si>
    <t>A BLOCK VEHARI</t>
  </si>
  <si>
    <t>MC VEHARI</t>
  </si>
  <si>
    <t>268323</t>
  </si>
  <si>
    <t>FILTERATIN</t>
  </si>
  <si>
    <t>GGES CHAK NO 168 EB</t>
  </si>
  <si>
    <t>168eb</t>
  </si>
  <si>
    <t>chak no 168eb</t>
  </si>
  <si>
    <t>166eb</t>
  </si>
  <si>
    <t>Bushra Akbar</t>
  </si>
  <si>
    <t>GGPS 60 WB</t>
  </si>
  <si>
    <t>chak no 60/ wb tehsil o zila vehari</t>
  </si>
  <si>
    <t>Chak No 60/ Wb</t>
  </si>
  <si>
    <t>19651</t>
  </si>
  <si>
    <t>GGHS CHAK 351 GB</t>
  </si>
  <si>
    <t>chak no 351 g.b toba tek singh</t>
  </si>
  <si>
    <t>chak no 351 g.b. nagrah</t>
  </si>
  <si>
    <t>bERIAN WALA</t>
  </si>
  <si>
    <t>samar sultana</t>
  </si>
  <si>
    <t>41469</t>
  </si>
  <si>
    <t>19459</t>
  </si>
  <si>
    <t>GPS CHAK 360 GB</t>
  </si>
  <si>
    <t>360 GB</t>
  </si>
  <si>
    <t>GPS Chak No 360 GB PO Same Teh &amp; Distt Toba Tek Singh</t>
  </si>
  <si>
    <t>Chak No 360 GB</t>
  </si>
  <si>
    <t>Chak No 361 GB</t>
  </si>
  <si>
    <t>41474</t>
  </si>
  <si>
    <t>GES CHAK NO.20 WB</t>
  </si>
  <si>
    <t>chak # 20/ WB</t>
  </si>
  <si>
    <t>chak # 16/ WB</t>
  </si>
  <si>
    <t>36186</t>
  </si>
  <si>
    <t>GPS 22 WB</t>
  </si>
  <si>
    <t>22/wb</t>
  </si>
  <si>
    <t>chak # 22/wb vehari</t>
  </si>
  <si>
    <t>Chak 22/wb</t>
  </si>
  <si>
    <t>GGHSS CHAK 252 GB</t>
  </si>
  <si>
    <t>Chak No 252 GB</t>
  </si>
  <si>
    <t>Chak No 183 GB</t>
  </si>
  <si>
    <t>SUMREEN NAZ</t>
  </si>
  <si>
    <t>GGPS 40 WB</t>
  </si>
  <si>
    <t>40wb</t>
  </si>
  <si>
    <t>Chak no 40wb</t>
  </si>
  <si>
    <t>Faiza Hussain</t>
  </si>
  <si>
    <t>9024</t>
  </si>
  <si>
    <t>19588</t>
  </si>
  <si>
    <t>GGES NO.5 GAW SHALA T.T.SINGH</t>
  </si>
  <si>
    <t>rehman pura toba tek singh</t>
  </si>
  <si>
    <t>Toba City</t>
  </si>
  <si>
    <t>city toba</t>
  </si>
  <si>
    <t>bushra ramzan</t>
  </si>
  <si>
    <t>GPS CHAK NO.202/EB</t>
  </si>
  <si>
    <t>Chak#202/EB vehari</t>
  </si>
  <si>
    <t>GGHS CHAK NO 180 EB</t>
  </si>
  <si>
    <t>chak no 180/EB Vehari</t>
  </si>
  <si>
    <t>Chak # 180/EB</t>
  </si>
  <si>
    <t>Chak # 166/EB</t>
  </si>
  <si>
    <t>Sumaira Amjad</t>
  </si>
  <si>
    <t>41490</t>
  </si>
  <si>
    <t>GPS CHAK 541 EB</t>
  </si>
  <si>
    <t>541 EB</t>
  </si>
  <si>
    <t>chak no#541 E.B vehari</t>
  </si>
  <si>
    <t>541 EB Vehari</t>
  </si>
  <si>
    <t>19396</t>
  </si>
  <si>
    <t>GPS CHAK 408 JB II</t>
  </si>
  <si>
    <t>chak 408 jb</t>
  </si>
  <si>
    <t>chak no 408 Toba tek singh</t>
  </si>
  <si>
    <t>Chak no 408 jb</t>
  </si>
  <si>
    <t>Chak no 314</t>
  </si>
  <si>
    <t>Khalid Mahmood Tahir</t>
  </si>
  <si>
    <t>GGPS BHIRA PO NARAGHI</t>
  </si>
  <si>
    <t>Dhok bhira po niraghi</t>
  </si>
  <si>
    <t>bhira</t>
  </si>
  <si>
    <t>kot sarang</t>
  </si>
  <si>
    <t>40587</t>
  </si>
  <si>
    <t>43969</t>
  </si>
  <si>
    <t>GGHS DUDIAL</t>
  </si>
  <si>
    <t>Dudial</t>
  </si>
  <si>
    <t>dudial</t>
  </si>
  <si>
    <t>tehi</t>
  </si>
  <si>
    <t>GPS 210 EB P O 212 EB</t>
  </si>
  <si>
    <t>210/EB</t>
  </si>
  <si>
    <t>chak no. 210/EB vehari</t>
  </si>
  <si>
    <t>Muhammad Shehzad Sharif</t>
  </si>
  <si>
    <t>43865</t>
  </si>
  <si>
    <t>GHS MURAT</t>
  </si>
  <si>
    <t>GHS MURAT, VPO MURAT TEHSIL TALAGANG</t>
  </si>
  <si>
    <t>MURAT</t>
  </si>
  <si>
    <t>24514</t>
  </si>
  <si>
    <t>44056</t>
  </si>
  <si>
    <t>GGPS DHOK MIAL</t>
  </si>
  <si>
    <t>Madiha Almas</t>
  </si>
  <si>
    <t>43984</t>
  </si>
  <si>
    <t>GGPS DHOK LAINDI</t>
  </si>
  <si>
    <t>KOTSARANG</t>
  </si>
  <si>
    <t>vpo kotsarang dhok Laindi tehsil talagang district chakwal</t>
  </si>
  <si>
    <t>DHOK LAINDI</t>
  </si>
  <si>
    <t>Arifa Bibi</t>
  </si>
  <si>
    <t>40602</t>
  </si>
  <si>
    <t>43627</t>
  </si>
  <si>
    <t>V&amp;P/O MIAL Teh. TALAGANG DISTT. CHAKWAL</t>
  </si>
  <si>
    <t>DR MUHAMMAD RAFIQ AHMAD SHAHID</t>
  </si>
  <si>
    <t>GGES PIRA JANGLA</t>
  </si>
  <si>
    <t>Pira Jangla</t>
  </si>
  <si>
    <t>vpo pira jangla</t>
  </si>
  <si>
    <t>Jassial</t>
  </si>
  <si>
    <t>Qudsiya Batool</t>
  </si>
  <si>
    <t>44017</t>
  </si>
  <si>
    <t>GGPS MAHMOOD WALA</t>
  </si>
  <si>
    <t>Mehmood Wala</t>
  </si>
  <si>
    <t>vpo mehmood wala</t>
  </si>
  <si>
    <t>Jhattla</t>
  </si>
  <si>
    <t>44011</t>
  </si>
  <si>
    <t>GGPS DHOK BHATTI</t>
  </si>
  <si>
    <t>Dhok Bhati</t>
  </si>
  <si>
    <t>GGPS dhk bhati pirafatehal</t>
  </si>
  <si>
    <t>7826</t>
  </si>
  <si>
    <t>43878</t>
  </si>
  <si>
    <t>GGES DANDI</t>
  </si>
  <si>
    <t>gges dandi</t>
  </si>
  <si>
    <t>Saadia Rasheed</t>
  </si>
  <si>
    <t>40618</t>
  </si>
  <si>
    <t>43691</t>
  </si>
  <si>
    <t>GES KHICHI</t>
  </si>
  <si>
    <t>khichi Tehseel. Talagang. District. Chakwal</t>
  </si>
  <si>
    <t>Muhammad Kabir Bhatti</t>
  </si>
  <si>
    <t>43723</t>
  </si>
  <si>
    <t>GGHS KOTEHRA</t>
  </si>
  <si>
    <t>vpo kotehra</t>
  </si>
  <si>
    <t>GGES CHAK 517 GB</t>
  </si>
  <si>
    <t>Chak No 517 GB</t>
  </si>
  <si>
    <t>GGES 517 GB</t>
  </si>
  <si>
    <t>Chak 517 GB</t>
  </si>
  <si>
    <t>GGPS MUTHRALA</t>
  </si>
  <si>
    <t>v/po muthrala tehsil talagang distt chakwal</t>
  </si>
  <si>
    <t>Ghulam Ayesha</t>
  </si>
  <si>
    <t>44016</t>
  </si>
  <si>
    <t>GGPS DHOK LARR</t>
  </si>
  <si>
    <t>Dhok Larr</t>
  </si>
  <si>
    <t>VPO Jhatla, Teh.Talagang, Distt.Chakwal</t>
  </si>
  <si>
    <t>GHSS TAMMAN</t>
  </si>
  <si>
    <t>GHSS Tamman Vop Tamman</t>
  </si>
  <si>
    <t>ASIF HANIF MALIK</t>
  </si>
  <si>
    <t>36268</t>
  </si>
  <si>
    <t>GPS QADAR WAH</t>
  </si>
  <si>
    <t>mouza qadir wah tehsil and district vehari</t>
  </si>
  <si>
    <t>17433</t>
  </si>
  <si>
    <t>GES CHAK 271 GB II</t>
  </si>
  <si>
    <t>271 GB II Abadi Sheikhan</t>
  </si>
  <si>
    <t>Chak 271 gb ii</t>
  </si>
  <si>
    <t>271 GB</t>
  </si>
  <si>
    <t>36931</t>
  </si>
  <si>
    <t>43725</t>
  </si>
  <si>
    <t>GGES TEHI</t>
  </si>
  <si>
    <t>JASIAL-FEMALE</t>
  </si>
  <si>
    <t>Tehi</t>
  </si>
  <si>
    <t>GGPS CHAK PATAL DAKHLI JHATLA</t>
  </si>
  <si>
    <t>Chak Patal</t>
  </si>
  <si>
    <t>vpo jhatla chapatal</t>
  </si>
  <si>
    <t>Pira Fatihal</t>
  </si>
  <si>
    <t>Benish Abbas</t>
  </si>
  <si>
    <t>43734</t>
  </si>
  <si>
    <t>GPS DHOK SHAMIAL</t>
  </si>
  <si>
    <t>village dhoke shamiial  p/o dhoke faqira</t>
  </si>
  <si>
    <t>Dhoke Shamial</t>
  </si>
  <si>
    <t>Hafiz Abdul Lateef</t>
  </si>
  <si>
    <t>36237</t>
  </si>
  <si>
    <t>GPS CHAK NO.232/EB</t>
  </si>
  <si>
    <t>232eb</t>
  </si>
  <si>
    <t>chak 232\eb vehari</t>
  </si>
  <si>
    <t>34wb</t>
  </si>
  <si>
    <t>40670</t>
  </si>
  <si>
    <t>GPS CHAK 271 GB I</t>
  </si>
  <si>
    <t>Chak 271 GB 1</t>
  </si>
  <si>
    <t>Govt Primary School Chak 271 GB 1</t>
  </si>
  <si>
    <t>40673</t>
  </si>
  <si>
    <t>43739</t>
  </si>
  <si>
    <t>GPS KOT SHERA</t>
  </si>
  <si>
    <t>vpo kot shera</t>
  </si>
  <si>
    <t>44006</t>
  </si>
  <si>
    <t>GGPS DHOK PATHAN</t>
  </si>
  <si>
    <t>Dkpathan</t>
  </si>
  <si>
    <t>vpo dk.pathan</t>
  </si>
  <si>
    <t>43692</t>
  </si>
  <si>
    <t>GHS KURAKWALI</t>
  </si>
  <si>
    <t>Kurakwali</t>
  </si>
  <si>
    <t>Kurakwali p/o Thoha Mehram Khan</t>
  </si>
  <si>
    <t>Thoha Mehram Khan II</t>
  </si>
  <si>
    <t>Ahsan Masood Malik</t>
  </si>
  <si>
    <t>GGES SAMSAL</t>
  </si>
  <si>
    <t>GGES samsal VPO balilabad teh talagang distt chakwal</t>
  </si>
  <si>
    <t>Samsal</t>
  </si>
  <si>
    <t>electric moter</t>
  </si>
  <si>
    <t>GES CHAK NO. 216 EB</t>
  </si>
  <si>
    <t>216/EB</t>
  </si>
  <si>
    <t>chak no 216/EB</t>
  </si>
  <si>
    <t>216/WB</t>
  </si>
  <si>
    <t>34/ Wb</t>
  </si>
  <si>
    <t>Ehsan Asghar</t>
  </si>
  <si>
    <t>GGPS CHAK 187 GB I</t>
  </si>
  <si>
    <t>Chak 187 GB 1</t>
  </si>
  <si>
    <t>Chak 187 GB 1 Tehsil&amp; District Toba Tek Singh</t>
  </si>
  <si>
    <t>Chak 188 GB khurd</t>
  </si>
  <si>
    <t>Nasira Shabana</t>
  </si>
  <si>
    <t>GGPS 162 EB</t>
  </si>
  <si>
    <t>162EB</t>
  </si>
  <si>
    <t>chak no 162EB tehsil&amp;district vehari</t>
  </si>
  <si>
    <t>166EB</t>
  </si>
  <si>
    <t>Saba Amin</t>
  </si>
  <si>
    <t>GPS CHAK 184 GB</t>
  </si>
  <si>
    <t>chak 184gb</t>
  </si>
  <si>
    <t>chak 184 gb</t>
  </si>
  <si>
    <t>chak # 184 GB</t>
  </si>
  <si>
    <t>Munawer hussain</t>
  </si>
  <si>
    <t>GGPS CHAK 190 GB</t>
  </si>
  <si>
    <t>Chak No 190 G.B, Post Office Khas Tehsil &amp;District T T Singh</t>
  </si>
  <si>
    <t>190 GB</t>
  </si>
  <si>
    <t>Chak No186 GB</t>
  </si>
  <si>
    <t>19414</t>
  </si>
  <si>
    <t>GPS CHAK 393 JB</t>
  </si>
  <si>
    <t>gps 393 jb khanpur t.t.singh</t>
  </si>
  <si>
    <t>Chak No393 Jb</t>
  </si>
  <si>
    <t>Chak 393 Jb</t>
  </si>
  <si>
    <t>Ata Mustafa Atifi</t>
  </si>
  <si>
    <t>GES ANJUMAN-E-HIMAYAT TUL ISLAM</t>
  </si>
  <si>
    <t>College Town</t>
  </si>
  <si>
    <t>GES ANJUMAN-E-HIMAYAT TUL ISLAM College Town Vehari</t>
  </si>
  <si>
    <t>MC Vehari</t>
  </si>
  <si>
    <t>45603</t>
  </si>
  <si>
    <t>GPS CHAK 309 GB</t>
  </si>
  <si>
    <t>Chak 309 GB</t>
  </si>
  <si>
    <t>Chak No 309 GB</t>
  </si>
  <si>
    <t>Chak 316 GB</t>
  </si>
  <si>
    <t>GGPS CHOORA BHOJIA II</t>
  </si>
  <si>
    <t>Joia Wala</t>
  </si>
  <si>
    <t>GGPS chora Bhojia#2</t>
  </si>
  <si>
    <t>Chora Bhojia 2</t>
  </si>
  <si>
    <t>GPS CHAK NO.103/WB</t>
  </si>
  <si>
    <t>103wb vehari 1</t>
  </si>
  <si>
    <t>103wb</t>
  </si>
  <si>
    <t>liaqat Ali Tahir</t>
  </si>
  <si>
    <t>GGPS 549 EB</t>
  </si>
  <si>
    <t>549/eb</t>
  </si>
  <si>
    <t>549/eb   vehari</t>
  </si>
  <si>
    <t>41433</t>
  </si>
  <si>
    <t>41341</t>
  </si>
  <si>
    <t>GHS CHAK 550 GB TANDLIANWALA FSD</t>
  </si>
  <si>
    <t>Chak No 550 GB</t>
  </si>
  <si>
    <t>Abdul aziz azhar</t>
  </si>
  <si>
    <t>41350</t>
  </si>
  <si>
    <t>GPS CHAK 295 GB II BARIAN WALA</t>
  </si>
  <si>
    <t>295GB</t>
  </si>
  <si>
    <t>Govt P/S 295 GB TTSingh</t>
  </si>
  <si>
    <t>295 GB</t>
  </si>
  <si>
    <t>Chak No 295GB</t>
  </si>
  <si>
    <t>Abdul Majeed Afzal</t>
  </si>
  <si>
    <t>18771</t>
  </si>
  <si>
    <t>6407</t>
  </si>
  <si>
    <t>19239</t>
  </si>
  <si>
    <t>GHS CHAK 254 GB SOUNDH</t>
  </si>
  <si>
    <t>Chak No 254 GB</t>
  </si>
  <si>
    <t>Chak No 256 GB</t>
  </si>
  <si>
    <t>Muhammad Rashid Mirza</t>
  </si>
  <si>
    <t>41363</t>
  </si>
  <si>
    <t>GHS 24 WB</t>
  </si>
  <si>
    <t>Govt.High School 24/WB Vehari</t>
  </si>
  <si>
    <t>36329</t>
  </si>
  <si>
    <t>GGCMS 541 EB</t>
  </si>
  <si>
    <t>541/Eb</t>
  </si>
  <si>
    <t>chak no 541/e.b vehari</t>
  </si>
  <si>
    <t>541/E B</t>
  </si>
  <si>
    <t>537/E B</t>
  </si>
  <si>
    <t>36263</t>
  </si>
  <si>
    <t>GPS CHAK 48/WB</t>
  </si>
  <si>
    <t>chak no 48/wb tehsil and district vehari</t>
  </si>
  <si>
    <t>Chak No48/wb</t>
  </si>
  <si>
    <t>Chak No 24/wb</t>
  </si>
  <si>
    <t>18766</t>
  </si>
  <si>
    <t>GGHS CHAK NO 493 GB FSD</t>
  </si>
  <si>
    <t>Hussain Pur</t>
  </si>
  <si>
    <t>Chak No. 493 GB Mamunkanjan, Tehsil Tandlianwala District Faisalabad</t>
  </si>
  <si>
    <t>Chak No 493 GB</t>
  </si>
  <si>
    <t>Chak No 507 GB</t>
  </si>
  <si>
    <t>BUSHRA ASLAM</t>
  </si>
  <si>
    <t>41376</t>
  </si>
  <si>
    <t>36231</t>
  </si>
  <si>
    <t>GPS CHAK NO.44/WB</t>
  </si>
  <si>
    <t>44/WB</t>
  </si>
  <si>
    <t>56/WB</t>
  </si>
  <si>
    <t>Abdul Rehman Sajid</t>
  </si>
  <si>
    <t>41385</t>
  </si>
  <si>
    <t>GPS 61/WB VEHARI</t>
  </si>
  <si>
    <t>Chak 61 WB</t>
  </si>
  <si>
    <t>Basti Haji sher chak 61 wb</t>
  </si>
  <si>
    <t>61 WB</t>
  </si>
  <si>
    <t>Hafiz Mohsan Ur Rahim</t>
  </si>
  <si>
    <t>10124</t>
  </si>
  <si>
    <t>36331</t>
  </si>
  <si>
    <t>GMPS 545 EB</t>
  </si>
  <si>
    <t>Bloch Wala</t>
  </si>
  <si>
    <t>chak no 545/eb</t>
  </si>
  <si>
    <t>Chak# 545/eb</t>
  </si>
  <si>
    <t>amaira tayyaba</t>
  </si>
  <si>
    <t>GES CHAK NO.5 WB</t>
  </si>
  <si>
    <t>Chak No 5/wb</t>
  </si>
  <si>
    <t>Chak no 5/wb P/O 5/wb tehsil &amp; district vehari</t>
  </si>
  <si>
    <t>Chalk No 5/wb</t>
  </si>
  <si>
    <t>Chak No 1/wb</t>
  </si>
  <si>
    <t>GMES CHAK 513 GB</t>
  </si>
  <si>
    <t>513 Gb</t>
  </si>
  <si>
    <t>Chak No 513 GB T.T.Singh</t>
  </si>
  <si>
    <t>189 GB</t>
  </si>
  <si>
    <t>Mariam Rafique</t>
  </si>
  <si>
    <t>41411</t>
  </si>
  <si>
    <t>36252</t>
  </si>
  <si>
    <t>GPS 32/WB</t>
  </si>
  <si>
    <t>32wb</t>
  </si>
  <si>
    <t>chak no32wb</t>
  </si>
  <si>
    <t>24wb</t>
  </si>
  <si>
    <t>GPS CHAK 285 GB</t>
  </si>
  <si>
    <t>chak no 285 gb</t>
  </si>
  <si>
    <t>chak number 285 gb</t>
  </si>
  <si>
    <t>285 Gb</t>
  </si>
  <si>
    <t>285 Rajana</t>
  </si>
  <si>
    <t>GHS 567 EB VEHARI</t>
  </si>
  <si>
    <t>567/EB</t>
  </si>
  <si>
    <t>chaik no 567/eb vehari</t>
  </si>
  <si>
    <t>19wb</t>
  </si>
  <si>
    <t>Mahr Muhammad Aslam Sanpal</t>
  </si>
  <si>
    <t>34894</t>
  </si>
  <si>
    <t>GGPS CHAK 188 GB II</t>
  </si>
  <si>
    <t>188 /2</t>
  </si>
  <si>
    <t>chak nmbr 188 /2 gb</t>
  </si>
  <si>
    <t>188 II</t>
  </si>
  <si>
    <t>186 Gb</t>
  </si>
  <si>
    <t>Uzma Hameed</t>
  </si>
  <si>
    <t>GGPS CHAJJO DEH</t>
  </si>
  <si>
    <t>Chajjo Deh</t>
  </si>
  <si>
    <t>mauza chhajo deh dak Khana khas luddan</t>
  </si>
  <si>
    <t>Samrin Kausar</t>
  </si>
  <si>
    <t>GGHS NO.3 GOBIND PURA</t>
  </si>
  <si>
    <t>gghs gobindpura street no 3 toba tek singh</t>
  </si>
  <si>
    <t>Shahida Jabeen</t>
  </si>
  <si>
    <t>GHS 539 EB</t>
  </si>
  <si>
    <t>539/eb</t>
  </si>
  <si>
    <t>539/EB vehari.</t>
  </si>
  <si>
    <t>539/EB Vehari</t>
  </si>
  <si>
    <t>muhammad younis</t>
  </si>
  <si>
    <t>18282</t>
  </si>
  <si>
    <t>GMPS CHAK 187 GB II BASTI ODDAN</t>
  </si>
  <si>
    <t>chk no 187(ll)gb</t>
  </si>
  <si>
    <t>187GBll</t>
  </si>
  <si>
    <t>Chk No188</t>
  </si>
  <si>
    <t>GGHS CHAK 255 GB</t>
  </si>
  <si>
    <t>Chak No 255 GB</t>
  </si>
  <si>
    <t>255 GB</t>
  </si>
  <si>
    <t>183 GB</t>
  </si>
  <si>
    <t>KHADIJA SATTAR</t>
  </si>
  <si>
    <t>GHS CHAK NO. 553/ EB</t>
  </si>
  <si>
    <t>CHAK NO 553/EB VEHARI</t>
  </si>
  <si>
    <t>553/EB VEHARI</t>
  </si>
  <si>
    <t>MUHAMMAD SALEEM ZAHEER</t>
  </si>
  <si>
    <t>48645</t>
  </si>
  <si>
    <t>19614</t>
  </si>
  <si>
    <t>GMPS CHAK 400 JB DAM</t>
  </si>
  <si>
    <t>400jb</t>
  </si>
  <si>
    <t>Chak No. 400jb Toba Tek Singh</t>
  </si>
  <si>
    <t>393 Khan Pur</t>
  </si>
  <si>
    <t>Rehana Shazia</t>
  </si>
  <si>
    <t>GMPS CHAK 398 JB JAMANI</t>
  </si>
  <si>
    <t>Chak 398 JB</t>
  </si>
  <si>
    <t>chak 398 JB</t>
  </si>
  <si>
    <t>Chak 388 JB</t>
  </si>
  <si>
    <t>Iqra Naseer</t>
  </si>
  <si>
    <t>37558</t>
  </si>
  <si>
    <t>36174</t>
  </si>
  <si>
    <t>GPS CHAK NO.39 WB</t>
  </si>
  <si>
    <t>39/wb</t>
  </si>
  <si>
    <t>chak no 39/wb vehari</t>
  </si>
  <si>
    <t>53173</t>
  </si>
  <si>
    <t>GGES PANCHOURE</t>
  </si>
  <si>
    <t>PANCHORE</t>
  </si>
  <si>
    <t>GGES Panchore, VPO Panchore Tehsil Sohawa District Jhelum.</t>
  </si>
  <si>
    <t>Naeema Rafique</t>
  </si>
  <si>
    <t>48431</t>
  </si>
  <si>
    <t>GGPS SALHAL</t>
  </si>
  <si>
    <t>Salhal</t>
  </si>
  <si>
    <t>G.G.P.S.Salhal</t>
  </si>
  <si>
    <t>Mehwish Mazhar</t>
  </si>
  <si>
    <t>From neighbours</t>
  </si>
  <si>
    <t>GGPS DAB KAS</t>
  </si>
  <si>
    <t>vill DAB KASS p/o banth teh Sohawa district Jhelum</t>
  </si>
  <si>
    <t>Dab KASS</t>
  </si>
  <si>
    <t>GHS CHAK NO.156 NB</t>
  </si>
  <si>
    <t>Chak No 156 NB</t>
  </si>
  <si>
    <t>chak .156NB P/O Shahnikdar .Sargodha.</t>
  </si>
  <si>
    <t>Chak No 156NB</t>
  </si>
  <si>
    <t>Chak No 152 NB</t>
  </si>
  <si>
    <t>Asif Sawar</t>
  </si>
  <si>
    <t>GGES DHOK ABDULLAH</t>
  </si>
  <si>
    <t>Dhoke Abdullah</t>
  </si>
  <si>
    <t>village dhoke abdullah p/o baragowah</t>
  </si>
  <si>
    <t>Saima Akhter</t>
  </si>
  <si>
    <t>GGPS DHOK RAKH</t>
  </si>
  <si>
    <t>Pind Rakh Dani</t>
  </si>
  <si>
    <t>p/o dhok rakh teh sohawa district jehlum</t>
  </si>
  <si>
    <t>Dhokrakh</t>
  </si>
  <si>
    <t>Sumiera Fiaz</t>
  </si>
  <si>
    <t>28681</t>
  </si>
  <si>
    <t>GGES CHAK NO.115 NB</t>
  </si>
  <si>
    <t>chak no 115 nb</t>
  </si>
  <si>
    <t>111 nb</t>
  </si>
  <si>
    <t>Syeda  Afifa Shah</t>
  </si>
  <si>
    <t>40701</t>
  </si>
  <si>
    <t>village kohlian p\o bhogi chak the sohawa distt Jhelum</t>
  </si>
  <si>
    <t>Ghosia Qamar</t>
  </si>
  <si>
    <t>6927</t>
  </si>
  <si>
    <t>40719</t>
  </si>
  <si>
    <t>via domeli p o Ali pur teh  sohawa jhelum</t>
  </si>
  <si>
    <t>GGPS ZINDA SHAH MADAR</t>
  </si>
  <si>
    <t>Zinda Shah madar</t>
  </si>
  <si>
    <t>Zinda Shah madar Sohawa</t>
  </si>
  <si>
    <t>Pind Matte Khan</t>
  </si>
  <si>
    <t>Haleema Riffat</t>
  </si>
  <si>
    <t>39779</t>
  </si>
  <si>
    <t>40760</t>
  </si>
  <si>
    <t>GGPS BISHANDOOR</t>
  </si>
  <si>
    <t>Vill p. O dewan e hazoori tehsil sohawa jhelum</t>
  </si>
  <si>
    <t>Dewan E HAZOORI</t>
  </si>
  <si>
    <t>Pail Bny Khan</t>
  </si>
  <si>
    <t>Saba Maryam</t>
  </si>
  <si>
    <t>39781</t>
  </si>
  <si>
    <t>GGPS LUDHWALA</t>
  </si>
  <si>
    <t>Ladhwala</t>
  </si>
  <si>
    <t>P/o shah safeer vill ladhwala teh sohawa distt jhelum</t>
  </si>
  <si>
    <t>GGPS TATROT</t>
  </si>
  <si>
    <t>VPO TATROT TEHSIL SOHAWA DIST JHELUM</t>
  </si>
  <si>
    <t>Nagiyal</t>
  </si>
  <si>
    <t>Maria Jabeen</t>
  </si>
  <si>
    <t>GPS SAMAHIL</t>
  </si>
  <si>
    <t>Samahil</t>
  </si>
  <si>
    <t>GPS samahil</t>
  </si>
  <si>
    <t>Jajil</t>
  </si>
  <si>
    <t>SHAHID MEHMOOD</t>
  </si>
  <si>
    <t>26921</t>
  </si>
  <si>
    <t>40814</t>
  </si>
  <si>
    <t>GGPS BIT MAST</t>
  </si>
  <si>
    <t>Bhit mast</t>
  </si>
  <si>
    <t>dist.jhelum tehsil and post office sohawa village bhit mast</t>
  </si>
  <si>
    <t>Maria Zameer</t>
  </si>
  <si>
    <t>GPS BHETHA</t>
  </si>
  <si>
    <t>Bheitha</t>
  </si>
  <si>
    <t>V/Bheitha, PO/Hasnot, teh sohawa, distt jhelum</t>
  </si>
  <si>
    <t>Naeem Yousaf</t>
  </si>
  <si>
    <t>36631</t>
  </si>
  <si>
    <t>39795</t>
  </si>
  <si>
    <t>49844</t>
  </si>
  <si>
    <t>GGPS CHAK NO.151 NB SAMORAN WALI</t>
  </si>
  <si>
    <t>151NBSw</t>
  </si>
  <si>
    <t>Chak no 151B.N(SW)</t>
  </si>
  <si>
    <t>152NB</t>
  </si>
  <si>
    <t>GPS GOURA UTTAM SINGH</t>
  </si>
  <si>
    <t>Goura Uttam Singh</t>
  </si>
  <si>
    <t>goura uttam singh tehsil sohawa district jhelum</t>
  </si>
  <si>
    <t>Aasim Rameez</t>
  </si>
  <si>
    <t>49721</t>
  </si>
  <si>
    <t>GGES CHAK NO.154 NB</t>
  </si>
  <si>
    <t>154 Nb</t>
  </si>
  <si>
    <t>chak no 154 Nb</t>
  </si>
  <si>
    <t>152 Nb</t>
  </si>
  <si>
    <t>Naveed Khalid</t>
  </si>
  <si>
    <t>39804</t>
  </si>
  <si>
    <t>GGHS PAIL MIRZA</t>
  </si>
  <si>
    <t>pail mirza</t>
  </si>
  <si>
    <t>gGHS PAIL MIRZA TEHSIL SOHAWA DISTRICT JHELUM</t>
  </si>
  <si>
    <t>PAIL BANEY KHAN</t>
  </si>
  <si>
    <t>UZMA SULTAN</t>
  </si>
  <si>
    <t>49665</t>
  </si>
  <si>
    <t>GGHS CHAK NO.121 NB</t>
  </si>
  <si>
    <t>Chak No 12 Nb</t>
  </si>
  <si>
    <t>chak no 121 nb sillanwali district Sargodha</t>
  </si>
  <si>
    <t>Chak No 121 Nb</t>
  </si>
  <si>
    <t>135 SB</t>
  </si>
  <si>
    <t>Nida Sehar</t>
  </si>
  <si>
    <t>40693</t>
  </si>
  <si>
    <t>GGMES DHERA</t>
  </si>
  <si>
    <t>dhera</t>
  </si>
  <si>
    <t>Sadia Asmat</t>
  </si>
  <si>
    <t>39820</t>
  </si>
  <si>
    <t>GPS THALA CHAUDRIAN</t>
  </si>
  <si>
    <t>Thala Chaudrian</t>
  </si>
  <si>
    <t>p.o baragowah Tehsil Sohawa District Jhelum</t>
  </si>
  <si>
    <t>41148</t>
  </si>
  <si>
    <t>40764</t>
  </si>
  <si>
    <t>GGPS GADRIAM</t>
  </si>
  <si>
    <t>Gadriam</t>
  </si>
  <si>
    <t>village gadriam p/o gadriam tehsil sohawa district jhelum</t>
  </si>
  <si>
    <t>Pail Binny Khan</t>
  </si>
  <si>
    <t>39823</t>
  </si>
  <si>
    <t>49764</t>
  </si>
  <si>
    <t>GPS CHAK NO.127 NB</t>
  </si>
  <si>
    <t>127 NB</t>
  </si>
  <si>
    <t>GPS Chack NO 127 NB</t>
  </si>
  <si>
    <t>129NB</t>
  </si>
  <si>
    <t>GGPS CHAK NALA</t>
  </si>
  <si>
    <t>Chak nala</t>
  </si>
  <si>
    <t>chak nala</t>
  </si>
  <si>
    <t>Rubi Bi Bi</t>
  </si>
  <si>
    <t>39826</t>
  </si>
  <si>
    <t>GMPS BARILASS</t>
  </si>
  <si>
    <t>Bari Lass</t>
  </si>
  <si>
    <t>village bari lass post office sohawa tehsil sohawa distt jhelum</t>
  </si>
  <si>
    <t>Rahila Bi Bi</t>
  </si>
  <si>
    <t>GHS CHAK NO.142 NB</t>
  </si>
  <si>
    <t>142 Nb</t>
  </si>
  <si>
    <t>chak no 142 nb tehsil sillanwali</t>
  </si>
  <si>
    <t>Chak No 142 Nb</t>
  </si>
  <si>
    <t>Chak 131 Nb</t>
  </si>
  <si>
    <t>GGPS PURANA KOT</t>
  </si>
  <si>
    <t>PURANA KOT</t>
  </si>
  <si>
    <t>Village purana kot post office dhok shah arid tehseel sohawa district Jhelum</t>
  </si>
  <si>
    <t>Miss Robina Shaheen</t>
  </si>
  <si>
    <t>49728</t>
  </si>
  <si>
    <t>GPS NO.2 MAKKA COLONY SILLANWALI</t>
  </si>
  <si>
    <t>Makkah colony</t>
  </si>
  <si>
    <t>GPS NO2 MAKKAH COLONY SILLANAWLI</t>
  </si>
  <si>
    <t>SILLANAWLI</t>
  </si>
  <si>
    <t>MC SILLANAWLI</t>
  </si>
  <si>
    <t>49669</t>
  </si>
  <si>
    <t>GES CHAK NO.131 NB</t>
  </si>
  <si>
    <t>Chak131NB</t>
  </si>
  <si>
    <t>GES 131 NB</t>
  </si>
  <si>
    <t>Chak No131 NB</t>
  </si>
  <si>
    <t>Chak 131NB</t>
  </si>
  <si>
    <t>39841</t>
  </si>
  <si>
    <t>GGES RATLI</t>
  </si>
  <si>
    <t>village &amp; p/o raitli tehsil sohawa district Jhelum</t>
  </si>
  <si>
    <t>Raitli</t>
  </si>
  <si>
    <t>Kalsoom Kayani</t>
  </si>
  <si>
    <t>11476</t>
  </si>
  <si>
    <t>39845</t>
  </si>
  <si>
    <t>GGCMS UMRAL</t>
  </si>
  <si>
    <t>Umral</t>
  </si>
  <si>
    <t>vpo umral</t>
  </si>
  <si>
    <t>Fozia Yasmin</t>
  </si>
  <si>
    <t>34684</t>
  </si>
  <si>
    <t>GHS PADHRI</t>
  </si>
  <si>
    <t>PADHRI</t>
  </si>
  <si>
    <t>GHS PADHRI P.O. PADHRI TEH. SOHAWA DISTT. JHELUM</t>
  </si>
  <si>
    <t>Ahmed Fazail Khalil</t>
  </si>
  <si>
    <t>49708</t>
  </si>
  <si>
    <t>GGHS CHAK NO.114 NB</t>
  </si>
  <si>
    <t>chak no. 114NB</t>
  </si>
  <si>
    <t>GGHS 114NB p/o shainaabad tehsil Sillanwali Distt. Sargodha</t>
  </si>
  <si>
    <t>Chak No.114NB</t>
  </si>
  <si>
    <t>Chak No 111NB</t>
  </si>
  <si>
    <t>Samia Fatima</t>
  </si>
  <si>
    <t>49642</t>
  </si>
  <si>
    <t>GHS CHAK NO.124 NB</t>
  </si>
  <si>
    <t>Chak NO 124 Nb</t>
  </si>
  <si>
    <t>CHAK NO 124 NB SILLANWALI SARGODHA</t>
  </si>
  <si>
    <t>CHAK NO 124 NB</t>
  </si>
  <si>
    <t>CHAK NO 118 NB</t>
  </si>
  <si>
    <t>KHURRAM SHEHZAD</t>
  </si>
  <si>
    <t>40575</t>
  </si>
  <si>
    <t>GHS HATHIA DHAMIAL</t>
  </si>
  <si>
    <t>Hathia</t>
  </si>
  <si>
    <t>Village Hathia Dhamial Tehsil Sohawa District Jhelum</t>
  </si>
  <si>
    <t>Hathia Dhamial</t>
  </si>
  <si>
    <t>46360</t>
  </si>
  <si>
    <t>40768</t>
  </si>
  <si>
    <t>GMPS ARRA KAHROT</t>
  </si>
  <si>
    <t>karunta</t>
  </si>
  <si>
    <t>khariot sohawa</t>
  </si>
  <si>
    <t>khariot</t>
  </si>
  <si>
    <t>pail bannay khan</t>
  </si>
  <si>
    <t>Aroosa Sajid</t>
  </si>
  <si>
    <t>GPS MOHRA ROSHAN</t>
  </si>
  <si>
    <t>Mohra Roshan</t>
  </si>
  <si>
    <t>village mohra roshan p.o pari derwaza teh.sohawa distt.jhelum</t>
  </si>
  <si>
    <t>Najaf Ali</t>
  </si>
  <si>
    <t>40573</t>
  </si>
  <si>
    <t>GES MOHRA KALYAL</t>
  </si>
  <si>
    <t>Mohra kalyal tehsil sohawa distt jhelum</t>
  </si>
  <si>
    <t>Mohra Kalyal</t>
  </si>
  <si>
    <t>39865</t>
  </si>
  <si>
    <t>49798</t>
  </si>
  <si>
    <t>GGPS CHAK NO.151 NB TAWAN WALA</t>
  </si>
  <si>
    <t>151nb</t>
  </si>
  <si>
    <t>151nb tiwana wala</t>
  </si>
  <si>
    <t>GGHS JOURA SIAN</t>
  </si>
  <si>
    <t>Joura sian</t>
  </si>
  <si>
    <t>Zahida Pervin</t>
  </si>
  <si>
    <t>41897</t>
  </si>
  <si>
    <t>GPS MC NO.4 WAZIRABAD</t>
  </si>
  <si>
    <t>Railway Colony, wazirabad</t>
  </si>
  <si>
    <t>41899</t>
  </si>
  <si>
    <t>Burewali</t>
  </si>
  <si>
    <t>village burewali p/o dhonkal</t>
  </si>
  <si>
    <t>Shehnaz</t>
  </si>
  <si>
    <t>41906</t>
  </si>
  <si>
    <t>GPS WAIN WALI</t>
  </si>
  <si>
    <t>Wayan Wali</t>
  </si>
  <si>
    <t>wayan wali</t>
  </si>
  <si>
    <t>Bharoki</t>
  </si>
  <si>
    <t>GMPS KOT JAHANGIR</t>
  </si>
  <si>
    <t>Kot Jahangir</t>
  </si>
  <si>
    <t>kot jahangir</t>
  </si>
  <si>
    <t>Bhoman Bath</t>
  </si>
  <si>
    <t>Sumaira Noreen</t>
  </si>
  <si>
    <t>21036</t>
  </si>
  <si>
    <t>GPS DHARO WAL</t>
  </si>
  <si>
    <t>Dharworal</t>
  </si>
  <si>
    <t>v.p.o. Dhaworal kang</t>
  </si>
  <si>
    <t>Dhaworal</t>
  </si>
  <si>
    <t>Akhlaq Saber</t>
  </si>
  <si>
    <t>21063</t>
  </si>
  <si>
    <t>GPS HERDO JEOKE</t>
  </si>
  <si>
    <t>Herdo Jeoki</t>
  </si>
  <si>
    <t>herdo jeoki teh. wazirabad distt.gujranwala</t>
  </si>
  <si>
    <t>Jmke Chattha</t>
  </si>
  <si>
    <t>Ghulam Abbas Mirza</t>
  </si>
  <si>
    <t>GES PHALOKI CHEEMA</t>
  </si>
  <si>
    <t>Phaloke cheema</t>
  </si>
  <si>
    <t>phaloke cheema post office wadala Cheema tehsile wazirabad district gujranwala</t>
  </si>
  <si>
    <t>Saad Imran</t>
  </si>
  <si>
    <t>50042</t>
  </si>
  <si>
    <t>GGPS MAROOF ABAD</t>
  </si>
  <si>
    <t>Maroofabad</t>
  </si>
  <si>
    <t>village maroofabad p/o chak biag tehsil wazirabad distt Gujranwala's</t>
  </si>
  <si>
    <t>Marofabad</t>
  </si>
  <si>
    <t>Kot Anayat Khan</t>
  </si>
  <si>
    <t>Nazia Rehmat</t>
  </si>
  <si>
    <t>19186</t>
  </si>
  <si>
    <t>GGES LAWARI WALA</t>
  </si>
  <si>
    <t>Laweriwala</t>
  </si>
  <si>
    <t>laweriwala p/o khas tehsil wzirabad district gujranwala</t>
  </si>
  <si>
    <t>pakiza sadeeq</t>
  </si>
  <si>
    <t>43633</t>
  </si>
  <si>
    <t>GHS SAGHAR</t>
  </si>
  <si>
    <t>saghar</t>
  </si>
  <si>
    <t>VPO SAGHAR TEHSIL TALAGANG DISTRICT CHAKWAL</t>
  </si>
  <si>
    <t>43968</t>
  </si>
  <si>
    <t>GGPS TALA GANG NO 4</t>
  </si>
  <si>
    <t>got girls primary school no.4 talagang</t>
  </si>
  <si>
    <t>Talagang Sharaq</t>
  </si>
  <si>
    <t>Farhana Imtiaz</t>
  </si>
  <si>
    <t>GGES MARKHAL</t>
  </si>
  <si>
    <t>Markhal</t>
  </si>
  <si>
    <t>vpo budhial  tehsil talagang district chakwal</t>
  </si>
  <si>
    <t>Farhat Nasreen</t>
  </si>
  <si>
    <t>GHS DHOK NOWSEHRI</t>
  </si>
  <si>
    <t>dhoke noshehri, khichian,tehsil talagang, distt. chakwal</t>
  </si>
  <si>
    <t>Noshehri</t>
  </si>
  <si>
    <t>Hassan Imran</t>
  </si>
  <si>
    <t>40485</t>
  </si>
  <si>
    <t>43724</t>
  </si>
  <si>
    <t>GGES DHOK TARIAR</t>
  </si>
  <si>
    <t>Umtul Qadeer Sajida</t>
  </si>
  <si>
    <t>40493</t>
  </si>
  <si>
    <t>43702</t>
  </si>
  <si>
    <t>GGHS SHAH MUHAMMAD WALI</t>
  </si>
  <si>
    <t>Shah Muhammad Wali</t>
  </si>
  <si>
    <t>GGHS Shah Muhammad wali</t>
  </si>
  <si>
    <t>GHS CHOWKHANDI</t>
  </si>
  <si>
    <t>Chowkhandi</t>
  </si>
  <si>
    <t>chowkhandi</t>
  </si>
  <si>
    <t>asif mehmood</t>
  </si>
  <si>
    <t>43646</t>
  </si>
  <si>
    <t>GHS BILAL ABAD</t>
  </si>
  <si>
    <t>VPO BILALABAD</t>
  </si>
  <si>
    <t>GGPS DHOK GORIAN</t>
  </si>
  <si>
    <t>Dhok Gorian</t>
  </si>
  <si>
    <t>Bilqees Begum</t>
  </si>
  <si>
    <t>47406</t>
  </si>
  <si>
    <t>GGPS MUSTAFA ABAD</t>
  </si>
  <si>
    <t>Kotsatamg</t>
  </si>
  <si>
    <t>Zulekha Bibi</t>
  </si>
  <si>
    <t>43972</t>
  </si>
  <si>
    <t>GGPS DHOK CHIRAGH</t>
  </si>
  <si>
    <t>Dhoke Charagh</t>
  </si>
  <si>
    <t>government girls primary school dhoke charagh</t>
  </si>
  <si>
    <t>12042</t>
  </si>
  <si>
    <t>40516</t>
  </si>
  <si>
    <t>GPS DHOK JUGIAL</t>
  </si>
  <si>
    <t>Dhok Jugial</t>
  </si>
  <si>
    <t>Dhok Jugial VPO Budhial Tehsil Talagang District Chakwal</t>
  </si>
  <si>
    <t>Nasim Zahra</t>
  </si>
  <si>
    <t>40522</t>
  </si>
  <si>
    <t>44018</t>
  </si>
  <si>
    <t>GGPS DHOK DATIAL</t>
  </si>
  <si>
    <t>Datial</t>
  </si>
  <si>
    <t>Dhok Datial</t>
  </si>
  <si>
    <t>Andleeb Zahra</t>
  </si>
  <si>
    <t>16778</t>
  </si>
  <si>
    <t>GHS CHAK 400 GB TANDLIANWALA FSD</t>
  </si>
  <si>
    <t>chak 400gb</t>
  </si>
  <si>
    <t>chak 400gb Tehsil Tandlianwala faisalabad</t>
  </si>
  <si>
    <t>chak 400gb Musrera chak</t>
  </si>
  <si>
    <t>Azhar Walyat</t>
  </si>
  <si>
    <t>40531</t>
  </si>
  <si>
    <t>43728</t>
  </si>
  <si>
    <t>GPS PHATHAR PO TAMMAN</t>
  </si>
  <si>
    <t>Village Phathar, P.O. Budhial, Tehsil Talagang, District Chakwal</t>
  </si>
  <si>
    <t>11344</t>
  </si>
  <si>
    <t>40541</t>
  </si>
  <si>
    <t>GGHS BILALABAD</t>
  </si>
  <si>
    <t>Govt. Girls High School Bilalabad Tehsil Talagang District Chakwal</t>
  </si>
  <si>
    <t>40544</t>
  </si>
  <si>
    <t>44003</t>
  </si>
  <si>
    <t>GGPS DOBA</t>
  </si>
  <si>
    <t>Doba</t>
  </si>
  <si>
    <t>govt girls primary school dk doba</t>
  </si>
  <si>
    <t>Doba Niraghi</t>
  </si>
  <si>
    <t>Sabbiha Jahangir</t>
  </si>
  <si>
    <t>GPS DHOK QAZIAN DHULLI</t>
  </si>
  <si>
    <t>Vpo dhulli tehsil talagang district chakwal</t>
  </si>
  <si>
    <t>Dhulli Dhok Qazian</t>
  </si>
  <si>
    <t>27211</t>
  </si>
  <si>
    <t>31234</t>
  </si>
  <si>
    <t>40549</t>
  </si>
  <si>
    <t>GGES CHAK 383 JB CHOTA ALHAR</t>
  </si>
  <si>
    <t>Chota Alhar</t>
  </si>
  <si>
    <t>383jb</t>
  </si>
  <si>
    <t>Chak No 383 Jb</t>
  </si>
  <si>
    <t>Dhok M Khan</t>
  </si>
  <si>
    <t>Gps Dhok Muhammad khan Chowkhandi</t>
  </si>
  <si>
    <t>M Akhter Hussain</t>
  </si>
  <si>
    <t>GES CHAK NO.569 EB</t>
  </si>
  <si>
    <t>chak no 569/eb teh and dist vehari</t>
  </si>
  <si>
    <t>40578</t>
  </si>
  <si>
    <t>GGHS KHUIAN</t>
  </si>
  <si>
    <t>Gghskhuian</t>
  </si>
  <si>
    <t>Multankhurd</t>
  </si>
  <si>
    <t>tahira gulzar</t>
  </si>
  <si>
    <t>GPS CHAK 270 GB</t>
  </si>
  <si>
    <t>chak 270gb</t>
  </si>
  <si>
    <t>G P S chak no 270 Gb</t>
  </si>
  <si>
    <t>270 gb</t>
  </si>
  <si>
    <t>kotkhtran</t>
  </si>
  <si>
    <t>Sajjad Ajmal Khan</t>
  </si>
  <si>
    <t>19482</t>
  </si>
  <si>
    <t>GES CHAK 257 GB I</t>
  </si>
  <si>
    <t>Chak 257 GB Kot Badal Khan</t>
  </si>
  <si>
    <t>Chak 257 GB</t>
  </si>
  <si>
    <t>Chak 256 GB</t>
  </si>
  <si>
    <t>Asid Majeed</t>
  </si>
  <si>
    <t>41192</t>
  </si>
  <si>
    <t>GPS CHAK NO.97/WB</t>
  </si>
  <si>
    <t>Chak 97/WB</t>
  </si>
  <si>
    <t>chak no 97/wb vehari</t>
  </si>
  <si>
    <t>Chak No97/WB</t>
  </si>
  <si>
    <t>M. Azeem Khan</t>
  </si>
  <si>
    <t>41193</t>
  </si>
  <si>
    <t>GPS CHAK 187 GB I</t>
  </si>
  <si>
    <t>CHAK NO 187 GB 1</t>
  </si>
  <si>
    <t>CHAK No 186 GB</t>
  </si>
  <si>
    <t>M Ashraf Sajjad</t>
  </si>
  <si>
    <t>25856</t>
  </si>
  <si>
    <t>19407</t>
  </si>
  <si>
    <t>GPS CHAK 403 JB</t>
  </si>
  <si>
    <t>chak 403 jb</t>
  </si>
  <si>
    <t>chak no 403 jb</t>
  </si>
  <si>
    <t>Anwar Hussain</t>
  </si>
  <si>
    <t>41214</t>
  </si>
  <si>
    <t>GPS CHAK NO.230/EB</t>
  </si>
  <si>
    <t>230/EB</t>
  </si>
  <si>
    <t>college town vehari</t>
  </si>
  <si>
    <t>34/WB</t>
  </si>
  <si>
    <t>Muhammad Shah Haroof</t>
  </si>
  <si>
    <t>36492</t>
  </si>
  <si>
    <t>GPS CHAK NO. 155/ WB  MORE RAB RAKHA</t>
  </si>
  <si>
    <t>More Rab Rakha</t>
  </si>
  <si>
    <t>155.W.B More Rab Rakha vehari</t>
  </si>
  <si>
    <t>155WB</t>
  </si>
  <si>
    <t>Muhammad Yaqub Zahid</t>
  </si>
  <si>
    <t>GHS CHAK 256 GB</t>
  </si>
  <si>
    <t>Chak No. 256 G.B., Tehsil &amp; District Toba Tek Singh</t>
  </si>
  <si>
    <t>41244</t>
  </si>
  <si>
    <t>16789</t>
  </si>
  <si>
    <t>GHS CHAK 53/2 GB TANDLIANWALA</t>
  </si>
  <si>
    <t>CHAK NO. 53/2 TUKRA P/O DARBAR PIR SALAH DIN</t>
  </si>
  <si>
    <t>CHAK 53/2 TUKRA</t>
  </si>
  <si>
    <t>CHAK NO. 53/3 TUKRA DARBAR PIR SALAH DIN</t>
  </si>
  <si>
    <t>41245</t>
  </si>
  <si>
    <t>19475</t>
  </si>
  <si>
    <t>GPS CHAK 286 GB I</t>
  </si>
  <si>
    <t>286 GB I</t>
  </si>
  <si>
    <t>challenge no 286 GB i</t>
  </si>
  <si>
    <t>Chak Number 285 Gb</t>
  </si>
  <si>
    <t>Musrrat Ahmad</t>
  </si>
  <si>
    <t>30024</t>
  </si>
  <si>
    <t>GMPS CHAK 401 JB II</t>
  </si>
  <si>
    <t>401 Jb II</t>
  </si>
  <si>
    <t>401 jb II</t>
  </si>
  <si>
    <t>401JB II</t>
  </si>
  <si>
    <t>71168</t>
  </si>
  <si>
    <t>GGES CHAK 325 JB</t>
  </si>
  <si>
    <t>Chak No 325 JB</t>
  </si>
  <si>
    <t>chak no 325 JB, Tehsil &amp; Distt. T.T.SINGH</t>
  </si>
  <si>
    <t>Chak No 324 JB</t>
  </si>
  <si>
    <t>RAHANA KOUSAR</t>
  </si>
  <si>
    <t>GHS 557 EB MACHIAN WALA</t>
  </si>
  <si>
    <t>CHAK NO 557/EB MACHIANWALA VEHARI</t>
  </si>
  <si>
    <t>557/EB Vehari</t>
  </si>
  <si>
    <t>MUHAMMAD ISHTIAQ UL HAQ</t>
  </si>
  <si>
    <t>16475</t>
  </si>
  <si>
    <t>GPS CHAK 391 GB TANDLIANWALA</t>
  </si>
  <si>
    <t>Chak no 391 G B</t>
  </si>
  <si>
    <t>chak no 391 g b tandlianwala</t>
  </si>
  <si>
    <t>Chak no 416  G B</t>
  </si>
  <si>
    <t>Qamar Zaman Zia</t>
  </si>
  <si>
    <t>GPS CHAK NO.577 EB</t>
  </si>
  <si>
    <t>577/EB</t>
  </si>
  <si>
    <t>Govt Boys Primary School Chak no 577/EB Vehari</t>
  </si>
  <si>
    <t>Shahbaz Khaliel</t>
  </si>
  <si>
    <t>GGPS CHAK 498 GB MAMUNKANJAN</t>
  </si>
  <si>
    <t>Chak 498gb</t>
  </si>
  <si>
    <t>Chak no 498 gb</t>
  </si>
  <si>
    <t>Chak No 498gb</t>
  </si>
  <si>
    <t>Shamim Akram</t>
  </si>
  <si>
    <t>19285</t>
  </si>
  <si>
    <t>GES CHAK 386 JB</t>
  </si>
  <si>
    <t>Chak 386 JB</t>
  </si>
  <si>
    <t>Ges 386 Jb T.T.SINGH</t>
  </si>
  <si>
    <t>386 JB</t>
  </si>
  <si>
    <t>383 JB</t>
  </si>
  <si>
    <t>M Sajjad Sattar</t>
  </si>
  <si>
    <t>19302</t>
  </si>
  <si>
    <t>GES CHAK 261 GB</t>
  </si>
  <si>
    <t>Chak No. 261 GB.</t>
  </si>
  <si>
    <t>Chak No 261 GB</t>
  </si>
  <si>
    <t>Chak No 184 GB</t>
  </si>
  <si>
    <t>M Rehman zaheer</t>
  </si>
  <si>
    <t>GPS CHAK NO.9/WB</t>
  </si>
  <si>
    <t>Chak No 9/WB Vehari</t>
  </si>
  <si>
    <t>Chak No 9/wb</t>
  </si>
  <si>
    <t>75/WB</t>
  </si>
  <si>
    <t>14469</t>
  </si>
  <si>
    <t>21035</t>
  </si>
  <si>
    <t>GPS KOLO</t>
  </si>
  <si>
    <t>kolo</t>
  </si>
  <si>
    <t>GPS KALAIR</t>
  </si>
  <si>
    <t>P.O.Jatti Shah Rehman, Kalair .</t>
  </si>
  <si>
    <t>Husnain Anjum</t>
  </si>
  <si>
    <t>9882</t>
  </si>
  <si>
    <t>41933</t>
  </si>
  <si>
    <t>GMPS PUNG GHARIAN</t>
  </si>
  <si>
    <t>GHAKKAR 3 - FEMALE</t>
  </si>
  <si>
    <t>Pung Gharian</t>
  </si>
  <si>
    <t>21065</t>
  </si>
  <si>
    <t>GPS SAR WALA</t>
  </si>
  <si>
    <t>41937</t>
  </si>
  <si>
    <t>GPS NATT</t>
  </si>
  <si>
    <t>Natt</t>
  </si>
  <si>
    <t>Village Natt tensile wazirabad</t>
  </si>
  <si>
    <t>Bohma Bath</t>
  </si>
  <si>
    <t>Nabi Ahmad</t>
  </si>
  <si>
    <t>GMPS CHAK PATHAN</t>
  </si>
  <si>
    <t>Chak Pathan</t>
  </si>
  <si>
    <t>vill chak Pathan p o Adil Garh Thesil Wazirabad District Gujranwala</t>
  </si>
  <si>
    <t>Bharokay Cheema</t>
  </si>
  <si>
    <t>Sobia Rasheed</t>
  </si>
  <si>
    <t>41943</t>
  </si>
  <si>
    <t>GGHS SALOKE CHATHA</t>
  </si>
  <si>
    <t>Sallhoki Chatha</t>
  </si>
  <si>
    <t>sallhoki chatha tehsil wazirabad distt Gujranwala</t>
  </si>
  <si>
    <t>Kashifa Noreen</t>
  </si>
  <si>
    <t>GGPS CHAWATIAN CHATHA</t>
  </si>
  <si>
    <t>Chawatian Chatha</t>
  </si>
  <si>
    <t>chawatian chatha p/o qadrabad colony teh wazirabad distt gujranwala</t>
  </si>
  <si>
    <t>Sayed Nager</t>
  </si>
  <si>
    <t>Shabana Touheed</t>
  </si>
  <si>
    <t>21305</t>
  </si>
  <si>
    <t>GPS KHAJOOR WALI</t>
  </si>
  <si>
    <t>Khajoor Wali</t>
  </si>
  <si>
    <t>Gps khajoor wali, markaz ali pur chatha, tehsil wazirabad.</t>
  </si>
  <si>
    <t>41953</t>
  </si>
  <si>
    <t>GES LANGIAN WALI</t>
  </si>
  <si>
    <t>langianwali teh wazirabad</t>
  </si>
  <si>
    <t>Mazhar Hussain Cheema</t>
  </si>
  <si>
    <t>41954</t>
  </si>
  <si>
    <t>GPS ABUL FATEH WALI</t>
  </si>
  <si>
    <t>Abu Al Fateh Wali</t>
  </si>
  <si>
    <t>Abu Al Fateh wali</t>
  </si>
  <si>
    <t>Tariq Mehmood Cheema</t>
  </si>
  <si>
    <t>41957</t>
  </si>
  <si>
    <t>GPS SALL</t>
  </si>
  <si>
    <t>sall</t>
  </si>
  <si>
    <t>41958</t>
  </si>
  <si>
    <t>21144</t>
  </si>
  <si>
    <t>GGES FATEH GARH</t>
  </si>
  <si>
    <t>GGES Fateh Garh</t>
  </si>
  <si>
    <t>Fateh Ghar</t>
  </si>
  <si>
    <t>Muhammad Kamal cheema</t>
  </si>
  <si>
    <t>GPS KOT JAFFAR</t>
  </si>
  <si>
    <t>village Kot jafar tehsil wazirabad Gujranwala</t>
  </si>
  <si>
    <t>GPS HASSAN WALI</t>
  </si>
  <si>
    <t>Hassan Wali</t>
  </si>
  <si>
    <t>VPO HASSANWALI</t>
  </si>
  <si>
    <t>Ladhywala Cheema</t>
  </si>
  <si>
    <t>36066</t>
  </si>
  <si>
    <t>GPS DERA JAMON KASHMIR JHAM WALA</t>
  </si>
  <si>
    <t>Dera Jammun Jhamwala</t>
  </si>
  <si>
    <t>G.P.S dera jammun jhamwa</t>
  </si>
  <si>
    <t>Aamir Ihsan</t>
  </si>
  <si>
    <t>GHS BAHROKE CHEEMA</t>
  </si>
  <si>
    <t>Bharoke cheema</t>
  </si>
  <si>
    <t>Basit Ali</t>
  </si>
  <si>
    <t>41971</t>
  </si>
  <si>
    <t>21225</t>
  </si>
  <si>
    <t>GGPS SYEDAY WALI KHURD</t>
  </si>
  <si>
    <t>Saidewali Khurd</t>
  </si>
  <si>
    <t>saidewali khurd tehsil wazirabad district gujranwala</t>
  </si>
  <si>
    <t>GPS KOT NAWAN</t>
  </si>
  <si>
    <t>kot nawan</t>
  </si>
  <si>
    <t>Vinjovali</t>
  </si>
  <si>
    <t>Mubbasher Ali</t>
  </si>
  <si>
    <t>GMPS KOT NOORA</t>
  </si>
  <si>
    <t>kot Noora</t>
  </si>
  <si>
    <t>Kot Noora</t>
  </si>
  <si>
    <t>41982</t>
  </si>
  <si>
    <t>GMPS PANDOKE KALAN</t>
  </si>
  <si>
    <t>pandoke kalan</t>
  </si>
  <si>
    <t>Pandoke Kalan</t>
  </si>
  <si>
    <t>Safeena Noreen</t>
  </si>
  <si>
    <t>GPS FARM CHAKAN WALI</t>
  </si>
  <si>
    <t>Chakkan Wali</t>
  </si>
  <si>
    <t>chakkan Wali Teh wazerabad distt GWR</t>
  </si>
  <si>
    <t>Farm Chakkan Wali</t>
  </si>
  <si>
    <t>Syed Ghulaam Shabbir</t>
  </si>
  <si>
    <t>41989</t>
  </si>
  <si>
    <t>GPS MERYAM ABAD</t>
  </si>
  <si>
    <t>Meryamabad</t>
  </si>
  <si>
    <t>Meryamabad.Tehsil wazirabad.District Gujranwala</t>
  </si>
  <si>
    <t>Muhammad Atif</t>
  </si>
  <si>
    <t>GPS GAKHAR NO.6</t>
  </si>
  <si>
    <t>gakhar</t>
  </si>
  <si>
    <t>g.t road gakhar</t>
  </si>
  <si>
    <t>gakhar mandi</t>
  </si>
  <si>
    <t>GGPS MC NO.1 WAZIRABAD</t>
  </si>
  <si>
    <t>GGPS MC NO 1 in front of musaman burj lalazaar colony Wazirabad</t>
  </si>
  <si>
    <t>Farah Shamim</t>
  </si>
  <si>
    <t>GPS JAURA SHELLER</t>
  </si>
  <si>
    <t>Jaura Sheller</t>
  </si>
  <si>
    <t>GPS jaura sheller</t>
  </si>
  <si>
    <t>Syed Mazhar Qayyum</t>
  </si>
  <si>
    <t>20993</t>
  </si>
  <si>
    <t>GPS ALO SHODAVE</t>
  </si>
  <si>
    <t>Aloshadave</t>
  </si>
  <si>
    <t>aloshadave</t>
  </si>
  <si>
    <t>41998</t>
  </si>
  <si>
    <t>21027</t>
  </si>
  <si>
    <t>GPS WAZIR KE CHATTA</t>
  </si>
  <si>
    <t>Wazir Ke Chatha</t>
  </si>
  <si>
    <t>wazir ke chatha tehsil wazirbad dist grw</t>
  </si>
  <si>
    <t>Hardo Saharn</t>
  </si>
  <si>
    <t>GGES CHOURA</t>
  </si>
  <si>
    <t>choura tehseel wazirabad dis gujranwala</t>
  </si>
  <si>
    <t>Mehwish Aundleeb</t>
  </si>
  <si>
    <t>12402</t>
  </si>
  <si>
    <t>GMPS TAHLI WALA</t>
  </si>
  <si>
    <t>village 
tahliwala wazirabad Distt Gujranwla</t>
  </si>
  <si>
    <t>42006</t>
  </si>
  <si>
    <t>21277</t>
  </si>
  <si>
    <t>GMPS LUND PUR</t>
  </si>
  <si>
    <t>Lund Pur</t>
  </si>
  <si>
    <t>lund  Pur tehsil wazirabad district gujranwala</t>
  </si>
  <si>
    <t>GGPS MARYAM ABAD</t>
  </si>
  <si>
    <t>Maryamabad</t>
  </si>
  <si>
    <t>maryamabad distt grw tehsil wazirabad</t>
  </si>
  <si>
    <t>GMPS HERCHOKE</t>
  </si>
  <si>
    <t>Hrchoki</t>
  </si>
  <si>
    <t>herchoki po madnachak teh.wazirabad distt.gujranwala.</t>
  </si>
  <si>
    <t>Harchoki</t>
  </si>
  <si>
    <t>Noewala</t>
  </si>
  <si>
    <t>GMPS MAIRAJKAY CHATHA</t>
  </si>
  <si>
    <t>Mairaj K Chathha</t>
  </si>
  <si>
    <t>village mairaj k chathha,p/o Rasool nagar,tehsil wazirabad,district gujranwala</t>
  </si>
  <si>
    <t>Hazrat Kailyanwala</t>
  </si>
  <si>
    <t>Talwara, sohdra, Tehsil wazirabad,</t>
  </si>
  <si>
    <t>02 Sohdra</t>
  </si>
  <si>
    <t>GMPS RAKH BHAROKE</t>
  </si>
  <si>
    <t>Rakh Bharoki</t>
  </si>
  <si>
    <t>bharoki cheema tehsil wazirabad dist gujranwala</t>
  </si>
  <si>
    <t>Bharoki Cheema</t>
  </si>
  <si>
    <t>GMPS CHAK ALI SHER</t>
  </si>
  <si>
    <t>Chak Ali Sher</t>
  </si>
  <si>
    <t>vill chak ali sher ,teh wazirabad,distt gujranwala</t>
  </si>
  <si>
    <t>Raheela Tabasum</t>
  </si>
  <si>
    <t>GMPS NAI ABADI MANCHAR CHATHA</t>
  </si>
  <si>
    <t>Man char Chatha</t>
  </si>
  <si>
    <t>GMPS nai abaadi manchar chatha</t>
  </si>
  <si>
    <t>Kalayanwala</t>
  </si>
  <si>
    <t>42104</t>
  </si>
  <si>
    <t>GHS NIZAM ABAD</t>
  </si>
  <si>
    <t>Ghs nizamabad g.t.road wazrabad</t>
  </si>
  <si>
    <t>GPS RASOOL NAGAR</t>
  </si>
  <si>
    <t>GPS Rasool Nagar Teh.Wazir abad</t>
  </si>
  <si>
    <t>21267</t>
  </si>
  <si>
    <t>GMPS SHER PUR</t>
  </si>
  <si>
    <t>Village sherpur P/O Alipur chattha tehsil wazirabad</t>
  </si>
  <si>
    <t>Pindori klan</t>
  </si>
  <si>
    <t>Fizat Unssa</t>
  </si>
  <si>
    <t>GPS AJAN CHAK</t>
  </si>
  <si>
    <t>AJAN CHAK</t>
  </si>
  <si>
    <t>NOIN WALA</t>
  </si>
  <si>
    <t>43088</t>
  </si>
  <si>
    <t>GGPS PHALOKE CHEEMA</t>
  </si>
  <si>
    <t>Phalokey</t>
  </si>
  <si>
    <t>phalokey</t>
  </si>
  <si>
    <t>Bhattikey</t>
  </si>
  <si>
    <t>Taqeeya Ijaz</t>
  </si>
  <si>
    <t>GGHS WAZIR KAY CHATHA</t>
  </si>
  <si>
    <t>Wazirkay Chatha</t>
  </si>
  <si>
    <t>wazirkay chatha. teh wazirabad distt gujranwala</t>
  </si>
  <si>
    <t>Saharan Chatha</t>
  </si>
  <si>
    <t>Saima Nawishta</t>
  </si>
  <si>
    <t>GPS HARRIAN WALA KALAN</t>
  </si>
  <si>
    <t>Hairanwala Kalan</t>
  </si>
  <si>
    <t>village PO Hairanwala Kalan</t>
  </si>
  <si>
    <t>GGPS BAGRIAN NOW</t>
  </si>
  <si>
    <t>Bagrian Now</t>
  </si>
  <si>
    <t>Teh wazirabad dist gujranwala post office khas.bagrian new</t>
  </si>
  <si>
    <t>Natkalan</t>
  </si>
  <si>
    <t>WAJIDA</t>
  </si>
  <si>
    <t>GPS RATTI</t>
  </si>
  <si>
    <t>ratti p/o thath.teh wazirabad dist gujranwala</t>
  </si>
  <si>
    <t>Tallat Talib</t>
  </si>
  <si>
    <t>GGPS GHAZI KOLI</t>
  </si>
  <si>
    <t>GHAZI KOHLI</t>
  </si>
  <si>
    <t>43649</t>
  </si>
  <si>
    <t>GHS AKWAL TALAGANG MIANWALI ROAD</t>
  </si>
  <si>
    <t>VILLAGE AND POST OFFICE AKWAL</t>
  </si>
  <si>
    <t>GPS DHOK KHUNDA</t>
  </si>
  <si>
    <t>Dhok Khunda</t>
  </si>
  <si>
    <t>Dhok khunda post office Malikwal  Talagang</t>
  </si>
  <si>
    <t>43988</t>
  </si>
  <si>
    <t>GGPS DHOK MARRIAN</t>
  </si>
  <si>
    <t>Dhoke Marrian</t>
  </si>
  <si>
    <t>Tahira Rehman</t>
  </si>
  <si>
    <t>GPS JALALA</t>
  </si>
  <si>
    <t>village jalala tehsil taxila district rawalpindi</t>
  </si>
  <si>
    <t>Muhammad Mudassir Saeed</t>
  </si>
  <si>
    <t>40368</t>
  </si>
  <si>
    <t>GGPS DHOK SHER KHAN</t>
  </si>
  <si>
    <t>Saadia</t>
  </si>
  <si>
    <t>GES AHMAD NAGAR</t>
  </si>
  <si>
    <t>MUNEER BAD</t>
  </si>
  <si>
    <t>GBES AHMED NAHAR(muneer abad) WAH CANTT</t>
  </si>
  <si>
    <t>MUNEER ABAD</t>
  </si>
  <si>
    <t>WAH CANTT</t>
  </si>
  <si>
    <t>Zaheer Akhter</t>
  </si>
  <si>
    <t>43695</t>
  </si>
  <si>
    <t>GES KOTEHRA</t>
  </si>
  <si>
    <t>vpo kotehra(chinji) Talagang Chakwal</t>
  </si>
  <si>
    <t>GPS DHOK SHER KHAN (JANWAL)</t>
  </si>
  <si>
    <t>Dhok sher khan(janwal)</t>
  </si>
  <si>
    <t>Dhok Sher Khan Janwal</t>
  </si>
  <si>
    <t>Summya Ijaz</t>
  </si>
  <si>
    <t>42133</t>
  </si>
  <si>
    <t>GPS SAMON</t>
  </si>
  <si>
    <t>Samoo</t>
  </si>
  <si>
    <t>vill samoo post office ghadhi afghana teh.taxila distt.rawalpindi</t>
  </si>
  <si>
    <t>Ghadhi Afghana</t>
  </si>
  <si>
    <t>Faisal Rehman</t>
  </si>
  <si>
    <t>GPS NIKOO</t>
  </si>
  <si>
    <t>Nikoo</t>
  </si>
  <si>
    <t>village Nikoo Tehsil Taxila</t>
  </si>
  <si>
    <t>Lab Thatho</t>
  </si>
  <si>
    <t>Faisal Shehzad</t>
  </si>
  <si>
    <t>GGPS BAN BHOLA</t>
  </si>
  <si>
    <t>Ban Bhola</t>
  </si>
  <si>
    <t>ban bhola taxila</t>
  </si>
  <si>
    <t>Mehnaz Tariq Shah</t>
  </si>
  <si>
    <t>46642</t>
  </si>
  <si>
    <t>GGPS DHOK KHAN</t>
  </si>
  <si>
    <t>village dhok khan po saghar tehsil talagang district chakwal</t>
  </si>
  <si>
    <t>GGHS NO. 6 TALAGANG</t>
  </si>
  <si>
    <t>near thana city Talagang tehsil Talagang dist chakwal</t>
  </si>
  <si>
    <t>Muncipal Comimty</t>
  </si>
  <si>
    <t>BATOOL KUBRA</t>
  </si>
  <si>
    <t>42082</t>
  </si>
  <si>
    <t>GPS SUKHOO</t>
  </si>
  <si>
    <t>Wah</t>
  </si>
  <si>
    <t>sukhoo</t>
  </si>
  <si>
    <t>Sukhoo</t>
  </si>
  <si>
    <t>19649</t>
  </si>
  <si>
    <t>44014</t>
  </si>
  <si>
    <t>GGPS DHOK BALI DAKHLI</t>
  </si>
  <si>
    <t>Toha Mehram  Khan</t>
  </si>
  <si>
    <t>dhok bali vpo toha mehram khan tehsil talagang dist chakwal</t>
  </si>
  <si>
    <t>Dhok Bali</t>
  </si>
  <si>
    <t>SADIA MUSSARAT</t>
  </si>
  <si>
    <t>GGPS NAKA REHAN</t>
  </si>
  <si>
    <t>Nakka Rehan</t>
  </si>
  <si>
    <t>Nakka Rehan Talagang</t>
  </si>
  <si>
    <t>42113</t>
  </si>
  <si>
    <t>GGPS MALPUR</t>
  </si>
  <si>
    <t>dak khana ghari afghana malpur</t>
  </si>
  <si>
    <t>Malpur</t>
  </si>
  <si>
    <t>Sehrish Suleman</t>
  </si>
  <si>
    <t>40434</t>
  </si>
  <si>
    <t>43726</t>
  </si>
  <si>
    <t>GGHS MOGLA</t>
  </si>
  <si>
    <t>vpo Mogla talagang</t>
  </si>
  <si>
    <t>Razia begum</t>
  </si>
  <si>
    <t>GGPS DHOK JANWAL</t>
  </si>
  <si>
    <t>GGPS Janwal vpo sangwala</t>
  </si>
  <si>
    <t>Sangwala</t>
  </si>
  <si>
    <t>Iram Yasmin</t>
  </si>
  <si>
    <t>GGPS BASTI HAKIM ALI LAKWERA</t>
  </si>
  <si>
    <t>Hakim Ali  Lakhwera</t>
  </si>
  <si>
    <t>GGP/S HAKIM ALI LAKHWERA</t>
  </si>
  <si>
    <t>Hakim Ali Lakhwera</t>
  </si>
  <si>
    <t>GHS CHAK 391 JB</t>
  </si>
  <si>
    <t>CHAK No 391/JB</t>
  </si>
  <si>
    <t>GHS 391/JB, CHAK No 391/JB, TOBA TEK SINGH.</t>
  </si>
  <si>
    <t>MUHAMMAD JAVAID ISLAM</t>
  </si>
  <si>
    <t>GGPS AHMED ABAD NEW</t>
  </si>
  <si>
    <t>GGP/S Ahmad Abad New</t>
  </si>
  <si>
    <t>GHS CHAK 507 GB TANDLIANWALA</t>
  </si>
  <si>
    <t>Ratan Garh</t>
  </si>
  <si>
    <t>11810</t>
  </si>
  <si>
    <t>GPS CHAK 323 JB QAYAM PUR</t>
  </si>
  <si>
    <t>Chak no 323 Jb</t>
  </si>
  <si>
    <t>Chak no 323 jb qyam pur</t>
  </si>
  <si>
    <t>Qyam Pur</t>
  </si>
  <si>
    <t>19436</t>
  </si>
  <si>
    <t>GES CHAK 299 GB</t>
  </si>
  <si>
    <t>Chak No.299 G.B. TobaTek Singh</t>
  </si>
  <si>
    <t>299 GB</t>
  </si>
  <si>
    <t>GGHS 198/EB</t>
  </si>
  <si>
    <t>198eb</t>
  </si>
  <si>
    <t>FAIZA MUSHTAQ</t>
  </si>
  <si>
    <t>41082</t>
  </si>
  <si>
    <t>19515</t>
  </si>
  <si>
    <t>GGES CHAK 317 GB</t>
  </si>
  <si>
    <t>317GB</t>
  </si>
  <si>
    <t>chak 317GB</t>
  </si>
  <si>
    <t>Asma Latif</t>
  </si>
  <si>
    <t>19378</t>
  </si>
  <si>
    <t>GPS CHAK 311 GB</t>
  </si>
  <si>
    <t>311gb</t>
  </si>
  <si>
    <t>chak no 311gb tts</t>
  </si>
  <si>
    <t>Chak No 311gb</t>
  </si>
  <si>
    <t>316gb</t>
  </si>
  <si>
    <t>Khalid Naeem</t>
  </si>
  <si>
    <t>22668</t>
  </si>
  <si>
    <t>49265</t>
  </si>
  <si>
    <t>19225</t>
  </si>
  <si>
    <t>GHS CHAK 301 GB</t>
  </si>
  <si>
    <t>CHAK NO 301 G.B</t>
  </si>
  <si>
    <t>CHAK NO 301 G.B TOBA TEK SINGH</t>
  </si>
  <si>
    <t>MUNIR AHMAD NAEEM</t>
  </si>
  <si>
    <t>36495</t>
  </si>
  <si>
    <t>GPS CHAH DINGI WALA</t>
  </si>
  <si>
    <t>chah  DingiWala</t>
  </si>
  <si>
    <t>Chah DingiWala</t>
  </si>
  <si>
    <t>36490</t>
  </si>
  <si>
    <t>GPS CHAK NO. 99/WB</t>
  </si>
  <si>
    <t>99 Wb</t>
  </si>
  <si>
    <t>99 wb</t>
  </si>
  <si>
    <t>95 Wb</t>
  </si>
  <si>
    <t>GHS CHAK 343 GB</t>
  </si>
  <si>
    <t>CHAK NO 343 GB</t>
  </si>
  <si>
    <t>CHAK NO 343 GB, TEHSIL &amp; DISTRICT TOBA TEK SINGH.</t>
  </si>
  <si>
    <t>CHAK NO 342 GB.</t>
  </si>
  <si>
    <t>GPS CHAK NO.93/WB</t>
  </si>
  <si>
    <t>93wb</t>
  </si>
  <si>
    <t>chak 93\wb</t>
  </si>
  <si>
    <t>GES CHAK 405 JB</t>
  </si>
  <si>
    <t>chak no 405jb tehsil and district toba tek simngh</t>
  </si>
  <si>
    <t>405 Jb</t>
  </si>
  <si>
    <t>Chak 314 GB</t>
  </si>
  <si>
    <t>9814</t>
  </si>
  <si>
    <t>GES CHAK NO.212 EB</t>
  </si>
  <si>
    <t>CHAK NO 212/EB</t>
  </si>
  <si>
    <t>CHAK NO 212/EB VEHARI</t>
  </si>
  <si>
    <t>212/EB</t>
  </si>
  <si>
    <t>FATEH SHER</t>
  </si>
  <si>
    <t>GES CHAK 347 GB</t>
  </si>
  <si>
    <t>Chak No 347 Gb</t>
  </si>
  <si>
    <t>Chak No.347 GB</t>
  </si>
  <si>
    <t>Chak No 342 Gb</t>
  </si>
  <si>
    <t>Muhammad Shabbir Tahir</t>
  </si>
  <si>
    <t>GHS KILLIAN WALA TANDLIANWALA FSD</t>
  </si>
  <si>
    <t>KILLIANWALA</t>
  </si>
  <si>
    <t>MOZA KILLIANWALA,TANDLIANWALA,FAISALABAD</t>
  </si>
  <si>
    <t>19525</t>
  </si>
  <si>
    <t>GGES CHAK NO. 344 GB</t>
  </si>
  <si>
    <t>Chak 344gb</t>
  </si>
  <si>
    <t>GGES344 gb</t>
  </si>
  <si>
    <t>344gb</t>
  </si>
  <si>
    <t>Naila Andleeb</t>
  </si>
  <si>
    <t>7089</t>
  </si>
  <si>
    <t>GPS CHAK NO.60/WB</t>
  </si>
  <si>
    <t>60/b</t>
  </si>
  <si>
    <t>Chak No60/w.w Vehari</t>
  </si>
  <si>
    <t>60/wb</t>
  </si>
  <si>
    <t>41165</t>
  </si>
  <si>
    <t>GPS CHAK 317 GB</t>
  </si>
  <si>
    <t>chak 317 gb</t>
  </si>
  <si>
    <t>chak no 317 gb</t>
  </si>
  <si>
    <t>chak 316 gb</t>
  </si>
  <si>
    <t>41168</t>
  </si>
  <si>
    <t>36289</t>
  </si>
  <si>
    <t>GPS CHAK BHANOO</t>
  </si>
  <si>
    <t>GPS Chak  bhanoo markaz satluj tehsil vehari</t>
  </si>
  <si>
    <t>GMPS OLAKH</t>
  </si>
  <si>
    <t>OLAKH p/o Naiwala chatta teh.Wazirabad distt.Grjranwala</t>
  </si>
  <si>
    <t>Ume Samia</t>
  </si>
  <si>
    <t>GPS KOT FAZLA</t>
  </si>
  <si>
    <t>kot fazla p/o saharan chattha teh. wazirabad distt.gujranwala</t>
  </si>
  <si>
    <t>Noinwala Chattha</t>
  </si>
  <si>
    <t>Sana Ullah Gondal</t>
  </si>
  <si>
    <t>GES AJITKE CHATHA</t>
  </si>
  <si>
    <t>Ajitke Chattha</t>
  </si>
  <si>
    <t>Ajitke chattha</t>
  </si>
  <si>
    <t>Shafi uallah</t>
  </si>
  <si>
    <t>28703</t>
  </si>
  <si>
    <t>GES KOT JAN BUX</t>
  </si>
  <si>
    <t>Kot Jan Bakhush</t>
  </si>
  <si>
    <t>kot jan bux teh wazirabad district gujranwala</t>
  </si>
  <si>
    <t>Muhammad Asif Zubair</t>
  </si>
  <si>
    <t>43620</t>
  </si>
  <si>
    <t>36825</t>
  </si>
  <si>
    <t>GGES PIR KOT</t>
  </si>
  <si>
    <t>peer kot post office gakkhar Tehsil wazirabad district Gujranawala</t>
  </si>
  <si>
    <t>Tahira Yasmen</t>
  </si>
  <si>
    <t>kalair.Teh.wzd ,distt.Grw</t>
  </si>
  <si>
    <t>Ghazala Arshed</t>
  </si>
  <si>
    <t>GPS CHANGAN WALI</t>
  </si>
  <si>
    <t>CHANGANWALI</t>
  </si>
  <si>
    <t>GPS CHANGANWALI</t>
  </si>
  <si>
    <t>Sohail Asif</t>
  </si>
  <si>
    <t>GPS VERPAL</t>
  </si>
  <si>
    <t>verpal kalan</t>
  </si>
  <si>
    <t>GPS verpal kalan teh wazirabad disst gujranwala</t>
  </si>
  <si>
    <t>verepal kalan</t>
  </si>
  <si>
    <t>hardo verpal</t>
  </si>
  <si>
    <t>nazim hussain</t>
  </si>
  <si>
    <t>20934</t>
  </si>
  <si>
    <t>GGES WAIAN WALI</t>
  </si>
  <si>
    <t>Waian Wali</t>
  </si>
  <si>
    <t>waianwali tehsil wazirabad distt gujranwala</t>
  </si>
  <si>
    <t>Waianwali</t>
  </si>
  <si>
    <t>Bharo K</t>
  </si>
  <si>
    <t>Sadia Qamar</t>
  </si>
  <si>
    <t>GPS KOT BUNGISH</t>
  </si>
  <si>
    <t>Kot Bangish</t>
  </si>
  <si>
    <t>kot Bangish p/ o kalaske teh:wazirabad distt:grw</t>
  </si>
  <si>
    <t>M Anwer</t>
  </si>
  <si>
    <t>41793</t>
  </si>
  <si>
    <t>20946</t>
  </si>
  <si>
    <t>GGES GHAYYA WALA</t>
  </si>
  <si>
    <t>Govt Girls Elementary School Ghayawala</t>
  </si>
  <si>
    <t>Ladhywala</t>
  </si>
  <si>
    <t>Tanzila Sakhawat</t>
  </si>
  <si>
    <t>41802</t>
  </si>
  <si>
    <t>GES GHAKKA MITTER</t>
  </si>
  <si>
    <t>GMPS NOIN WALA</t>
  </si>
  <si>
    <t>Noin wala Chatha</t>
  </si>
  <si>
    <t>noinwala Chatha,  post office alipur chatha tensile wazirabad distance gujranwala</t>
  </si>
  <si>
    <t>Noinwala Chatha</t>
  </si>
  <si>
    <t>41795</t>
  </si>
  <si>
    <t>GPS BEGA KHURD</t>
  </si>
  <si>
    <t>Bega Khurd</t>
  </si>
  <si>
    <t>Bega Khurd  tehsil wazirabad</t>
  </si>
  <si>
    <t>Laday wala</t>
  </si>
  <si>
    <t>Ashfaq Ahmad Cheema</t>
  </si>
  <si>
    <t>GPS AMIN PUR KHURD</t>
  </si>
  <si>
    <t>Amiin Pur Khurd</t>
  </si>
  <si>
    <t>village po box amin pur khurd</t>
  </si>
  <si>
    <t>Amin Pur Khurd</t>
  </si>
  <si>
    <t>Contonment Borad Gujranwala</t>
  </si>
  <si>
    <t>Qaisar Javed</t>
  </si>
  <si>
    <t>21308</t>
  </si>
  <si>
    <t>GPS HUSSAIN PUR</t>
  </si>
  <si>
    <t>Hussain pur</t>
  </si>
  <si>
    <t>Muhammad Zaryab Zafar</t>
  </si>
  <si>
    <t>16941</t>
  </si>
  <si>
    <t>GMPS KOT PAROIA</t>
  </si>
  <si>
    <t>Kot Proya</t>
  </si>
  <si>
    <t>kot proya teh wazirabad distt grw</t>
  </si>
  <si>
    <t>Sabiha Khanum</t>
  </si>
  <si>
    <t>41803</t>
  </si>
  <si>
    <t>main bazar qudratabad wazirabad</t>
  </si>
  <si>
    <t>M Imran Malik</t>
  </si>
  <si>
    <t>41812</t>
  </si>
  <si>
    <t>GGPS KOT WARIS</t>
  </si>
  <si>
    <t>kotwaris po khas tehsil wazirabad,district gujranwala.</t>
  </si>
  <si>
    <t>Amen</t>
  </si>
  <si>
    <t>GGPS CHAK SANATTA</t>
  </si>
  <si>
    <t>Chak Sanatta</t>
  </si>
  <si>
    <t>Ggps chak sanatta p/o Ghakhar District Gujranwala Tehsil Wazirabad</t>
  </si>
  <si>
    <t>Sadia Ayub</t>
  </si>
  <si>
    <t>GGPS DHAB CHEEMA</t>
  </si>
  <si>
    <t>Dhab Cheema</t>
  </si>
  <si>
    <t>dhab cheema</t>
  </si>
  <si>
    <t>Shaheen Anjum</t>
  </si>
  <si>
    <t>GGPS DOULAT ABAD</t>
  </si>
  <si>
    <t>Doultabad</t>
  </si>
  <si>
    <t>doultabad</t>
  </si>
  <si>
    <t>isma</t>
  </si>
  <si>
    <t>GMPS RAJAB CHAK</t>
  </si>
  <si>
    <t>WAZIRABAD CITY 5 - FEMALE</t>
  </si>
  <si>
    <t>Rajab Chak</t>
  </si>
  <si>
    <t>village rajab chak,teh.wzd,dist.gujranwala</t>
  </si>
  <si>
    <t>Maria Seemab</t>
  </si>
  <si>
    <t>21136</t>
  </si>
  <si>
    <t>20922</t>
  </si>
  <si>
    <t>GES BANKA CHEEMA</t>
  </si>
  <si>
    <t>Vill. Banka Cheema Teh. Wazirabad Gujranwala</t>
  </si>
  <si>
    <t>Hafiz Khalid Mehmood</t>
  </si>
  <si>
    <t>41822</t>
  </si>
  <si>
    <t>GGPS VERPAL KHURD</t>
  </si>
  <si>
    <t>Govt girls primary school verpal khurd</t>
  </si>
  <si>
    <t>Her Do Verpal Chattha</t>
  </si>
  <si>
    <t>Her Do Verpal</t>
  </si>
  <si>
    <t>Irzam Chatta</t>
  </si>
  <si>
    <t>GGPS DERA JUMU KALASKE</t>
  </si>
  <si>
    <t>Dera Jamu Kalaske</t>
  </si>
  <si>
    <t>P/O Dhela Chatha Dera Jamu Kalaske Tehsil Wazirabad District Gujranwala</t>
  </si>
  <si>
    <t>Dera Jamu</t>
  </si>
  <si>
    <t>Saqba Jabeen</t>
  </si>
  <si>
    <t>GGPS GARRHI JALLA</t>
  </si>
  <si>
    <t>Garrhi Jalla</t>
  </si>
  <si>
    <t>village garrhi jalla p/o kalaske tehsile wazirabad district gujranwala</t>
  </si>
  <si>
    <t>GPS GAKHAR KHAS</t>
  </si>
  <si>
    <t>Ghakahr</t>
  </si>
  <si>
    <t>ghakahr mandi</t>
  </si>
  <si>
    <t>Rana  Suhail Irshad</t>
  </si>
  <si>
    <t>GMPS FAQIRAN WALI KHURD</t>
  </si>
  <si>
    <t>FAQIRANWALI  khurd</t>
  </si>
  <si>
    <t>Village  Faqiranwali khurd ,teh Wazirabad, district gujranwala</t>
  </si>
  <si>
    <t>Faqiranwali khurd</t>
  </si>
  <si>
    <t>Dilawar cheema</t>
  </si>
  <si>
    <t>Ayesha sarwar</t>
  </si>
  <si>
    <t>GGPS GAKHAR SHARQI</t>
  </si>
  <si>
    <t>GGPS  Sharqi Gakkhar</t>
  </si>
  <si>
    <t>Gakkhar</t>
  </si>
  <si>
    <t>GPS KALASKE</t>
  </si>
  <si>
    <t>vpo kalaske  Teh.wazirabad Distt.Gujranwala</t>
  </si>
  <si>
    <t>Muhammad Gulzar</t>
  </si>
  <si>
    <t>GPS MOHLANKE</t>
  </si>
  <si>
    <t>Mohlankay</t>
  </si>
  <si>
    <t>vill and PO Mohlankay, tehsil Wazirabad district Gujranwala</t>
  </si>
  <si>
    <t>Sikandar Iqbal</t>
  </si>
  <si>
    <t>20977</t>
  </si>
  <si>
    <t>GPS SANGO WALI</t>
  </si>
  <si>
    <t>sangowali p.O Ghakhar Tehsil Wazirabad  District  Gujranwala</t>
  </si>
  <si>
    <t>Muhammad Basharat Cheema</t>
  </si>
  <si>
    <t>21143</t>
  </si>
  <si>
    <t>GGPS GAKHAR NO.5</t>
  </si>
  <si>
    <t>Ggps no 5 gakhar</t>
  </si>
  <si>
    <t>GPS CHAK SANATTA</t>
  </si>
  <si>
    <t>village chak sanatta p/o Ghakkar tehsil wazirabad district Gujranwala</t>
  </si>
  <si>
    <t>GGES GAKHAR NO.1</t>
  </si>
  <si>
    <t>gges gakkhar  No 1 Peer kot road gakkhar</t>
  </si>
  <si>
    <t>gakkhar</t>
  </si>
  <si>
    <t>Riffat Qamar</t>
  </si>
  <si>
    <t>GMPS BORAY WALI</t>
  </si>
  <si>
    <t>Boray Wali</t>
  </si>
  <si>
    <t>Boray wali,teh wazirabad dist.Gujranwala</t>
  </si>
  <si>
    <t>Asma Ijaz</t>
  </si>
  <si>
    <t>GPS DHUB CHEEMA</t>
  </si>
  <si>
    <t>Dhab Cheema Gakhar</t>
  </si>
  <si>
    <t>Banks Cheema</t>
  </si>
  <si>
    <t>SAYED TAHIR MUNIR</t>
  </si>
  <si>
    <t>21014</t>
  </si>
  <si>
    <t>GPS ALI PUR CHATHA NO.2</t>
  </si>
  <si>
    <t>muhallah madni town, gali # 5, Ali pur chatha, tehsil wazirabd, distt. grw</t>
  </si>
  <si>
    <t>Naveed Ahmad Tarar</t>
  </si>
  <si>
    <t>GES KALAIR</t>
  </si>
  <si>
    <t>kalair wayanwali teh:wazirabad distt: Gujranwala</t>
  </si>
  <si>
    <t>Bharokey Cheema</t>
  </si>
  <si>
    <t>Waqqas Ahmad</t>
  </si>
  <si>
    <t>GGPS KOT BANGASH</t>
  </si>
  <si>
    <t>Kot Bangash</t>
  </si>
  <si>
    <t>kot Bangash</t>
  </si>
  <si>
    <t>Kalasky</t>
  </si>
  <si>
    <t>GGES KALAIR UNCHA</t>
  </si>
  <si>
    <t>Kalair Uncha</t>
  </si>
  <si>
    <t>post office Ali Pur chatha, kalair uncha, tehsil wazirabad, district Gujranwala</t>
  </si>
  <si>
    <t>Verpal Chatha</t>
  </si>
  <si>
    <t>Farida Yaqoob</t>
  </si>
  <si>
    <t>11989</t>
  </si>
  <si>
    <t>GPS NO. 4 GAKHAR</t>
  </si>
  <si>
    <t>GhakhR</t>
  </si>
  <si>
    <t>govt primery school no.4 ghakhar</t>
  </si>
  <si>
    <t>32/3</t>
  </si>
  <si>
    <t>Javed Zulqernain</t>
  </si>
  <si>
    <t>GPS CHRAG ABAD</t>
  </si>
  <si>
    <t>Moh Chragabad</t>
  </si>
  <si>
    <t>mohallah chragabad ali pur chatha</t>
  </si>
  <si>
    <t>M tanveer yaseen</t>
  </si>
  <si>
    <t>GMPS GARAPH GARH</t>
  </si>
  <si>
    <t>GRAPH GARH</t>
  </si>
  <si>
    <t>GRAPH GARH tehsil wazirabad</t>
  </si>
  <si>
    <t>bhroky cheema</t>
  </si>
  <si>
    <t>Jamil Ahmad</t>
  </si>
  <si>
    <t>21124</t>
  </si>
  <si>
    <t>GGPS RAMGHAR</t>
  </si>
  <si>
    <t>Ramghar</t>
  </si>
  <si>
    <t>Shagufta Zahid</t>
  </si>
  <si>
    <t>GMPS BEHRAM</t>
  </si>
  <si>
    <t>Behram</t>
  </si>
  <si>
    <t>behram</t>
  </si>
  <si>
    <t>Nadia Kausar</t>
  </si>
  <si>
    <t>GMPS  sadhan wali teh wazirabad distt Gujranwala</t>
  </si>
  <si>
    <t>Amarah Bibi</t>
  </si>
  <si>
    <t>GMPS RUNIKE</t>
  </si>
  <si>
    <t>Ranike Cheema</t>
  </si>
  <si>
    <t>ranike cheema</t>
  </si>
  <si>
    <t>Mansoor Walli</t>
  </si>
  <si>
    <t>GMPS ISLAM ABAD</t>
  </si>
  <si>
    <t>vil  Islamabad p o saroki  teh wazir abad distt Gujranwala</t>
  </si>
  <si>
    <t>21149</t>
  </si>
  <si>
    <t>GGPS KOTLI MANGO SINGH</t>
  </si>
  <si>
    <t>Kotly Mango Singh</t>
  </si>
  <si>
    <t>Kotli Mango Singh P/O Ghakkhar Mandi Tehsil Wazirabad Distt Gujranwala</t>
  </si>
  <si>
    <t>Kafeel Kousar</t>
  </si>
  <si>
    <t>GPS DHARAM KOT</t>
  </si>
  <si>
    <t>GPS Dharam kot p/o Ali pur chattha Teh. Wazir abad</t>
  </si>
  <si>
    <t>GGHS JAMKE CHATHA</t>
  </si>
  <si>
    <t>Jamke Chattha</t>
  </si>
  <si>
    <t>v.p.o jamke chattha tehsil wazirabad, dist gujranwala</t>
  </si>
  <si>
    <t>Chack Baig</t>
  </si>
  <si>
    <t>chack baig  p/o botala  jhanda singh teh -disst gujranwala</t>
  </si>
  <si>
    <t>Kot Bawani Das</t>
  </si>
  <si>
    <t>Alia Sajjad</t>
  </si>
  <si>
    <t>20936</t>
  </si>
  <si>
    <t>GGHS ADIL GARH</t>
  </si>
  <si>
    <t>Adil Garh</t>
  </si>
  <si>
    <t>GGHS Adil Garh</t>
  </si>
  <si>
    <t>133674</t>
  </si>
  <si>
    <t>GGPS CHAK MAHI</t>
  </si>
  <si>
    <t>Chak Mahi</t>
  </si>
  <si>
    <t>village chak mahi p/o ghakhar mandi teh.wazirabad disst. gujranwala</t>
  </si>
  <si>
    <t>Fazeelat Shahzadi</t>
  </si>
  <si>
    <t>GPS CHAK 349 GB</t>
  </si>
  <si>
    <t>chak no349gb</t>
  </si>
  <si>
    <t>Chak 349gb</t>
  </si>
  <si>
    <t>Chak No 350 GB</t>
  </si>
  <si>
    <t>Muhammad Ramzan Nadeem</t>
  </si>
  <si>
    <t>GPS CHAK 268 GB</t>
  </si>
  <si>
    <t>Chak No 268 GB</t>
  </si>
  <si>
    <t>GPS 268 GB,P/O Rajana</t>
  </si>
  <si>
    <t>Chak No 269 GB</t>
  </si>
  <si>
    <t>Azhar Hayat Khawar</t>
  </si>
  <si>
    <t>34881</t>
  </si>
  <si>
    <t>19425</t>
  </si>
  <si>
    <t>GES CHAK 388 JB II</t>
  </si>
  <si>
    <t>Chak 388 Jb</t>
  </si>
  <si>
    <t>Govt. Elementary School, Chak No. 388 JB, PO Same, Toba Tek Singh</t>
  </si>
  <si>
    <t>Chak NO 388 JB</t>
  </si>
  <si>
    <t>Chak No. 388 JB</t>
  </si>
  <si>
    <t>Muhammad Rafiq Anjum</t>
  </si>
  <si>
    <t>36236</t>
  </si>
  <si>
    <t>GPS CHAK NO.58/WB BASTI RAHIM SHAH</t>
  </si>
  <si>
    <t>Chak no 58/wb basti raheem shah vehari</t>
  </si>
  <si>
    <t>58/wb Basti Raheem Shah</t>
  </si>
  <si>
    <t>58/wb</t>
  </si>
  <si>
    <t>Engr. Khawar Ali</t>
  </si>
  <si>
    <t>16795</t>
  </si>
  <si>
    <t>GHS PILOT GARH TANDLIANWALA FSD</t>
  </si>
  <si>
    <t>GARH FATEH SHAH TANDLIANWALA FSD</t>
  </si>
  <si>
    <t>GARH FATEH SHAH</t>
  </si>
  <si>
    <t>filtration ppant</t>
  </si>
  <si>
    <t>40978</t>
  </si>
  <si>
    <t>36153</t>
  </si>
  <si>
    <t>GGHS 97 WB</t>
  </si>
  <si>
    <t>GGHS 97wb  vehari</t>
  </si>
  <si>
    <t>97wb</t>
  </si>
  <si>
    <t>95Wb</t>
  </si>
  <si>
    <t>Asifa Naseem</t>
  </si>
  <si>
    <t>40981</t>
  </si>
  <si>
    <t>GPS ABDULLAH WAH</t>
  </si>
  <si>
    <t>basti Abdullah wah</t>
  </si>
  <si>
    <t>GGHS CHAK 392 JB GARH</t>
  </si>
  <si>
    <t>govt girls high school chak no 392 jb ghar toba tek singh</t>
  </si>
  <si>
    <t>chak no 392 jb ghr</t>
  </si>
  <si>
    <t>chak no 391 jb</t>
  </si>
  <si>
    <t>MARYAM MANZOOR</t>
  </si>
  <si>
    <t>40991</t>
  </si>
  <si>
    <t>GES CHAK NO. 475/EB</t>
  </si>
  <si>
    <t>Chak No 475/E B</t>
  </si>
  <si>
    <t>Chak No. 475/E.B, Vehari</t>
  </si>
  <si>
    <t>Chak No 537/E B</t>
  </si>
  <si>
    <t>41028</t>
  </si>
  <si>
    <t>36089</t>
  </si>
  <si>
    <t>GES CHAK NO. 43 WB LIAQAT PURA</t>
  </si>
  <si>
    <t>Liaqat pura</t>
  </si>
  <si>
    <t>43/wb liaqat pura vehari</t>
  </si>
  <si>
    <t>43/wb</t>
  </si>
  <si>
    <t>Abdul Islam</t>
  </si>
  <si>
    <t>44933</t>
  </si>
  <si>
    <t>41034</t>
  </si>
  <si>
    <t>GGHSS RAJANA</t>
  </si>
  <si>
    <t>G. G. H. S. S,  SAMANDRY ROAD RAJANA</t>
  </si>
  <si>
    <t>285 gb rajana</t>
  </si>
  <si>
    <t>Chach no 285 gb</t>
  </si>
  <si>
    <t>nargis Rukhsana</t>
  </si>
  <si>
    <t>19282</t>
  </si>
  <si>
    <t>GHS CHAK 519 GB</t>
  </si>
  <si>
    <t>Chak No 519 Gb</t>
  </si>
  <si>
    <t>Ghs519 gb toba tek singh</t>
  </si>
  <si>
    <t>Muhammad ITEEQ Anjam</t>
  </si>
  <si>
    <t>41180</t>
  </si>
  <si>
    <t>36070</t>
  </si>
  <si>
    <t>GHS 56 WB</t>
  </si>
  <si>
    <t>Chak No 56/Wb Vehari</t>
  </si>
  <si>
    <t>chak no 56/wb vehari</t>
  </si>
  <si>
    <t>Ghazi Khanana</t>
  </si>
  <si>
    <t>Aliuddin</t>
  </si>
  <si>
    <t>GGES CHAK 395 JB</t>
  </si>
  <si>
    <t>Chak # 395 JB</t>
  </si>
  <si>
    <t>chak no 395jb t.t.sing</t>
  </si>
  <si>
    <t>Chak No 395jb</t>
  </si>
  <si>
    <t>Farzana Saleem</t>
  </si>
  <si>
    <t>GGHS 8 WB</t>
  </si>
  <si>
    <t>CHAK NO 8/WB</t>
  </si>
  <si>
    <t>GOVT.GIRLS HIGH SCHOOL CHAK NO 8/WB, VEHARI</t>
  </si>
  <si>
    <t>1wb</t>
  </si>
  <si>
    <t>GGPS CHAK 310 GB</t>
  </si>
  <si>
    <t>KHIKHA BANGLA FEMALE</t>
  </si>
  <si>
    <t>310gb</t>
  </si>
  <si>
    <t>chak no 310gb toba tek singh</t>
  </si>
  <si>
    <t>310gbtts</t>
  </si>
  <si>
    <t>Talat Tanveer</t>
  </si>
  <si>
    <t>34810</t>
  </si>
  <si>
    <t>GGCMES CHAK 347 GB</t>
  </si>
  <si>
    <t>347gb</t>
  </si>
  <si>
    <t>chak No347gb</t>
  </si>
  <si>
    <t>Chak No347gb</t>
  </si>
  <si>
    <t>Chak No 342gb</t>
  </si>
  <si>
    <t>Salma Firdous</t>
  </si>
  <si>
    <t>GGPS CHAK 271 GB AZAFI ABADI</t>
  </si>
  <si>
    <t>chak number 271 GB 2 azafi abadi</t>
  </si>
  <si>
    <t>271 GB Azafi Abadi</t>
  </si>
  <si>
    <t>269 Kot Khitran</t>
  </si>
  <si>
    <t>Sajida Shahzade</t>
  </si>
  <si>
    <t>GGES CHAK 307 GB</t>
  </si>
  <si>
    <t>307 Gb</t>
  </si>
  <si>
    <t>Chak n0 307 gb</t>
  </si>
  <si>
    <t>Chak 342 Gb</t>
  </si>
  <si>
    <t>NAHID KOUSAR</t>
  </si>
  <si>
    <t>GGHS CHAK 287 JB</t>
  </si>
  <si>
    <t>287 JB</t>
  </si>
  <si>
    <t>CHAK NO 287 JB</t>
  </si>
  <si>
    <t>CHAK NO 287JB</t>
  </si>
  <si>
    <t>CHAK NO 284 JB</t>
  </si>
  <si>
    <t>44303</t>
  </si>
  <si>
    <t>41688</t>
  </si>
  <si>
    <t>GGPS CHAK 377 JB GHAWAN</t>
  </si>
  <si>
    <t>Jhawan</t>
  </si>
  <si>
    <t>chak # 377 jb tehsil &amp; district Toba Tek Singh</t>
  </si>
  <si>
    <t>Chak # 377 JB</t>
  </si>
  <si>
    <t>Chak # 375 JB</t>
  </si>
  <si>
    <t>15858</t>
  </si>
  <si>
    <t>GES CHAK 191 GB</t>
  </si>
  <si>
    <t>Chak no 191 Gb</t>
  </si>
  <si>
    <t>chak no 191 gb</t>
  </si>
  <si>
    <t>Chak No 191 Gb</t>
  </si>
  <si>
    <t>Chak No 184</t>
  </si>
  <si>
    <t>25289</t>
  </si>
  <si>
    <t>25027</t>
  </si>
  <si>
    <t>GHS NO 155 WB</t>
  </si>
  <si>
    <t>Chak No. 155/WB, Vehari</t>
  </si>
  <si>
    <t>155/WB</t>
  </si>
  <si>
    <t>41693</t>
  </si>
  <si>
    <t>GGES CHAK 309 GB</t>
  </si>
  <si>
    <t>G.G.E/ S 309GB</t>
  </si>
  <si>
    <t>SOBIA ROOHI</t>
  </si>
  <si>
    <t>50783</t>
  </si>
  <si>
    <t>41696</t>
  </si>
  <si>
    <t>GMPS CHAK 345 GB</t>
  </si>
  <si>
    <t>chak nu 345g.b.ttsingh</t>
  </si>
  <si>
    <t>345 Gb</t>
  </si>
  <si>
    <t>350gb</t>
  </si>
  <si>
    <t>Yasmen Anwar</t>
  </si>
  <si>
    <t>16187</t>
  </si>
  <si>
    <t>GGPS CHOOR BHOJIA I</t>
  </si>
  <si>
    <t>Choora Bhojia 1</t>
  </si>
  <si>
    <t>Mouza Choura Bhojia 1</t>
  </si>
  <si>
    <t>Mouza Choora Bhojia 1</t>
  </si>
  <si>
    <t>Chak NO 189 GB</t>
  </si>
  <si>
    <t>GGES CHAK 318 GB</t>
  </si>
  <si>
    <t>Khikha Bangla</t>
  </si>
  <si>
    <t>Chak no 318 gb tehsil.&amp; distt.Toba tek Singh</t>
  </si>
  <si>
    <t>Chak No 318 GB</t>
  </si>
  <si>
    <t>Chak No 342 GB</t>
  </si>
  <si>
    <t>Safoora Shoukat</t>
  </si>
  <si>
    <t>47254</t>
  </si>
  <si>
    <t>GGHS CHAK 302 GB</t>
  </si>
  <si>
    <t>Chauttiana</t>
  </si>
  <si>
    <t>Chak NO.302 GB</t>
  </si>
  <si>
    <t>Chak No 302 GB</t>
  </si>
  <si>
    <t>Chak NO 301 GB</t>
  </si>
  <si>
    <t>saadia rani</t>
  </si>
  <si>
    <t>GHS 34/WB</t>
  </si>
  <si>
    <t>chak no, 34/w.b, tehsil &amp; district, vehari</t>
  </si>
  <si>
    <t>chak no 34/w.b</t>
  </si>
  <si>
    <t>GHS CHAK 289 JB MODEL</t>
  </si>
  <si>
    <t>289 JB</t>
  </si>
  <si>
    <t>Govt. Islamia Model High School 289 JB, Toba Tek Singh</t>
  </si>
  <si>
    <t>chando Batala</t>
  </si>
  <si>
    <t>521 JB</t>
  </si>
  <si>
    <t>GGHS CHAK 408 JB</t>
  </si>
  <si>
    <t>408jb</t>
  </si>
  <si>
    <t>Chak no. 408jb T.T.SINGH</t>
  </si>
  <si>
    <t>Chak 314gb</t>
  </si>
  <si>
    <t>KHADIJA KOUSAR</t>
  </si>
  <si>
    <t>GGPS DHELUM</t>
  </si>
  <si>
    <t>p o ghakhar village dhilum tehsil wazirabad district gujranwala</t>
  </si>
  <si>
    <t>Zahrah Tabbsam</t>
  </si>
  <si>
    <t>GES KOT KHAZRI</t>
  </si>
  <si>
    <t>KOT KHIZRI TEH WAZIRABAD</t>
  </si>
  <si>
    <t>KOT KHIZRI</t>
  </si>
  <si>
    <t>MANZOR ABAD</t>
  </si>
  <si>
    <t>nazim Shehzad</t>
  </si>
  <si>
    <t>26791</t>
  </si>
  <si>
    <t>GPS DHANDAR</t>
  </si>
  <si>
    <t>dhandar ( zafarwal)</t>
  </si>
  <si>
    <t>Dhandar</t>
  </si>
  <si>
    <t>26517</t>
  </si>
  <si>
    <t>GHS LESSER KALAN</t>
  </si>
  <si>
    <t>Govt. High school lesser kalan</t>
  </si>
  <si>
    <t>GES CHAK NO.7/DNB</t>
  </si>
  <si>
    <t>chak No 7/DNB Tehsil yazman</t>
  </si>
  <si>
    <t>Chak No 7/DNB</t>
  </si>
  <si>
    <t>Chak No 17/DNB</t>
  </si>
  <si>
    <t>Nasir Hussain Ch</t>
  </si>
  <si>
    <t>GGPS CHAK NO.44/DB</t>
  </si>
  <si>
    <t>Chak No 44/DB</t>
  </si>
  <si>
    <t>Chak no 44/dB</t>
  </si>
  <si>
    <t>GHS SARJAL</t>
  </si>
  <si>
    <t>village sarjal p/o same tehsil shakargarh narowal</t>
  </si>
  <si>
    <t>GGES CHAK NO.94/DB</t>
  </si>
  <si>
    <t>94 DB</t>
  </si>
  <si>
    <t>CHAK NO 94 D.B CHANNAN PERR</t>
  </si>
  <si>
    <t>Samina Abbas</t>
  </si>
  <si>
    <t>GGPS CHAK NO.49/DB (W)</t>
  </si>
  <si>
    <t>49 Db West</t>
  </si>
  <si>
    <t>chck no 49 db west yazman distric bwp</t>
  </si>
  <si>
    <t>68 Db</t>
  </si>
  <si>
    <t>GGPS CHAK NO.107/DNB (E)</t>
  </si>
  <si>
    <t>107 dnb</t>
  </si>
  <si>
    <t>107 /dnb east</t>
  </si>
  <si>
    <t>107 /Dnb East</t>
  </si>
  <si>
    <t>47 Dnb</t>
  </si>
  <si>
    <t>Sabeen Nazli</t>
  </si>
  <si>
    <t>GGPS CHAK NO.102/DB (S)</t>
  </si>
  <si>
    <t>102/DB South</t>
  </si>
  <si>
    <t>chak no 102/DB South</t>
  </si>
  <si>
    <t>Chak No 102/DB South</t>
  </si>
  <si>
    <t>City Yazman</t>
  </si>
  <si>
    <t>Sakeena Akram</t>
  </si>
  <si>
    <t>GPS CHAK NO.143/DB</t>
  </si>
  <si>
    <t>143/db</t>
  </si>
  <si>
    <t>GPS chak 143 D/B</t>
  </si>
  <si>
    <t>chak 143 D/B</t>
  </si>
  <si>
    <t>chak 67 D/B</t>
  </si>
  <si>
    <t>muhammad ameen</t>
  </si>
  <si>
    <t>GGES CHAK NO.69/DB</t>
  </si>
  <si>
    <t>69/db</t>
  </si>
  <si>
    <t>chack no. 69/db</t>
  </si>
  <si>
    <t>Tabassum Ch</t>
  </si>
  <si>
    <t>GPS CHAK NO.19/DRB</t>
  </si>
  <si>
    <t>19 Drb</t>
  </si>
  <si>
    <t>chak no 19 drb post office jhok panwar</t>
  </si>
  <si>
    <t>Darawar</t>
  </si>
  <si>
    <t>42399</t>
  </si>
  <si>
    <t>GGPS CHAK NO.98/DB</t>
  </si>
  <si>
    <t>chak no 98 db tehsil yazman</t>
  </si>
  <si>
    <t>Hafeez Begum</t>
  </si>
  <si>
    <t>42402</t>
  </si>
  <si>
    <t>GHS CHAK NO.117/DB</t>
  </si>
  <si>
    <t>CHAK NO. 117/DB</t>
  </si>
  <si>
    <t>CHAK NO. 117/DB YAZMAN BAHAWALPUR</t>
  </si>
  <si>
    <t>M. Azhar Bukhari</t>
  </si>
  <si>
    <t>GPS CHAK NO.20/DRB</t>
  </si>
  <si>
    <t>Chak No 20/DRB</t>
  </si>
  <si>
    <t>chak no 20/DRB P/O jhoke panwar teh yazman dist Bahawalpur</t>
  </si>
  <si>
    <t>42411</t>
  </si>
  <si>
    <t>GPS CHAK NO.103/DB</t>
  </si>
  <si>
    <t>CHAK 103/DB</t>
  </si>
  <si>
    <t>Chak 103/DB</t>
  </si>
  <si>
    <t>42416</t>
  </si>
  <si>
    <t>GPS CHAK NO.133/DNB</t>
  </si>
  <si>
    <t>CHAK NO 133/DNB</t>
  </si>
  <si>
    <t>CHAK NO 133/DNB P/O SHAHI WALA</t>
  </si>
  <si>
    <t>M MUNIR</t>
  </si>
  <si>
    <t>42418</t>
  </si>
  <si>
    <t>GGPS CHAK NO.93/DB</t>
  </si>
  <si>
    <t>93db</t>
  </si>
  <si>
    <t>chack  no 93db</t>
  </si>
  <si>
    <t>Farhat Noreen</t>
  </si>
  <si>
    <t>GES CHAK NO.47/DB (NORTH) YAZMAN</t>
  </si>
  <si>
    <t>Chak NO .47/DB NORTH</t>
  </si>
  <si>
    <t>47/DB North</t>
  </si>
  <si>
    <t>Chak No  68/DB</t>
  </si>
  <si>
    <t>Kashif Minhas</t>
  </si>
  <si>
    <t>GPS CHAK NO.9/DRB</t>
  </si>
  <si>
    <t>9/DRB</t>
  </si>
  <si>
    <t>chak 9 drb</t>
  </si>
  <si>
    <t>9 DRB</t>
  </si>
  <si>
    <t>Mohisn Bilal</t>
  </si>
  <si>
    <t>GGES CHAK NO.8/DNB</t>
  </si>
  <si>
    <t>Chak No. 8DNB</t>
  </si>
  <si>
    <t>Chak No 8/DNB</t>
  </si>
  <si>
    <t>Afia Majeed</t>
  </si>
  <si>
    <t>GMPS JASTIWALA UNCHA</t>
  </si>
  <si>
    <t>Jestiwala Uncha</t>
  </si>
  <si>
    <t>p/o box qila ahmad abad</t>
  </si>
  <si>
    <t>Tasawer Hussain</t>
  </si>
  <si>
    <t>11832</t>
  </si>
  <si>
    <t>GPS CHAK NO.23/DNB</t>
  </si>
  <si>
    <t>chak no 23/DNB</t>
  </si>
  <si>
    <t>Chak No 23/DNB</t>
  </si>
  <si>
    <t>Chak No 22/DNB</t>
  </si>
  <si>
    <t>Gulam Rasool</t>
  </si>
  <si>
    <t>GPS CHAH JAISA CHOLISTAN 94/DBA</t>
  </si>
  <si>
    <t>Chak No. 94/dB Yazman</t>
  </si>
  <si>
    <t>Chak No. 94/DB</t>
  </si>
  <si>
    <t>GGPS CHAK NO.102/DNB</t>
  </si>
  <si>
    <t>ggps102dnb</t>
  </si>
  <si>
    <t>102 Dnb</t>
  </si>
  <si>
    <t>98dnb</t>
  </si>
  <si>
    <t>GPS CHAK NO.11/DRB</t>
  </si>
  <si>
    <t>11drb</t>
  </si>
  <si>
    <t>chak11drb</t>
  </si>
  <si>
    <t>Chak11drb</t>
  </si>
  <si>
    <t>42437</t>
  </si>
  <si>
    <t>GHS BHATTLI</t>
  </si>
  <si>
    <t>BHATTLI</t>
  </si>
  <si>
    <t>GHS BHATLI,P/O MAKHWAL,TEH.ZAFARWAL,DISTRICT NAROWAL</t>
  </si>
  <si>
    <t>Muhammad Siddique S/O   Sultan Ali</t>
  </si>
  <si>
    <t>GPS ARABIC CHAK NO.6/DNB</t>
  </si>
  <si>
    <t>Chak6/DNB</t>
  </si>
  <si>
    <t>Chak No6/DNB P/O chak No16/DNB Teh Yazman Distt Bahawalpur</t>
  </si>
  <si>
    <t>Chak No6/DNB</t>
  </si>
  <si>
    <t>Chak NO6/DNB</t>
  </si>
  <si>
    <t>w</t>
  </si>
  <si>
    <t>GPS CHAK NO.128/DNB</t>
  </si>
  <si>
    <t>128dnb</t>
  </si>
  <si>
    <t>Gps 128dnb yazman</t>
  </si>
  <si>
    <t>42446</t>
  </si>
  <si>
    <t>GMPS CHAK NO.37/DNB</t>
  </si>
  <si>
    <t>37DNB</t>
  </si>
  <si>
    <t>Chak # 37/DNB</t>
  </si>
  <si>
    <t>37/DNB</t>
  </si>
  <si>
    <t>GGPS MODEL QILA DERAWAR</t>
  </si>
  <si>
    <t>Qila Derawer</t>
  </si>
  <si>
    <t>Riffat Saleem</t>
  </si>
  <si>
    <t>42449</t>
  </si>
  <si>
    <t>GGES CHRISTIAN COLONY YAZMAN</t>
  </si>
  <si>
    <t>muhammida Colony Muhammadia colony</t>
  </si>
  <si>
    <t>ggescc yazman bahawalpur</t>
  </si>
  <si>
    <t>city yazman</t>
  </si>
  <si>
    <t>cityyazman</t>
  </si>
  <si>
    <t>Sabahat Aslam</t>
  </si>
  <si>
    <t>GHSS JABBAL</t>
  </si>
  <si>
    <t>jabbal p/o jabbal tehsil zafarwal district narowal</t>
  </si>
  <si>
    <t>RIAZ MAHMOOD</t>
  </si>
  <si>
    <t>GPS CHAK NO.49/DB (W)</t>
  </si>
  <si>
    <t>Ch# 49/DB W Yazman</t>
  </si>
  <si>
    <t>Chak # 49/DB(w) Yazman Bahawalpur</t>
  </si>
  <si>
    <t>Ch# 49/DB</t>
  </si>
  <si>
    <t>GPS CHAK NO.22/DRB</t>
  </si>
  <si>
    <t>22/DRB</t>
  </si>
  <si>
    <t>chak no 22/DRB</t>
  </si>
  <si>
    <t>Muhamnad Lal Din</t>
  </si>
  <si>
    <t>54661</t>
  </si>
  <si>
    <t>GES QILA DERAWAR</t>
  </si>
  <si>
    <t>Qila Derawar</t>
  </si>
  <si>
    <t>GHS Qila Derawar. P/O Shahi Wala. Tehsil Yazman. District BWP</t>
  </si>
  <si>
    <t>26533</t>
  </si>
  <si>
    <t>GGHS ZAFAR WAL</t>
  </si>
  <si>
    <t>AZRA TABASSUM</t>
  </si>
  <si>
    <t>GPS CHAK NO.147/DB</t>
  </si>
  <si>
    <t>147 Db Latan Latan Sanghar</t>
  </si>
  <si>
    <t>chak no 147d.b cholistan yazman Bahawalpur</t>
  </si>
  <si>
    <t>Chak No 147dbNo 147db</t>
  </si>
  <si>
    <t>Chak No 75 D/B</t>
  </si>
  <si>
    <t>GPS CHAK NO.87/DB</t>
  </si>
  <si>
    <t>87db</t>
  </si>
  <si>
    <t>chak no 87db</t>
  </si>
  <si>
    <t>Chak No 88 Db</t>
  </si>
  <si>
    <t>GPS CHAK NO. 3/DRB (NORTH)</t>
  </si>
  <si>
    <t>Chak No 3 DRB</t>
  </si>
  <si>
    <t>chak No 3 DRB N</t>
  </si>
  <si>
    <t>Chak No 3 DRB N</t>
  </si>
  <si>
    <t>Channan peer</t>
  </si>
  <si>
    <t>Anjum Shahbaz</t>
  </si>
  <si>
    <t>GPS CHAK NO.48/DB</t>
  </si>
  <si>
    <t>Chak no 48/DB yazman</t>
  </si>
  <si>
    <t>48/DB</t>
  </si>
  <si>
    <t>GPS CHAK NO.139/DB</t>
  </si>
  <si>
    <t>Chak No 139/DB</t>
  </si>
  <si>
    <t>chak no 139/DB ,tehsil yazman , bwp</t>
  </si>
  <si>
    <t>Chak No 67/DB</t>
  </si>
  <si>
    <t>GGCMS CHAK NO.72/DB YAZMAN</t>
  </si>
  <si>
    <t>72/db</t>
  </si>
  <si>
    <t>chak no 72/db</t>
  </si>
  <si>
    <t>Chak No 72/db</t>
  </si>
  <si>
    <t>Chak No 68/db</t>
  </si>
  <si>
    <t>GHS ISLAMIA NONAR</t>
  </si>
  <si>
    <t>Govt Islamia High School Nonar</t>
  </si>
  <si>
    <t>Imtiaz Ur Rasul</t>
  </si>
  <si>
    <t>GGPS CHAK NO.91/DB-A</t>
  </si>
  <si>
    <t>91 DB A</t>
  </si>
  <si>
    <t>GG PS 91D.B (A)</t>
  </si>
  <si>
    <t>88 DB</t>
  </si>
  <si>
    <t>GPS CHAK NO.35/DNB</t>
  </si>
  <si>
    <t>chak no 35 DNB teh yazman dist BWP</t>
  </si>
  <si>
    <t>Chak No 35 DNB</t>
  </si>
  <si>
    <t>GGPS CHAK 335 GB JINNAH ABADI</t>
  </si>
  <si>
    <t>Chak No 335GB JINNAH ABADI</t>
  </si>
  <si>
    <t>Chack  No 335GB jinnah Abadi</t>
  </si>
  <si>
    <t>335 GB</t>
  </si>
  <si>
    <t>Rabbia Abbas</t>
  </si>
  <si>
    <t>GPS CHAK NO.13/WB</t>
  </si>
  <si>
    <t>13/WB</t>
  </si>
  <si>
    <t>Chak No 13/WB Vehari</t>
  </si>
  <si>
    <t>MUHAMMAD IMRAN BASHIR</t>
  </si>
  <si>
    <t>47407</t>
  </si>
  <si>
    <t>39079</t>
  </si>
  <si>
    <t>19531</t>
  </si>
  <si>
    <t>GGES CHAK 409 JB</t>
  </si>
  <si>
    <t>409 j B</t>
  </si>
  <si>
    <t>Chak No 409 j b T T singh</t>
  </si>
  <si>
    <t>Chak No 409 Jb</t>
  </si>
  <si>
    <t>Rehana Hanif</t>
  </si>
  <si>
    <t>GGES CHAK 393 JB KHAN PUR</t>
  </si>
  <si>
    <t>Chak No 393 Jb Khanpur</t>
  </si>
  <si>
    <t>chak no. 393 jb teh &amp; distt. toba Tek singh</t>
  </si>
  <si>
    <t>Chak No 393jb Khanpur</t>
  </si>
  <si>
    <t>393 Jb Khanpur</t>
  </si>
  <si>
    <t>Safia Muhammad Ali</t>
  </si>
  <si>
    <t>41555</t>
  </si>
  <si>
    <t>GES CHAK NO.18 WB</t>
  </si>
  <si>
    <t>Chak No 18/WB Vehari</t>
  </si>
  <si>
    <t>Chak No 18/WB</t>
  </si>
  <si>
    <t>Chak No 16/WB Vehari</t>
  </si>
  <si>
    <t>Shaukat Hussain</t>
  </si>
  <si>
    <t>GMPS CHAK 390 JB BAJWARRA</t>
  </si>
  <si>
    <t>390 jb</t>
  </si>
  <si>
    <t>390 Jb</t>
  </si>
  <si>
    <t>388 Jb</t>
  </si>
  <si>
    <t>MUNAZA ISMAIL</t>
  </si>
  <si>
    <t>46995</t>
  </si>
  <si>
    <t>GGES ZIA COLONY TTS</t>
  </si>
  <si>
    <t>Govt girls elementry school zia colony t t singh</t>
  </si>
  <si>
    <t>Urban W-54</t>
  </si>
  <si>
    <t>13221</t>
  </si>
  <si>
    <t>36067</t>
  </si>
  <si>
    <t>GHS 62 WB</t>
  </si>
  <si>
    <t>CHAK NO.62/WB</t>
  </si>
  <si>
    <t>GOVT MUHAMMADIA HIGH SCHOOL 62/WB VEHARI</t>
  </si>
  <si>
    <t>CHAK NO.62/WB VEHARI</t>
  </si>
  <si>
    <t>CHAK NO. 58/WB</t>
  </si>
  <si>
    <t>Badar Mahmood Akhter Malik Shaheen</t>
  </si>
  <si>
    <t>GPS CHAK 286 JB</t>
  </si>
  <si>
    <t>286jb</t>
  </si>
  <si>
    <t>chak no 286jb tensil &amp; dist toba tek singh</t>
  </si>
  <si>
    <t>Chak No286jb</t>
  </si>
  <si>
    <t>284jb</t>
  </si>
  <si>
    <t>GGPS MADINA COLONY TTS</t>
  </si>
  <si>
    <t>296GB</t>
  </si>
  <si>
    <t>GGPS Madina Colony TT Singh</t>
  </si>
  <si>
    <t>Uzma Shoukat</t>
  </si>
  <si>
    <t>GGPS CHAK 299 GB NAI ABADI</t>
  </si>
  <si>
    <t>Chak No 299 GB</t>
  </si>
  <si>
    <t>chak no 299 GB ni abadi</t>
  </si>
  <si>
    <t>Chak No 299 GB Ni Abadi</t>
  </si>
  <si>
    <t>Chak No 393 Jb</t>
  </si>
  <si>
    <t>Ghazala Ashraf</t>
  </si>
  <si>
    <t>36084</t>
  </si>
  <si>
    <t>GGHS 24 WB VEHARI</t>
  </si>
  <si>
    <t>GOVT GIRLS HIGH SCHOOL 24/WB VEHARI</t>
  </si>
  <si>
    <t>RUKHSANA SHARIF</t>
  </si>
  <si>
    <t>GGHS CHAK 258 GB NOOR MAHAL</t>
  </si>
  <si>
    <t>258 GB NOOR MAHAL</t>
  </si>
  <si>
    <t>chak no 258 GB toba tek singh</t>
  </si>
  <si>
    <t>Chak No 258 GB</t>
  </si>
  <si>
    <t>256 GB Phloor</t>
  </si>
  <si>
    <t>Uzma Tayyab</t>
  </si>
  <si>
    <t>GGCMPS CHAK 299 GB</t>
  </si>
  <si>
    <t>Chak 299 GB</t>
  </si>
  <si>
    <t>chak No. 299 GB</t>
  </si>
  <si>
    <t>Chak No. 393 JB</t>
  </si>
  <si>
    <t>ZAHIDA IQBAL</t>
  </si>
  <si>
    <t>6656</t>
  </si>
  <si>
    <t>GGES CHAK 349 GB</t>
  </si>
  <si>
    <t>349 GB</t>
  </si>
  <si>
    <t>Chak No. 349 GB T.T.Singh</t>
  </si>
  <si>
    <t>Chak 349 GB</t>
  </si>
  <si>
    <t>Chak 350 GB</t>
  </si>
  <si>
    <t>Fozia  Islam</t>
  </si>
  <si>
    <t>36477</t>
  </si>
  <si>
    <t>GPS LALA ZAAR COLONY VEHARI</t>
  </si>
  <si>
    <t>LALA ZAAR</t>
  </si>
  <si>
    <t>BEHIND DPO OFFICE, LALAZAAR COLONY VEHARI</t>
  </si>
  <si>
    <t>MUNCIPLE COMMITTEE</t>
  </si>
  <si>
    <t>Farzan Ali</t>
  </si>
  <si>
    <t>48631</t>
  </si>
  <si>
    <t>GMPS CHAK 396 JB I</t>
  </si>
  <si>
    <t>Chak No 396 Jb</t>
  </si>
  <si>
    <t>GGPS 396 JB TTS</t>
  </si>
  <si>
    <t>Chak No 396 JB TTS</t>
  </si>
  <si>
    <t>Chak No 388 JB TTS</t>
  </si>
  <si>
    <t>Faiza Akram</t>
  </si>
  <si>
    <t>GPS CHAK 536 GB</t>
  </si>
  <si>
    <t>536 GB NA</t>
  </si>
  <si>
    <t>CHAK NO  536 GB N.A</t>
  </si>
  <si>
    <t>CHAK NO 361 GB</t>
  </si>
  <si>
    <t>19264</t>
  </si>
  <si>
    <t>GGHS NO.2 TOBA TEK SINGH</t>
  </si>
  <si>
    <t>TTS</t>
  </si>
  <si>
    <t>Gghs no. 2 near old police station, islam pura TTSingh</t>
  </si>
  <si>
    <t>TTSINGH  Urban</t>
  </si>
  <si>
    <t>MUSARRAT PARVEEN</t>
  </si>
  <si>
    <t>36388</t>
  </si>
  <si>
    <t>GGPS CHAK NO.13 WB OLD</t>
  </si>
  <si>
    <t>13 Wb</t>
  </si>
  <si>
    <t>chak no 13_wb vehari</t>
  </si>
  <si>
    <t>Chak No 75wb</t>
  </si>
  <si>
    <t>Zakia Irshad</t>
  </si>
  <si>
    <t>GGHS NO.1 EID GAH ROAD TT SINGH</t>
  </si>
  <si>
    <t>GOVT.GIRLS HIGH SCHOOL NO.1 EID GHAH ROAD TTS</t>
  </si>
  <si>
    <t>EID GHAH</t>
  </si>
  <si>
    <t>city-1 TTS</t>
  </si>
  <si>
    <t>TAHIRAH JABEEN</t>
  </si>
  <si>
    <t>GGHS CHAK 296 GB</t>
  </si>
  <si>
    <t>Chak No. 296/GB</t>
  </si>
  <si>
    <t>GGHS 296/GB Tehsil &amp; District T.t.Singh</t>
  </si>
  <si>
    <t>KANEEZ FATIMA Parveen</t>
  </si>
  <si>
    <t>GGPS JHIDO</t>
  </si>
  <si>
    <t>Ggps Mouza jhedu</t>
  </si>
  <si>
    <t>Akbar Shar</t>
  </si>
  <si>
    <t>Hajran Bibi</t>
  </si>
  <si>
    <t>GGPS 56 WB (NEW)</t>
  </si>
  <si>
    <t>56/WB(Vehari)</t>
  </si>
  <si>
    <t>Bano Rahmat</t>
  </si>
  <si>
    <t>19668</t>
  </si>
  <si>
    <t>GPS CHAK 260 GB</t>
  </si>
  <si>
    <t>chak 260 GB</t>
  </si>
  <si>
    <t>Chak No 260 GB Adda 60</t>
  </si>
  <si>
    <t>chak 184 GB</t>
  </si>
  <si>
    <t>Azam Mukhtar</t>
  </si>
  <si>
    <t>GGPS CHAK 294 GB II</t>
  </si>
  <si>
    <t>Chak No 294 GB 294gb2nd</t>
  </si>
  <si>
    <t>Chak No 294 GB II</t>
  </si>
  <si>
    <t>Chak 294 GB II</t>
  </si>
  <si>
    <t>GGCMPS 342 GB</t>
  </si>
  <si>
    <t>342gb</t>
  </si>
  <si>
    <t>chak no 342 gb t.t.singh</t>
  </si>
  <si>
    <t>riffat yasmin</t>
  </si>
  <si>
    <t>36228</t>
  </si>
  <si>
    <t>GPS CHAK NO.37 WB</t>
  </si>
  <si>
    <t>37/WB</t>
  </si>
  <si>
    <t>chack no 37/wb vehari</t>
  </si>
  <si>
    <t>Naseem Ul Ghani</t>
  </si>
  <si>
    <t>19658</t>
  </si>
  <si>
    <t>GGCMS CHAK 346 GB</t>
  </si>
  <si>
    <t>346GB</t>
  </si>
  <si>
    <t>350GB</t>
  </si>
  <si>
    <t>GES CHAK 260 GB</t>
  </si>
  <si>
    <t>Chak#260GB</t>
  </si>
  <si>
    <t>Chak#260GB Toba Tek singh</t>
  </si>
  <si>
    <t>Chak#184GB</t>
  </si>
  <si>
    <t>Shafqat Nawaz</t>
  </si>
  <si>
    <t>GGHS GHULLAY BAJWA</t>
  </si>
  <si>
    <t>Ghully Bajwa</t>
  </si>
  <si>
    <t>village Ghullay bajwa Tehsil zafarwal district narowal</t>
  </si>
  <si>
    <t>aqsa Safdar</t>
  </si>
  <si>
    <t>22261</t>
  </si>
  <si>
    <t>GGES CHAK NO.44/DNB</t>
  </si>
  <si>
    <t>Chak 44/DNB</t>
  </si>
  <si>
    <t>chak no 44dnb</t>
  </si>
  <si>
    <t>Chak No 44dnb</t>
  </si>
  <si>
    <t>47dnb</t>
  </si>
  <si>
    <t>Saila Ubaid</t>
  </si>
  <si>
    <t>27642</t>
  </si>
  <si>
    <t>Village Dholan Post Office Sair Tehsil Zafarwal District  Narowal</t>
  </si>
  <si>
    <t>Jastiwala Uncha</t>
  </si>
  <si>
    <t>GHS DEHLRA</t>
  </si>
  <si>
    <t>dehlra</t>
  </si>
  <si>
    <t>LIAQAT ALI CH</t>
  </si>
  <si>
    <t>GPS CHAK NO.142/DRB</t>
  </si>
  <si>
    <t>Chak No 142drb</t>
  </si>
  <si>
    <t>chak no 142 drb</t>
  </si>
  <si>
    <t>142 DRB</t>
  </si>
  <si>
    <t>Chanan Pir</t>
  </si>
  <si>
    <t>OBAID UR REHMAN</t>
  </si>
  <si>
    <t>GPS CHAK NO.3/DRB</t>
  </si>
  <si>
    <t>3 DRB</t>
  </si>
  <si>
    <t>chak no 3 DRB YAZMAN, BAHAWALPUR</t>
  </si>
  <si>
    <t>muhammad Riaz ahmad</t>
  </si>
  <si>
    <t>42537</t>
  </si>
  <si>
    <t>GGPS SAMO SANI</t>
  </si>
  <si>
    <t>Samo Sani</t>
  </si>
  <si>
    <t>village samo sani p\o bhagoti pur teh zafarwal distt Narowal</t>
  </si>
  <si>
    <t>Bhattain Dewan</t>
  </si>
  <si>
    <t>Nayab Anjum</t>
  </si>
  <si>
    <t>GMPS CHAK NO.67/DB</t>
  </si>
  <si>
    <t>Chak 67/DB</t>
  </si>
  <si>
    <t>Chak #67/DB, Tehsil Yazman, District Bahwalpur</t>
  </si>
  <si>
    <t>Sadia Yasmeen</t>
  </si>
  <si>
    <t>GPS CHAK NO.116/DB</t>
  </si>
  <si>
    <t>P/O same, Chak No 116/DB,Yazman, Bahawalpur</t>
  </si>
  <si>
    <t>Chak No116/DB</t>
  </si>
  <si>
    <t>Chak No 108/DB</t>
  </si>
  <si>
    <t>Shahzad Anjum</t>
  </si>
  <si>
    <t>GGPS SADGAL</t>
  </si>
  <si>
    <t>Sadgal</t>
  </si>
  <si>
    <t>village sadgal p/o chak dola tehsil zafrwal district narowal</t>
  </si>
  <si>
    <t>Salma Sharif</t>
  </si>
  <si>
    <t>42545</t>
  </si>
  <si>
    <t>GGPS CHAK NO.46/DNB</t>
  </si>
  <si>
    <t>46DNB</t>
  </si>
  <si>
    <t>46DNB post office shahiwala Tehsil yazman</t>
  </si>
  <si>
    <t>Fareeha Waheed</t>
  </si>
  <si>
    <t>GGPS CHAK NO.39/DNB</t>
  </si>
  <si>
    <t>Chak No 39/DNB</t>
  </si>
  <si>
    <t>chak no 39/,dnb</t>
  </si>
  <si>
    <t>Sadaf Nureen</t>
  </si>
  <si>
    <t>GGPS CHAK NO.109/DB</t>
  </si>
  <si>
    <t>chak number 109 db</t>
  </si>
  <si>
    <t>109db</t>
  </si>
  <si>
    <t>108 Db</t>
  </si>
  <si>
    <t>GGES CHAK NO. 73/DB</t>
  </si>
  <si>
    <t>73/db</t>
  </si>
  <si>
    <t>gges 73/db</t>
  </si>
  <si>
    <t>Naheed Musarrat</t>
  </si>
  <si>
    <t>GGPS CHAK NO.99/DB (EAST)</t>
  </si>
  <si>
    <t>99 db</t>
  </si>
  <si>
    <t>Chuck 99 db east tehsil yazman district bwp</t>
  </si>
  <si>
    <t>99 DB East</t>
  </si>
  <si>
    <t>88 db</t>
  </si>
  <si>
    <t>ADIBA NASAR</t>
  </si>
  <si>
    <t>GGPS IQRA CHAK NO.117/DB JADEED BASTI</t>
  </si>
  <si>
    <t>Chak 117 d.b bastee jadeed tailwala</t>
  </si>
  <si>
    <t>117/db Bastee Jadeed</t>
  </si>
  <si>
    <t>Alia Iqbal</t>
  </si>
  <si>
    <t>GPS CHAK NO.145/DB</t>
  </si>
  <si>
    <t>Chak 145 Db</t>
  </si>
  <si>
    <t>chak no. 145 DB</t>
  </si>
  <si>
    <t>145 Db</t>
  </si>
  <si>
    <t>chak 75 db</t>
  </si>
  <si>
    <t>Muhammad Arshad Majeed</t>
  </si>
  <si>
    <t>GPS CHAK NO.105/DB</t>
  </si>
  <si>
    <t>Chak No 105 Db</t>
  </si>
  <si>
    <t>Chak no 105 db yazman</t>
  </si>
  <si>
    <t>105 Db Yazman</t>
  </si>
  <si>
    <t>Chak 106 Db</t>
  </si>
  <si>
    <t>GHS CHAK NO.148/DB</t>
  </si>
  <si>
    <t>148/DB</t>
  </si>
  <si>
    <t>Govt. High School Chak 148/DB, Tehsil Yazman, Distt Bahawalpur</t>
  </si>
  <si>
    <t>Chak No 75/DB</t>
  </si>
  <si>
    <t>Ghulam Qader</t>
  </si>
  <si>
    <t>GGPS CHAK NO. 104/DNB (NORTH)</t>
  </si>
  <si>
    <t>104DNB N</t>
  </si>
  <si>
    <t>104/DNB(N)</t>
  </si>
  <si>
    <t>Nazia Noor</t>
  </si>
  <si>
    <t>GGPS CHAK NO.50/DB (WEST)</t>
  </si>
  <si>
    <t>50dbwest</t>
  </si>
  <si>
    <t>Govt girls primary school 50dbwest</t>
  </si>
  <si>
    <t>42569</t>
  </si>
  <si>
    <t>GGHS CHAK NO.98/DNB</t>
  </si>
  <si>
    <t>Chak 98/dnb</t>
  </si>
  <si>
    <t>Adda shahiwala yazman</t>
  </si>
  <si>
    <t>Chak 98dnb</t>
  </si>
  <si>
    <t>Saima Athar Alvi</t>
  </si>
  <si>
    <t>GGPS NATT</t>
  </si>
  <si>
    <t>village natt po box sair tehsil zafarwal distt narowal</t>
  </si>
  <si>
    <t>Jestiwala</t>
  </si>
  <si>
    <t>Nazia bibi</t>
  </si>
  <si>
    <t>42573</t>
  </si>
  <si>
    <t>GGPS TERHA</t>
  </si>
  <si>
    <t>terah</t>
  </si>
  <si>
    <t>42574</t>
  </si>
  <si>
    <t>GGHS CHAK NO. 97/DB</t>
  </si>
  <si>
    <t>97db</t>
  </si>
  <si>
    <t>chak no 97db</t>
  </si>
  <si>
    <t>97 db</t>
  </si>
  <si>
    <t>GGES CHAK NO.47/DB (N)</t>
  </si>
  <si>
    <t>chak no.47/DB north</t>
  </si>
  <si>
    <t>chak No 47 DB (N),Yazman</t>
  </si>
  <si>
    <t>Chak No.47/DB North</t>
  </si>
  <si>
    <t>chak no. 68/DB</t>
  </si>
  <si>
    <t>Numra Safdar</t>
  </si>
  <si>
    <t>42577</t>
  </si>
  <si>
    <t>GGHS DEHLRA</t>
  </si>
  <si>
    <t>saira anjum</t>
  </si>
  <si>
    <t>42579</t>
  </si>
  <si>
    <t>GPS CHAK NO.27/DNB</t>
  </si>
  <si>
    <t>Chak # 27/DNB.P/O Shahi Wala Teh Yazman Distt Bahawalpur</t>
  </si>
  <si>
    <t>Chak # 27/DNB</t>
  </si>
  <si>
    <t>Chak # 22/DNB</t>
  </si>
  <si>
    <t>Mubashar Hassan</t>
  </si>
  <si>
    <t>GPS JALIL PUR</t>
  </si>
  <si>
    <t>sankhatra zafarwal</t>
  </si>
  <si>
    <t>Shamsher Ali</t>
  </si>
  <si>
    <t>GPS CHAK NO.117/DB BASTI JADEED</t>
  </si>
  <si>
    <t>chak nb. 117/d.b,tahsil yazman, dis, bwp</t>
  </si>
  <si>
    <t>Chak117/db</t>
  </si>
  <si>
    <t>Chak 117/db</t>
  </si>
  <si>
    <t>48364</t>
  </si>
  <si>
    <t>GPS CHAK NO.52/DB (W)</t>
  </si>
  <si>
    <t>GBPS 52 D.B(w)</t>
  </si>
  <si>
    <t>52dbw</t>
  </si>
  <si>
    <t>Nazia Alam</t>
  </si>
  <si>
    <t>42591</t>
  </si>
  <si>
    <t>GPS CHAK NO.28/DNB</t>
  </si>
  <si>
    <t>Chak28DNB</t>
  </si>
  <si>
    <t>Chak No 28 Dnb</t>
  </si>
  <si>
    <t>Chak No 22DNB</t>
  </si>
  <si>
    <t>51753</t>
  </si>
  <si>
    <t>26846</t>
  </si>
  <si>
    <t>GGPS CHANDA</t>
  </si>
  <si>
    <t>Village Chanda</t>
  </si>
  <si>
    <t>Rambrhi</t>
  </si>
  <si>
    <t>Najma parveen</t>
  </si>
  <si>
    <t>GHSS KHUTREE BANGLA</t>
  </si>
  <si>
    <t>Khutri Banglow</t>
  </si>
  <si>
    <t>ADDA KHUTRI BANGLOW</t>
  </si>
  <si>
    <t>Chak No121/DNB</t>
  </si>
  <si>
    <t>KHAN SHABBIR</t>
  </si>
  <si>
    <t>45506</t>
  </si>
  <si>
    <t>GHS BHAGOR KALAN</t>
  </si>
  <si>
    <t>Bhagore kalan</t>
  </si>
  <si>
    <t>villages Bhagore kalan p/o Darman TEH: Zafarwal District Narowal</t>
  </si>
  <si>
    <t>Denga Nurainpur</t>
  </si>
  <si>
    <t>Muhammad Shahbaz  Sarwar</t>
  </si>
  <si>
    <t>42605</t>
  </si>
  <si>
    <t>GPS CHAK NO.122/DNB</t>
  </si>
  <si>
    <t>Chak No 122/dnb</t>
  </si>
  <si>
    <t>chak no 122/dnb p/o 120/,dnb tehsil yazman district bahawalpur</t>
  </si>
  <si>
    <t>GGHS CHAK NO.106/DB</t>
  </si>
  <si>
    <t>106DB</t>
  </si>
  <si>
    <t>GGHS 106 DB Yazman</t>
  </si>
  <si>
    <t>Chak No 106DB</t>
  </si>
  <si>
    <t>Saba javed</t>
  </si>
  <si>
    <t>25869</t>
  </si>
  <si>
    <t>GMPS CHAK NO.32/DNB</t>
  </si>
  <si>
    <t>32 Dnb</t>
  </si>
  <si>
    <t>chak no 32dnb</t>
  </si>
  <si>
    <t>32 DNB</t>
  </si>
  <si>
    <t>35dnb</t>
  </si>
  <si>
    <t>Fozia Bano</t>
  </si>
  <si>
    <t>GGPS CHAK NO.29/DNB</t>
  </si>
  <si>
    <t>Chak 29/DNB</t>
  </si>
  <si>
    <t>chak no 29/DNB</t>
  </si>
  <si>
    <t>29/DNB</t>
  </si>
  <si>
    <t>GPS CHAK NO.119/DB</t>
  </si>
  <si>
    <t>Chak 119DB</t>
  </si>
  <si>
    <t>Chak No. 119DB , Yazman , Bahawalpur</t>
  </si>
  <si>
    <t>Chak 67DB</t>
  </si>
  <si>
    <t>GPS CHAK NO.105/DNB</t>
  </si>
  <si>
    <t>Chak no 105/DNB Tehsil Yazman.</t>
  </si>
  <si>
    <t>Chak No 105/DNB</t>
  </si>
  <si>
    <t>Chak No 98/DNB</t>
  </si>
  <si>
    <t>Zulfiqar Ali Shahid</t>
  </si>
  <si>
    <t>GPS CHAK NO.47/DNB</t>
  </si>
  <si>
    <t>Chak no 47/DNB P/O shahi wala Tehsil Yazman BWP</t>
  </si>
  <si>
    <t>Chak  47/DNB</t>
  </si>
  <si>
    <t>Muhammad Riaz Ali</t>
  </si>
  <si>
    <t>42635</t>
  </si>
  <si>
    <t>GGES CHAK NO.6/DNB</t>
  </si>
  <si>
    <t>Chak 6 dnb</t>
  </si>
  <si>
    <t>6 Dnb</t>
  </si>
  <si>
    <t>GGHS CHAK NO.75/DB</t>
  </si>
  <si>
    <t>75db</t>
  </si>
  <si>
    <t>Chak no 75/db</t>
  </si>
  <si>
    <t>Saeeda Akhter</t>
  </si>
  <si>
    <t>GES CHAK NO.109/DB</t>
  </si>
  <si>
    <t>chack no 109DB. Tehsil Yazman District Bahawalpur</t>
  </si>
  <si>
    <t>109DB</t>
  </si>
  <si>
    <t>Chack 108DB</t>
  </si>
  <si>
    <t>GPS GHAMROLA</t>
  </si>
  <si>
    <t>Ghamrolla</t>
  </si>
  <si>
    <t>village ghamrolla po darman</t>
  </si>
  <si>
    <t>GES CHAK NO.50/DB (W)</t>
  </si>
  <si>
    <t>Chak 50 db west yazman district bahawalpur.</t>
  </si>
  <si>
    <t>Chak No 50 DB West</t>
  </si>
  <si>
    <t>GPS CHAK NO.129/DNB</t>
  </si>
  <si>
    <t>Chak no 129 DNB Tehsil Yazman</t>
  </si>
  <si>
    <t>Chak No 129 DNB</t>
  </si>
  <si>
    <t>Chak No 98 DNB</t>
  </si>
  <si>
    <t>SHUMAILA ALYASS</t>
  </si>
  <si>
    <t>GGES CHAK NO.59/DB</t>
  </si>
  <si>
    <t>Chak 59 Db</t>
  </si>
  <si>
    <t>chak 59 db yazman</t>
  </si>
  <si>
    <t>chak 59 db</t>
  </si>
  <si>
    <t>50 db</t>
  </si>
  <si>
    <t>42657</t>
  </si>
  <si>
    <t>GGPS CHAK NO.41/DB COLONY</t>
  </si>
  <si>
    <t>Cha no.k 41/DB COLONY</t>
  </si>
  <si>
    <t>GGPS 41 DB COLONY</t>
  </si>
  <si>
    <t>41 Colony Jhokan</t>
  </si>
  <si>
    <t>chak no. 44/DB</t>
  </si>
  <si>
    <t>ROBINA Malik</t>
  </si>
  <si>
    <t>GGES SAPAN WAL CHAKLA</t>
  </si>
  <si>
    <t>Supanwal</t>
  </si>
  <si>
    <t>village supenwal tehsil zafarwal district narowal</t>
  </si>
  <si>
    <t>Chak Dodhu</t>
  </si>
  <si>
    <t>42662</t>
  </si>
  <si>
    <t>GGES LAGWAL</t>
  </si>
  <si>
    <t>Lagwal</t>
  </si>
  <si>
    <t>Bra Pind</t>
  </si>
  <si>
    <t>GGES CHAK NO.113/DNB</t>
  </si>
  <si>
    <t>113 Dnb</t>
  </si>
  <si>
    <t>113 Dnb HR</t>
  </si>
  <si>
    <t>17 Dnb</t>
  </si>
  <si>
    <t>Tabassum Rasool</t>
  </si>
  <si>
    <t>26871</t>
  </si>
  <si>
    <t>GGPS KHATHI GHOTRAN</t>
  </si>
  <si>
    <t>Village Kuthi Gotaran, PO Darman</t>
  </si>
  <si>
    <t>Kuthi Gotaran</t>
  </si>
  <si>
    <t>4204</t>
  </si>
  <si>
    <t>GGPS CHAK NO.40/DB</t>
  </si>
  <si>
    <t>Chak No 40/DB</t>
  </si>
  <si>
    <t>GGPS CHAK NO. 40/DB</t>
  </si>
  <si>
    <t>42675</t>
  </si>
  <si>
    <t>GGPS CHAK NO.2/DNB COLONY</t>
  </si>
  <si>
    <t>2 Dnb</t>
  </si>
  <si>
    <t>chak 2dnb colony</t>
  </si>
  <si>
    <t>2dnbcolony</t>
  </si>
  <si>
    <t>Chak 6dnb</t>
  </si>
  <si>
    <t>Shahida Ashraf</t>
  </si>
  <si>
    <t>GES CHAK NO.111/DB</t>
  </si>
  <si>
    <t>Chak no 111/DB</t>
  </si>
  <si>
    <t>Chak 108/DB</t>
  </si>
  <si>
    <t>GMPS CHAK NO.63/DB (N)</t>
  </si>
  <si>
    <t>chack no 63 db n</t>
  </si>
  <si>
    <t>chack no 63/db (N)</t>
  </si>
  <si>
    <t>chack no 63/db n</t>
  </si>
  <si>
    <t>chqck no 117/ db</t>
  </si>
  <si>
    <t>GHS CHAK NO.72/DB</t>
  </si>
  <si>
    <t>72 DB</t>
  </si>
  <si>
    <t>chak no. 72 DB Yazman</t>
  </si>
  <si>
    <t>chak no. 68 DB</t>
  </si>
  <si>
    <t>syed manzoor ahmad</t>
  </si>
  <si>
    <t>GHS CHAK NO.106/DNB</t>
  </si>
  <si>
    <t>Chak No. 106/DNB, YAZMAN, Bahawalpur</t>
  </si>
  <si>
    <t>Chak 106/DNB</t>
  </si>
  <si>
    <t>Chak 98/DNB</t>
  </si>
  <si>
    <t>GPS CHAK NO.13/DNB</t>
  </si>
  <si>
    <t>Chak No 13/DNB</t>
  </si>
  <si>
    <t>Chak No 13/DNB Tehsil Yazman District Bahawalpur</t>
  </si>
  <si>
    <t>42693</t>
  </si>
  <si>
    <t>GPS CHAK NO. 119/DNB</t>
  </si>
  <si>
    <t>119/dnb</t>
  </si>
  <si>
    <t>Chak no.119/dnb  p/o 111/dnb</t>
  </si>
  <si>
    <t>Shakeela yasmin</t>
  </si>
  <si>
    <t>26639</t>
  </si>
  <si>
    <t>GGPS NO 1 ZAFARWAL</t>
  </si>
  <si>
    <t>GGPS No.1 Eidgah Road Zafarwal</t>
  </si>
  <si>
    <t>Rubia Anjum</t>
  </si>
  <si>
    <t>GGHS CHAK NO. 131/DNB</t>
  </si>
  <si>
    <t>chak # 131/ dnb yazmam</t>
  </si>
  <si>
    <t>Chak # 131/ Dnb</t>
  </si>
  <si>
    <t>Ammara Tahir</t>
  </si>
  <si>
    <t>GGHS DHAMTHAL</t>
  </si>
  <si>
    <t>Govt. Girls High School Dhamthal</t>
  </si>
  <si>
    <t>40944</t>
  </si>
  <si>
    <t>GPS CHAK NO.125/DNB</t>
  </si>
  <si>
    <t>chak no 125 dnb tehsil yazman</t>
  </si>
  <si>
    <t>Chak No 125 DNB</t>
  </si>
  <si>
    <t>Faisal Nadeem Tahir</t>
  </si>
  <si>
    <t>GGES CHAK NO.47/DB (E)</t>
  </si>
  <si>
    <t>Chak No.47/DB E EAST</t>
  </si>
  <si>
    <t>Chak No.47/DB EAST</t>
  </si>
  <si>
    <t>Chak No. 47/DB EAST</t>
  </si>
  <si>
    <t>Chak no. 68/DB</t>
  </si>
  <si>
    <t>Aqsa Naeem</t>
  </si>
  <si>
    <t>GGES  BARKHANIA</t>
  </si>
  <si>
    <t>Barkhanian</t>
  </si>
  <si>
    <t>village barkhanian  post office Darman tehsil zafarwal</t>
  </si>
  <si>
    <t>Samina Aziz</t>
  </si>
  <si>
    <t>GHS MARARA</t>
  </si>
  <si>
    <t>marara, tehsil zafarwal, Narowal</t>
  </si>
  <si>
    <t>abdul sattar</t>
  </si>
  <si>
    <t>42716</t>
  </si>
  <si>
    <t>GMPS CHAK NO.43/DNB</t>
  </si>
  <si>
    <t>Chak No 43 DNB</t>
  </si>
  <si>
    <t>chak no 43 DNB merkaz adda pull 42000</t>
  </si>
  <si>
    <t>Chak 47 DNB</t>
  </si>
  <si>
    <t>Sadia Akram</t>
  </si>
  <si>
    <t>35687</t>
  </si>
  <si>
    <t>42719</t>
  </si>
  <si>
    <t>GPS CHAK NO.86/DB-A</t>
  </si>
  <si>
    <t>86/db A</t>
  </si>
  <si>
    <t>chak no. 86/db A</t>
  </si>
  <si>
    <t>Chak No 86/db A</t>
  </si>
  <si>
    <t>75/db</t>
  </si>
  <si>
    <t>Muhammad Bilal Tabssum</t>
  </si>
  <si>
    <t>GPS BONGA TATARI</t>
  </si>
  <si>
    <t>Rodu Sultan</t>
  </si>
  <si>
    <t>GPS Bonga Tatari</t>
  </si>
  <si>
    <t>GPS SAHIB DIN</t>
  </si>
  <si>
    <t>MOHALLAH SAHIB DIN KOT MOMIN</t>
  </si>
  <si>
    <t>SALEEM RAZA</t>
  </si>
  <si>
    <t>42964</t>
  </si>
  <si>
    <t>48287</t>
  </si>
  <si>
    <t>GPS DERA RAJU HASNEE</t>
  </si>
  <si>
    <t>Haveli balikram tehsil kotmomin district sargodha</t>
  </si>
  <si>
    <t>Haveli Balikram</t>
  </si>
  <si>
    <t>14938</t>
  </si>
  <si>
    <t>GMPS BALOCH WALA</t>
  </si>
  <si>
    <t>GMPS Baloch Wala post office kot shakir</t>
  </si>
  <si>
    <t>thul Shumali</t>
  </si>
  <si>
    <t>44889</t>
  </si>
  <si>
    <t>42966</t>
  </si>
  <si>
    <t>GPS DHAN MIANI</t>
  </si>
  <si>
    <t>Dhan Miani</t>
  </si>
  <si>
    <t>ahmadabad mouza dhan miani</t>
  </si>
  <si>
    <t>Hasnain Ahmad Shafi</t>
  </si>
  <si>
    <t>48248</t>
  </si>
  <si>
    <t>GES CHAK NO.8 A-SB</t>
  </si>
  <si>
    <t>CHAK 8A  SB</t>
  </si>
  <si>
    <t>GES CHAK 8A sb</t>
  </si>
  <si>
    <t>CHAK 8A Sb</t>
  </si>
  <si>
    <t>Abdal</t>
  </si>
  <si>
    <t>Hura Bint Qurban</t>
  </si>
  <si>
    <t>42971</t>
  </si>
  <si>
    <t>48247</t>
  </si>
  <si>
    <t>GES CHAK NO.18 SB</t>
  </si>
  <si>
    <t>Chak no. 18 SB Teh. Kotmomin distt sargodha</t>
  </si>
  <si>
    <t>Chakno 18 Sb</t>
  </si>
  <si>
    <t>GHSS KALYAR WALA</t>
  </si>
  <si>
    <t>mouza kalyar wala P.O Rodu Sultan Jhang</t>
  </si>
  <si>
    <t>shoukat ilyas</t>
  </si>
  <si>
    <t>42980</t>
  </si>
  <si>
    <t>GPS NO.1 LALYANI</t>
  </si>
  <si>
    <t>mohala pujuthianwala lalliani</t>
  </si>
  <si>
    <t>42984</t>
  </si>
  <si>
    <t>GPS GULSHAN PURA</t>
  </si>
  <si>
    <t>Uppi</t>
  </si>
  <si>
    <t>Gulshn pura</t>
  </si>
  <si>
    <t>Chak19 SB</t>
  </si>
  <si>
    <t>Naeem Ullah</t>
  </si>
  <si>
    <t>48238</t>
  </si>
  <si>
    <t>GPS DERA QASOO</t>
  </si>
  <si>
    <t>BHABHRA - MALE</t>
  </si>
  <si>
    <t>Bucha  Kalan</t>
  </si>
  <si>
    <t>GPS  Dera Qasso,Tehsil Kotmomin District Sargodha</t>
  </si>
  <si>
    <t>Babar Naveed</t>
  </si>
  <si>
    <t>18353</t>
  </si>
  <si>
    <t>17346</t>
  </si>
  <si>
    <t>GGPS JAMALI KHURD NO. 1</t>
  </si>
  <si>
    <t>Jamali Khurd</t>
  </si>
  <si>
    <t>GGPS Jamali Khurd no. 1 Tehsil 18-Hazari District Jhang</t>
  </si>
  <si>
    <t>MC 18-Hazari</t>
  </si>
  <si>
    <t>Jamila Bibi</t>
  </si>
  <si>
    <t>48067</t>
  </si>
  <si>
    <t>GHS TAKHAT HAZARA</t>
  </si>
  <si>
    <t>TAKHT HAZARA</t>
  </si>
  <si>
    <t>Takht Hazara</t>
  </si>
  <si>
    <t>BASHIR AHMAD AKHTAR</t>
  </si>
  <si>
    <t>GHS MUAZZAM ABAD</t>
  </si>
  <si>
    <t>moazzam abad</t>
  </si>
  <si>
    <t>Moazzam Abad</t>
  </si>
  <si>
    <t>Suleman Tahar</t>
  </si>
  <si>
    <t>48279</t>
  </si>
  <si>
    <t>GPS DERA GONDLAN WALA</t>
  </si>
  <si>
    <t>Govt.P/S Gondlanwala.Laalliani</t>
  </si>
  <si>
    <t>27772</t>
  </si>
  <si>
    <t>30632</t>
  </si>
  <si>
    <t>16999</t>
  </si>
  <si>
    <t>GPS BINDA RASHEED PUR</t>
  </si>
  <si>
    <t>Binda Rasheed Pur</t>
  </si>
  <si>
    <t>mouza binda rasheed pur</t>
  </si>
  <si>
    <t>Muqaddar Abbas</t>
  </si>
  <si>
    <t>GGPS KOT MALDEV</t>
  </si>
  <si>
    <t>MUNDAY SYED-FEMALE</t>
  </si>
  <si>
    <t>Kot Maldave</t>
  </si>
  <si>
    <t>G.G.P.S KOTMALDAVE</t>
  </si>
  <si>
    <t>Dossa</t>
  </si>
  <si>
    <t>ABIDA SAFDAR</t>
  </si>
  <si>
    <t>25467</t>
  </si>
  <si>
    <t>17179</t>
  </si>
  <si>
    <t>GPS KURRIAN WALA</t>
  </si>
  <si>
    <t>Kurrian Wala</t>
  </si>
  <si>
    <t>kurrian wala p/o Machhiwal Tehsil 18 Hazari District Jhang</t>
  </si>
  <si>
    <t>GPS HAVELI QURESHIAN</t>
  </si>
  <si>
    <t>haveli quraishian</t>
  </si>
  <si>
    <t>Pob mela haveli quraishian kotmomin</t>
  </si>
  <si>
    <t>Haveli quraishian</t>
  </si>
  <si>
    <t>mela</t>
  </si>
  <si>
    <t>GHS MARI SHAH SAKHIRA</t>
  </si>
  <si>
    <t>GOVERNMENT HIGH SCHOOL MARI SHAH SAKHIRA TEHSIL ATHARA HAZARI DISTRICT JHANG</t>
  </si>
  <si>
    <t>KHALID HAYAT</t>
  </si>
  <si>
    <t>43019</t>
  </si>
  <si>
    <t>48282</t>
  </si>
  <si>
    <t>GPS KOT RAJA</t>
  </si>
  <si>
    <t>Kot Raja</t>
  </si>
  <si>
    <t>Kot raja .teh ,kot momin.dis sargodha</t>
  </si>
  <si>
    <t>GPS PERO ANA SHUMALI</t>
  </si>
  <si>
    <t>Perowana Shumali</t>
  </si>
  <si>
    <t>p/o jaboana, moza perowana shumali</t>
  </si>
  <si>
    <t>Jaboana</t>
  </si>
  <si>
    <t>Mahboob Ur Rahman</t>
  </si>
  <si>
    <t>48273</t>
  </si>
  <si>
    <t>GES CHAK NO.65 SB</t>
  </si>
  <si>
    <t>CHAK No 65</t>
  </si>
  <si>
    <t>CHAK no 65 sb</t>
  </si>
  <si>
    <t>CHAK No65 Sb</t>
  </si>
  <si>
    <t>GPS MICHIANA</t>
  </si>
  <si>
    <t>Mouza Machiana</t>
  </si>
  <si>
    <t>Mouza  MACHIANA p/o Machhiwal teh. 18 Hazari Jhang</t>
  </si>
  <si>
    <t>Chak7/1 Thal Janobi</t>
  </si>
  <si>
    <t>Muhammad Nawaz Asi</t>
  </si>
  <si>
    <t>GPS BELA CHONTRA</t>
  </si>
  <si>
    <t>Bela Chontra</t>
  </si>
  <si>
    <t>Muhammad Ahsin</t>
  </si>
  <si>
    <t>48317</t>
  </si>
  <si>
    <t>GMPS SAGHRAY WALA</t>
  </si>
  <si>
    <t>Saghraywala</t>
  </si>
  <si>
    <t>Saghraywala Post Office Chak miana Tehsil Kotmomin District Sargodha</t>
  </si>
  <si>
    <t>43038</t>
  </si>
  <si>
    <t>48336</t>
  </si>
  <si>
    <t>48226</t>
  </si>
  <si>
    <t>GMPS SYED NAU</t>
  </si>
  <si>
    <t>Syed Nou</t>
  </si>
  <si>
    <t>Syed nou</t>
  </si>
  <si>
    <t>Jan Muhammad wala</t>
  </si>
  <si>
    <t>mansha Ahmad</t>
  </si>
  <si>
    <t>GGPS KOT ASIF KHAN</t>
  </si>
  <si>
    <t>chah gany wala mouza lashari</t>
  </si>
  <si>
    <t>Gany Wala</t>
  </si>
  <si>
    <t>Mumtaz Khatoon</t>
  </si>
  <si>
    <t>Hayatpur</t>
  </si>
  <si>
    <t>gmpshayatpur tehsil kot momin district sargodha</t>
  </si>
  <si>
    <t>Lakseen</t>
  </si>
  <si>
    <t>Muhammad Sheraz Amjad</t>
  </si>
  <si>
    <t>43046</t>
  </si>
  <si>
    <t>GMPS KAMRA</t>
  </si>
  <si>
    <t>Post Office 18 Hazari, Moza Kamra, Tehsil 18 Hazari and Hazari.</t>
  </si>
  <si>
    <t>wasu astana</t>
  </si>
  <si>
    <t>38828</t>
  </si>
  <si>
    <t>Wasawa</t>
  </si>
  <si>
    <t>mouza wasawa,sikandar Abad</t>
  </si>
  <si>
    <t>Saeeda Mumtaz</t>
  </si>
  <si>
    <t>40237</t>
  </si>
  <si>
    <t>GGPS NAJAF ABAD MOUZA FATEH SHAH</t>
  </si>
  <si>
    <t>Fateh Shah</t>
  </si>
  <si>
    <t>najaf abad , fateh shah tehsil 18 hazari district jhang</t>
  </si>
  <si>
    <t>Najaf Abad</t>
  </si>
  <si>
    <t>Shakeela Nawaz</t>
  </si>
  <si>
    <t>Mouza kalyar wala p/o Rodu Sultan</t>
  </si>
  <si>
    <t>Iqbal Abad</t>
  </si>
  <si>
    <t>Fakhar Ilyas</t>
  </si>
  <si>
    <t>48148</t>
  </si>
  <si>
    <t>GGES CHAK NO.10 SB</t>
  </si>
  <si>
    <t>Chak 10 Sb</t>
  </si>
  <si>
    <t>chak 10 sb tehsil kitmoman dstt sargodha</t>
  </si>
  <si>
    <t>Devidas Pura</t>
  </si>
  <si>
    <t>GGPS WASAWA</t>
  </si>
  <si>
    <t>GGPS Wasawa Tehsil 18-Hazari District Jhang</t>
  </si>
  <si>
    <t>Farhat Munir</t>
  </si>
  <si>
    <t>48553</t>
  </si>
  <si>
    <t>GGPS DERA SUKH-E-KA</t>
  </si>
  <si>
    <t>Ggps dera sukh-e-ka</t>
  </si>
  <si>
    <t>Dera Sukhy Ka</t>
  </si>
  <si>
    <t>Zubia Fazal</t>
  </si>
  <si>
    <t>45318</t>
  </si>
  <si>
    <t>48109</t>
  </si>
  <si>
    <t>GHS HALAL PUR</t>
  </si>
  <si>
    <t>Halal Pur</t>
  </si>
  <si>
    <t>Govt. H/S Halal Pur</t>
  </si>
  <si>
    <t>48277</t>
  </si>
  <si>
    <t>GES CHAK NO.9 SB</t>
  </si>
  <si>
    <t>9sb</t>
  </si>
  <si>
    <t>chak No 9 sb</t>
  </si>
  <si>
    <t>9SB</t>
  </si>
  <si>
    <t>51432</t>
  </si>
  <si>
    <t>GPS DHOK QUTBAL</t>
  </si>
  <si>
    <t>Merdwal</t>
  </si>
  <si>
    <t>vpomerdwal tehsil noshehra district khushab</t>
  </si>
  <si>
    <t>Robina Akram</t>
  </si>
  <si>
    <t>GPS PINDI ABDUL REHMAN</t>
  </si>
  <si>
    <t>Pindi Abdur Rehman Rehman Rehman</t>
  </si>
  <si>
    <t>GPS Pindi Abdur Rehman</t>
  </si>
  <si>
    <t>Pindi Abdur Rehman</t>
  </si>
  <si>
    <t>GPS SERVICES HOSPITAL LHR</t>
  </si>
  <si>
    <t>KOTLAKHPAT-MALE</t>
  </si>
  <si>
    <t>GPS SERVICES hospital LAHORE</t>
  </si>
  <si>
    <t>Muhammad Javed Shahab</t>
  </si>
  <si>
    <t>mouza shah pur tehsil pirmahal distrct  toba tek singh</t>
  </si>
  <si>
    <t>43329</t>
  </si>
  <si>
    <t>GMPS KOT GHAZI</t>
  </si>
  <si>
    <t>Kot Ghazi</t>
  </si>
  <si>
    <t>Govt Model Primary School kot ghazi</t>
  </si>
  <si>
    <t>Hina Dilshad</t>
  </si>
  <si>
    <t>30762</t>
  </si>
  <si>
    <t>30786</t>
  </si>
  <si>
    <t>GPS CDG FAZALIA COLONY</t>
  </si>
  <si>
    <t>CDG fazlia colony Lahore</t>
  </si>
  <si>
    <t>Fazlia Colony</t>
  </si>
  <si>
    <t>Javeed Iqbal</t>
  </si>
  <si>
    <t>31012</t>
  </si>
  <si>
    <t>GPS BHOBATTIAN</t>
  </si>
  <si>
    <t>Haloki district Lahore.</t>
  </si>
  <si>
    <t>Farrukh Zubair Hussain</t>
  </si>
  <si>
    <t>GPS CHAK 748 GB</t>
  </si>
  <si>
    <t>GOPAY RAW-MALE</t>
  </si>
  <si>
    <t>chak no 748 GB</t>
  </si>
  <si>
    <t>Chak No 748GB</t>
  </si>
  <si>
    <t>Chak No 760GB</t>
  </si>
  <si>
    <t>48137</t>
  </si>
  <si>
    <t>GGHS HUJJAN</t>
  </si>
  <si>
    <t>VPO Hujjan teh .kotmomin , distt. sgd</t>
  </si>
  <si>
    <t>30387</t>
  </si>
  <si>
    <t>GPS GULAB DEVI HOSPITAL</t>
  </si>
  <si>
    <t>Gulab Devi Hospital</t>
  </si>
  <si>
    <t>GPS Gulab Devi Hospital Lahore</t>
  </si>
  <si>
    <t>Gulab Devi</t>
  </si>
  <si>
    <t>48568</t>
  </si>
  <si>
    <t>GGPS KOT NAJA</t>
  </si>
  <si>
    <t>LAKSEEN - FEMALE</t>
  </si>
  <si>
    <t>Kot Naja</t>
  </si>
  <si>
    <t>GMPS KOT Naja Teh KOT MOMAN District sargodha</t>
  </si>
  <si>
    <t>Naghma Shaheen</t>
  </si>
  <si>
    <t>motor pump hand pump both</t>
  </si>
  <si>
    <t>46080</t>
  </si>
  <si>
    <t>GHS UGALI</t>
  </si>
  <si>
    <t>vpo ugali, tehsil noshehra, district khushab</t>
  </si>
  <si>
    <t>Khuda Dost</t>
  </si>
  <si>
    <t>GGHS JAN MUHAMMAD WALA</t>
  </si>
  <si>
    <t>GGHS Jan Muhammad wala</t>
  </si>
  <si>
    <t>Uffaq Feroze</t>
  </si>
  <si>
    <t>37825</t>
  </si>
  <si>
    <t>19214</t>
  </si>
  <si>
    <t>GPS CHAK 755 GB TIBBA SULTAN</t>
  </si>
  <si>
    <t>Tibba Sultan Chak 755 GB</t>
  </si>
  <si>
    <t>Chak No. 755 GB, Tibba Sultan, Tehsil Pir Mehal, District Toba Tek Singh</t>
  </si>
  <si>
    <t>Chak No 755 GB Tiba</t>
  </si>
  <si>
    <t>GPS SITARA COLONY</t>
  </si>
  <si>
    <t>Bank Stop</t>
  </si>
  <si>
    <t>bank stop chungi amer sidhu lahore</t>
  </si>
  <si>
    <t>Fath Pur Abadi</t>
  </si>
  <si>
    <t>Attri Saroba</t>
  </si>
  <si>
    <t>45079</t>
  </si>
  <si>
    <t>45808</t>
  </si>
  <si>
    <t>GPS UCHHALI</t>
  </si>
  <si>
    <t>UCHALLI (MALE)</t>
  </si>
  <si>
    <t>Uchhali</t>
  </si>
  <si>
    <t>p/o Uchhali  Tehsil Naushera District Khushab</t>
  </si>
  <si>
    <t>GPS DERA KHUDA BAKHSH MARDWAL</t>
  </si>
  <si>
    <t>dhok bhaloth vpo mardwal teh noshehra distt khushab</t>
  </si>
  <si>
    <t>Dhok Bhaloth</t>
  </si>
  <si>
    <t>GPS CHAMNAKI</t>
  </si>
  <si>
    <t>NAUSHERA (MALE)</t>
  </si>
  <si>
    <t>Chamnaki</t>
  </si>
  <si>
    <t>CHAMNAKI</t>
  </si>
  <si>
    <t>GPS ATTARI SAROBA</t>
  </si>
  <si>
    <t>Attari  Saroba</t>
  </si>
  <si>
    <t>GHS KORADHI</t>
  </si>
  <si>
    <t>Koradhi</t>
  </si>
  <si>
    <t>koradhi Tehsil Naushera District khushab</t>
  </si>
  <si>
    <t>Humayoun Iqbal</t>
  </si>
  <si>
    <t>48262</t>
  </si>
  <si>
    <t>GPS DERA NISOWANA</t>
  </si>
  <si>
    <t>RATTA PUR - MALE</t>
  </si>
  <si>
    <t>dera nissowana</t>
  </si>
  <si>
    <t>35815</t>
  </si>
  <si>
    <t>30791</t>
  </si>
  <si>
    <t>GES CDG GOWALA COLONY</t>
  </si>
  <si>
    <t>chungi amar sidhu</t>
  </si>
  <si>
    <t>gowala colony chandrai road chungi amar sidhu</t>
  </si>
  <si>
    <t>gowala colony</t>
  </si>
  <si>
    <t>chandrai</t>
  </si>
  <si>
    <t>IMRAN LIAQAT</t>
  </si>
  <si>
    <t>46072</t>
  </si>
  <si>
    <t>GES JABA</t>
  </si>
  <si>
    <t>Main Jaba Naushera Road V &amp; PO Jaba Teh. Naushera Distt. Khushab</t>
  </si>
  <si>
    <t>Khabaki</t>
  </si>
  <si>
    <t>Shahzad Amin</t>
  </si>
  <si>
    <t>Private water supply connection</t>
  </si>
  <si>
    <t>GGPS MIANA HAZARA</t>
  </si>
  <si>
    <t>MianaHazara</t>
  </si>
  <si>
    <t>Ggps MianaHazara Teh kot momin District sargodha</t>
  </si>
  <si>
    <t>TakhtHazara</t>
  </si>
  <si>
    <t>Najma Sarfraz</t>
  </si>
  <si>
    <t>36480</t>
  </si>
  <si>
    <t>GGHS MATEELA</t>
  </si>
  <si>
    <t>Govt. Girls High School Mateela, Kotmomin, Sargodha</t>
  </si>
  <si>
    <t>RIDA</t>
  </si>
  <si>
    <t>GPS SHER SHAH COLONY LAHORE</t>
  </si>
  <si>
    <t>bhobatian</t>
  </si>
  <si>
    <t>GPS sher shah colony D block</t>
  </si>
  <si>
    <t>sher shah colony</t>
  </si>
  <si>
    <t>Mukhtar Ahmad Awan</t>
  </si>
  <si>
    <t>45998</t>
  </si>
  <si>
    <t>GGPS JAHLAR</t>
  </si>
  <si>
    <t>Jahlar</t>
  </si>
  <si>
    <t>48866</t>
  </si>
  <si>
    <t>43278</t>
  </si>
  <si>
    <t>45777</t>
  </si>
  <si>
    <t>GPS DHOK BATKALLA</t>
  </si>
  <si>
    <t>Dhadhar</t>
  </si>
  <si>
    <t>Village &amp; Post Office Dhadhar Tehsil Naushera District Khushab</t>
  </si>
  <si>
    <t>Tariq abad manga mandi lahore</t>
  </si>
  <si>
    <t>Syed Asif Abbas</t>
  </si>
  <si>
    <t>48155</t>
  </si>
  <si>
    <t>GGHS TAKHT HAZARA</t>
  </si>
  <si>
    <t>Takhat Hazara Village</t>
  </si>
  <si>
    <t>gghs  takhat hazara tehsil kotmomin district Sargodha</t>
  </si>
  <si>
    <t>31162</t>
  </si>
  <si>
    <t>GGPS NAI ABADI JHUGGIAN RAIWIND ROAD</t>
  </si>
  <si>
    <t>G.G.P.S Nai abadi jhuggian tehsil raiwind</t>
  </si>
  <si>
    <t>Jhuggian Ameer Pura</t>
  </si>
  <si>
    <t>Bhobtian</t>
  </si>
  <si>
    <t>Rehana Sadiq</t>
  </si>
  <si>
    <t>31145</t>
  </si>
  <si>
    <t>GGPS MUSALA</t>
  </si>
  <si>
    <t>MUSALLA</t>
  </si>
  <si>
    <t>GGPS MUSALLA</t>
  </si>
  <si>
    <t>Azmir Town</t>
  </si>
  <si>
    <t>Naima Toor</t>
  </si>
  <si>
    <t>GPS MOUZA KOHAL KALAN</t>
  </si>
  <si>
    <t>Kohal kalan</t>
  </si>
  <si>
    <t>MOUZA KOHAL KALAN</t>
  </si>
  <si>
    <t>Mouza kohal kalan</t>
  </si>
  <si>
    <t>319 GB</t>
  </si>
  <si>
    <t>MUZAMIL ABASS</t>
  </si>
  <si>
    <t>53087</t>
  </si>
  <si>
    <t>GGES CHAK 313 GB</t>
  </si>
  <si>
    <t>BASE RAFIQI-FEMALE</t>
  </si>
  <si>
    <t>313 Gb</t>
  </si>
  <si>
    <t>govt girls E/S 313 gb pirmahal</t>
  </si>
  <si>
    <t>327gb</t>
  </si>
  <si>
    <t>Sumaira Mukhtar</t>
  </si>
  <si>
    <t>GPS KAHNA NAU NO.1</t>
  </si>
  <si>
    <t>ward no12 Kahna Nau Lahore</t>
  </si>
  <si>
    <t>Syed Muhammad Sibtain Haider</t>
  </si>
  <si>
    <t>43306</t>
  </si>
  <si>
    <t>45782</t>
  </si>
  <si>
    <t>GPS DHOK MUGHAL MARDWAL</t>
  </si>
  <si>
    <t>Post office mardwal tehsil naushera district khushab</t>
  </si>
  <si>
    <t>GPS MERA MARDWAL</t>
  </si>
  <si>
    <t>P/S MERA MARDWAL</t>
  </si>
  <si>
    <t>48089</t>
  </si>
  <si>
    <t>GGHS CHAK NO.11 SB</t>
  </si>
  <si>
    <t>chak 11 sb kotmoman</t>
  </si>
  <si>
    <t>Chak 11 Sb</t>
  </si>
  <si>
    <t>Rasoolpura</t>
  </si>
  <si>
    <t>mouza rasoolpura halloki lahore</t>
  </si>
  <si>
    <t>Rasoolpua</t>
  </si>
  <si>
    <t>Ahsan Sardar</t>
  </si>
  <si>
    <t>46138</t>
  </si>
  <si>
    <t>GHS KUFRI</t>
  </si>
  <si>
    <t>SiddiqueAbad</t>
  </si>
  <si>
    <t>Muhammad Hassan Raza</t>
  </si>
  <si>
    <t>43319</t>
  </si>
  <si>
    <t>GPS ASAL LAKHOWAL</t>
  </si>
  <si>
    <t>Asal Lakhowal</t>
  </si>
  <si>
    <t>adda plot raiwind road Lahore</t>
  </si>
  <si>
    <t>Arraiyan</t>
  </si>
  <si>
    <t>M Shahid Iqbal</t>
  </si>
  <si>
    <t>48539</t>
  </si>
  <si>
    <t>GGPS DERA SHEIKH MANIK</t>
  </si>
  <si>
    <t>dera sheikh manik</t>
  </si>
  <si>
    <t>Dera Sheikh Manik</t>
  </si>
  <si>
    <t>Asfana Sikandar</t>
  </si>
  <si>
    <t>GES BADOKI</t>
  </si>
  <si>
    <t>Baddoki</t>
  </si>
  <si>
    <t>Badoki village</t>
  </si>
  <si>
    <t>Pandoki</t>
  </si>
  <si>
    <t>Muhammad Asghar Sageer</t>
  </si>
  <si>
    <t>46110</t>
  </si>
  <si>
    <t>GGHS KORADHI</t>
  </si>
  <si>
    <t>GGHS koradhi</t>
  </si>
  <si>
    <t>SARWAR bIBI</t>
  </si>
  <si>
    <t>GPS DHOK MAMNAL</t>
  </si>
  <si>
    <t>Kanhati Garden</t>
  </si>
  <si>
    <t>vill kanhati garden p.o khabeki teh naushera distt khushab</t>
  </si>
  <si>
    <t>neighbourhood hand pump</t>
  </si>
  <si>
    <t>GMPS KHUMB NAU</t>
  </si>
  <si>
    <t>KhumbNau</t>
  </si>
  <si>
    <t>khumb nau</t>
  </si>
  <si>
    <t>Khumb Nau</t>
  </si>
  <si>
    <t>Parveen Bivi</t>
  </si>
  <si>
    <t>43335</t>
  </si>
  <si>
    <t>18884</t>
  </si>
  <si>
    <t>GGHS NAWAB BHOOTI</t>
  </si>
  <si>
    <t>Mouza nawab Bhooti</t>
  </si>
  <si>
    <t>Arooti</t>
  </si>
  <si>
    <t>Nawab bhooti</t>
  </si>
  <si>
    <t>Noshaba Kanwal</t>
  </si>
  <si>
    <t>GGPS BATH KALAN MULTAN ROAD</t>
  </si>
  <si>
    <t>MANGA - FEMALE</t>
  </si>
  <si>
    <t>Batth</t>
  </si>
  <si>
    <t>GGPS Batth kalan Multan road Lahore</t>
  </si>
  <si>
    <t>Batth Kalan</t>
  </si>
  <si>
    <t>Salma Sultan</t>
  </si>
  <si>
    <t>32809</t>
  </si>
  <si>
    <t>48276</t>
  </si>
  <si>
    <t>GPS DERA FATEH MUHAMMAD</t>
  </si>
  <si>
    <t>lalliani</t>
  </si>
  <si>
    <t>village &amp; post office lalliani</t>
  </si>
  <si>
    <t>Muhammad Hafeez Yaqoob</t>
  </si>
  <si>
    <t>GGPS SABHRAL</t>
  </si>
  <si>
    <t>Sabhral</t>
  </si>
  <si>
    <t>GGPS Sabhral</t>
  </si>
  <si>
    <t>Afzal Khatoon</t>
  </si>
  <si>
    <t>54689</t>
  </si>
  <si>
    <t>48549</t>
  </si>
  <si>
    <t>GGPS KORNI</t>
  </si>
  <si>
    <t>Korni</t>
  </si>
  <si>
    <t>GGPS korni</t>
  </si>
  <si>
    <t>Mustafa Abaf</t>
  </si>
  <si>
    <t>Sobia Sultana</t>
  </si>
  <si>
    <t>GGPS BASTI SALAMAT PURA</t>
  </si>
  <si>
    <t>Bastisalamatpuara</t>
  </si>
  <si>
    <t>bastisalamatpuara raiwind manga road raiwind</t>
  </si>
  <si>
    <t>Babliana Otar</t>
  </si>
  <si>
    <t>Bushra Khanum</t>
  </si>
  <si>
    <t>45801</t>
  </si>
  <si>
    <t>GPS MURGI WALA SURRAKI</t>
  </si>
  <si>
    <t>v.po surraki tehsil naushera district khushab</t>
  </si>
  <si>
    <t>Saqidue Abad</t>
  </si>
  <si>
    <t>Rab Nawaz Awan</t>
  </si>
  <si>
    <t>carry water from homes</t>
  </si>
  <si>
    <t>43347</t>
  </si>
  <si>
    <t>GPS DERA MUHAMMAD YAR KA</t>
  </si>
  <si>
    <t>Mustafabad Mateela Tehsil Kot moman</t>
  </si>
  <si>
    <t>Mustafabad Mateela</t>
  </si>
  <si>
    <t>46112</t>
  </si>
  <si>
    <t>GGES SURRAKI</t>
  </si>
  <si>
    <t>GGESsurraki</t>
  </si>
  <si>
    <t>kufri</t>
  </si>
  <si>
    <t>Ifat Abida sahira</t>
  </si>
  <si>
    <t>45999</t>
  </si>
  <si>
    <t>GGPS NO. 2 KUFRI</t>
  </si>
  <si>
    <t>ggpssiddiqueabad</t>
  </si>
  <si>
    <t>48253</t>
  </si>
  <si>
    <t>GPS ISLAMIA KOT MOMIN</t>
  </si>
  <si>
    <t>GPS islamia moazam abad road kotmomin</t>
  </si>
  <si>
    <t>Kotmomin City</t>
  </si>
  <si>
    <t>21954</t>
  </si>
  <si>
    <t>GGPS DHOK DHILI</t>
  </si>
  <si>
    <t>DHOK Dhilli</t>
  </si>
  <si>
    <t>GGPS DHOK Dhilli V&amp;PO.Khabeki Tehsil Noushehra District Khushab</t>
  </si>
  <si>
    <t>30399</t>
  </si>
  <si>
    <t>GPS GHANAKKAR</t>
  </si>
  <si>
    <t>Ghanakkar</t>
  </si>
  <si>
    <t>Ghanakkar Village, Tehsil Model Town, Hadyara Drain 22 km off Ferozpur Road, Lahore</t>
  </si>
  <si>
    <t>Devkhurd</t>
  </si>
  <si>
    <t>Sahib Khan Anjum</t>
  </si>
  <si>
    <t>GPS DERA REHMAN WALA</t>
  </si>
  <si>
    <t>GBPS Rehman wala</t>
  </si>
  <si>
    <t>Muzzamabad</t>
  </si>
  <si>
    <t>48111</t>
  </si>
  <si>
    <t>GHS BAKHOO WALA</t>
  </si>
  <si>
    <t>Bakhoo Wala</t>
  </si>
  <si>
    <t>Kotmomin road, Bakhoowala, Teh. Kotmoman, Dist. Sargodha</t>
  </si>
  <si>
    <t>Garhi Kala</t>
  </si>
  <si>
    <t>Muhammad Asim Ud din</t>
  </si>
  <si>
    <t>45781</t>
  </si>
  <si>
    <t>GPS DHOK MEER BAZ UCHHALI</t>
  </si>
  <si>
    <t>vpo Uchhali tehsil naushera district khushab</t>
  </si>
  <si>
    <t>Dhair Uchhal</t>
  </si>
  <si>
    <t>Muhammad Salik Aziz</t>
  </si>
  <si>
    <t>30821</t>
  </si>
  <si>
    <t>GPS MC SITARA COLONY</t>
  </si>
  <si>
    <t>Defence Garden Chungi Amer Sidhu Lahore</t>
  </si>
  <si>
    <t>Tajammal Hussain Awan</t>
  </si>
  <si>
    <t>GHS LALIANI</t>
  </si>
  <si>
    <t>LALLIANI</t>
  </si>
  <si>
    <t>GHS LALLIANI</t>
  </si>
  <si>
    <t>LALLIANI CITY</t>
  </si>
  <si>
    <t>43376</t>
  </si>
  <si>
    <t>GPS JIA KA TIBBA</t>
  </si>
  <si>
    <t>Manga Mindi</t>
  </si>
  <si>
    <t>Jia Kia tibba manga mindi Lahore</t>
  </si>
  <si>
    <t>Jia Kia Tibba</t>
  </si>
  <si>
    <t>Talab Sary</t>
  </si>
  <si>
    <t>Numaesh Ali</t>
  </si>
  <si>
    <t>GGHS BUCHA KALAN</t>
  </si>
  <si>
    <t>bucha kalan</t>
  </si>
  <si>
    <t>Fakhra Shaheen</t>
  </si>
  <si>
    <t>31345</t>
  </si>
  <si>
    <t>GGES CDG PUBLIC CANAL PARK</t>
  </si>
  <si>
    <t>main bazar canal park lahore</t>
  </si>
  <si>
    <t>Canal park</t>
  </si>
  <si>
    <t>Rahila Kousar</t>
  </si>
  <si>
    <t>GPS BLOCK NO. 5 SECTOR B-I TOWNSHIP</t>
  </si>
  <si>
    <t>TOWNSHIP</t>
  </si>
  <si>
    <t>Block No.5  Sector Bl,Township ,Lahore</t>
  </si>
  <si>
    <t>41112</t>
  </si>
  <si>
    <t>43411</t>
  </si>
  <si>
    <t>46070</t>
  </si>
  <si>
    <t>GES CHITTA</t>
  </si>
  <si>
    <t>CHITTA</t>
  </si>
  <si>
    <t>VPO CHITTA TEH NAUSHERA DISTT KHUSHAB</t>
  </si>
  <si>
    <t>GGES TALAB SARAI</t>
  </si>
  <si>
    <t>Talab Sarai</t>
  </si>
  <si>
    <t>GGES Talab sarai</t>
  </si>
  <si>
    <t>43413</t>
  </si>
  <si>
    <t>45786</t>
  </si>
  <si>
    <t>GPS DHAB KARAN</t>
  </si>
  <si>
    <t>Mohalla Ghouse Nager Uchhali</t>
  </si>
  <si>
    <t>43414</t>
  </si>
  <si>
    <t>GPS 685/26 GB BAGH WALI</t>
  </si>
  <si>
    <t>BAGH WALA-MALE</t>
  </si>
  <si>
    <t>685/26 GB</t>
  </si>
  <si>
    <t>Chak no 685/26gb pirmahal dist toba tek singh</t>
  </si>
  <si>
    <t>685/26GB</t>
  </si>
  <si>
    <t>759 GB</t>
  </si>
  <si>
    <t>43416</t>
  </si>
  <si>
    <t>GPS DHOK WADHIAL  MARDWAL</t>
  </si>
  <si>
    <t>Post office mardwal dhok wadhial</t>
  </si>
  <si>
    <t>GES KOT KARIM SHAH</t>
  </si>
  <si>
    <t>Nukrary</t>
  </si>
  <si>
    <t>kot Karam shah Teh.pirmahal pirmahal distance TTSingh</t>
  </si>
  <si>
    <t>Kot Karam Shah</t>
  </si>
  <si>
    <t>GGES SARWAR HAYAT COLONY,LAHORE</t>
  </si>
  <si>
    <t>SARWAR HAYAT COLONY RAIWIND</t>
  </si>
  <si>
    <t>NOREEN SHAHID</t>
  </si>
  <si>
    <t>30207</t>
  </si>
  <si>
    <t>GES GENERAL HOSPITAL</t>
  </si>
  <si>
    <t>ayub road behind general hospital lahore</t>
  </si>
  <si>
    <t>chungi amer sidu</t>
  </si>
  <si>
    <t>muhammad tufail shakir</t>
  </si>
  <si>
    <t>GPS KHABEKI</t>
  </si>
  <si>
    <t>village&amp;p.o khabeki teh naushehra district khushab</t>
  </si>
  <si>
    <t>Muhammad Pervaiz Akhtar Awan</t>
  </si>
  <si>
    <t>23190</t>
  </si>
  <si>
    <t>GES CHAK 756 GB</t>
  </si>
  <si>
    <t>Chak No 756 GB</t>
  </si>
  <si>
    <t>Post office 755 GB chak No 756 GB Teh Pirmhal Disst Toba Tek Singh</t>
  </si>
  <si>
    <t>Nawab Bhoori</t>
  </si>
  <si>
    <t>40127</t>
  </si>
  <si>
    <t>30777</t>
  </si>
  <si>
    <t>GES CDG JR.MODEL ICHHRA NO. 2 LAHORE</t>
  </si>
  <si>
    <t>11 azeem street noor muhalla ichra 2 lahore</t>
  </si>
  <si>
    <t>Najma Sadique</t>
  </si>
  <si>
    <t>Rashda Meraj</t>
  </si>
  <si>
    <t>19690</t>
  </si>
  <si>
    <t>22176</t>
  </si>
  <si>
    <t>GES CHAK NO.49/DB (E)</t>
  </si>
  <si>
    <t>Chak No. 49/DB East Tehsil Yazman Distt. Bahawalpur</t>
  </si>
  <si>
    <t>Chak No 49/DB East</t>
  </si>
  <si>
    <t>Chak 68/DB</t>
  </si>
  <si>
    <t>GHS DHAMTHAL</t>
  </si>
  <si>
    <t>Vill.Dhamthal     PO.Dhamthal     Teh.Zafarwal  Dist.Narowal</t>
  </si>
  <si>
    <t>Mian M  Aslam</t>
  </si>
  <si>
    <t>GGPS CHAK NO.18/DNB JINNAH ABADI</t>
  </si>
  <si>
    <t>18/DNB jinnah  abadi</t>
  </si>
  <si>
    <t>chakk no#18/DNB</t>
  </si>
  <si>
    <t>Chakk no. 17/DNB</t>
  </si>
  <si>
    <t>GPS HAVELI MONGAR</t>
  </si>
  <si>
    <t>Pahar pur</t>
  </si>
  <si>
    <t>Dahara Wala</t>
  </si>
  <si>
    <t>GHULAM Ali</t>
  </si>
  <si>
    <t>42743</t>
  </si>
  <si>
    <t>GGHSS KHUTREE BANGLA</t>
  </si>
  <si>
    <t>khutree banglow</t>
  </si>
  <si>
    <t>chak no 121 DNB, khutree banglow Yazman</t>
  </si>
  <si>
    <t>merana</t>
  </si>
  <si>
    <t>Sidra Alvi</t>
  </si>
  <si>
    <t>42745</t>
  </si>
  <si>
    <t>GHS CHAK NO.91/DB</t>
  </si>
  <si>
    <t>GOVT. HIGH SCHOOL 91/DB YAZMAN.</t>
  </si>
  <si>
    <t>chak no.91DB YAMAN</t>
  </si>
  <si>
    <t>CHAK NO.88DB YAZMAN</t>
  </si>
  <si>
    <t>48297</t>
  </si>
  <si>
    <t>GPS DOULAT PUR JADEED</t>
  </si>
  <si>
    <t>Doulat pur jadeed dera mah ka</t>
  </si>
  <si>
    <t>Doulat Pur Jadeed</t>
  </si>
  <si>
    <t>Hafiz Muhammad Zia Ul Hassan</t>
  </si>
  <si>
    <t>GPS CHAK NO.46/DB (W)</t>
  </si>
  <si>
    <t>46/DB West</t>
  </si>
  <si>
    <t>GPS 46/DB West</t>
  </si>
  <si>
    <t>Chak No 46/DB</t>
  </si>
  <si>
    <t>MUHAMMAD KHALID HUSSAIN</t>
  </si>
  <si>
    <t>GGPS BAGH WALA NEW</t>
  </si>
  <si>
    <t>chak bagh Wala dnb</t>
  </si>
  <si>
    <t>Bagh Wala DNB</t>
  </si>
  <si>
    <t>Chak # 35dnb</t>
  </si>
  <si>
    <t>MALEEHA MUKHTAR</t>
  </si>
  <si>
    <t>42756</t>
  </si>
  <si>
    <t>48329</t>
  </si>
  <si>
    <t>GES JALLA MAKHDOOM</t>
  </si>
  <si>
    <t>Jalla Makhdoom</t>
  </si>
  <si>
    <t>Govt Boys Elementary School Jalla Makdoom Tehsil Kotmomin District Sargodha</t>
  </si>
  <si>
    <t>GGPS BINDA JABBUANA</t>
  </si>
  <si>
    <t>Binda Jabboana</t>
  </si>
  <si>
    <t>Ggps binda jabboana</t>
  </si>
  <si>
    <t>Jabboana</t>
  </si>
  <si>
    <t>GPS DERA SANGRANA</t>
  </si>
  <si>
    <t>Dodah</t>
  </si>
  <si>
    <t>Dodah Tehsil kotmoman dist Sargodha</t>
  </si>
  <si>
    <t>Nalka Masjid</t>
  </si>
  <si>
    <t>Faisal Nazir</t>
  </si>
  <si>
    <t>42762</t>
  </si>
  <si>
    <t>GGPS CHAK NO.15/DNB</t>
  </si>
  <si>
    <t>15/DNB</t>
  </si>
  <si>
    <t>chak 15/DNB</t>
  </si>
  <si>
    <t>Sana Yaqoob</t>
  </si>
  <si>
    <t>48239</t>
  </si>
  <si>
    <t>GPS JANDALA</t>
  </si>
  <si>
    <t>Bucha Kalan</t>
  </si>
  <si>
    <t>Dera jandala,Bucha kalan Tehsil Kotmomin District Sargodha</t>
  </si>
  <si>
    <t>GGHS CHAK NO.108/DB</t>
  </si>
  <si>
    <t>chak no 108db</t>
  </si>
  <si>
    <t>108/db</t>
  </si>
  <si>
    <t>Chak 108/db</t>
  </si>
  <si>
    <t>sadia abbas</t>
  </si>
  <si>
    <t>45094</t>
  </si>
  <si>
    <t>GPS GURNA</t>
  </si>
  <si>
    <t>Gurna Tehsil kot momin district Sargodha</t>
  </si>
  <si>
    <t>48108</t>
  </si>
  <si>
    <t>GES BEHAK LURKA</t>
  </si>
  <si>
    <t>Behak Lurka</t>
  </si>
  <si>
    <t>village behak lurka via mangni pull</t>
  </si>
  <si>
    <t>Amaan Ullah</t>
  </si>
  <si>
    <t>6854</t>
  </si>
  <si>
    <t>49025</t>
  </si>
  <si>
    <t>GGPS KOT RUSTAM</t>
  </si>
  <si>
    <t>Kot Rustam</t>
  </si>
  <si>
    <t>mouza kot rustam</t>
  </si>
  <si>
    <t>Naureen Talat</t>
  </si>
  <si>
    <t>GGHS CHAK NO.1/DNB YAZMAN</t>
  </si>
  <si>
    <t>G. G. H School chak 1/ dnb</t>
  </si>
  <si>
    <t>1/ DNB</t>
  </si>
  <si>
    <t>Gulliram</t>
  </si>
  <si>
    <t>16823</t>
  </si>
  <si>
    <t>GHS WASU ASTANA</t>
  </si>
  <si>
    <t>WASU ASTANA TEHSIL 18 HAZARI JHANG</t>
  </si>
  <si>
    <t>MUHAMMAD NOOR ZAMAN</t>
  </si>
  <si>
    <t>42782</t>
  </si>
  <si>
    <t>GPS CHAK NO.40/DB</t>
  </si>
  <si>
    <t>40 DB</t>
  </si>
  <si>
    <t>chak no 40/DB</t>
  </si>
  <si>
    <t>Chak 40/DB</t>
  </si>
  <si>
    <t>Abd-ul-aziz</t>
  </si>
  <si>
    <t>GHS CHAK NO.67 SB</t>
  </si>
  <si>
    <t>Chak67sb</t>
  </si>
  <si>
    <t>chak 67 sb</t>
  </si>
  <si>
    <t>Chak 67 Sb</t>
  </si>
  <si>
    <t>GPS CHAK NO.44/DB (E)</t>
  </si>
  <si>
    <t>GPS Chak No. 44/DB(E)</t>
  </si>
  <si>
    <t>44/DB E</t>
  </si>
  <si>
    <t>Zameer Ahmad</t>
  </si>
  <si>
    <t>48258</t>
  </si>
  <si>
    <t>GPS DERA RANJIAN WALA</t>
  </si>
  <si>
    <t>Moazzam abad</t>
  </si>
  <si>
    <t>Moazzam abad Tehsil kotmomin district sargodha</t>
  </si>
  <si>
    <t>Ghulam Sarwar Qais</t>
  </si>
  <si>
    <t>GHS BULLO</t>
  </si>
  <si>
    <t>Bullo</t>
  </si>
  <si>
    <t>bullo p/o bullo 18 hazari jhang</t>
  </si>
  <si>
    <t>Dilbar Khan</t>
  </si>
  <si>
    <t>GGPS CHAK NO.42/DB COLONY</t>
  </si>
  <si>
    <t>Chak 42/DB</t>
  </si>
  <si>
    <t>Adda 42DB</t>
  </si>
  <si>
    <t>Chak 44DB</t>
  </si>
  <si>
    <t>Firdos Jabeen</t>
  </si>
  <si>
    <t>48270</t>
  </si>
  <si>
    <t>GPS VIRKAN WALI</t>
  </si>
  <si>
    <t>Virkan Wali</t>
  </si>
  <si>
    <t>42797</t>
  </si>
  <si>
    <t>48309</t>
  </si>
  <si>
    <t>GPS RAM REHAN</t>
  </si>
  <si>
    <t>Ram Rehan</t>
  </si>
  <si>
    <t>Village Ram Rehan PO Halal Pur Tehsil Kot Momin Dist Sargodha</t>
  </si>
  <si>
    <t>7197</t>
  </si>
  <si>
    <t>42798</t>
  </si>
  <si>
    <t>GGES CHAK NO.42/DB COLONY</t>
  </si>
  <si>
    <t>42 DB</t>
  </si>
  <si>
    <t>chak#42 DB colony tehsil yazma district bahawalpur</t>
  </si>
  <si>
    <t>Chak 42 DB colony</t>
  </si>
  <si>
    <t>Wahida Abbas</t>
  </si>
  <si>
    <t>GHS KOT MALDEV</t>
  </si>
  <si>
    <t>Kot Maldev</t>
  </si>
  <si>
    <t>Kot Maldev Tehsil 18 Hazari District Jhang</t>
  </si>
  <si>
    <t>Rana Muhammad Saeed</t>
  </si>
  <si>
    <t>48693</t>
  </si>
  <si>
    <t>GPS ADHAY SHAH</t>
  </si>
  <si>
    <t>Meela</t>
  </si>
  <si>
    <t>adhay Shah</t>
  </si>
  <si>
    <t>Adhay Shah</t>
  </si>
  <si>
    <t>Itrat Batool</t>
  </si>
  <si>
    <t>GES UDDIAN</t>
  </si>
  <si>
    <t>Uddian Sharif</t>
  </si>
  <si>
    <t>Uddian Sharif, Tehsil Kot Momin, District Sargodha.</t>
  </si>
  <si>
    <t>Halalpur</t>
  </si>
  <si>
    <t>Aon Abbas</t>
  </si>
  <si>
    <t>42802</t>
  </si>
  <si>
    <t>GPS CHAK NO 11 THAL</t>
  </si>
  <si>
    <t>Uchgulimmam</t>
  </si>
  <si>
    <t>GPS chakno 11thall</t>
  </si>
  <si>
    <t>Chakno11thall</t>
  </si>
  <si>
    <t>17366</t>
  </si>
  <si>
    <t>GGPS UCH GUL IMAM</t>
  </si>
  <si>
    <t>Uch Gul Imam</t>
  </si>
  <si>
    <t>ggps Uch gul imam</t>
  </si>
  <si>
    <t>GMPS CHAK NO.75/DNB (E)</t>
  </si>
  <si>
    <t>Chak 75/dnb E</t>
  </si>
  <si>
    <t>75/dnb east</t>
  </si>
  <si>
    <t>47/dnb</t>
  </si>
  <si>
    <t>Tabassum Jahan</t>
  </si>
  <si>
    <t>GPS DERA KARMANA BHAKAR</t>
  </si>
  <si>
    <t>Govt. p/S Dera Karmana Bakhar</t>
  </si>
  <si>
    <t>Saif Ahmad</t>
  </si>
  <si>
    <t>48234</t>
  </si>
  <si>
    <t>GPS DERA MUZAFFAR ALI</t>
  </si>
  <si>
    <t>gps dera muzafir ali bucha kalan kot momin east 2</t>
  </si>
  <si>
    <t>16891</t>
  </si>
  <si>
    <t>GES CHAK NO 10 THAL COLONY NO 4</t>
  </si>
  <si>
    <t>colony no 4 chak 10 thal</t>
  </si>
  <si>
    <t>Colony No 4</t>
  </si>
  <si>
    <t>Muhammad Moman Khan</t>
  </si>
  <si>
    <t>GGPS IQRA CHAK NO.50/DB (E) COLONY</t>
  </si>
  <si>
    <t>basti muslimabad chak no 50db E</t>
  </si>
  <si>
    <t>50db</t>
  </si>
  <si>
    <t>Nafees Abdul Rehman</t>
  </si>
  <si>
    <t>48697</t>
  </si>
  <si>
    <t>GMPS BHARATH SHARQI</t>
  </si>
  <si>
    <t>Bharth Sharqi</t>
  </si>
  <si>
    <t>48295</t>
  </si>
  <si>
    <t>48410</t>
  </si>
  <si>
    <t>GPS CHAK NO.61/DB</t>
  </si>
  <si>
    <t>61 db</t>
  </si>
  <si>
    <t>61 DB</t>
  </si>
  <si>
    <t>Hamid Pervez</t>
  </si>
  <si>
    <t>GGHS CHAK NO.103/DNB</t>
  </si>
  <si>
    <t>103DNB</t>
  </si>
  <si>
    <t>chak no 103/dnb post office same tehsil yazman district bahawalpur</t>
  </si>
  <si>
    <t>Imrozia sharif</t>
  </si>
  <si>
    <t>43737</t>
  </si>
  <si>
    <t>GES CHAK NO.10 SB</t>
  </si>
  <si>
    <t>Chak NO 10 SB</t>
  </si>
  <si>
    <t>chak NO 10 SB kot momin</t>
  </si>
  <si>
    <t>42825</t>
  </si>
  <si>
    <t>GPS CHAK NO.44/DB (W)</t>
  </si>
  <si>
    <t>chak 44/DB(W) tehsil yazman distt Bahawalpur</t>
  </si>
  <si>
    <t>Chak 44/DB</t>
  </si>
  <si>
    <t>GES CHAK NO.5/DNB</t>
  </si>
  <si>
    <t>Chak No 5 DNB</t>
  </si>
  <si>
    <t>chak no 5 dnb p/o box head rajkan tehsil yazman distt. bahawalpur</t>
  </si>
  <si>
    <t>M Riaz Shahid</t>
  </si>
  <si>
    <t>42828</t>
  </si>
  <si>
    <t>17022</t>
  </si>
  <si>
    <t>GES RASHEED PUR</t>
  </si>
  <si>
    <t>Mouza Rasheed Pur</t>
  </si>
  <si>
    <t>GPS NO.2 UPPI</t>
  </si>
  <si>
    <t>V Uppi Post office khas Tehsil Kotmoman Distt Sargodha</t>
  </si>
  <si>
    <t>Chk19 SB</t>
  </si>
  <si>
    <t>Khuram shahzad</t>
  </si>
  <si>
    <t>kikar wala 18 hazari jhang</t>
  </si>
  <si>
    <t>Anas Haleem Khan</t>
  </si>
  <si>
    <t>42836</t>
  </si>
  <si>
    <t>GPS TALIB WALA</t>
  </si>
  <si>
    <t>Talibwala</t>
  </si>
  <si>
    <t>Talibwala tehsil kotmomin District Sargodha</t>
  </si>
  <si>
    <t>Muhammad Zia Ul Haq Qasimi</t>
  </si>
  <si>
    <t>GGHS CHAK NO.117/DB</t>
  </si>
  <si>
    <t>chak no 117D/B</t>
  </si>
  <si>
    <t>Chak 117D/B</t>
  </si>
  <si>
    <t>SADIA JALIL KHAN</t>
  </si>
  <si>
    <t>GPS CHAK NO. 55/DB COLONY</t>
  </si>
  <si>
    <t>chak no 55/db colony</t>
  </si>
  <si>
    <t>chak no 54/db tehsil yazman district bahawalpur</t>
  </si>
  <si>
    <t>chak 55/db</t>
  </si>
  <si>
    <t>chak 50/db</t>
  </si>
  <si>
    <t>GPS RATTA DEWAN</t>
  </si>
  <si>
    <t>Ratta Dewan</t>
  </si>
  <si>
    <t>village ratta dewan post office sankhatra</t>
  </si>
  <si>
    <t>Muhammad Tanvir Akhtar</t>
  </si>
  <si>
    <t>GGES CHAK NO.70/DB</t>
  </si>
  <si>
    <t>Chak No 70 /db</t>
  </si>
  <si>
    <t>Govt Girls Elementary school 70/ DB</t>
  </si>
  <si>
    <t>Chak No 70/DB</t>
  </si>
  <si>
    <t>50238</t>
  </si>
  <si>
    <t>49820</t>
  </si>
  <si>
    <t>GHS CHAK NO.19/DNB</t>
  </si>
  <si>
    <t>GHS CHAK NO 19/DNB TEHSIL YAZMAN</t>
  </si>
  <si>
    <t>Chak no Ninteen  Dnb</t>
  </si>
  <si>
    <t>Chak no ThirtyFive Dnb</t>
  </si>
  <si>
    <t>GPS BALLOWALI</t>
  </si>
  <si>
    <t>Ballowali</t>
  </si>
  <si>
    <t>ballowali o/0sankhtra teh zafarwal dist narowal</t>
  </si>
  <si>
    <t>Sankhtra</t>
  </si>
  <si>
    <t>Azeem Haider</t>
  </si>
  <si>
    <t>53653</t>
  </si>
  <si>
    <t>GPS CHAK NO.77/DB CHOLISTAN</t>
  </si>
  <si>
    <t>Chak 77 Db</t>
  </si>
  <si>
    <t>Chak 77 db Cholistan</t>
  </si>
  <si>
    <t>Chak 75 Db</t>
  </si>
  <si>
    <t>GGES CHAK NO.110/DB OLD</t>
  </si>
  <si>
    <t>Chak # 110D/B.yazman.</t>
  </si>
  <si>
    <t>Chak 110D/B</t>
  </si>
  <si>
    <t>108 D/B</t>
  </si>
  <si>
    <t>GHS CHAK NO.83/DB</t>
  </si>
  <si>
    <t>Chak No83DB</t>
  </si>
  <si>
    <t>GHS 83/DB P/Office 90/DB Tehsil yazman district bahawal pur</t>
  </si>
  <si>
    <t>Chak No83/DB</t>
  </si>
  <si>
    <t>GGHS CHAK NO.68/DB JAJJA</t>
  </si>
  <si>
    <t>GGHS Chak No 68/DB (Jajja wala)Yazman</t>
  </si>
  <si>
    <t>Chak No 68/DB</t>
  </si>
  <si>
    <t>Shahina Kouser</t>
  </si>
  <si>
    <t>29395</t>
  </si>
  <si>
    <t>GHS CHAK NO.138/DB</t>
  </si>
  <si>
    <t>Chak No 138 Db</t>
  </si>
  <si>
    <t>CHAK no 138 DB TEHSIL YAZMAN DISTRICT bahawalpur</t>
  </si>
  <si>
    <t>CHAK No 138</t>
  </si>
  <si>
    <t>CHAK No 67 DB</t>
  </si>
  <si>
    <t>GES CHAK NO.108/DB</t>
  </si>
  <si>
    <t>CHAK NO.108db</t>
  </si>
  <si>
    <t>GPS CHAK NO.5/DRB</t>
  </si>
  <si>
    <t>Cholistan</t>
  </si>
  <si>
    <t>chak no 5/drb</t>
  </si>
  <si>
    <t>5/DRB</t>
  </si>
  <si>
    <t>GHS CHAK NO.45/DB</t>
  </si>
  <si>
    <t>Chak No. 45/DB Yazman</t>
  </si>
  <si>
    <t>P/O Chak 42/DB Chak No. 45/DB Yazman</t>
  </si>
  <si>
    <t>Riaz Ahmad Bhatti</t>
  </si>
  <si>
    <t>42844</t>
  </si>
  <si>
    <t>GPS KOT BAHADAR JANOOBI</t>
  </si>
  <si>
    <t>Kot  Aarian</t>
  </si>
  <si>
    <t>Kot Bahadar Janoobi tehsil 18 hazari district Jhang</t>
  </si>
  <si>
    <t>Kot Aarian</t>
  </si>
  <si>
    <t>M.C 18 Hazari</t>
  </si>
  <si>
    <t>Khurram Nawaz</t>
  </si>
  <si>
    <t>42845</t>
  </si>
  <si>
    <t>GPS MODEL CHAK NO.33/DNB</t>
  </si>
  <si>
    <t>Chak No 33/dnb</t>
  </si>
  <si>
    <t>chak no 33/dnb tez yazman dis BWP</t>
  </si>
  <si>
    <t>Chak No 35/dnb</t>
  </si>
  <si>
    <t>48264</t>
  </si>
  <si>
    <t>GPS DAVI DAS PURA</t>
  </si>
  <si>
    <t>Mustafaabad Davidaspura tehsil kotmomin district sargodha</t>
  </si>
  <si>
    <t>Mustafaabad Davidaspura</t>
  </si>
  <si>
    <t>Rana Muhammad Akram</t>
  </si>
  <si>
    <t>GES RATTA PUR REHAN</t>
  </si>
  <si>
    <t>ratta pur rehan</t>
  </si>
  <si>
    <t>P/O khas ratta pur rehan kotmoman sargodha</t>
  </si>
  <si>
    <t>lakseen</t>
  </si>
  <si>
    <t>Imran Furqan</t>
  </si>
  <si>
    <t>GHS CHAK NO.44/DNB</t>
  </si>
  <si>
    <t>Govt.High School Chak No.44/DNB Tehsil Yazman Bahawalpur</t>
  </si>
  <si>
    <t>Chak No.44/DNB</t>
  </si>
  <si>
    <t>Chak No.47/DNB</t>
  </si>
  <si>
    <t>GGPS CHHANI MUHAMMAD QAZI</t>
  </si>
  <si>
    <t>Channi Muhammad Qazi</t>
  </si>
  <si>
    <t>35279</t>
  </si>
  <si>
    <t>48337</t>
  </si>
  <si>
    <t>GPS JAN MUHAMMAD WALA</t>
  </si>
  <si>
    <t>jan muhammad wala</t>
  </si>
  <si>
    <t>GGHS CHAK NO.22/DNB</t>
  </si>
  <si>
    <t>CHAK 22/dnb</t>
  </si>
  <si>
    <t>CHAK NO 22/DNB TEHSIL YAZMAN</t>
  </si>
  <si>
    <t>CHAK NO 22/DNB</t>
  </si>
  <si>
    <t>Nousheen Ijaz</t>
  </si>
  <si>
    <t>48341</t>
  </si>
  <si>
    <t>Khalil Abad</t>
  </si>
  <si>
    <t>Khalil abad</t>
  </si>
  <si>
    <t>31586</t>
  </si>
  <si>
    <t>GHS JANU WALI CHOLISTAN</t>
  </si>
  <si>
    <t>Januwali</t>
  </si>
  <si>
    <t>Januwali Cholistan</t>
  </si>
  <si>
    <t>GES NO.2 HUJJAN</t>
  </si>
  <si>
    <t>Village And Post office Hujjan  Tehsil Kotmomin District Sargodha</t>
  </si>
  <si>
    <t>GES CHANDNA</t>
  </si>
  <si>
    <t>7/2 Thal Shumali Kot Shakir</t>
  </si>
  <si>
    <t>Abdul Rahim Qasim</t>
  </si>
  <si>
    <t>HAND PUMP- ELECTRIC MOTOR PUMP</t>
  </si>
  <si>
    <t>29512</t>
  </si>
  <si>
    <t>GES CHAUWAL</t>
  </si>
  <si>
    <t>Chaowal</t>
  </si>
  <si>
    <t>Govt E/S Chaowal kotmoman Sargodha</t>
  </si>
  <si>
    <t>Mubashar Muhammad khan Awan</t>
  </si>
  <si>
    <t>Sajhar</t>
  </si>
  <si>
    <t>Moza Sajhar P/O Machhiwal Teh. 18 Hazari Jhang</t>
  </si>
  <si>
    <t>Charian Wala</t>
  </si>
  <si>
    <t>Chak 7/1 Thal Janobi</t>
  </si>
  <si>
    <t>Altaf Hussain Malik</t>
  </si>
  <si>
    <t>GPS DERA MIANA</t>
  </si>
  <si>
    <t>Dera Miana Tehsiel kotmomin Dist. Sargodha</t>
  </si>
  <si>
    <t>Dera Miana</t>
  </si>
  <si>
    <t>Tehreem Arshad</t>
  </si>
  <si>
    <t>6728</t>
  </si>
  <si>
    <t>39101</t>
  </si>
  <si>
    <t>48519</t>
  </si>
  <si>
    <t>GGHS MEELA</t>
  </si>
  <si>
    <t>gghs Mela</t>
  </si>
  <si>
    <t>11374</t>
  </si>
  <si>
    <t>GPS KOT RUSTAM</t>
  </si>
  <si>
    <t>Mouza Kot Rustam tehsil 18hazari Distt jhang</t>
  </si>
  <si>
    <t>KOT Murad</t>
  </si>
  <si>
    <t>GPS SATTAN THAL</t>
  </si>
  <si>
    <t>Sttan Thall</t>
  </si>
  <si>
    <t>p.o box bharary moza sattan thall tehsil 18 hazari district jhang</t>
  </si>
  <si>
    <t>Sattan Thall</t>
  </si>
  <si>
    <t>Abdullah Shah</t>
  </si>
  <si>
    <t>48294</t>
  </si>
  <si>
    <t>GPS NO.2 MOAZAM ABAD</t>
  </si>
  <si>
    <t>GPS NO.2 MOAZZAMABAD</t>
  </si>
  <si>
    <t>GPS CHHANI DALL</t>
  </si>
  <si>
    <t>Chhani Dall</t>
  </si>
  <si>
    <t>Gps  chhani dall kotmomin east 2 srgodha</t>
  </si>
  <si>
    <t>48048</t>
  </si>
  <si>
    <t>GHS KOT MOMIN SALAM ROAD</t>
  </si>
  <si>
    <t>salim road KOTMOMIN</t>
  </si>
  <si>
    <t>48261</t>
  </si>
  <si>
    <t>Ser wala moazzamabad po khas Teh kotmomam distt sargodha</t>
  </si>
  <si>
    <t>Muhammad Obaid Ullah Asad</t>
  </si>
  <si>
    <t>GGES KOT BAHADAR JANOOBI</t>
  </si>
  <si>
    <t>Kot Bahadar Janoobi</t>
  </si>
  <si>
    <t>Kot Araiyan</t>
  </si>
  <si>
    <t>MC 18 Hazari</t>
  </si>
  <si>
    <t>Rabia kousar</t>
  </si>
  <si>
    <t>48256</t>
  </si>
  <si>
    <t>GPS WAISAN WALA</t>
  </si>
  <si>
    <t>Dera Waisan Wala</t>
  </si>
  <si>
    <t>GPS waisan wala</t>
  </si>
  <si>
    <t>17925</t>
  </si>
  <si>
    <t>GPS QAISER WALA (Newly Establlished)</t>
  </si>
  <si>
    <t>Qaisar Wala</t>
  </si>
  <si>
    <t>mouza qaisar wala tehsil 18 hazari district jhang</t>
  </si>
  <si>
    <t>Muhammad Asghar Ali  Khan</t>
  </si>
  <si>
    <t>GPS DERA LUNDA</t>
  </si>
  <si>
    <t>dera lunda moazzamabad</t>
  </si>
  <si>
    <t>Dera Lunda</t>
  </si>
  <si>
    <t>M Azam</t>
  </si>
  <si>
    <t>KOTMURAD</t>
  </si>
  <si>
    <t>MUZA KOTMURAD P/O PAHAR PUR TEHSIL 18-HAZARI JHANG</t>
  </si>
  <si>
    <t>MUHAMMAD MURTAZA KHAN</t>
  </si>
  <si>
    <t>48255</t>
  </si>
  <si>
    <t>GPS FIAZ ABAD</t>
  </si>
  <si>
    <t>Faizabad Kotmoman</t>
  </si>
  <si>
    <t>MC Kotmoman</t>
  </si>
  <si>
    <t>48326</t>
  </si>
  <si>
    <t>GPS BHIKHI KHURD</t>
  </si>
  <si>
    <t>Bhiki Khokran Wali</t>
  </si>
  <si>
    <t>bhikhi khurd</t>
  </si>
  <si>
    <t>Bhikhi Khokharanwali</t>
  </si>
  <si>
    <t>Jallamakhdoom</t>
  </si>
  <si>
    <t>Shamasulhasan</t>
  </si>
  <si>
    <t>GHSS RODU SULTAN</t>
  </si>
  <si>
    <t>RODU SULTAN P/O SAME TEHSIL 18-HAZARI, JHANG</t>
  </si>
  <si>
    <t>ATA-UR-RAHMAN KHAN</t>
  </si>
  <si>
    <t>GPS DERA MERMANA</t>
  </si>
  <si>
    <t>Gps dera marmana kot raja teh, kot momman dis,sargodha</t>
  </si>
  <si>
    <t>Dera Marmana</t>
  </si>
  <si>
    <t>48695</t>
  </si>
  <si>
    <t>GPS BHABRA DERA UMER HAYAT</t>
  </si>
  <si>
    <t>GPS Dera Umer Hayat Bhabra</t>
  </si>
  <si>
    <t>Mansoora Begum</t>
  </si>
  <si>
    <t>GES DARGAHI SHAH</t>
  </si>
  <si>
    <t>Dargahi Shah</t>
  </si>
  <si>
    <t>Dargahi Shah tehsil 18-Hazari district Jhang</t>
  </si>
  <si>
    <t>Jabuana</t>
  </si>
  <si>
    <t>muhammad saeed khan</t>
  </si>
  <si>
    <t>Ali Pur,Bangla Jhol Pur,Tehsil Kotmomin Dist. Sargodha</t>
  </si>
  <si>
    <t>M Pervez Akhtar</t>
  </si>
  <si>
    <t>GPS JAMAL PURA</t>
  </si>
  <si>
    <t>Jamal Pura</t>
  </si>
  <si>
    <t>jamal pura p/o raiwind</t>
  </si>
  <si>
    <t>Zahid Mumtaz Khan</t>
  </si>
  <si>
    <t>44605</t>
  </si>
  <si>
    <t>GES CHAK NO. 11 COLONY NO. 1 THAL</t>
  </si>
  <si>
    <t>Kashmir colony no 1 chak no 11 thal post office bhareri teh 18 Hazari district jhang</t>
  </si>
  <si>
    <t>Kashmir Colony No 1</t>
  </si>
  <si>
    <t>Tabarak Hussain</t>
  </si>
  <si>
    <t>10261</t>
  </si>
  <si>
    <t>42922</t>
  </si>
  <si>
    <t>48283</t>
  </si>
  <si>
    <t>GPS HAVELI BHADUR KHAN</t>
  </si>
  <si>
    <t>KotRaja</t>
  </si>
  <si>
    <t>Haveli Bahadur Khan KotRaja</t>
  </si>
  <si>
    <t>Haveli Bahadur Khan</t>
  </si>
  <si>
    <t>GPS THATI KALAN</t>
  </si>
  <si>
    <t>Thatti Kalan</t>
  </si>
  <si>
    <t>Thatti Kalan tehsil kot momin District Sargodha</t>
  </si>
  <si>
    <t>Take at Hazara</t>
  </si>
  <si>
    <t>GGPS HAQ BAHU COLONY</t>
  </si>
  <si>
    <t>Kot Noulan</t>
  </si>
  <si>
    <t>mouza kotnoulan haq bahu colony</t>
  </si>
  <si>
    <t>Haq Bahu Colony</t>
  </si>
  <si>
    <t>Azra Ashiq</t>
  </si>
  <si>
    <t>6888</t>
  </si>
  <si>
    <t>48290</t>
  </si>
  <si>
    <t>GPS DERA SALEH MUHAMMAD</t>
  </si>
  <si>
    <t>Dera Saleh Muhammad</t>
  </si>
  <si>
    <t>Tasawar Iqbal</t>
  </si>
  <si>
    <t>46534</t>
  </si>
  <si>
    <t>48259</t>
  </si>
  <si>
    <t>GPS CHAK NO.12 SB</t>
  </si>
  <si>
    <t>Chak 12 S B</t>
  </si>
  <si>
    <t>GPS chak 12 S B</t>
  </si>
  <si>
    <t>48702</t>
  </si>
  <si>
    <t>GMMS JHAREY WALA</t>
  </si>
  <si>
    <t>JHARI WALA TEHSIL KOTMOMIN DISTRICT SARGODHA</t>
  </si>
  <si>
    <t>JHARI WALA</t>
  </si>
  <si>
    <t>Arslan Hassnain</t>
  </si>
  <si>
    <t>17008</t>
  </si>
  <si>
    <t>GPS BASTI KHALIFA</t>
  </si>
  <si>
    <t>chah Challa wala wala mouza dargahi shah</t>
  </si>
  <si>
    <t>Chah Challa Wala Mouza Dargahi Shah</t>
  </si>
  <si>
    <t>Ghulam Muhammad Khan</t>
  </si>
  <si>
    <t>48288</t>
  </si>
  <si>
    <t>GPS HAVELI CHAK MUSIAN</t>
  </si>
  <si>
    <t>Haveli chak musian kot Raja</t>
  </si>
  <si>
    <t>Haveli Chak Musian</t>
  </si>
  <si>
    <t>Khuram Shehzad</t>
  </si>
  <si>
    <t>23790</t>
  </si>
  <si>
    <t>GPS CHAK 10 THAL COLONY NO. 2</t>
  </si>
  <si>
    <t>Chk 10 Thal</t>
  </si>
  <si>
    <t>jhang tensile 18hazari</t>
  </si>
  <si>
    <t>Clony2 Chk 10 Thal</t>
  </si>
  <si>
    <t>42941</t>
  </si>
  <si>
    <t>GPS WAN MIANA</t>
  </si>
  <si>
    <t>50614</t>
  </si>
  <si>
    <t>48275</t>
  </si>
  <si>
    <t>GPS DERA MIAN SHER</t>
  </si>
  <si>
    <t>dera mian sher lilhani</t>
  </si>
  <si>
    <t>Lilliani Dera Jat</t>
  </si>
  <si>
    <t>Rural Lilhani</t>
  </si>
  <si>
    <t>Zulafqar Hussain</t>
  </si>
  <si>
    <t>GPS MALKANA</t>
  </si>
  <si>
    <t>Malkana</t>
  </si>
  <si>
    <t>moza malkana</t>
  </si>
  <si>
    <t>Mc 18  Hazari</t>
  </si>
  <si>
    <t>30444</t>
  </si>
  <si>
    <t>42948</t>
  </si>
  <si>
    <t>48249</t>
  </si>
  <si>
    <t>GPS HUJJAN SHARQI</t>
  </si>
  <si>
    <t>Dera Ahme Rahme ka Hujjan</t>
  </si>
  <si>
    <t>Naveed Ahmed Yousufi</t>
  </si>
  <si>
    <t>48700</t>
  </si>
  <si>
    <t>GPS DODHA</t>
  </si>
  <si>
    <t>dodha p/o khas dodha</t>
  </si>
  <si>
    <t>Naveed Hayat</t>
  </si>
  <si>
    <t>48079</t>
  </si>
  <si>
    <t>39029</t>
  </si>
  <si>
    <t>42950</t>
  </si>
  <si>
    <t>GGPS CHAK 7 THAL</t>
  </si>
  <si>
    <t>Sattan Thal</t>
  </si>
  <si>
    <t>GGPS SATTAN THAL</t>
  </si>
  <si>
    <t>Chak1/10 Thal</t>
  </si>
  <si>
    <t>42952</t>
  </si>
  <si>
    <t>GES CHAK NO.11 SB</t>
  </si>
  <si>
    <t>Chak 11sb</t>
  </si>
  <si>
    <t>Govt E/S chak 11.sb</t>
  </si>
  <si>
    <t>48106</t>
  </si>
  <si>
    <t>GES CHAK NO.66 SB</t>
  </si>
  <si>
    <t>Chak No 66 SB</t>
  </si>
  <si>
    <t>Chak No 66 SB Tehsil Kotmomin District Sargodha</t>
  </si>
  <si>
    <t>Chak No 11 SB</t>
  </si>
  <si>
    <t>Zafar Iqbal Gondal</t>
  </si>
  <si>
    <t>GPS 5-MARLA SCHEME</t>
  </si>
  <si>
    <t>Chak  marla scheme jaboana</t>
  </si>
  <si>
    <t>Chak 5marla Scheme Jaboana</t>
  </si>
  <si>
    <t>Muhammad Zakria Khan</t>
  </si>
  <si>
    <t>54143</t>
  </si>
  <si>
    <t>GMPS MOUZA ALI KHANANA</t>
  </si>
  <si>
    <t>Ali Khanana</t>
  </si>
  <si>
    <t>near katcha pakka ahmad pur road moza ali khanana</t>
  </si>
  <si>
    <t>43439</t>
  </si>
  <si>
    <t>GPS TAROGILL</t>
  </si>
  <si>
    <t>Tarogill</t>
  </si>
  <si>
    <t>village tarogill near daak khana ada plot</t>
  </si>
  <si>
    <t>Bhobtiyaan</t>
  </si>
  <si>
    <t>Anam Ikram</t>
  </si>
  <si>
    <t>8853</t>
  </si>
  <si>
    <t>GES KHAMBA ALI RAZA ABAD</t>
  </si>
  <si>
    <t>Khamba</t>
  </si>
  <si>
    <t>nasheman e iqbal society</t>
  </si>
  <si>
    <t>ASHFAQ  AHMED</t>
  </si>
  <si>
    <t>45997</t>
  </si>
  <si>
    <t>GGPS CHONTRA UCHHALI</t>
  </si>
  <si>
    <t>P/O uchhali tehsil naushera distt khushab</t>
  </si>
  <si>
    <t>Tehmina Razzaq</t>
  </si>
  <si>
    <t>share from union council</t>
  </si>
  <si>
    <t>GPS CHOUNTRA UCHHALI</t>
  </si>
  <si>
    <t>VPO uchhali Tehsil Naushehra District khushab</t>
  </si>
  <si>
    <t>43446</t>
  </si>
  <si>
    <t>GPS KHUND</t>
  </si>
  <si>
    <t>Khand</t>
  </si>
  <si>
    <t>village khand p/O kahna Nao feroze pur road lahore</t>
  </si>
  <si>
    <t>GPS ATTO ASIL</t>
  </si>
  <si>
    <t>Atto Asal</t>
  </si>
  <si>
    <t>village atto asal</t>
  </si>
  <si>
    <t>Sraich</t>
  </si>
  <si>
    <t>43452</t>
  </si>
  <si>
    <t>GPS MEHDI PUR NAWAZISH ABAD</t>
  </si>
  <si>
    <t>mehdi pur village near green fort 2</t>
  </si>
  <si>
    <t>Mehdi Pur</t>
  </si>
  <si>
    <t>Izmeer Town</t>
  </si>
  <si>
    <t>Fazeelat Naik Muhammad</t>
  </si>
  <si>
    <t>GES CHAK 704/46 GB</t>
  </si>
  <si>
    <t>DARKHANA-MALE</t>
  </si>
  <si>
    <t>Gull pur</t>
  </si>
  <si>
    <t>Chak 704/46 GB</t>
  </si>
  <si>
    <t>Chak 694/36 GB</t>
  </si>
  <si>
    <t>Adnan Hameed</t>
  </si>
  <si>
    <t>31076</t>
  </si>
  <si>
    <t>GPS QILA NAWAN</t>
  </si>
  <si>
    <t>Qila Nawan Manga Mandi Lahore</t>
  </si>
  <si>
    <t>Qila Nawan Manga</t>
  </si>
  <si>
    <t>Manga Mandi</t>
  </si>
  <si>
    <t>HAFIZ NAZIR AHMAD</t>
  </si>
  <si>
    <t>43473</t>
  </si>
  <si>
    <t>GGPS GHANAKAR</t>
  </si>
  <si>
    <t>Ghanakar</t>
  </si>
  <si>
    <t>village ghanakar</t>
  </si>
  <si>
    <t>Shazia Ghulam Abbas</t>
  </si>
  <si>
    <t>GHS NAWAB BHOOTI</t>
  </si>
  <si>
    <t>Moza Nawab Bhooti Tehsil Pirmahal District Toba Tek Singh</t>
  </si>
  <si>
    <t>khawar naeem</t>
  </si>
  <si>
    <t>GPS JANJATTY</t>
  </si>
  <si>
    <t>Janjatay</t>
  </si>
  <si>
    <t>vpo janjatay near adda plot Lahore</t>
  </si>
  <si>
    <t>Jia Bagha</t>
  </si>
  <si>
    <t>GPS MODEL DHOPSARI LAHORE</t>
  </si>
  <si>
    <t>DHOPSARI</t>
  </si>
  <si>
    <t>Nai Abadi Sultankay Dhopsari</t>
  </si>
  <si>
    <t>Rumaisa Noreen</t>
  </si>
  <si>
    <t>GPS PUBLIC ISLAMIA LIAQAT ABAD KOT LAKHPAT</t>
  </si>
  <si>
    <t>19062</t>
  </si>
  <si>
    <t>GPS CHAK 675/16 GB</t>
  </si>
  <si>
    <t>Rajpoot Garh</t>
  </si>
  <si>
    <t>Chak no 675 /16 GB. Teh. PIRMAHAL</t>
  </si>
  <si>
    <t>675/16 GB</t>
  </si>
  <si>
    <t>674/15GB</t>
  </si>
  <si>
    <t>43497</t>
  </si>
  <si>
    <t>18864</t>
  </si>
  <si>
    <t>GES AKBAR SAHOO</t>
  </si>
  <si>
    <t>Akber Sahoo</t>
  </si>
  <si>
    <t>moza akber sahoo</t>
  </si>
  <si>
    <t>30793</t>
  </si>
  <si>
    <t>GPS MC MAKHDOOM ABAD CHUNGI AMERSIDHU</t>
  </si>
  <si>
    <t>Ali liaqat town chungi amar sidhu lahore</t>
  </si>
  <si>
    <t>Quaid e millat</t>
  </si>
  <si>
    <t>Khawar Ali</t>
  </si>
  <si>
    <t>30396</t>
  </si>
  <si>
    <t>GPS THEH DIAL SINGH</t>
  </si>
  <si>
    <t>Theh Dial Singh</t>
  </si>
  <si>
    <t>Mustafa abad feroz pur road Lahore Lalyyani</t>
  </si>
  <si>
    <t>Asif Ali Jutt</t>
  </si>
  <si>
    <t>30222</t>
  </si>
  <si>
    <t>GES RAKH CHANDRAI</t>
  </si>
  <si>
    <t>rakh chandrai</t>
  </si>
  <si>
    <t>28446</t>
  </si>
  <si>
    <t>43506</t>
  </si>
  <si>
    <t>GGES CHAK 328 GB</t>
  </si>
  <si>
    <t>Chak No 328 GB</t>
  </si>
  <si>
    <t>chak no 328 gb</t>
  </si>
  <si>
    <t>Chak No 328 Gb</t>
  </si>
  <si>
    <t>ChChk No 327 Gb</t>
  </si>
  <si>
    <t>43508</t>
  </si>
  <si>
    <t>30690</t>
  </si>
  <si>
    <t>GGPS MELA RAM</t>
  </si>
  <si>
    <t>Mela Ram</t>
  </si>
  <si>
    <t>GGPS Mela Ram</t>
  </si>
  <si>
    <t>MARIA RAFIQUE</t>
  </si>
  <si>
    <t>43509</t>
  </si>
  <si>
    <t>GPS LALA MAHER CHAND</t>
  </si>
  <si>
    <t>LALA MAHER CHAND</t>
  </si>
  <si>
    <t>Moza Lala Maher Chand Tehsil Pir Mahal District Toba Tek Singh</t>
  </si>
  <si>
    <t>Lala Maher Chand</t>
  </si>
  <si>
    <t>Muhammad Nadeem Aamir</t>
  </si>
  <si>
    <t>43511</t>
  </si>
  <si>
    <t>31338</t>
  </si>
  <si>
    <t>GGES KHAMBA</t>
  </si>
  <si>
    <t>Govt Girls Elementary School Khamba Lahore</t>
  </si>
  <si>
    <t>Ali Razaabad</t>
  </si>
  <si>
    <t>Farzana Sajjad</t>
  </si>
  <si>
    <t>31074</t>
  </si>
  <si>
    <t>GPS MOHLAN WAL KHURD</t>
  </si>
  <si>
    <t>Mohlanwal khurd multan road Lahore</t>
  </si>
  <si>
    <t>Mohlanwal Khurd</t>
  </si>
  <si>
    <t>MUHAMMAD SHOAIB ANJUM</t>
  </si>
  <si>
    <t>43514</t>
  </si>
  <si>
    <t>GHS CHAK 328 GB</t>
  </si>
  <si>
    <t>CHAK NO.328 G.B. TEHSIL PIRMAHAL DISTRICT TOBA TEK SINGH</t>
  </si>
  <si>
    <t>chak No.328 G.B.</t>
  </si>
  <si>
    <t>CHAK NO.327 G.B.</t>
  </si>
  <si>
    <t>Favad Farasat Rehman</t>
  </si>
  <si>
    <t>GPS MANAGA QILA SHER SINGH</t>
  </si>
  <si>
    <t>Manga Otaar</t>
  </si>
  <si>
    <t>GPS, Qila Sher Singh Manga Mandi Tehsil Raiwind District Lahore City</t>
  </si>
  <si>
    <t>UC Manga</t>
  </si>
  <si>
    <t>Hafiz Syed Muhammad Raza Shah</t>
  </si>
  <si>
    <t>43524</t>
  </si>
  <si>
    <t>GGPS HASSAN DA KOT</t>
  </si>
  <si>
    <t>HASSAN DA KOT</t>
  </si>
  <si>
    <t>HASSAN DA KOT LAHORE</t>
  </si>
  <si>
    <t>Lubna Yasmeen</t>
  </si>
  <si>
    <t>43534</t>
  </si>
  <si>
    <t>19086</t>
  </si>
  <si>
    <t>GMPS CHUNTRA SURGANA</t>
  </si>
  <si>
    <t>SANDHILIAN WALI FEMALE</t>
  </si>
  <si>
    <t>Chuntra Sargana</t>
  </si>
  <si>
    <t>moza Chuntra srgana</t>
  </si>
  <si>
    <t>Chak  No 762GB</t>
  </si>
  <si>
    <t>Zahra Nazar</t>
  </si>
  <si>
    <t>50810</t>
  </si>
  <si>
    <t>GGHS HALLOKI</t>
  </si>
  <si>
    <t>Halloki Tehsil Model Town Lahore</t>
  </si>
  <si>
    <t>Mrs. Bilquis Akhtar D/O Rafiq-ul-Hassan</t>
  </si>
  <si>
    <t>31191</t>
  </si>
  <si>
    <t>Qila nawan MANGA LAHORE</t>
  </si>
  <si>
    <t>GGHS JIA BAGGA RAIWIND ROAD</t>
  </si>
  <si>
    <t>Jia Bsgga</t>
  </si>
  <si>
    <t>post office jia bagga</t>
  </si>
  <si>
    <t>syeda Rashida Sami</t>
  </si>
  <si>
    <t>Motor pump with filter</t>
  </si>
  <si>
    <t>43558</t>
  </si>
  <si>
    <t>GGPS KOT JAHAN KHAN</t>
  </si>
  <si>
    <t>Kot Jehan Khan</t>
  </si>
  <si>
    <t>kot jehan khan</t>
  </si>
  <si>
    <t>Talab Saray</t>
  </si>
  <si>
    <t>Nabeela Kausar</t>
  </si>
  <si>
    <t>43559</t>
  </si>
  <si>
    <t>GPS RAM PUR</t>
  </si>
  <si>
    <t>Moza Ram Pur, Tehsil Pir Mahal, District Toba Tek Singh</t>
  </si>
  <si>
    <t>Moza Josa</t>
  </si>
  <si>
    <t>31109</t>
  </si>
  <si>
    <t>GGPS SHEIKH DA KOT</t>
  </si>
  <si>
    <t>SHEIKH  DA KOT</t>
  </si>
  <si>
    <t>SHEIKH.    DA. kOT</t>
  </si>
  <si>
    <t>SHAIKHH DA KoT  VILLAGE</t>
  </si>
  <si>
    <t>43563</t>
  </si>
  <si>
    <t>30667</t>
  </si>
  <si>
    <t>GGPS NABI BUKHSH WALA</t>
  </si>
  <si>
    <t>nabi bukhsh</t>
  </si>
  <si>
    <t>ggps nabi bukhsh</t>
  </si>
  <si>
    <t>pandoki</t>
  </si>
  <si>
    <t>Fouzia irshad</t>
  </si>
  <si>
    <t>30666</t>
  </si>
  <si>
    <t>GGPS BADHOKI</t>
  </si>
  <si>
    <t>Baddoki Lahore</t>
  </si>
  <si>
    <t>Sajida Aslam</t>
  </si>
  <si>
    <t>31041</t>
  </si>
  <si>
    <t>GPS RAIWIND VILLAGE</t>
  </si>
  <si>
    <t>gps raiwind village raiwind kalan</t>
  </si>
  <si>
    <t>Raiwind Vilage</t>
  </si>
  <si>
    <t>GPS CHAK 776 GB MAI SAPHROON</t>
  </si>
  <si>
    <t>Mai Saphooran</t>
  </si>
  <si>
    <t>Chak#776 GB P\O Mai Safoorain</t>
  </si>
  <si>
    <t>776 GB</t>
  </si>
  <si>
    <t>GHS PAKISTAN MODEL REHMAN PURA</t>
  </si>
  <si>
    <t>Ichhra</t>
  </si>
  <si>
    <t>C Block Rehmanpura Lhr</t>
  </si>
  <si>
    <t>30959</t>
  </si>
  <si>
    <t>GES WATNA</t>
  </si>
  <si>
    <t>Watna</t>
  </si>
  <si>
    <t>village watna post office raiwind distt lahore</t>
  </si>
  <si>
    <t>GGPS JHUGIAN CHAMRAN</t>
  </si>
  <si>
    <t>Jhughia Chambran</t>
  </si>
  <si>
    <t>Jhugian chambran</t>
  </si>
  <si>
    <t>Jhugian Chambran</t>
  </si>
  <si>
    <t>BUSHRA KHANUM</t>
  </si>
  <si>
    <t>GHS ARRIYAN RAIWIND ROAD</t>
  </si>
  <si>
    <t>ARRIYAN</t>
  </si>
  <si>
    <t>GHS ARRAIYAN RAIWIND ROAD LAHORE</t>
  </si>
  <si>
    <t>ARRAIYAN</t>
  </si>
  <si>
    <t>Ejaz Dastagir</t>
  </si>
  <si>
    <t>GPS KHUD PUR</t>
  </si>
  <si>
    <t>Khudpur</t>
  </si>
  <si>
    <t>khud pur</t>
  </si>
  <si>
    <t>Khud Pur</t>
  </si>
  <si>
    <t>Amna Jamal</t>
  </si>
  <si>
    <t>GPS BASTI GOPAYRA 719 GB</t>
  </si>
  <si>
    <t>Basti Gopy Ra 719 Gb</t>
  </si>
  <si>
    <t>chak no 719 GB</t>
  </si>
  <si>
    <t>719 Gb</t>
  </si>
  <si>
    <t>681/22</t>
  </si>
  <si>
    <t>GGPS DHOKIWALI LAHORE</t>
  </si>
  <si>
    <t>Village Dhokiwali</t>
  </si>
  <si>
    <t>Government Girls Primary school dhokiwali lahore</t>
  </si>
  <si>
    <t>Dhokiwali</t>
  </si>
  <si>
    <t>Sultankay</t>
  </si>
  <si>
    <t>Fouzia Ellahi</t>
  </si>
  <si>
    <t>43595</t>
  </si>
  <si>
    <t>19097</t>
  </si>
  <si>
    <t>GGPS CHAK 703/45 GB</t>
  </si>
  <si>
    <t>shorkot cantt</t>
  </si>
  <si>
    <t>703/45gb</t>
  </si>
  <si>
    <t>326gb</t>
  </si>
  <si>
    <t>Fakhra Yasmeen</t>
  </si>
  <si>
    <t>6447</t>
  </si>
  <si>
    <t>54307</t>
  </si>
  <si>
    <t>43596</t>
  </si>
  <si>
    <t>GPS CHAH SADDAY WALA</t>
  </si>
  <si>
    <t>Chah sadday wala</t>
  </si>
  <si>
    <t>Talab saray</t>
  </si>
  <si>
    <t>Hafiz Muhammad Tayyab Shah</t>
  </si>
  <si>
    <t>43603</t>
  </si>
  <si>
    <t>GGPS DULLO KALAN</t>
  </si>
  <si>
    <t>Dullu Kalan</t>
  </si>
  <si>
    <t>dullu kalan behind ferozpur road lhr</t>
  </si>
  <si>
    <t>Dullu Khurd</t>
  </si>
  <si>
    <t>Shazia Rehman</t>
  </si>
  <si>
    <t>19399</t>
  </si>
  <si>
    <t>GPS CHAK 332 GB I</t>
  </si>
  <si>
    <t>chack no 332 GB Azafi Abadi</t>
  </si>
  <si>
    <t>Chack 332 GB</t>
  </si>
  <si>
    <t>Chack No 333 Gb</t>
  </si>
  <si>
    <t>MUHAMMAD IMRAN ASIF</t>
  </si>
  <si>
    <t>43612</t>
  </si>
  <si>
    <t>GPS SULTAN PURA</t>
  </si>
  <si>
    <t>sultan pura Pandoki lahore</t>
  </si>
  <si>
    <t>Mumtaz ali</t>
  </si>
  <si>
    <t>30687</t>
  </si>
  <si>
    <t>Khalid Town</t>
  </si>
  <si>
    <t>Govt girls primary school khalid abd, khalid town lahore</t>
  </si>
  <si>
    <t>Gajju Matta</t>
  </si>
  <si>
    <t>31065</t>
  </si>
  <si>
    <t>GES KAMAS</t>
  </si>
  <si>
    <t>Kamas</t>
  </si>
  <si>
    <t>village kamas p/o raiwind district Lahore city</t>
  </si>
  <si>
    <t>Kashif Naveed Ch</t>
  </si>
  <si>
    <t>GPS NANKA GHADIR</t>
  </si>
  <si>
    <t>Nanka Gidar</t>
  </si>
  <si>
    <t>moza nanka gadir tehsil pirmahal district toba tek singh</t>
  </si>
  <si>
    <t>GPS CHAK 692/34 GB</t>
  </si>
  <si>
    <t>692/34 GB</t>
  </si>
  <si>
    <t>chak no 692/34 GB</t>
  </si>
  <si>
    <t>M Mazhar Khan</t>
  </si>
  <si>
    <t>43630</t>
  </si>
  <si>
    <t>GGES MANAK</t>
  </si>
  <si>
    <t>VILLAGE MANAK</t>
  </si>
  <si>
    <t>SABA JAVAID</t>
  </si>
  <si>
    <t>39114</t>
  </si>
  <si>
    <t>GGPS S-A MODEL BHABHARA</t>
  </si>
  <si>
    <t>Bhabra Gopal Nagar</t>
  </si>
  <si>
    <t>Near Graveyard Bhabra</t>
  </si>
  <si>
    <t>Bhabra</t>
  </si>
  <si>
    <t>Naseer Abad</t>
  </si>
  <si>
    <t>GPS CHAK 759 GB</t>
  </si>
  <si>
    <t>759gb</t>
  </si>
  <si>
    <t>khurshidabad</t>
  </si>
  <si>
    <t>Muhammad Zakir</t>
  </si>
  <si>
    <t>GGPS NULAN DE JALLAR</t>
  </si>
  <si>
    <t>MARAKA</t>
  </si>
  <si>
    <t>Nolan de jallar Bahria town lahore</t>
  </si>
  <si>
    <t>Nolan de jallar</t>
  </si>
  <si>
    <t>SADIA NAZIR</t>
  </si>
  <si>
    <t>43636</t>
  </si>
  <si>
    <t>GPS BHOOTI</t>
  </si>
  <si>
    <t>Bhooti</t>
  </si>
  <si>
    <t>chak no.bhooti tehsil pirmahal district toba tek singh</t>
  </si>
  <si>
    <t>Chak 689/33</t>
  </si>
  <si>
    <t>31148</t>
  </si>
  <si>
    <t>GGPS ALI GARH</t>
  </si>
  <si>
    <t>Ggps Aligarh kachi kothi raiwind road Lahore</t>
  </si>
  <si>
    <t>Khalida Zafar</t>
  </si>
  <si>
    <t>32250</t>
  </si>
  <si>
    <t>GPS CHAK 331 GB SALEEM PUR</t>
  </si>
  <si>
    <t>331gb</t>
  </si>
  <si>
    <t>chak no 331gb saleem pur</t>
  </si>
  <si>
    <t>331gb Saleem Pur</t>
  </si>
  <si>
    <t>Farah Maqbool</t>
  </si>
  <si>
    <t>31778</t>
  </si>
  <si>
    <t>GGES ANWAR UL TALEEM ICHARA</t>
  </si>
  <si>
    <t>ahatamolchand</t>
  </si>
  <si>
    <t>government Anwar ul taleem girls middle School ichara Lahore cantt</t>
  </si>
  <si>
    <t>GPS MUHAMMADDIA GHOUSIA</t>
  </si>
  <si>
    <t>stop no 5 kahna nau</t>
  </si>
  <si>
    <t>GPS CHAK 760 GB I NASIR NAGAR</t>
  </si>
  <si>
    <t>760gb Nasir Nagar</t>
  </si>
  <si>
    <t>GGHS CHAK 327 GB</t>
  </si>
  <si>
    <t>CHAK NO 327 GB</t>
  </si>
  <si>
    <t>GGHS  CHAK 327 G.B TEH PIRMAHAL  TTS.</t>
  </si>
  <si>
    <t>CHAK 327 G.B</t>
  </si>
  <si>
    <t>CHAK NO. 327 G.B</t>
  </si>
  <si>
    <t>SAADIA SARWAR</t>
  </si>
  <si>
    <t>10176</t>
  </si>
  <si>
    <t>GHSS MANGA MANDI</t>
  </si>
  <si>
    <t>Manga Mandi Multan road lahore</t>
  </si>
  <si>
    <t>Manga Mandu</t>
  </si>
  <si>
    <t>Liaqat Ali Malik</t>
  </si>
  <si>
    <t>129318</t>
  </si>
  <si>
    <t>7515</t>
  </si>
  <si>
    <t>43661</t>
  </si>
  <si>
    <t>GGES AHSAL SULEMAN</t>
  </si>
  <si>
    <t>Asal Suleman</t>
  </si>
  <si>
    <t>Asal suleman</t>
  </si>
  <si>
    <t>Qaisera Tasneem</t>
  </si>
  <si>
    <t>GGPS PINDI RAJPUTAN</t>
  </si>
  <si>
    <t>hazoori masjid , street no. 7 Pindi rajputtan Lahore</t>
  </si>
  <si>
    <t>Pindi Rajputtan</t>
  </si>
  <si>
    <t>GPS CHAK 679/20 GB</t>
  </si>
  <si>
    <t>Chak No 679/20 GB tehsil Pirmahal T.T.Singh</t>
  </si>
  <si>
    <t>Chak no 679/20 GB</t>
  </si>
  <si>
    <t>chak no 670/11 gB</t>
  </si>
  <si>
    <t>HAFIZA WARDA RASHID</t>
  </si>
  <si>
    <t>43671</t>
  </si>
  <si>
    <t>GPS HAVELI HARI KHAN</t>
  </si>
  <si>
    <t>Railway phatak Jodhu Dheer , Haveli Jammu wali</t>
  </si>
  <si>
    <t>Haveli Hari Khan</t>
  </si>
  <si>
    <t>GHS JABOANA JHANG</t>
  </si>
  <si>
    <t>Mauza Jabboana Tehsil 18- Hazari District Jhang</t>
  </si>
  <si>
    <t>nasir abbas nadeem</t>
  </si>
  <si>
    <t>GHS SOBHIANA GHARBI</t>
  </si>
  <si>
    <t>SOBHIANA GHARBI</t>
  </si>
  <si>
    <t>VILLAGE HASSAN NAGAR MOUZA SOBHIANA GHARBI</t>
  </si>
  <si>
    <t>HASSAN NAGAR</t>
  </si>
  <si>
    <t>MUBBASHIR HASSAN KHAN</t>
  </si>
  <si>
    <t>48061</t>
  </si>
  <si>
    <t>GHSS HUJJAN</t>
  </si>
  <si>
    <t>hujjan</t>
  </si>
  <si>
    <t>MASOOD HUSNAN SHAH</t>
  </si>
  <si>
    <t>17347</t>
  </si>
  <si>
    <t>GGPS JAMALI KHURD NO. 2</t>
  </si>
  <si>
    <t>GGPS Jamali Khurd No. 2. Near 18 Hazari District Jhang</t>
  </si>
  <si>
    <t>43087</t>
  </si>
  <si>
    <t>48090</t>
  </si>
  <si>
    <t>GGHS BHABRA</t>
  </si>
  <si>
    <t>gghs bhabra</t>
  </si>
  <si>
    <t>shabana shaheen</t>
  </si>
  <si>
    <t>Ghs Lashari</t>
  </si>
  <si>
    <t>Kot Muraad</t>
  </si>
  <si>
    <t>MUNEER AHMAD</t>
  </si>
  <si>
    <t>GPS NO.1 BHABRA</t>
  </si>
  <si>
    <t>Bhabhra</t>
  </si>
  <si>
    <t>maghrabi mohallah sheikhaan bhabra teh kotmomin distt sargodha</t>
  </si>
  <si>
    <t>GMPS GURNA COLONY PO LAKSIAN</t>
  </si>
  <si>
    <t>Rehan Wal</t>
  </si>
  <si>
    <t>gurna colony p/o Lakseen, tehsil kot moman distt. sargodha</t>
  </si>
  <si>
    <t>Gurna Colony</t>
  </si>
  <si>
    <t>GPS SANA PUR NOON</t>
  </si>
  <si>
    <t>Chak No12 Sb</t>
  </si>
  <si>
    <t>GPS Sanapur Noon Chak no. 12 Sb.</t>
  </si>
  <si>
    <t>Jinnah colony</t>
  </si>
  <si>
    <t>48066</t>
  </si>
  <si>
    <t>GHS LAKSEEN</t>
  </si>
  <si>
    <t>GHS Lakseen</t>
  </si>
  <si>
    <t>masud ur rasool</t>
  </si>
  <si>
    <t>GGPS DAL MOR</t>
  </si>
  <si>
    <t>Dall More</t>
  </si>
  <si>
    <t>GGPS Dall More Tehsil 18-Hazari District Jhang</t>
  </si>
  <si>
    <t>48858</t>
  </si>
  <si>
    <t>GGHS KOT SHAKIR</t>
  </si>
  <si>
    <t>kot Shakir</t>
  </si>
  <si>
    <t>7/2 Thal Shumali</t>
  </si>
  <si>
    <t>43129</t>
  </si>
  <si>
    <t>48157</t>
  </si>
  <si>
    <t>GGES JALLAH MUKHDOM</t>
  </si>
  <si>
    <t>Jallah mukhdoom</t>
  </si>
  <si>
    <t>Jallah Mukhdoom</t>
  </si>
  <si>
    <t>Anees Rani</t>
  </si>
  <si>
    <t>43130</t>
  </si>
  <si>
    <t>54088</t>
  </si>
  <si>
    <t>GGPS BHARAYRI</t>
  </si>
  <si>
    <t>Bharari</t>
  </si>
  <si>
    <t>GGPS Bharari Tehsil 18-Hazari District Jhang</t>
  </si>
  <si>
    <t>7/2 Thal Janobi</t>
  </si>
  <si>
    <t>48338</t>
  </si>
  <si>
    <t>GMPS BADEEN</t>
  </si>
  <si>
    <t>BADEEN</t>
  </si>
  <si>
    <t>GES PAHAR PUR</t>
  </si>
  <si>
    <t>p/o pahar pur tehseel 18 hazari distt jhang</t>
  </si>
  <si>
    <t>54203</t>
  </si>
  <si>
    <t>GGPS BAGH LASHARI</t>
  </si>
  <si>
    <t>mouza lashari tehsil 18 hazari district jhang</t>
  </si>
  <si>
    <t>43783</t>
  </si>
  <si>
    <t>GHS UCH GUL IMAM</t>
  </si>
  <si>
    <t>ghsuchgulimam@gmail.com</t>
  </si>
  <si>
    <t>Such Gul Imam</t>
  </si>
  <si>
    <t>Ejaz Hussain Baqi</t>
  </si>
  <si>
    <t>GMPS RAHEN WALA PO TALIB WALA</t>
  </si>
  <si>
    <t>Rehanwal</t>
  </si>
  <si>
    <t>Rehanwal Tehsil Kotmoman District Sargodha</t>
  </si>
  <si>
    <t>18863</t>
  </si>
  <si>
    <t>GMPS AHLI JASPAL</t>
  </si>
  <si>
    <t>Ahli jaspal haveli Gujaran</t>
  </si>
  <si>
    <t>Mamoona Anees Gondal</t>
  </si>
  <si>
    <t>47101</t>
  </si>
  <si>
    <t>GGPS CHAK 764 GB</t>
  </si>
  <si>
    <t>Chak 764</t>
  </si>
  <si>
    <t>chak no 764 G.B</t>
  </si>
  <si>
    <t>Chak no 764 GB</t>
  </si>
  <si>
    <t>48527</t>
  </si>
  <si>
    <t>GGES CHAK NO.67 SB</t>
  </si>
  <si>
    <t>Chak No 67SB</t>
  </si>
  <si>
    <t>Chak No. 67S.B. tehsil kotmomin district sargodha</t>
  </si>
  <si>
    <t>Haseeba Khanam</t>
  </si>
  <si>
    <t>48263</t>
  </si>
  <si>
    <t>haveli chak musian mateela Teh. kot moman disst sargodha</t>
  </si>
  <si>
    <t>Haveli chak musian</t>
  </si>
  <si>
    <t>Mazhar iqbal</t>
  </si>
  <si>
    <t>43152</t>
  </si>
  <si>
    <t>GPS NO.3 BHABRA</t>
  </si>
  <si>
    <t>GPS NO. 3 bhabra</t>
  </si>
  <si>
    <t>Abdul Gaffar Shaheen</t>
  </si>
  <si>
    <t>46113</t>
  </si>
  <si>
    <t>GGHS UCHHALI</t>
  </si>
  <si>
    <t>gghs uchhali vpo uchhali</t>
  </si>
  <si>
    <t>UChhali</t>
  </si>
  <si>
    <t>48529</t>
  </si>
  <si>
    <t>GGCMS ABADI RANGLA</t>
  </si>
  <si>
    <t>G G C M S ABADI RANGLA</t>
  </si>
  <si>
    <t>Lilliani Rural</t>
  </si>
  <si>
    <t>Anam Aslam</t>
  </si>
  <si>
    <t>GPS BAGH SHAMAS DIN</t>
  </si>
  <si>
    <t>Bagh Shamas Din</t>
  </si>
  <si>
    <t>bagh shamas din</t>
  </si>
  <si>
    <t>Arslan Mushtaq</t>
  </si>
  <si>
    <t>45806</t>
  </si>
  <si>
    <t>GPS SODHI BALA</t>
  </si>
  <si>
    <t>herdo sodhi tahseel Naushera district khushab</t>
  </si>
  <si>
    <t>Sodhi Bala</t>
  </si>
  <si>
    <t>Malik Qumar Ul Haq Awan</t>
  </si>
  <si>
    <t>46165</t>
  </si>
  <si>
    <t>GGHS KUFRI</t>
  </si>
  <si>
    <t>Govt Girls High School kufri</t>
  </si>
  <si>
    <t>Nasim Fatima</t>
  </si>
  <si>
    <t>GPS CHAUDHARY WALA</t>
  </si>
  <si>
    <t>kot Khuda bakhash Mela Kot momin sargodha</t>
  </si>
  <si>
    <t>Kot Khuda Bakhash</t>
  </si>
  <si>
    <t>46105</t>
  </si>
  <si>
    <t>GGHS JABA</t>
  </si>
  <si>
    <t>vpo Jaba</t>
  </si>
  <si>
    <t>45802</t>
  </si>
  <si>
    <t>GPS NO. 1 NAUSHERA</t>
  </si>
  <si>
    <t>Noushera</t>
  </si>
  <si>
    <t>Noushera Tehsil Noushera district Khushab</t>
  </si>
  <si>
    <t>MC Noushera</t>
  </si>
  <si>
    <t>Shukat Iqbal</t>
  </si>
  <si>
    <t>45796</t>
  </si>
  <si>
    <t>GPS MANAWAN</t>
  </si>
  <si>
    <t>Manawan</t>
  </si>
  <si>
    <t>Manawan, tehsil Naushera</t>
  </si>
  <si>
    <t>Sadeeq Abad</t>
  </si>
  <si>
    <t>Muhammad Aamer Shahzad</t>
  </si>
  <si>
    <t>45803</t>
  </si>
  <si>
    <t>GPS NO. 3 NAUSHERA</t>
  </si>
  <si>
    <t>Mohallah Saddal Naushera.</t>
  </si>
  <si>
    <t>46134</t>
  </si>
  <si>
    <t>GHS KHABEKI</t>
  </si>
  <si>
    <t>GHS KHABEKI TEHSIL NAUSHEHRA DISTRICT KHUSHAB</t>
  </si>
  <si>
    <t>SHER AFZAL</t>
  </si>
  <si>
    <t>31078</t>
  </si>
  <si>
    <t>GPS SAMADH</t>
  </si>
  <si>
    <t>Manga Mangi Mandi</t>
  </si>
  <si>
    <t>Samadh Manga mandi</t>
  </si>
  <si>
    <t>Samadh</t>
  </si>
  <si>
    <t>Muhammad Sarfaraz</t>
  </si>
  <si>
    <t>46164</t>
  </si>
  <si>
    <t>GGHS KHURA</t>
  </si>
  <si>
    <t>vpo khura Tehsil naushera district khushab</t>
  </si>
  <si>
    <t>56125</t>
  </si>
  <si>
    <t>GGPS NAHALA RAIWIND</t>
  </si>
  <si>
    <t>Nahla</t>
  </si>
  <si>
    <t>GGPS Nahla near Glammer Adda Manga Road Raiwind LHR</t>
  </si>
  <si>
    <t>43194</t>
  </si>
  <si>
    <t>54829</t>
  </si>
  <si>
    <t>GPS MEHFOOZABAD</t>
  </si>
  <si>
    <t>Govt PS Mehfoozabad</t>
  </si>
  <si>
    <t>46071</t>
  </si>
  <si>
    <t>GES DHADHAR</t>
  </si>
  <si>
    <t>30680</t>
  </si>
  <si>
    <t>GGPS JATHOL LAHORE CANTT.</t>
  </si>
  <si>
    <t>Jathol</t>
  </si>
  <si>
    <t>village jathol near kamaha</t>
  </si>
  <si>
    <t>Zeenat Saher</t>
  </si>
  <si>
    <t>GHS CHAK 694/36 GB</t>
  </si>
  <si>
    <t>Chak No694/36</t>
  </si>
  <si>
    <t>CHAK 694/36 GB TEHSIL PIRMAHAL TT SINGH</t>
  </si>
  <si>
    <t>CHAK 694/36 GB</t>
  </si>
  <si>
    <t>Muhammad Zawar</t>
  </si>
  <si>
    <t>43681</t>
  </si>
  <si>
    <t>GGPS QILA TARAR</t>
  </si>
  <si>
    <t>Qillla Tarrar</t>
  </si>
  <si>
    <t>Qilla Tarrar</t>
  </si>
  <si>
    <t>Manga Otar</t>
  </si>
  <si>
    <t>31067</t>
  </si>
  <si>
    <t>GPS KHAMBANA WALA</t>
  </si>
  <si>
    <t>Khamban Wala</t>
  </si>
  <si>
    <t>Village Wara khamban wala tehsil raiwind district lahore</t>
  </si>
  <si>
    <t>Wara Khamban Wala</t>
  </si>
  <si>
    <t>Talab Saraay</t>
  </si>
  <si>
    <t>GPS GHANG SHARIF</t>
  </si>
  <si>
    <t>Ghang Sharif</t>
  </si>
  <si>
    <t>Jiabagga</t>
  </si>
  <si>
    <t>GPS CHAK 757 GB</t>
  </si>
  <si>
    <t>Chak 757 Gb</t>
  </si>
  <si>
    <t>chak 757 GB tehsil pirmahal,district toba tek Singh.</t>
  </si>
  <si>
    <t>GGES CDG MODEL NARGIS BLOCK IQBAL TOWN</t>
  </si>
  <si>
    <t>GGES.CDGNargis block Iqbal town lahore</t>
  </si>
  <si>
    <t>Huma Block</t>
  </si>
  <si>
    <t>9608</t>
  </si>
  <si>
    <t>54072</t>
  </si>
  <si>
    <t>GPS CHAK 719 GB</t>
  </si>
  <si>
    <t>Chak 719gb</t>
  </si>
  <si>
    <t>GPS chak 719 Gb</t>
  </si>
  <si>
    <t>Chak719 Gb</t>
  </si>
  <si>
    <t>Muhammad Sarwar Ijaz</t>
  </si>
  <si>
    <t>48891</t>
  </si>
  <si>
    <t>GGES MARAKA VILLAGE</t>
  </si>
  <si>
    <t>Govt girls middle school maraka village</t>
  </si>
  <si>
    <t>Nabila Fardous</t>
  </si>
  <si>
    <t>GGPS CHAK 765 GB</t>
  </si>
  <si>
    <t>Moza 765</t>
  </si>
  <si>
    <t>765GB</t>
  </si>
  <si>
    <t>Mehreen Raza Jafary</t>
  </si>
  <si>
    <t>GES BATH MULTAN ROAD</t>
  </si>
  <si>
    <t>GES Batth multan road Lahore</t>
  </si>
  <si>
    <t>Manga Tarray</t>
  </si>
  <si>
    <t>Anwar Ali Shah</t>
  </si>
  <si>
    <t>GPS JAWAIA PANWAR</t>
  </si>
  <si>
    <t>Jawaya Punwr</t>
  </si>
  <si>
    <t>Moza Jawaya Punwar P/O Sandhilianwali Tehsil Pir Mahal District To a Tel Singh</t>
  </si>
  <si>
    <t>Jawaya Punwar</t>
  </si>
  <si>
    <t>Chak No 762 GB</t>
  </si>
  <si>
    <t>GPS CHAK 771 GB</t>
  </si>
  <si>
    <t>CHAK NO 771 GB</t>
  </si>
  <si>
    <t>Chak no 771 gb</t>
  </si>
  <si>
    <t>Chak No 771 Gb</t>
  </si>
  <si>
    <t>Muhammad  Ahmad</t>
  </si>
  <si>
    <t>GGHS BHUCHOKEY MAJHA</t>
  </si>
  <si>
    <t>Govt.Girls H/S Bhuchoki Mahja  Raiwind Lahore</t>
  </si>
  <si>
    <t>30514</t>
  </si>
  <si>
    <t>GGPS TIDDIAN DE JALLAR FEROZ PUR ROAD LAHORE</t>
  </si>
  <si>
    <t>Kahana Markz</t>
  </si>
  <si>
    <t>GGP/S TIDDIAN DE JHALLAR bank stop Lahore</t>
  </si>
  <si>
    <t>Tiddian de Jhallar</t>
  </si>
  <si>
    <t>Baba Farid Colony</t>
  </si>
  <si>
    <t>GGPS CDG B-1 TOWNSHIP</t>
  </si>
  <si>
    <t>GGPS CDG  PS 12_B_1 Twnship LHR</t>
  </si>
  <si>
    <t>GGES BAGRIAN GREEN TOWN</t>
  </si>
  <si>
    <t>Bagrian Lahore</t>
  </si>
  <si>
    <t>bagrian dharam chand</t>
  </si>
  <si>
    <t>Bagrian Dharam Chand</t>
  </si>
  <si>
    <t>GGPS CHAH TAMOLI</t>
  </si>
  <si>
    <t>CHAH TAMOLI no. 1</t>
  </si>
  <si>
    <t>Chah Tamoli</t>
  </si>
  <si>
    <t>Talab Saraey</t>
  </si>
  <si>
    <t>Anam Aisha</t>
  </si>
  <si>
    <t>31717</t>
  </si>
  <si>
    <t>GHS SHER SHAH COLONY LAHORE</t>
  </si>
  <si>
    <t>b block sher shah colony raiwind road lahore</t>
  </si>
  <si>
    <t>Mian Zahoor Ul Haq</t>
  </si>
  <si>
    <t>GGES CDG WAFAQI COLONY</t>
  </si>
  <si>
    <t>Shah di Khui</t>
  </si>
  <si>
    <t>Govt Girls Elementry School CDG, Wafaqi Colony, Lhr</t>
  </si>
  <si>
    <t>Wafaqi Colony</t>
  </si>
  <si>
    <t>Johar Town</t>
  </si>
  <si>
    <t>Aisha Aqeel</t>
  </si>
  <si>
    <t>GGPS MOUZA RAM PUR</t>
  </si>
  <si>
    <t>moza rampur</t>
  </si>
  <si>
    <t>Aasia bibi</t>
  </si>
  <si>
    <t>GGPS CHAK 678/19 GB</t>
  </si>
  <si>
    <t>678/19 GB</t>
  </si>
  <si>
    <t>GGPS 678/19 GB</t>
  </si>
  <si>
    <t>Chak #678/19 GB</t>
  </si>
  <si>
    <t>Chak #670/11</t>
  </si>
  <si>
    <t>Samina Tanvir</t>
  </si>
  <si>
    <t>GPS ASLAM JUNIOR MODEL B-II TOWNSHIP</t>
  </si>
  <si>
    <t>3 B 2 Township Lahore</t>
  </si>
  <si>
    <t>30485</t>
  </si>
  <si>
    <t>village toor P/O Kahna Nau,Lahore</t>
  </si>
  <si>
    <t>Sohail Nazir</t>
  </si>
  <si>
    <t>GHS LADHEKE UNCHEY</t>
  </si>
  <si>
    <t>Ladhake Unchay</t>
  </si>
  <si>
    <t>ladhake unchay raiwind lahore</t>
  </si>
  <si>
    <t>Jiya Baga</t>
  </si>
  <si>
    <t>GGPS SHAHZADA</t>
  </si>
  <si>
    <t>shahzada village</t>
  </si>
  <si>
    <t>43766</t>
  </si>
  <si>
    <t>GPS LADHAKI BHULLAR</t>
  </si>
  <si>
    <t>village ladhay kay bhullar feroz pur road lhr</t>
  </si>
  <si>
    <t>Ladhay Kay Bhullar</t>
  </si>
  <si>
    <t>Syed Muhammad Shaheryar</t>
  </si>
  <si>
    <t>19106</t>
  </si>
  <si>
    <t>GMPS CHAK 747 GB</t>
  </si>
  <si>
    <t>Chak 747gb</t>
  </si>
  <si>
    <t>Chak No.747gbTeh.Pirmahal Distt.T.T.Singh</t>
  </si>
  <si>
    <t>Chak747gb</t>
  </si>
  <si>
    <t>AZMAT ALI</t>
  </si>
  <si>
    <t>43773</t>
  </si>
  <si>
    <t>GHS TOWNSHIP MAIN MARKET</t>
  </si>
  <si>
    <t>ghs township main market lahore</t>
  </si>
  <si>
    <t>18981</t>
  </si>
  <si>
    <t>GPS CHAK 676/17 GB</t>
  </si>
  <si>
    <t>676/17</t>
  </si>
  <si>
    <t>676/17gb</t>
  </si>
  <si>
    <t>676/17Gb</t>
  </si>
  <si>
    <t>759Gb</t>
  </si>
  <si>
    <t>GGHSS MANGA MANDI MULTAN ROAD</t>
  </si>
  <si>
    <t>Manga Mandi Multan Road Lahore</t>
  </si>
  <si>
    <t>Manga Mandi taarer</t>
  </si>
  <si>
    <t>Tabassum Ilyass</t>
  </si>
  <si>
    <t>GHS MODEL APS  MODEL TOWN</t>
  </si>
  <si>
    <t>B-Block Model Town Lahore</t>
  </si>
  <si>
    <t>Rana atta mohammad</t>
  </si>
  <si>
    <t>30496</t>
  </si>
  <si>
    <t>GPS NAWAN PIND PANDOKI</t>
  </si>
  <si>
    <t>nawan pind pandoki dakkhana kahna no lahore</t>
  </si>
  <si>
    <t>Nawa Pind Pandoki</t>
  </si>
  <si>
    <t>Mohammed Siddique</t>
  </si>
  <si>
    <t>18942</t>
  </si>
  <si>
    <t>GES CHAK 763 GB</t>
  </si>
  <si>
    <t>763gb</t>
  </si>
  <si>
    <t>GES763gb</t>
  </si>
  <si>
    <t>762gb</t>
  </si>
  <si>
    <t>GES KARYAL</t>
  </si>
  <si>
    <t>Araiyan</t>
  </si>
  <si>
    <t>GGHS SADHOKEY LAHORE CITY</t>
  </si>
  <si>
    <t>Opposite DHA phase 11, rahber Sector 1, Defence road, Village Sadhokey, LAhore</t>
  </si>
  <si>
    <t>Sadhokey</t>
  </si>
  <si>
    <t>Sattokatla</t>
  </si>
  <si>
    <t>Javaria Jamil</t>
  </si>
  <si>
    <t>GPS CHAK 682/23 GB</t>
  </si>
  <si>
    <t>PIR MAHAL CITY MALE</t>
  </si>
  <si>
    <t>Chak No 682/23 GB 682/23gb 682/23gb</t>
  </si>
  <si>
    <t>GPS Chak No. 682/23gb the.pirmahal .Dist. T T Singh</t>
  </si>
  <si>
    <t>Chak No 682/23gb</t>
  </si>
  <si>
    <t>Chak No 674/15gb</t>
  </si>
  <si>
    <t>Wasim Ahmed</t>
  </si>
  <si>
    <t>GGPS NANKA GIDDAR</t>
  </si>
  <si>
    <t>Nanka Gidder</t>
  </si>
  <si>
    <t>Nanka giddar pir mahal</t>
  </si>
  <si>
    <t>Lubna Shakeela</t>
  </si>
  <si>
    <t>GPS CHAK 754 GB</t>
  </si>
  <si>
    <t>754 GB</t>
  </si>
  <si>
    <t>chak no 754 p/o 755 teh peer ahal dist T T Singh</t>
  </si>
  <si>
    <t>Chak No 754 GB</t>
  </si>
  <si>
    <t>Chak No 694 G</t>
  </si>
  <si>
    <t>GGES NISARAN-E-ISLAM CENTRAL JAIL</t>
  </si>
  <si>
    <t>govtg middle s central jail KT lakhpat lhr</t>
  </si>
  <si>
    <t>Amina Falak Sher</t>
  </si>
  <si>
    <t>30208</t>
  </si>
  <si>
    <t>GES BAHARI COLONY GREEN TOWN LAHORE</t>
  </si>
  <si>
    <t>Govt. E/S BEHARI COLONY GREEN TOWN Lahore</t>
  </si>
  <si>
    <t>GPS NABI BUX WALA</t>
  </si>
  <si>
    <t>village nabi bux lhr</t>
  </si>
  <si>
    <t>Muhammad  Younas</t>
  </si>
  <si>
    <t>43812</t>
  </si>
  <si>
    <t>GGPS AROTI</t>
  </si>
  <si>
    <t>mouza arooti tehsil pirmahal district toba tek singh</t>
  </si>
  <si>
    <t>Maryam Batool</t>
  </si>
  <si>
    <t>GPS CHAK 312 GB</t>
  </si>
  <si>
    <t>312gb tehsil pirmahal distt. ttsingh</t>
  </si>
  <si>
    <t>312gb</t>
  </si>
  <si>
    <t>Muhammad Ather Rashid</t>
  </si>
  <si>
    <t>GPS CHAK 334 GB</t>
  </si>
  <si>
    <t>Chak No 334 GB</t>
  </si>
  <si>
    <t>Chak no 334 GB markaz faridabad tehsil pirmahal district toba tek singh</t>
  </si>
  <si>
    <t>Zahid Pervaiz</t>
  </si>
  <si>
    <t>52106</t>
  </si>
  <si>
    <t>GGPS CHAK 770 GB</t>
  </si>
  <si>
    <t>770 GB</t>
  </si>
  <si>
    <t>Chak num 770 GB tehsil pirmahal</t>
  </si>
  <si>
    <t>694 GB</t>
  </si>
  <si>
    <t>Sana Tahir</t>
  </si>
  <si>
    <t>GHS CHAK 720 GB</t>
  </si>
  <si>
    <t>Chak No 720 GB</t>
  </si>
  <si>
    <t>Chak No 681/22 GB</t>
  </si>
  <si>
    <t>19090</t>
  </si>
  <si>
    <t>GGPS BASTI IRSHAD SARGANA</t>
  </si>
  <si>
    <t>basti irshad sargana</t>
  </si>
  <si>
    <t>bhooti</t>
  </si>
  <si>
    <t>19102</t>
  </si>
  <si>
    <t>GGPS CHAK 695/37 GB</t>
  </si>
  <si>
    <t>Chak No 695/37 Gb</t>
  </si>
  <si>
    <t>chak no 695/37 gb Tehsil Pir Mahal District Toba Tak Singh</t>
  </si>
  <si>
    <t>694/36 Gb</t>
  </si>
  <si>
    <t>ISLAM Pura</t>
  </si>
  <si>
    <t>Islam pura kahna nau Lahore</t>
  </si>
  <si>
    <t>Islamic Pura</t>
  </si>
  <si>
    <t>Hallo Ki</t>
  </si>
  <si>
    <t>18966</t>
  </si>
  <si>
    <t>GPS CHAK 703/45 GB I</t>
  </si>
  <si>
    <t>703 Gb</t>
  </si>
  <si>
    <t>govt PS 703/45 gb</t>
  </si>
  <si>
    <t>Chak No 703/45 Gb</t>
  </si>
  <si>
    <t>Chak No 703/26 Gb</t>
  </si>
  <si>
    <t>M Bukhsh Khalid</t>
  </si>
  <si>
    <t>6396</t>
  </si>
  <si>
    <t>44871</t>
  </si>
  <si>
    <t>GPS NANGAR</t>
  </si>
  <si>
    <t>Nangar</t>
  </si>
  <si>
    <t>village Nangar post office Kahna Mou Lahore</t>
  </si>
  <si>
    <t>Ghulqm Murtaza</t>
  </si>
  <si>
    <t>26396</t>
  </si>
  <si>
    <t>GHS CHAK 689/31 GB</t>
  </si>
  <si>
    <t>GHS Chak No 689/31 GB</t>
  </si>
  <si>
    <t>chak no 689/31 gb</t>
  </si>
  <si>
    <t>Shahid Waheed</t>
  </si>
  <si>
    <t>18852</t>
  </si>
  <si>
    <t>GHS NO.1 PIR MAHAL</t>
  </si>
  <si>
    <t>PIRMAHAL</t>
  </si>
  <si>
    <t>GOVT. HIGH SCHOOL NO. 1 PIRMAHAL</t>
  </si>
  <si>
    <t>MADINA BLOCK</t>
  </si>
  <si>
    <t>TOWN COMMITTEE PIRMAHAL</t>
  </si>
  <si>
    <t>Ch Jamat Ali Malhi</t>
  </si>
  <si>
    <t>GPS DULLO KALAN LINK FEROZPUR ROAD LAHORE</t>
  </si>
  <si>
    <t>dullo kalan</t>
  </si>
  <si>
    <t>gps dullo kalan link ferozpur road</t>
  </si>
  <si>
    <t>dullo khurd kalan</t>
  </si>
  <si>
    <t>M Haroon</t>
  </si>
  <si>
    <t>43855</t>
  </si>
  <si>
    <t>GGHS CHAK 680/21 GB</t>
  </si>
  <si>
    <t>Chak 680 GB</t>
  </si>
  <si>
    <t>Chak No. 680/21 GB Tehsil Pirmahal</t>
  </si>
  <si>
    <t>Chak No 680/21 GB</t>
  </si>
  <si>
    <t>Chak 670 GB</t>
  </si>
  <si>
    <t>GPS GULWEHRA</t>
  </si>
  <si>
    <t>Gulwahra</t>
  </si>
  <si>
    <t>gulwahra</t>
  </si>
  <si>
    <t>AAS MUHAMMAD</t>
  </si>
  <si>
    <t>43859</t>
  </si>
  <si>
    <t>GES DEV KALAN</t>
  </si>
  <si>
    <t>Dev kalan,DHA Prism phase 9 Feroze pur road 7 km off Lahore</t>
  </si>
  <si>
    <t>GGHS CHAK 689/31 GB</t>
  </si>
  <si>
    <t>Chak No. 689/31 GB Pirmahal</t>
  </si>
  <si>
    <t>Chak No 689/31 GB</t>
  </si>
  <si>
    <t>ammara saleem</t>
  </si>
  <si>
    <t>GGPS 757 GB</t>
  </si>
  <si>
    <t>Chak No757 GB</t>
  </si>
  <si>
    <t>Chak No.757 GB Tesil Pirmahal</t>
  </si>
  <si>
    <t>Zarina Begum</t>
  </si>
  <si>
    <t>43864</t>
  </si>
  <si>
    <t>18938</t>
  </si>
  <si>
    <t>GGHS CHAK 669/10 GB</t>
  </si>
  <si>
    <t>Chak No 669/10GB</t>
  </si>
  <si>
    <t>chak no. 669/10 gb pirmahal</t>
  </si>
  <si>
    <t>Chak No 669/10 Gb</t>
  </si>
  <si>
    <t>Chak No 670/11 Gb</t>
  </si>
  <si>
    <t>Asima Sabir</t>
  </si>
  <si>
    <t>GHSS ATTACHED WITH GCET KOT LAKHPAT</t>
  </si>
  <si>
    <t>Chandrai Road Chungi Amer Sidhu Lhr</t>
  </si>
  <si>
    <t>Quaid e Millat Colony</t>
  </si>
  <si>
    <t>Muhammad Mohsin Iqbal</t>
  </si>
  <si>
    <t>GPS SECTOR 5 A-II TOWNSHIP</t>
  </si>
  <si>
    <t>5A2 hamdard chowk.Township lhr.</t>
  </si>
  <si>
    <t>Sector A2 Township</t>
  </si>
  <si>
    <t>Amera Aslam</t>
  </si>
  <si>
    <t>43879</t>
  </si>
  <si>
    <t>GGPS BULAIR</t>
  </si>
  <si>
    <t>Bullhar</t>
  </si>
  <si>
    <t>ggps bullhar lahore</t>
  </si>
  <si>
    <t>Asma Nazir</t>
  </si>
  <si>
    <t>43873</t>
  </si>
  <si>
    <t>GGPS CDG HUMA BLOCK FLATS</t>
  </si>
  <si>
    <t>CDG P/S huma block flats iqbal town lahore</t>
  </si>
  <si>
    <t>Iqbal Town Lahore</t>
  </si>
  <si>
    <t>Kashmir Block</t>
  </si>
  <si>
    <t>Aisha Asad</t>
  </si>
  <si>
    <t>GGPS AZIZIA PUNJAB SOCIETY</t>
  </si>
  <si>
    <t>Punjab Society</t>
  </si>
  <si>
    <t>C 2 PGECHS LHR</t>
  </si>
  <si>
    <t>Satto Katla</t>
  </si>
  <si>
    <t>Fazilat Ambreen</t>
  </si>
  <si>
    <t>16935</t>
  </si>
  <si>
    <t>GHS CDG AMER SIDHU</t>
  </si>
  <si>
    <t>Amer Sidhu Lahore</t>
  </si>
  <si>
    <t>opposite PEL factory ferozpur road Lahore</t>
  </si>
  <si>
    <t>NAEEM UL HASSAN AYYAZ</t>
  </si>
  <si>
    <t>mazile pump</t>
  </si>
  <si>
    <t>GPS ASIL SULEMAN</t>
  </si>
  <si>
    <t>Asil Suleman</t>
  </si>
  <si>
    <t>village asil sulen post office kahna nau tehsil and district Lahore</t>
  </si>
  <si>
    <t>Munawwar Hussain Zahid</t>
  </si>
  <si>
    <t>30802</t>
  </si>
  <si>
    <t>GHS CDG TAKIA LEHRI SHAH</t>
  </si>
  <si>
    <t>CDG boys High School Takia Lehri Shah Ichra Lahore</t>
  </si>
  <si>
    <t>Lahore Cant</t>
  </si>
  <si>
    <t>Taj Ali Shazad</t>
  </si>
  <si>
    <t>GGPS JHUGIAN MUHAMMAD BAKHSH</t>
  </si>
  <si>
    <t>Jallo More</t>
  </si>
  <si>
    <t>jhuggian Muhammad bakhsh</t>
  </si>
  <si>
    <t>Jhuggian Muhammad Bakhsh</t>
  </si>
  <si>
    <t>Do Gary Kallan</t>
  </si>
  <si>
    <t>Mrs Tasneem Iftikhar</t>
  </si>
  <si>
    <t>30629</t>
  </si>
  <si>
    <t>GGPS WARA MOHLAY WASIAN</t>
  </si>
  <si>
    <t>wara Mohlay wasian</t>
  </si>
  <si>
    <t>Wara Mohlay Wasian</t>
  </si>
  <si>
    <t>Marina Naseer</t>
  </si>
  <si>
    <t>GGPS BHATTA</t>
  </si>
  <si>
    <t>GGPS bhatta Lahore Shalimar town Cantt</t>
  </si>
  <si>
    <t>Dograekalan</t>
  </si>
  <si>
    <t>GPS ARABIC SHAH SHAMS</t>
  </si>
  <si>
    <t>SAHLAN</t>
  </si>
  <si>
    <t>BASTI KOT NORA NEAR CENTRAL JAIL ROAD BAHAWALLPUR</t>
  </si>
  <si>
    <t>KOT NORA</t>
  </si>
  <si>
    <t>3293</t>
  </si>
  <si>
    <t>GPS DERA MASTI</t>
  </si>
  <si>
    <t>Deramasti</t>
  </si>
  <si>
    <t>Basti dera masti Markez Deramasti</t>
  </si>
  <si>
    <t>GHAREEBABAD</t>
  </si>
  <si>
    <t>GGHS JHANGI WALI</t>
  </si>
  <si>
    <t>Jhangiwali</t>
  </si>
  <si>
    <t>basti maqboolabad near ada jhangiwali bwp</t>
  </si>
  <si>
    <t>Maqboolabad</t>
  </si>
  <si>
    <t>52419</t>
  </si>
  <si>
    <t>GGES MASAIKEY WALI</t>
  </si>
  <si>
    <t>Msaikeywali</t>
  </si>
  <si>
    <t>GGES MASAIKEWALI POST OFFICE KOT BARY KHAN TEH AND DISTT.GUJRANWALA</t>
  </si>
  <si>
    <t>44281</t>
  </si>
  <si>
    <t>GGHS GHAFOOR ABAD</t>
  </si>
  <si>
    <t>Khanoo wali</t>
  </si>
  <si>
    <t>GGES CDG BHAGBAN PURA BHOGIWAL</t>
  </si>
  <si>
    <t>CDGGES BHOGIWAL BAGHBANPURA LHR</t>
  </si>
  <si>
    <t>Madhulal Hussain</t>
  </si>
  <si>
    <t>GGPS NABI SHAH KHURD</t>
  </si>
  <si>
    <t>CHAK MUBARAK - FEMALE</t>
  </si>
  <si>
    <t>Nabi Shah Khurd</t>
  </si>
  <si>
    <t>Nabi shah khurd</t>
  </si>
  <si>
    <t>Subra Shakoor</t>
  </si>
  <si>
    <t>GGPS NANDI PUR VILLAGE</t>
  </si>
  <si>
    <t>GGPS NANNDIPUR VILLAGE</t>
  </si>
  <si>
    <t>Bhatibhango</t>
  </si>
  <si>
    <t>Asima Akbar</t>
  </si>
  <si>
    <t>GGES NANDI PUR RESERCH</t>
  </si>
  <si>
    <t>Nandipur Research</t>
  </si>
  <si>
    <t>hydraulic research station nandipur Research gujranwala</t>
  </si>
  <si>
    <t>Zahida Nazir</t>
  </si>
  <si>
    <t>GPS GOTH GEHNA</t>
  </si>
  <si>
    <t>Goth Gehna</t>
  </si>
  <si>
    <t>basti ghena near sama satta</t>
  </si>
  <si>
    <t>Basti Goth Ghena</t>
  </si>
  <si>
    <t>Khanowali</t>
  </si>
  <si>
    <t>Ayesha Aleen Raja</t>
  </si>
  <si>
    <t>GPS BALLEY WALA</t>
  </si>
  <si>
    <t>Balleywala</t>
  </si>
  <si>
    <t>Balleywala GRW</t>
  </si>
  <si>
    <t>BALLEYWALA</t>
  </si>
  <si>
    <t>Jalalbalagan</t>
  </si>
  <si>
    <t>5701</t>
  </si>
  <si>
    <t>48623</t>
  </si>
  <si>
    <t>GGPS CHAK SAIDA</t>
  </si>
  <si>
    <t>CHAK SIADA - FEMALE</t>
  </si>
  <si>
    <t>chak saida nawan lok</t>
  </si>
  <si>
    <t>GPS NO. 1 LADHAY WALA WARRAICH</t>
  </si>
  <si>
    <t>Ladhewala Warraich</t>
  </si>
  <si>
    <t>Hafizabad Road Near Tanki Paniwali GPS No.1 Ladhewala Warraich GRW</t>
  </si>
  <si>
    <t>GMPS NAROKAY</t>
  </si>
  <si>
    <t>Narokay</t>
  </si>
  <si>
    <t>Narokay. p/o kohlowala  Gujranwala</t>
  </si>
  <si>
    <t>samina Hanif</t>
  </si>
  <si>
    <t>GHS MANGWANI</t>
  </si>
  <si>
    <t>mangwani</t>
  </si>
  <si>
    <t>govt. high school mangwani p/O dera bakha district and tehsil bahawalpur</t>
  </si>
  <si>
    <t>GHS DERA IZZAT</t>
  </si>
  <si>
    <t>Dera Izzar</t>
  </si>
  <si>
    <t>SYED SAJJAD HUSSAIN BUKHARI</t>
  </si>
  <si>
    <t>gg p/s baqir pur, Baqir pur Bahawalpur</t>
  </si>
  <si>
    <t>BWP City III</t>
  </si>
  <si>
    <t>Nuzhat Alam</t>
  </si>
  <si>
    <t>30357</t>
  </si>
  <si>
    <t>GPS CHAPPA</t>
  </si>
  <si>
    <t>Chappa</t>
  </si>
  <si>
    <t>Village. Chappa post office Bata pur Lahore</t>
  </si>
  <si>
    <t>20755</t>
  </si>
  <si>
    <t>GGES NATT</t>
  </si>
  <si>
    <t>Nutt</t>
  </si>
  <si>
    <t>Butala Jhanda Singh</t>
  </si>
  <si>
    <t>Amna Malik</t>
  </si>
  <si>
    <t>GHS FATTOO WALI</t>
  </si>
  <si>
    <t>FATTOOWALI</t>
  </si>
  <si>
    <t>Chowck fattoowali sammasatta Road bwp.</t>
  </si>
  <si>
    <t>GPS BASTI RIDDAN BAHAWALPUR</t>
  </si>
  <si>
    <t>Dera Izat</t>
  </si>
  <si>
    <t>Basti riddan</t>
  </si>
  <si>
    <t>saif ul haq</t>
  </si>
  <si>
    <t>20661</t>
  </si>
  <si>
    <t>GGES BAWRAY</t>
  </si>
  <si>
    <t>Bawary</t>
  </si>
  <si>
    <t>p.o. talwandi musa Khan village bawary gujranwala</t>
  </si>
  <si>
    <t>Saiqa</t>
  </si>
  <si>
    <t>GGPS RANJHAIAN WALA</t>
  </si>
  <si>
    <t>Irum Yasmin Malik</t>
  </si>
  <si>
    <t>GGPS MC AHMED PURI GATE BAHAWAL PUR</t>
  </si>
  <si>
    <t>fateh khan bazar</t>
  </si>
  <si>
    <t>48652</t>
  </si>
  <si>
    <t>GGPS AMLI WALA BHERA</t>
  </si>
  <si>
    <t>moh. sheesh mehal bhera</t>
  </si>
  <si>
    <t>Shehsh Mabel Bhera</t>
  </si>
  <si>
    <t>Saima Nazar</t>
  </si>
  <si>
    <t>GGPS MC UNION COUNCIL NO.2 BAHAWALPUR</t>
  </si>
  <si>
    <t>muhalla Rahman shahi bazaar bahawalpur</t>
  </si>
  <si>
    <t>City A</t>
  </si>
  <si>
    <t>Muhalla Rahman</t>
  </si>
  <si>
    <t>Waheeda Amin</t>
  </si>
  <si>
    <t>GGPS JAMIA RAHEEMIA</t>
  </si>
  <si>
    <t>THellah Noor Jahanian</t>
  </si>
  <si>
    <t>GGPS Jamia Rahimia thella noor jahanian BWP</t>
  </si>
  <si>
    <t>City BWP</t>
  </si>
  <si>
    <t>GPS MODEL BASTI HORIAN</t>
  </si>
  <si>
    <t>Weeslan</t>
  </si>
  <si>
    <t>basti horrian</t>
  </si>
  <si>
    <t>Basti Horrian</t>
  </si>
  <si>
    <t>GES KOHLO WALA</t>
  </si>
  <si>
    <t>GUJRANWALA SADAR 2 - MALE</t>
  </si>
  <si>
    <t>kohlowala</t>
  </si>
  <si>
    <t>GGHS JUNIOR MODEL HABIB COLONY BAHAWALPUR</t>
  </si>
  <si>
    <t>Street # 5, GGHS Junior Model, Bahawalpur</t>
  </si>
  <si>
    <t>SHAHIDA KOUSAR</t>
  </si>
  <si>
    <t>44747</t>
  </si>
  <si>
    <t>GES CHAK NIZAM</t>
  </si>
  <si>
    <t>Chak Nizam Kalan Kalah</t>
  </si>
  <si>
    <t>GES chak nizam kalan gujranwala</t>
  </si>
  <si>
    <t>Chak Nizam Kalan</t>
  </si>
  <si>
    <t>Musaddaq Rashid</t>
  </si>
  <si>
    <t>GGPS REHMAN PURA</t>
  </si>
  <si>
    <t>Harbnspura</t>
  </si>
  <si>
    <t>G.G.P/S REHMANPURA</t>
  </si>
  <si>
    <t>Ranipind</t>
  </si>
  <si>
    <t>Shabana Kauser</t>
  </si>
  <si>
    <t>44762</t>
  </si>
  <si>
    <t>GGES RAKH KIKRAN WALI</t>
  </si>
  <si>
    <t>Rakh Kikranwali</t>
  </si>
  <si>
    <t>Rakh Kikranwali, feroz wala  road gujranwala</t>
  </si>
  <si>
    <t>Fakhra Daud</t>
  </si>
  <si>
    <t>44767</t>
  </si>
  <si>
    <t>GHS AROOP</t>
  </si>
  <si>
    <t>GHS AROOP - GUJRANWALA</t>
  </si>
  <si>
    <t>TARIQ HAMEED RATHORE</t>
  </si>
  <si>
    <t>Water n Hand Pump</t>
  </si>
  <si>
    <t>44772</t>
  </si>
  <si>
    <t>30183</t>
  </si>
  <si>
    <t>GGHSS JALLO MORE</t>
  </si>
  <si>
    <t>jallomore</t>
  </si>
  <si>
    <t>main bazar jallomore</t>
  </si>
  <si>
    <t>Jallomore</t>
  </si>
  <si>
    <t>Waheeda Zulfiqar</t>
  </si>
  <si>
    <t>GMPS KOTLA TIPPA</t>
  </si>
  <si>
    <t>Kotla Tappa</t>
  </si>
  <si>
    <t>kotla tappa</t>
  </si>
  <si>
    <t>44774</t>
  </si>
  <si>
    <t>GGPS NO. 1 QILA DIDAR SINGH</t>
  </si>
  <si>
    <t>Mohallah qabristan wala Qila didar singh</t>
  </si>
  <si>
    <t>Fazeelat shaheen</t>
  </si>
  <si>
    <t>44778</t>
  </si>
  <si>
    <t>GMPS KOT QAZI</t>
  </si>
  <si>
    <t>Sabeeqa Zahid</t>
  </si>
  <si>
    <t>GGHS CDG JUNIOR MODEL KOTLI PIR ABDUL REHMAN</t>
  </si>
  <si>
    <t>CDG GHS Kotli Peer Abdul Rehman Baghbanpura Lahore</t>
  </si>
  <si>
    <t>Kotli Peer Abdul Rehman</t>
  </si>
  <si>
    <t>Kotli Peer Abdul Rehman Lhr</t>
  </si>
  <si>
    <t>MISBAH AFZAL</t>
  </si>
  <si>
    <t>45630</t>
  </si>
  <si>
    <t>GGHS MODEL MUGALPURA</t>
  </si>
  <si>
    <t>GOVT. MODEL GHS STREET NO 21 RAMGARH COLONY MUGHALPURA LHR</t>
  </si>
  <si>
    <t>Ramgarh</t>
  </si>
  <si>
    <t>Rubina Miraj</t>
  </si>
  <si>
    <t>30499</t>
  </si>
  <si>
    <t>GPS HAVELI CHAITU WALI</t>
  </si>
  <si>
    <t>They Panjo</t>
  </si>
  <si>
    <t>havali chetu  wali,kahna nau lahore</t>
  </si>
  <si>
    <t>Havali Chetu Wali</t>
  </si>
  <si>
    <t>They Panjoo</t>
  </si>
  <si>
    <t>20530</t>
  </si>
  <si>
    <t>GGES KAMOON MALHI</t>
  </si>
  <si>
    <t>Kamon Malhi</t>
  </si>
  <si>
    <t>Govt girls elementary school kamon malhi</t>
  </si>
  <si>
    <t>Salma waheed</t>
  </si>
  <si>
    <t>44790</t>
  </si>
  <si>
    <t>GGES CHAK NIZAM KALAN</t>
  </si>
  <si>
    <t>Chak Nazam Kalan</t>
  </si>
  <si>
    <t>PO  Chak nazam kalan tehsil &amp; district Gujranwala</t>
  </si>
  <si>
    <t>Saima Latif</t>
  </si>
  <si>
    <t>GPS PHATWAL ANGA</t>
  </si>
  <si>
    <t>Vpo anga tehsil naushera district khushab</t>
  </si>
  <si>
    <t>Angs</t>
  </si>
  <si>
    <t>54296</t>
  </si>
  <si>
    <t>GPS DHOK KUFRI</t>
  </si>
  <si>
    <t>kufri tehsil Naushehra distt Khushab</t>
  </si>
  <si>
    <t>GGPS JHANGI</t>
  </si>
  <si>
    <t>jhangi</t>
  </si>
  <si>
    <t>Safina Sultan</t>
  </si>
  <si>
    <t>46077</t>
  </si>
  <si>
    <t>GES SABHRAL</t>
  </si>
  <si>
    <t>village Sabhral tehsil naushera district khushab</t>
  </si>
  <si>
    <t>Muhammad Ijaz Malik</t>
  </si>
  <si>
    <t>44827</t>
  </si>
  <si>
    <t>GPS CHAK NO.110/DB</t>
  </si>
  <si>
    <t>Chak # 110 /DB</t>
  </si>
  <si>
    <t>108/ DB</t>
  </si>
  <si>
    <t>21026</t>
  </si>
  <si>
    <t>14291</t>
  </si>
  <si>
    <t>GES KOHLIAN</t>
  </si>
  <si>
    <t>village kohlian tehsil bhera dist. sargodha</t>
  </si>
  <si>
    <t>Jhamat Ranjheanwala</t>
  </si>
  <si>
    <t>Nisar Ali</t>
  </si>
  <si>
    <t>44833</t>
  </si>
  <si>
    <t>GGPS CHAK NO.116/DNB</t>
  </si>
  <si>
    <t>116 Dnb</t>
  </si>
  <si>
    <t>district BWP  Tehsil yazman   chak 116   dnb</t>
  </si>
  <si>
    <t>116 DNB</t>
  </si>
  <si>
    <t>6 DNB</t>
  </si>
  <si>
    <t>Mamoona Shahzadi</t>
  </si>
  <si>
    <t>30481</t>
  </si>
  <si>
    <t>GPS KAHNA NAU NO.2</t>
  </si>
  <si>
    <t>ward no 6 kahna nau</t>
  </si>
  <si>
    <t>34198</t>
  </si>
  <si>
    <t>44837</t>
  </si>
  <si>
    <t>GGES MANGEWALI</t>
  </si>
  <si>
    <t>Mangaywali</t>
  </si>
  <si>
    <t>GGES mangaywali teh lawa</t>
  </si>
  <si>
    <t>Noshad Akhtar</t>
  </si>
  <si>
    <t>vil baryar Teh wzd dist gujranwala</t>
  </si>
  <si>
    <t>Kot inayat khan</t>
  </si>
  <si>
    <t>GPS CHAK NO.101/DB</t>
  </si>
  <si>
    <t>101/db</t>
  </si>
  <si>
    <t>chak no 101/db tehsil yazman district bahawalpur</t>
  </si>
  <si>
    <t>Chak No 101/db</t>
  </si>
  <si>
    <t>Muhammad Matloob</t>
  </si>
  <si>
    <t>44842</t>
  </si>
  <si>
    <t>GGPS ZAIN PUR</t>
  </si>
  <si>
    <t>zainpur</t>
  </si>
  <si>
    <t>Ranga Wala</t>
  </si>
  <si>
    <t>Sarfraz Fatima</t>
  </si>
  <si>
    <t>29414</t>
  </si>
  <si>
    <t>GES MAUJ GARH CHOLISTAN</t>
  </si>
  <si>
    <t>Mauj GARH</t>
  </si>
  <si>
    <t>Fort MAUJ GARH Cholistan Yazman</t>
  </si>
  <si>
    <t>Muhammad Tufail Rasheed Malik</t>
  </si>
  <si>
    <t>54702</t>
  </si>
  <si>
    <t>GPS JAWALA SINGH WALA</t>
  </si>
  <si>
    <t>Chack No 35</t>
  </si>
  <si>
    <t>jawala Singh Wala</t>
  </si>
  <si>
    <t>Jawala Singh Wala</t>
  </si>
  <si>
    <t>21316</t>
  </si>
  <si>
    <t>GGPS SAIDY WALI KALAN</t>
  </si>
  <si>
    <t>Saidywali Kalan</t>
  </si>
  <si>
    <t>Village Saidywali Kalan, P/O wayanwali, Teh. Wazirabad, Dist. Gujranwala</t>
  </si>
  <si>
    <t>Razia Cheema</t>
  </si>
  <si>
    <t>GES CHAK NO.152/AB</t>
  </si>
  <si>
    <t>87 Bank</t>
  </si>
  <si>
    <t>chak 152 ab yazman</t>
  </si>
  <si>
    <t>Syed Zubair Ahmed</t>
  </si>
  <si>
    <t>GMPS PHADIAL</t>
  </si>
  <si>
    <t>Phadial</t>
  </si>
  <si>
    <t>gmps Phadial P.O dial teh. sohawa distt. jehlum</t>
  </si>
  <si>
    <t>samia rizwan</t>
  </si>
  <si>
    <t>Electric Water Coler</t>
  </si>
  <si>
    <t>43918</t>
  </si>
  <si>
    <t>GGPS FAITH SHER</t>
  </si>
  <si>
    <t>lawa</t>
  </si>
  <si>
    <t>g.g.p.s Fateh Sheri vpo letti the lawa disst chakwal</t>
  </si>
  <si>
    <t>letti</t>
  </si>
  <si>
    <t>GES NO. 3 SHAHKOT</t>
  </si>
  <si>
    <t>nankana road shahkot</t>
  </si>
  <si>
    <t>ward no.9</t>
  </si>
  <si>
    <t>m c shahkot</t>
  </si>
  <si>
    <t>GGPS DILA PUR</t>
  </si>
  <si>
    <t>Dilapur</t>
  </si>
  <si>
    <t>dilapur post office changa</t>
  </si>
  <si>
    <t>Roshan Bano</t>
  </si>
  <si>
    <t>45063</t>
  </si>
  <si>
    <t>GMPS RAM PUR KOT NOWLAN</t>
  </si>
  <si>
    <t>Kot Noual</t>
  </si>
  <si>
    <t>gmp\s rampur moza kot naulan tehsil 18 hazari distt jhang</t>
  </si>
  <si>
    <t>Samina Sadiq</t>
  </si>
  <si>
    <t>47941</t>
  </si>
  <si>
    <t>GGPS HAVELI BATA</t>
  </si>
  <si>
    <t>Nithar Kay</t>
  </si>
  <si>
    <t>havali Bata near chamra moor</t>
  </si>
  <si>
    <t>Havali Bata</t>
  </si>
  <si>
    <t>SAMIA ABID</t>
  </si>
  <si>
    <t>45066</t>
  </si>
  <si>
    <t>44012</t>
  </si>
  <si>
    <t>GGPS DHOK PAIRA P/O PARA</t>
  </si>
  <si>
    <t>vpo pira fatihal teh. talagang dist. chakwal</t>
  </si>
  <si>
    <t>Nargis Tasneem</t>
  </si>
  <si>
    <t>45067</t>
  </si>
  <si>
    <t>GGES MERKHAKI</t>
  </si>
  <si>
    <t>Darbatta</t>
  </si>
  <si>
    <t>vpo darbatta</t>
  </si>
  <si>
    <t>Faizah Javed</t>
  </si>
  <si>
    <t>45069</t>
  </si>
  <si>
    <t>GGES CHAK NO.24/BC-A</t>
  </si>
  <si>
    <t>24/BC</t>
  </si>
  <si>
    <t>G G,E/S 24/ BC Bahawalpur</t>
  </si>
  <si>
    <t>24/BC BWP</t>
  </si>
  <si>
    <t>Anis Kousar</t>
  </si>
  <si>
    <t>GPS MAMOON ABAD</t>
  </si>
  <si>
    <t>Dera Ezzat</t>
  </si>
  <si>
    <t>Govt. primary school mamoon abad,near Qitta al ammara road,Bwp</t>
  </si>
  <si>
    <t>Agra Basti Bwp</t>
  </si>
  <si>
    <t>45072</t>
  </si>
  <si>
    <t>48857</t>
  </si>
  <si>
    <t>GES CHAK NO.58 NB</t>
  </si>
  <si>
    <t>chak no 58 nb</t>
  </si>
  <si>
    <t>58 Nb</t>
  </si>
  <si>
    <t>Chak No 58 Nb</t>
  </si>
  <si>
    <t>GPS DERA MIAN NASEER-UD-DIN</t>
  </si>
  <si>
    <t>Dera Mian Nassir Ud Din</t>
  </si>
  <si>
    <t>dhoke nasir ud din Lilla Bhera P O LILLA TOWN TEHSIL PIND DADAN KHAN DISTRICT Jhelum</t>
  </si>
  <si>
    <t>48464</t>
  </si>
  <si>
    <t>36251</t>
  </si>
  <si>
    <t>GPS TANZEEM WAHI QADIR DINA</t>
  </si>
  <si>
    <t>Wahi Qadir Dena</t>
  </si>
  <si>
    <t>Near Janazagah Shah Wala Bagh,/Opposite street of Al-Makkah town Mohallah Fatani Ahmedpur East</t>
  </si>
  <si>
    <t>Ahmad Pur East</t>
  </si>
  <si>
    <t>61/3</t>
  </si>
  <si>
    <t>Mahmood ul hassan Ansari</t>
  </si>
  <si>
    <t>30033</t>
  </si>
  <si>
    <t>GPS MALLOKI</t>
  </si>
  <si>
    <t>Malloki</t>
  </si>
  <si>
    <t>malloki</t>
  </si>
  <si>
    <t>10273</t>
  </si>
  <si>
    <t>GPS NAWAN LOK DHARO WALA</t>
  </si>
  <si>
    <t>Naeanlok Dharowal, gujrat</t>
  </si>
  <si>
    <t>Nawanlok</t>
  </si>
  <si>
    <t>GPS CHAK NO. 46 NP</t>
  </si>
  <si>
    <t>Chak 46NP</t>
  </si>
  <si>
    <t>Muhammad Rafique Ghauri</t>
  </si>
  <si>
    <t>GPS CHAK NO 480</t>
  </si>
  <si>
    <t>Chak No 480 JB</t>
  </si>
  <si>
    <t>CHAK NO 480J.B TEHSILE SHORKOT DISTRICT JHANG</t>
  </si>
  <si>
    <t>Chak No 480 J.B</t>
  </si>
  <si>
    <t>CHAK NO 478J.B</t>
  </si>
  <si>
    <t>Muhammad Bukhsh</t>
  </si>
  <si>
    <t>45086</t>
  </si>
  <si>
    <t>GGES MUNIR SHAHEED COLONY KASUR</t>
  </si>
  <si>
    <t>Munir shaheed colony kasur</t>
  </si>
  <si>
    <t>Munir Shaheed Colony</t>
  </si>
  <si>
    <t>Nusrat Siraj</t>
  </si>
  <si>
    <t>45089</t>
  </si>
  <si>
    <t>34904</t>
  </si>
  <si>
    <t>GGES MIAN PUR BAILAY WALA JALALPUR PIRWALA</t>
  </si>
  <si>
    <t>Nazik Nagar</t>
  </si>
  <si>
    <t>GGES mian pur belay wala Jalalpur pirwala, Multan, Pakistan</t>
  </si>
  <si>
    <t>GPS KHADIM HUSSAIN</t>
  </si>
  <si>
    <t>Basti Khadim Hussain, moza kacha Razi, tehsil Rojhan, district Rajanpur</t>
  </si>
  <si>
    <t>45093</t>
  </si>
  <si>
    <t>GGPS SHIKAR PUR NO. 2</t>
  </si>
  <si>
    <t>OPPOSITE UNION COUNCIL SHIKAR PUR TEHSIL &amp; DISTRICT RAJANPUR</t>
  </si>
  <si>
    <t>Sumara Kanwal</t>
  </si>
  <si>
    <t>GPS KHAR</t>
  </si>
  <si>
    <t>khar Bazar Fort Manro</t>
  </si>
  <si>
    <t>Tumman Leghari</t>
  </si>
  <si>
    <t>GGPS RASHEED PURA</t>
  </si>
  <si>
    <t>Shakar Garh</t>
  </si>
  <si>
    <t>rasheed pura</t>
  </si>
  <si>
    <t>Shakar</t>
  </si>
  <si>
    <t>SHUMAILA FALAK</t>
  </si>
  <si>
    <t>51898</t>
  </si>
  <si>
    <t>GPS BASTI MAI ROSHAN</t>
  </si>
  <si>
    <t>Mai Roshan</t>
  </si>
  <si>
    <t>VPO Basti Mai Roshan Tehsil Kallur Kot District Bhakkar</t>
  </si>
  <si>
    <t>Basti Mai Roshan</t>
  </si>
  <si>
    <t>AbdulHakeem</t>
  </si>
  <si>
    <t>GGES RAH WALI EAST NO.2</t>
  </si>
  <si>
    <t>GGES EAST NO.2 RAHWALI</t>
  </si>
  <si>
    <t>44032</t>
  </si>
  <si>
    <t>GPS DHOK MUHAMMAD YAR</t>
  </si>
  <si>
    <t>dhok muhammad yar law</t>
  </si>
  <si>
    <t>Dhok Muhammad Yar</t>
  </si>
  <si>
    <t>Mc Lawa</t>
  </si>
  <si>
    <t>Safdar Ahmad</t>
  </si>
  <si>
    <t>46529</t>
  </si>
  <si>
    <t>GGCMPS LAITI</t>
  </si>
  <si>
    <t>Leti</t>
  </si>
  <si>
    <t>Vpo Leti Tehsil Lawa District CHAKWAL</t>
  </si>
  <si>
    <t>Bushra Hayat</t>
  </si>
  <si>
    <t>GGPS MC JUNIOR MODEL MEHMOOD BOOTI</t>
  </si>
  <si>
    <t>CDG GPS Mehmood Booti Lahore</t>
  </si>
  <si>
    <t>Hafiza Sana Irshad</t>
  </si>
  <si>
    <t>43797</t>
  </si>
  <si>
    <t>GPS DHOK MUDAAL</t>
  </si>
  <si>
    <t>Dhok Mudal</t>
  </si>
  <si>
    <t>Vpo dhurnl dhok modal teh lawa</t>
  </si>
  <si>
    <t>Dhurnl</t>
  </si>
  <si>
    <t>44058</t>
  </si>
  <si>
    <t>43683</t>
  </si>
  <si>
    <t>GES DHOK MAJHAL</t>
  </si>
  <si>
    <t>KOT QAZI-MALE</t>
  </si>
  <si>
    <t>Dhok Majhal</t>
  </si>
  <si>
    <t>vpo pichnand tehsil Lawa Distt chakwal</t>
  </si>
  <si>
    <t>33281</t>
  </si>
  <si>
    <t>30634</t>
  </si>
  <si>
    <t>GPS GHULAM SARWAR THAHEEM</t>
  </si>
  <si>
    <t>jhok haji boola ,dera malik Hanif channar,post office baqir pur tehsil bahawalpur district bahawalpur</t>
  </si>
  <si>
    <t>Khanu Wali</t>
  </si>
  <si>
    <t>Hafiz M.Athar Mehmood</t>
  </si>
  <si>
    <t>43682</t>
  </si>
  <si>
    <t>GES KOT SHAMMAS</t>
  </si>
  <si>
    <t>KOTSHAMAS</t>
  </si>
  <si>
    <t>VPO KOTSHAMAS TEHSIL LAWA DISTT CHAKWAL</t>
  </si>
  <si>
    <t>Muhammad Jafar Sadiq</t>
  </si>
  <si>
    <t>GGES CDG BEGUM PURA</t>
  </si>
  <si>
    <t>Government Girls Middle School Begumpura behind UET</t>
  </si>
  <si>
    <t>Lahore Begumpura</t>
  </si>
  <si>
    <t>Makhdoom Bahaodin</t>
  </si>
  <si>
    <t>NABILA GUL</t>
  </si>
  <si>
    <t>GPS PATTI ABDUL WAHID</t>
  </si>
  <si>
    <t>Basti muneerwala moza mari Qasim shah tehsil bahawalpur city</t>
  </si>
  <si>
    <t>Basti Muneerwala</t>
  </si>
  <si>
    <t>Muhammad Sohail Iqbal</t>
  </si>
  <si>
    <t>48392</t>
  </si>
  <si>
    <t>GPS NAZAR HAYAT WALA</t>
  </si>
  <si>
    <t>Nano Wais</t>
  </si>
  <si>
    <t>GPS moza nazar Hayat wala p/o verowal tehsil Bhera disst sargodha</t>
  </si>
  <si>
    <t>Nazar Hayat Wala</t>
  </si>
  <si>
    <t>25066</t>
  </si>
  <si>
    <t>GPS JHOKE AHMAD YAR</t>
  </si>
  <si>
    <t>jhoke ahmad yar moza mangwani p.o dera bakha</t>
  </si>
  <si>
    <t>Jhoke Ahmad Yar</t>
  </si>
  <si>
    <t>48676</t>
  </si>
  <si>
    <t>GMPS DAVIS PUR</t>
  </si>
  <si>
    <t>Davis Pur</t>
  </si>
  <si>
    <t>Davis pur tehsil bhera district Sargodha</t>
  </si>
  <si>
    <t>48975</t>
  </si>
  <si>
    <t>44065</t>
  </si>
  <si>
    <t>GPS KHANA</t>
  </si>
  <si>
    <t>village dhoke KHANA , UC kot qazi Tehsil LAWA, Distt CHAKWAL</t>
  </si>
  <si>
    <t>Dhoke KHANA</t>
  </si>
  <si>
    <t>NASEER AHMED</t>
  </si>
  <si>
    <t>30252</t>
  </si>
  <si>
    <t>GGES ABUAL KHAIR GHARI SHAHU</t>
  </si>
  <si>
    <t>71,allama iqbal road,garhi shahu,lahore</t>
  </si>
  <si>
    <t>Habibullah Road</t>
  </si>
  <si>
    <t>Syeda Musbat Arooba</t>
  </si>
  <si>
    <t>GPS KOT HAKIM KHAN</t>
  </si>
  <si>
    <t>Kot Hakim Khan</t>
  </si>
  <si>
    <t>village kot hakim khan  tehsil Bhera District  Sargodha</t>
  </si>
  <si>
    <t>Muhammad Mumtaz Ahmed Khan</t>
  </si>
  <si>
    <t>GPS JHOKE RAHIM BUKHSH</t>
  </si>
  <si>
    <t>jhoke Rahim bukhsh moza mangwani</t>
  </si>
  <si>
    <t>Jhoke Rahim Bukhsh</t>
  </si>
  <si>
    <t>GPS KHAWAJA FAIQ</t>
  </si>
  <si>
    <t>Khawaja Faiq</t>
  </si>
  <si>
    <t>village khawaja faiq p/o narwar Lahore</t>
  </si>
  <si>
    <t>Nasib Ali</t>
  </si>
  <si>
    <t>44077</t>
  </si>
  <si>
    <t>WEESLAN</t>
  </si>
  <si>
    <t>BASTI QADIR ABAD BAHAWALPUR</t>
  </si>
  <si>
    <t>BASTI QADIR ABAD</t>
  </si>
  <si>
    <t>CITY 1</t>
  </si>
  <si>
    <t>GPS DHOK DALTAL</t>
  </si>
  <si>
    <t>Dhok daltal</t>
  </si>
  <si>
    <t>vpo dhurnal teh lawa district chakwal</t>
  </si>
  <si>
    <t>BINDRA</t>
  </si>
  <si>
    <t>MOZA BINDRA NAWAZ COLONY BAHAWALPUR</t>
  </si>
  <si>
    <t>NAWAZ COLONY</t>
  </si>
  <si>
    <t>Ahmad Bilal Hashmat</t>
  </si>
  <si>
    <t>44082</t>
  </si>
  <si>
    <t>GGPS CDG JUNIOR MODEL SINGH PURA</t>
  </si>
  <si>
    <t>Shawala Chowk Singhpura Lahore</t>
  </si>
  <si>
    <t>Singhpura</t>
  </si>
  <si>
    <t>Begumpura</t>
  </si>
  <si>
    <t>Faiza Saeed</t>
  </si>
  <si>
    <t>GGHS LAWA PO LAWA TEH TALAGANG</t>
  </si>
  <si>
    <t>Mohallah Bhangyal,Lawa City,Post Office Lawa,Tehsil Lawa,District Chakwal</t>
  </si>
  <si>
    <t>MC Lawa</t>
  </si>
  <si>
    <t>RUKHSANA BEGUM</t>
  </si>
  <si>
    <t>43938</t>
  </si>
  <si>
    <t>GGPS ALI KHEL PO KOT QAZI</t>
  </si>
  <si>
    <t>Kot Shams</t>
  </si>
  <si>
    <t>vpo kot Shams tehsil lawa</t>
  </si>
  <si>
    <t>Tahira rehman</t>
  </si>
  <si>
    <t>43128</t>
  </si>
  <si>
    <t>GPS TANZEEM MANGWANI</t>
  </si>
  <si>
    <t>Mouza Mangwani, Tehsil &amp; city Bahawalpur.</t>
  </si>
  <si>
    <t>Muhammad Mehboob ul haq</t>
  </si>
  <si>
    <t>GGHSS LAWA</t>
  </si>
  <si>
    <t>vpo lawa</t>
  </si>
  <si>
    <t>Mrs GHULAM ANWAR</t>
  </si>
  <si>
    <t>GPS GOTH GHANNI</t>
  </si>
  <si>
    <t>GHANI PUR</t>
  </si>
  <si>
    <t>GOTH GHANI NEAR RAILWAY STATION BAHAWALPUR</t>
  </si>
  <si>
    <t>GOTH GHANI</t>
  </si>
  <si>
    <t>Malik Muhammad Tariq</t>
  </si>
  <si>
    <t>GGHS DANDA SHAH BILAWAL</t>
  </si>
  <si>
    <t>DANDA SHAH BILAWAL</t>
  </si>
  <si>
    <t>48667</t>
  </si>
  <si>
    <t>GGPS KOT HAKIM KHAN</t>
  </si>
  <si>
    <t>Kot Hakim Khan  Noon</t>
  </si>
  <si>
    <t>govt girls primary school kot hakam khan noon village kot hakam khan noon  teh bhera district sargodha</t>
  </si>
  <si>
    <t>Kot Hakam Khan Noon</t>
  </si>
  <si>
    <t>48331</t>
  </si>
  <si>
    <t>BASTI BHATTIAN MOZA SAHLAN BAHAWALPUR</t>
  </si>
  <si>
    <t>AKHTAR ABAD</t>
  </si>
  <si>
    <t>GES MIANI JHABAIL</t>
  </si>
  <si>
    <t>Bhinda Ghulam  Hussain</t>
  </si>
  <si>
    <t>basti Miani Jhabail bwp city</t>
  </si>
  <si>
    <t>43767</t>
  </si>
  <si>
    <t>GPS DHOK PHALAARI</t>
  </si>
  <si>
    <t>Phullari</t>
  </si>
  <si>
    <t>vpo dhulli tehsil talagang</t>
  </si>
  <si>
    <t>Dher Mond</t>
  </si>
  <si>
    <t>GES BHINDA GHULAM HUSSAIN</t>
  </si>
  <si>
    <t>Kasra Monjal</t>
  </si>
  <si>
    <t>GES Bhinda Ghulam Hussain Nawabpura Jhangiwala Bahawalpur</t>
  </si>
  <si>
    <t>GPS DHOK BUDHAL</t>
  </si>
  <si>
    <t>Vill Dk budhal p.o changa</t>
  </si>
  <si>
    <t>lawa rural</t>
  </si>
  <si>
    <t>Syed Ali Hussnain Shah Hamdani</t>
  </si>
  <si>
    <t>GPS MC MOHALLA KHATEKAN AHMED PURI GATE</t>
  </si>
  <si>
    <t>mohalla Islam pura and run farid gate bwp.</t>
  </si>
  <si>
    <t>muhammad Zubair Iqbal</t>
  </si>
  <si>
    <t>GPS NEW CENTRAL JAIL</t>
  </si>
  <si>
    <t>KARNA</t>
  </si>
  <si>
    <t>NEW CENTRAL JAIL ROAD BAHAWALPUR</t>
  </si>
  <si>
    <t>BASTI ARIF COLONY</t>
  </si>
  <si>
    <t>Naeem Haider</t>
  </si>
  <si>
    <t>44127</t>
  </si>
  <si>
    <t>GGHS DHOK MIRZAL</t>
  </si>
  <si>
    <t>DK MIRZAL PO PACHNAND TEHSIL LAWA DISTRICT CHAKWAL</t>
  </si>
  <si>
    <t>DHOK MIRZAL</t>
  </si>
  <si>
    <t>Sajida Tasnim</t>
  </si>
  <si>
    <t>44128</t>
  </si>
  <si>
    <t>48679</t>
  </si>
  <si>
    <t>GMPS GAGA</t>
  </si>
  <si>
    <t>GAGA</t>
  </si>
  <si>
    <t>VILLAGE GAGA P/O BHERA DISTT SARGODHA</t>
  </si>
  <si>
    <t>HAZOOR  PUR</t>
  </si>
  <si>
    <t>GHS LATI</t>
  </si>
  <si>
    <t>VPO Leti Lawa Chakwal</t>
  </si>
  <si>
    <t>Abdul Aziz Zahid</t>
  </si>
  <si>
    <t>44133</t>
  </si>
  <si>
    <t>GHS WAHGRAIN BATA PUR</t>
  </si>
  <si>
    <t>Wahgrian</t>
  </si>
  <si>
    <t>Main Bhasin Raod near Ranger's check post P.O Batapur Lahore</t>
  </si>
  <si>
    <t>Bhasin</t>
  </si>
  <si>
    <t>Rana Muhammad Sarwar</t>
  </si>
  <si>
    <t>37832</t>
  </si>
  <si>
    <t>50756</t>
  </si>
  <si>
    <t>QADIR BUKHSH CHANNAR</t>
  </si>
  <si>
    <t>AKHTAR ABAD NEAR CIVIL HOSPITAL BAHAWALPUR</t>
  </si>
  <si>
    <t>CITY 5</t>
  </si>
  <si>
    <t>Altaf Hussain Chattha</t>
  </si>
  <si>
    <t>44137</t>
  </si>
  <si>
    <t>GPS MODEL TOWN-B BAHAWALPUR</t>
  </si>
  <si>
    <t>34 i-a, ONE UNIT STAFF COLONY BAHAWALPUR</t>
  </si>
  <si>
    <t>ONE UNIT STAFF COLONY</t>
  </si>
  <si>
    <t>MUHAMMAD JAHANGEER FAIZ KHAN</t>
  </si>
  <si>
    <t>GPS TANZEEM ACHHA MADRISSA</t>
  </si>
  <si>
    <t>Zakheera Smasatha</t>
  </si>
  <si>
    <t>Arshad town bahawalpur</t>
  </si>
  <si>
    <t>Arshad Town</t>
  </si>
  <si>
    <t>Arshad Town Saeed Abad</t>
  </si>
  <si>
    <t>43771</t>
  </si>
  <si>
    <t>GES BALWAL</t>
  </si>
  <si>
    <t>Vpo balwal tehsile lawa district chakwal</t>
  </si>
  <si>
    <t>GPS ARABIC MOHAJIR COLONY BAHAWALPUR</t>
  </si>
  <si>
    <t>NO.9-BC</t>
  </si>
  <si>
    <t>AFZAL TOWN BAHAWALPUR</t>
  </si>
  <si>
    <t>AFZAL TOWN</t>
  </si>
  <si>
    <t>abid ali</t>
  </si>
  <si>
    <t>GPS BHAMMAN</t>
  </si>
  <si>
    <t>village bhamman batapur lahore</t>
  </si>
  <si>
    <t>43680</t>
  </si>
  <si>
    <t>GHS GOOHAL</t>
  </si>
  <si>
    <t>Goohal</t>
  </si>
  <si>
    <t>goohal</t>
  </si>
  <si>
    <t>Rural Lawa</t>
  </si>
  <si>
    <t>Talha Anwar</t>
  </si>
  <si>
    <t>43883</t>
  </si>
  <si>
    <t>32991</t>
  </si>
  <si>
    <t>GPS MC HALQA NO.1 BAHAWALPUR</t>
  </si>
  <si>
    <t>New Sadiq colony bahawalpur</t>
  </si>
  <si>
    <t>Sadiq Colony</t>
  </si>
  <si>
    <t>GHS GATTAL TEN TALAGANG</t>
  </si>
  <si>
    <t>v p o gattal tehsil lawa district chakwal</t>
  </si>
  <si>
    <t>21347</t>
  </si>
  <si>
    <t>30594</t>
  </si>
  <si>
    <t>GGES MADHU LAL HUSSAIN (OLD NAME SAEEDA MODEL)</t>
  </si>
  <si>
    <t>baghbanpura lahore</t>
  </si>
  <si>
    <t>Madhu Lal Hussain</t>
  </si>
  <si>
    <t>Rukhsana Saleem</t>
  </si>
  <si>
    <t>44170</t>
  </si>
  <si>
    <t>GPS DHOK ISHRAL</t>
  </si>
  <si>
    <t>Dhok Ishral VPO letti tehsil lawa district chakwal</t>
  </si>
  <si>
    <t>Nazeer Hussain</t>
  </si>
  <si>
    <t>48073</t>
  </si>
  <si>
    <t>GHS VERO WALA</t>
  </si>
  <si>
    <t>verowal p/o verowal</t>
  </si>
  <si>
    <t>GPS NOOR KHAN</t>
  </si>
  <si>
    <t>Sukka</t>
  </si>
  <si>
    <t>Vpo Sukka Tehsil Lawa District Chakwalq</t>
  </si>
  <si>
    <t>Dk Noor Khan</t>
  </si>
  <si>
    <t>43669</t>
  </si>
  <si>
    <t>GES DAROOT</t>
  </si>
  <si>
    <t>Vpo Daroot</t>
  </si>
  <si>
    <t>43786</t>
  </si>
  <si>
    <t>GGPS NOOR JAMAL</t>
  </si>
  <si>
    <t>noor jamal</t>
  </si>
  <si>
    <t>Nabila Malik</t>
  </si>
  <si>
    <t>44184</t>
  </si>
  <si>
    <t>GHS ARABIC BASTI BINDRA</t>
  </si>
  <si>
    <t>BASTI BINDRA BAHAWALPUR</t>
  </si>
  <si>
    <t>BWP CITY 2</t>
  </si>
  <si>
    <t>Syed Muhammad Ahmed</t>
  </si>
  <si>
    <t>GES DHOK MUHAMMAD KHAN</t>
  </si>
  <si>
    <t>Govt Elementary School Dhok M.Khan</t>
  </si>
  <si>
    <t>48411</t>
  </si>
  <si>
    <t>GPS SHAUKAT ISLAMIA BHERA</t>
  </si>
  <si>
    <t>Mohallah Haji Gulab Bhera</t>
  </si>
  <si>
    <t>Mohammad Shafique</t>
  </si>
  <si>
    <t>GPS ISLAMIA MUHAMMADIA GHOUSIA BHERA</t>
  </si>
  <si>
    <t>Mohala haji gulab Bhera</t>
  </si>
  <si>
    <t>MC Bhera</t>
  </si>
  <si>
    <t>SHAFIQ UR Rehman Malik</t>
  </si>
  <si>
    <t>18568</t>
  </si>
  <si>
    <t>43908</t>
  </si>
  <si>
    <t>GGPS JHAT</t>
  </si>
  <si>
    <t>Jhat</t>
  </si>
  <si>
    <t>dhok jhat</t>
  </si>
  <si>
    <t>Anbreen Akhter</t>
  </si>
  <si>
    <t>GGES DHOK ETBAR</t>
  </si>
  <si>
    <t>vpo gattal tehsil Lawa distt Chakwal</t>
  </si>
  <si>
    <t>44215</t>
  </si>
  <si>
    <t>43957</t>
  </si>
  <si>
    <t>GGPS KALAGEE</t>
  </si>
  <si>
    <t>Kalaiji</t>
  </si>
  <si>
    <t>kalaiji</t>
  </si>
  <si>
    <t>11780</t>
  </si>
  <si>
    <t>GGPS NAWAN PIND GUJRAN</t>
  </si>
  <si>
    <t>Nawan Pind Gujran</t>
  </si>
  <si>
    <t>GGPS Nawan Pind Gujran lahore</t>
  </si>
  <si>
    <t>Sadia Abdul Sattar</t>
  </si>
  <si>
    <t>GHS HAMAITIAN BAHAWALPUR</t>
  </si>
  <si>
    <t>Hamitian</t>
  </si>
  <si>
    <t>GHS Hamitian BWP</t>
  </si>
  <si>
    <t>9 BC</t>
  </si>
  <si>
    <t>Muhammad Their Javeed Bhatti</t>
  </si>
  <si>
    <t>49239</t>
  </si>
  <si>
    <t>30303</t>
  </si>
  <si>
    <t>GPS BARA DARI JALLO MORE</t>
  </si>
  <si>
    <t>Bara Dari nizd Narwar</t>
  </si>
  <si>
    <t>Hafiz Zubair Ahmed</t>
  </si>
  <si>
    <t>44230</t>
  </si>
  <si>
    <t>GES ALI PUR SYEDAN</t>
  </si>
  <si>
    <t>Ali Pur Syedan</t>
  </si>
  <si>
    <t>Village Ali Pur Syedan</t>
  </si>
  <si>
    <t>44231</t>
  </si>
  <si>
    <t>GGPS MC UNION COUNCIL NO.1 BAHAWALPUR</t>
  </si>
  <si>
    <t>MOHALLA MUBARAK PURA BAHAWALPUR</t>
  </si>
  <si>
    <t>MOHALLA MUBARAK PURA</t>
  </si>
  <si>
    <t>Kauser Khuda Bux</t>
  </si>
  <si>
    <t>GGES BASTI GHULAM HAIDER</t>
  </si>
  <si>
    <t>Fattu Wali</t>
  </si>
  <si>
    <t>Government girls E/S basti ghulam haider  moza fattu wali bahawalpur</t>
  </si>
  <si>
    <t>Rani Fayyaz</t>
  </si>
  <si>
    <t>48703</t>
  </si>
  <si>
    <t>GGPS GOPAL PURA</t>
  </si>
  <si>
    <t>Gopal Pura</t>
  </si>
  <si>
    <t>gopal pura</t>
  </si>
  <si>
    <t>Sundas Altaf</t>
  </si>
  <si>
    <t>48072</t>
  </si>
  <si>
    <t>GHS HAZOOR PUR</t>
  </si>
  <si>
    <t>Hazoorpur,</t>
  </si>
  <si>
    <t>Muhammad Imran Javed</t>
  </si>
  <si>
    <t>35037</t>
  </si>
  <si>
    <t>48122</t>
  </si>
  <si>
    <t>GHS TURTI PUR</t>
  </si>
  <si>
    <t>Turti Pur</t>
  </si>
  <si>
    <t>Ghs turtipur</t>
  </si>
  <si>
    <t>Mudassar Abbas</t>
  </si>
  <si>
    <t>14892</t>
  </si>
  <si>
    <t>44244</t>
  </si>
  <si>
    <t>30763</t>
  </si>
  <si>
    <t>GGHS CDG MODEL QILA GUJAR SINGH</t>
  </si>
  <si>
    <t>qila gujjar Singh lhr.</t>
  </si>
  <si>
    <t>Maryam Sarwar</t>
  </si>
  <si>
    <t>GGHS CANAL COLONY BAHAWALPUR</t>
  </si>
  <si>
    <t>Moza Bangan</t>
  </si>
  <si>
    <t>GGH/S Canal Colony BWP</t>
  </si>
  <si>
    <t>Kali puli</t>
  </si>
  <si>
    <t>44249</t>
  </si>
  <si>
    <t>GGHS MUSLIM DRY PORT MUGHALPURA</t>
  </si>
  <si>
    <t>dry port mughalpura lhr</t>
  </si>
  <si>
    <t>dry port</t>
  </si>
  <si>
    <t>Tabassum Ehsan D/O Ehsan Elahi Siddique</t>
  </si>
  <si>
    <t>54313</t>
  </si>
  <si>
    <t>GPS MC BANI GRAN</t>
  </si>
  <si>
    <t>kachi Mohjir colony mughalpura bwp</t>
  </si>
  <si>
    <t>Kachi Mohajir Colony</t>
  </si>
  <si>
    <t>muhammad akhlaq</t>
  </si>
  <si>
    <t>GHS CHAH SULEMAN SHAH</t>
  </si>
  <si>
    <t>HAMAITIAN</t>
  </si>
  <si>
    <t>GOVT.HIGH SCHOOL CHAH SULEMAN SHAH TIBBA BADAR SHER BAHAWALPUR CITY</t>
  </si>
  <si>
    <t>TIBBA BADAR SHER</t>
  </si>
  <si>
    <t>JHANGI WALI BAHAWLPUR</t>
  </si>
  <si>
    <t>muhammad naseer</t>
  </si>
  <si>
    <t>GGHS MUSLIM BAGHBAN PURA</t>
  </si>
  <si>
    <t>Govt. Muslim Girls High School Baghbanpura Lahore</t>
  </si>
  <si>
    <t>Crown Park</t>
  </si>
  <si>
    <t>Alia Batool</t>
  </si>
  <si>
    <t>43912</t>
  </si>
  <si>
    <t>GES LARRIAN P/0 LARRIAN</t>
  </si>
  <si>
    <t>Trap Janoobi</t>
  </si>
  <si>
    <t>Vpo larrian tehsil lawa District chakwal</t>
  </si>
  <si>
    <t>Larrian</t>
  </si>
  <si>
    <t>GGPS LARIAN</t>
  </si>
  <si>
    <t>GGPS Larian, Kot gullah</t>
  </si>
  <si>
    <t>Kot Gullah</t>
  </si>
  <si>
    <t>Amna Safdar</t>
  </si>
  <si>
    <t>GES KHUSHAL GARH</t>
  </si>
  <si>
    <t>khushal garh</t>
  </si>
  <si>
    <t>p/o khushal garh teh lawa dist chkwal</t>
  </si>
  <si>
    <t>kotgullah</t>
  </si>
  <si>
    <t>GPS TANZEEM KARNA KALAN</t>
  </si>
  <si>
    <t>9bc</t>
  </si>
  <si>
    <t>moosa colony BWP</t>
  </si>
  <si>
    <t>Moosa Colony</t>
  </si>
  <si>
    <t>City 9</t>
  </si>
  <si>
    <t>GPS CHAKI SHAH JEE</t>
  </si>
  <si>
    <t>Janoobi Tarap</t>
  </si>
  <si>
    <t>vpochakishahjee</t>
  </si>
  <si>
    <t>Chaki Shah Jee</t>
  </si>
  <si>
    <t>GPS MATMAN</t>
  </si>
  <si>
    <t>Hamaitian</t>
  </si>
  <si>
    <t>new muslim town bwp</t>
  </si>
  <si>
    <t>Basti Matman</t>
  </si>
  <si>
    <t>43921</t>
  </si>
  <si>
    <t>GGHS MOSAHIB</t>
  </si>
  <si>
    <t>dk Musahib</t>
  </si>
  <si>
    <t>dhermond</t>
  </si>
  <si>
    <t>Sobia  Parveen</t>
  </si>
  <si>
    <t>43926</t>
  </si>
  <si>
    <t>GGES MOMAN PURA</t>
  </si>
  <si>
    <t>ggms mominpura</t>
  </si>
  <si>
    <t>Safa Asif</t>
  </si>
  <si>
    <t>43935</t>
  </si>
  <si>
    <t>GGPS BHANO CHAK</t>
  </si>
  <si>
    <t>Bhano Chak</t>
  </si>
  <si>
    <t>Bhano chak post office Wahga tehsile Shalimar district Lahore</t>
  </si>
  <si>
    <t>26616</t>
  </si>
  <si>
    <t>GGES SADIQABAD</t>
  </si>
  <si>
    <t>Vpo sadiqabad tehsil lawa district chakwal</t>
  </si>
  <si>
    <t>Imrana Yaqoob</t>
  </si>
  <si>
    <t>GPS MIANI JADEED</t>
  </si>
  <si>
    <t>Bakerpur</t>
  </si>
  <si>
    <t>basti saeadabad mouza bakerpur T/D bahawalpur</t>
  </si>
  <si>
    <t>Saeadabad</t>
  </si>
  <si>
    <t>Muhammad Faisal Amin</t>
  </si>
  <si>
    <t>30627</t>
  </si>
  <si>
    <t>GGPS JALWANA</t>
  </si>
  <si>
    <t>ggps jallowana</t>
  </si>
  <si>
    <t>Anila Hamid</t>
  </si>
  <si>
    <t>GPS NABI DAYA</t>
  </si>
  <si>
    <t>Panuhan</t>
  </si>
  <si>
    <t>tera pati nabi daya moza panuhan</t>
  </si>
  <si>
    <t>Tera Pati</t>
  </si>
  <si>
    <t>Asif jamil</t>
  </si>
  <si>
    <t>44028</t>
  </si>
  <si>
    <t>GPS DHOK SHARFA P/O LETTI</t>
  </si>
  <si>
    <t>p/o leti  dhok sharfa tehsil lawa distt chakwal</t>
  </si>
  <si>
    <t>Dhok Sharfa Baila</t>
  </si>
  <si>
    <t>ABID  HUSSAIN</t>
  </si>
  <si>
    <t>43951</t>
  </si>
  <si>
    <t>GPS JAVED COLONY</t>
  </si>
  <si>
    <t>kARNA</t>
  </si>
  <si>
    <t>JAVED COLONY BAHAWALPUR</t>
  </si>
  <si>
    <t>JAVED COLONY</t>
  </si>
  <si>
    <t>HAFIZ ZULFIQAR ALI KHAN</t>
  </si>
  <si>
    <t>43952</t>
  </si>
  <si>
    <t>GGPS GHUKIANI</t>
  </si>
  <si>
    <t>KHAN MUHAMMAD WALA - FEMALE</t>
  </si>
  <si>
    <t>Ghukiani</t>
  </si>
  <si>
    <t>Ghukiani P/O Bhera Tehsil Bhera District Sargodha</t>
  </si>
  <si>
    <t>Khan Muhammad Wala</t>
  </si>
  <si>
    <t>43807</t>
  </si>
  <si>
    <t>GPS DHOK SOKI</t>
  </si>
  <si>
    <t>P/O Pichnand</t>
  </si>
  <si>
    <t>Soki</t>
  </si>
  <si>
    <t>MUHAMMAD ZAHID AMIN</t>
  </si>
  <si>
    <t>30659</t>
  </si>
  <si>
    <t>GGPS THATTA TARRAR</t>
  </si>
  <si>
    <t>Thatha Tarrar</t>
  </si>
  <si>
    <t>Thatha tarrar waga chaki lahore</t>
  </si>
  <si>
    <t>Shabnam Shahzadi</t>
  </si>
  <si>
    <t>43961</t>
  </si>
  <si>
    <t>GGPS MANA</t>
  </si>
  <si>
    <t>Mana</t>
  </si>
  <si>
    <t>Village Mana Batapur shalimar cantt lahore</t>
  </si>
  <si>
    <t>GGPS GATTAL</t>
  </si>
  <si>
    <t>GGPS GATTAL vpo gattal</t>
  </si>
  <si>
    <t>GGPS SANKAY</t>
  </si>
  <si>
    <t>Sahankay</t>
  </si>
  <si>
    <t>village sahanky post office narwar .</t>
  </si>
  <si>
    <t>Rizwana Amin</t>
  </si>
  <si>
    <t>GES MALOOK SHAH</t>
  </si>
  <si>
    <t>dera Izzat</t>
  </si>
  <si>
    <t>GES  Malook Shah Bahawalpur</t>
  </si>
  <si>
    <t>malook Shah</t>
  </si>
  <si>
    <t>cantt Area</t>
  </si>
  <si>
    <t>51475</t>
  </si>
  <si>
    <t>GGPS DIAL</t>
  </si>
  <si>
    <t>Diyal</t>
  </si>
  <si>
    <t>village diyal p/o batapur wahga road lahore</t>
  </si>
  <si>
    <t>Nasim Bashir Khan</t>
  </si>
  <si>
    <t>43971</t>
  </si>
  <si>
    <t>GHSS LAWA</t>
  </si>
  <si>
    <t>gHSS LAWA CHAKWAL</t>
  </si>
  <si>
    <t>THANA</t>
  </si>
  <si>
    <t>ghias ud din Khalid</t>
  </si>
  <si>
    <t>GGPS MC MODEL TOWN-B BAHAWALPUR</t>
  </si>
  <si>
    <t>Bindra Puli</t>
  </si>
  <si>
    <t>REHMAN COLONY MODEL TOWN B BAHAWALPUR</t>
  </si>
  <si>
    <t>Uc MODEL TOWN B</t>
  </si>
  <si>
    <t>ABIDA PARVEEN MALIK</t>
  </si>
  <si>
    <t>30623</t>
  </si>
  <si>
    <t>GGCMS DAYAL</t>
  </si>
  <si>
    <t>village diyal p/o batapur lhr</t>
  </si>
  <si>
    <t>Zaree Hameed</t>
  </si>
  <si>
    <t>bindra 2</t>
  </si>
  <si>
    <t>GPS Nazeerabad</t>
  </si>
  <si>
    <t>nazeerabad</t>
  </si>
  <si>
    <t>Muhammad Hashim</t>
  </si>
  <si>
    <t>26617</t>
  </si>
  <si>
    <t>VPO DHURNAL TEHSIL LAWA DISTRICT CHAKWAL</t>
  </si>
  <si>
    <t>30635</t>
  </si>
  <si>
    <t>GGES TAQI PUR</t>
  </si>
  <si>
    <t>Taqipur</t>
  </si>
  <si>
    <t>G.G.E.S TAQI PUR tehsil Shalimar lahore</t>
  </si>
  <si>
    <t>Taqi Pur</t>
  </si>
  <si>
    <t>Sobia Hameed</t>
  </si>
  <si>
    <t>43983</t>
  </si>
  <si>
    <t>GES MARI QASIM SHAH</t>
  </si>
  <si>
    <t>GES Mari Qasim Shah markaz Mangwani city  Bahawal Pur \n</t>
  </si>
  <si>
    <t>Jangi Walli</t>
  </si>
  <si>
    <t>Syed Aqdas Ali  Shah</t>
  </si>
  <si>
    <t>43985</t>
  </si>
  <si>
    <t>GGPS WARA ALLAH DAD</t>
  </si>
  <si>
    <t>nathoki road wara allah dad</t>
  </si>
  <si>
    <t>WARA ALLAH DAD</t>
  </si>
  <si>
    <t>Sana Shahzad</t>
  </si>
  <si>
    <t>GHSS PACHNAND</t>
  </si>
  <si>
    <t>Pachnand</t>
  </si>
  <si>
    <t>v.po pachnand teh.lawa disst.chakwal</t>
  </si>
  <si>
    <t>muhammad yaqoob</t>
  </si>
  <si>
    <t>GGPS KHAIRAY</t>
  </si>
  <si>
    <t>Jalloo</t>
  </si>
  <si>
    <t>khaira village</t>
  </si>
  <si>
    <t>Mehrin Riaz</t>
  </si>
  <si>
    <t>GPS MC SHAHDARA BAHAWALPUR</t>
  </si>
  <si>
    <t>shahdra</t>
  </si>
  <si>
    <t>gps  mc shahdra</t>
  </si>
  <si>
    <t>MUHAMMAD ALEEM</t>
  </si>
  <si>
    <t>GPS DHOK KHANA</t>
  </si>
  <si>
    <t>dk khana po leti teh lawa dist chakwal</t>
  </si>
  <si>
    <t>dk khana</t>
  </si>
  <si>
    <t>Khizar hayat</t>
  </si>
  <si>
    <t>25065</t>
  </si>
  <si>
    <t>30633</t>
  </si>
  <si>
    <t>GGPS SANT PUR WAGHA</t>
  </si>
  <si>
    <t>GGP/S Sanat Pur Wagha Lahore</t>
  </si>
  <si>
    <t>Wagha</t>
  </si>
  <si>
    <t>Azra Ghulam Muhammad</t>
  </si>
  <si>
    <t>31115</t>
  </si>
  <si>
    <t>30631</t>
  </si>
  <si>
    <t>GGPS BHAMMA NEAR WARA RAILWAY PHATAK</t>
  </si>
  <si>
    <t>Bhamma</t>
  </si>
  <si>
    <t>GGPS Bhamma near railway phattak</t>
  </si>
  <si>
    <t>Dograey Kalan</t>
  </si>
  <si>
    <t>43996</t>
  </si>
  <si>
    <t>GHS WEESLAN</t>
  </si>
  <si>
    <t>BASTI WEESLAN MULTAN ROAD BAHAWALPUR</t>
  </si>
  <si>
    <t>BASTI WEESLAN</t>
  </si>
  <si>
    <t>43803</t>
  </si>
  <si>
    <t>GPS DHOK MIRZAL</t>
  </si>
  <si>
    <t>pichnand</t>
  </si>
  <si>
    <t>43998</t>
  </si>
  <si>
    <t>GGPS RAKH SULTAN PURA</t>
  </si>
  <si>
    <t>Jugghian Village Near Jallo More Lhr Wagha Town</t>
  </si>
  <si>
    <t>ggps rakh sultan pura near jllo more batta pur lhr.</t>
  </si>
  <si>
    <t>Jugghian Village</t>
  </si>
  <si>
    <t>Minhalah</t>
  </si>
  <si>
    <t>43999</t>
  </si>
  <si>
    <t>GHS KHAN MUHAMMAD WALA</t>
  </si>
  <si>
    <t>GHS khan Muhammad wala bhera</t>
  </si>
  <si>
    <t>43621</t>
  </si>
  <si>
    <t>GHSS DANDA SHAH BILAWAL</t>
  </si>
  <si>
    <t>VPO GHSS DANDA SHAH BILAWAL</t>
  </si>
  <si>
    <t>KOTQAZI</t>
  </si>
  <si>
    <t>GPS GHAFOOR ABAD</t>
  </si>
  <si>
    <t>ghafoor abad</t>
  </si>
  <si>
    <t>ghafoorabad khano wali</t>
  </si>
  <si>
    <t>ghafoorabad</t>
  </si>
  <si>
    <t>khan o wali</t>
  </si>
  <si>
    <t>Muhammad Aslam Shah</t>
  </si>
  <si>
    <t>GGES CDG JUNIOR MODEL TAJPURA</t>
  </si>
  <si>
    <t>Ammara Azam</t>
  </si>
  <si>
    <t>44010</t>
  </si>
  <si>
    <t>GGES WAHGA</t>
  </si>
  <si>
    <t>Zartashia Riaz</t>
  </si>
  <si>
    <t>45909</t>
  </si>
  <si>
    <t>GPS BASTI BANGAN BAHAWALPUR</t>
  </si>
  <si>
    <t>bangan</t>
  </si>
  <si>
    <t>street no. 1 islami colony bwp</t>
  </si>
  <si>
    <t>islami colony</t>
  </si>
  <si>
    <t>city 11</t>
  </si>
  <si>
    <t>SOHAIL AHMAD JOIYA</t>
  </si>
  <si>
    <t>GPS DOHARI</t>
  </si>
  <si>
    <t>VPO GATTAL</t>
  </si>
  <si>
    <t>GPS DIN PUR</t>
  </si>
  <si>
    <t>din pur</t>
  </si>
  <si>
    <t>GGPS DHOK SOKI</t>
  </si>
  <si>
    <t>vpo pichnand dhoke soki</t>
  </si>
  <si>
    <t>GHS DHURNAL CHAKWAL</t>
  </si>
  <si>
    <t>VILLAGE AND POST OFFICE DHURNAL TEHSIL LAWA DISTT: CHAKWAL</t>
  </si>
  <si>
    <t>AMJAD SHAHZAD</t>
  </si>
  <si>
    <t>51767</t>
  </si>
  <si>
    <t>44034</t>
  </si>
  <si>
    <t>GPS KHALQAT KHAN</t>
  </si>
  <si>
    <t>GATTAL</t>
  </si>
  <si>
    <t>Dhok Baly khail VPO Gattal</t>
  </si>
  <si>
    <t>M AJMAL</t>
  </si>
  <si>
    <t>44023</t>
  </si>
  <si>
    <t>GMPS ISLAM PUR BHERA</t>
  </si>
  <si>
    <t>Islam Pur Bhera</t>
  </si>
  <si>
    <t>Islam pur bhera</t>
  </si>
  <si>
    <t>Islam pur Bhera</t>
  </si>
  <si>
    <t>43793</t>
  </si>
  <si>
    <t>GES SUKKA</t>
  </si>
  <si>
    <t>Tanweer-ul-Hassan</t>
  </si>
  <si>
    <t>43302</t>
  </si>
  <si>
    <t>43779</t>
  </si>
  <si>
    <t>GPS DHOK SOMRAA</t>
  </si>
  <si>
    <t>Dhoke Somra</t>
  </si>
  <si>
    <t>v p o dhurnal dhoke somra teh lawa district chakwal</t>
  </si>
  <si>
    <t>GGES ASHRAF DAROGAWALA</t>
  </si>
  <si>
    <t>Darogawala</t>
  </si>
  <si>
    <t>street no 14.house no 12 muhala Usman Nagar Ghaziabad mughalpura lahore</t>
  </si>
  <si>
    <t>Haji Park</t>
  </si>
  <si>
    <t>Hafiza sadaf mustafa</t>
  </si>
  <si>
    <t>44626</t>
  </si>
  <si>
    <t>Sharif Pura Ahmad town</t>
  </si>
  <si>
    <t>GES DOBURJI BHAGA</t>
  </si>
  <si>
    <t>Doburji Baga</t>
  </si>
  <si>
    <t>govt elemantry school doburji bhaga</t>
  </si>
  <si>
    <t>Doburji Bhaga</t>
  </si>
  <si>
    <t>Village NAdala</t>
  </si>
  <si>
    <t>17339</t>
  </si>
  <si>
    <t>9601</t>
  </si>
  <si>
    <t>44630</t>
  </si>
  <si>
    <t>GGES DOGRAN WALA</t>
  </si>
  <si>
    <t>GGES Dogranwala</t>
  </si>
  <si>
    <t>Arifa Parveen</t>
  </si>
  <si>
    <t>44632</t>
  </si>
  <si>
    <t>GHS BALLEY WALA</t>
  </si>
  <si>
    <t>V.P.O BALLEY WALA TEHSIL AND DISTT. GUJRANWALA</t>
  </si>
  <si>
    <t>JALAL BLUGAN</t>
  </si>
  <si>
    <t>SOHAIL MASOOD</t>
  </si>
  <si>
    <t>44637</t>
  </si>
  <si>
    <t>GPS SOYIAN</t>
  </si>
  <si>
    <t>gps sohian</t>
  </si>
  <si>
    <t>Jalal Ballsgan</t>
  </si>
  <si>
    <t>Awais Tufail</t>
  </si>
  <si>
    <t>GPS ATTAWA</t>
  </si>
  <si>
    <t>Attawa Gujranwala</t>
  </si>
  <si>
    <t>Ansar Javaid Iqbal</t>
  </si>
  <si>
    <t>44646</t>
  </si>
  <si>
    <t>GES BASSI WALA</t>
  </si>
  <si>
    <t>Bassiwala</t>
  </si>
  <si>
    <t>P.O  Bassiwala tehsil &amp; district Gujranwalq</t>
  </si>
  <si>
    <t>M Abbas Mehar</t>
  </si>
  <si>
    <t>GES MOMAN PURA WAHGA TOWN GT ROAD LAHORE</t>
  </si>
  <si>
    <t>GES Momanpura GT Road Lahore</t>
  </si>
  <si>
    <t>20741</t>
  </si>
  <si>
    <t>GMPS KHEVA DUGAL</t>
  </si>
  <si>
    <t>kheva dugal</t>
  </si>
  <si>
    <t>Kheva Dugal</t>
  </si>
  <si>
    <t>Ayesha Riasat</t>
  </si>
  <si>
    <t>GGPS CHAK NIZAM KHURD</t>
  </si>
  <si>
    <t>sadar sharqi 3</t>
  </si>
  <si>
    <t>chak nizam khurd P/O chak nizam kalan tehsil and district GRW</t>
  </si>
  <si>
    <t>chak nizam khurd</t>
  </si>
  <si>
    <t>mokhal sandhwan</t>
  </si>
  <si>
    <t>Farkhanda</t>
  </si>
  <si>
    <t>44654</t>
  </si>
  <si>
    <t>GPS MC NO.17 GUJRANWALA</t>
  </si>
  <si>
    <t>Rehman  Abad</t>
  </si>
  <si>
    <t>rehmanabad aalam chowk gujranwala</t>
  </si>
  <si>
    <t>muhammad boota imran</t>
  </si>
  <si>
    <t>34331</t>
  </si>
  <si>
    <t>GHS DAR-UL-FURQAN BEGUM PURA</t>
  </si>
  <si>
    <t>BEGUMPURA</t>
  </si>
  <si>
    <t>GOVT.DAR UL FURQAN H/S BEGUM PURA LAHORE</t>
  </si>
  <si>
    <t>BEGUM PURA</t>
  </si>
  <si>
    <t>WASA WATER SUPPLY</t>
  </si>
  <si>
    <t>54371</t>
  </si>
  <si>
    <t>44657</t>
  </si>
  <si>
    <t>GPS CHAK REHAN</t>
  </si>
  <si>
    <t>Nadala Sandhuwaan</t>
  </si>
  <si>
    <t>Ghulam Ghous</t>
  </si>
  <si>
    <t>44663</t>
  </si>
  <si>
    <t>GPS DHERO WALI</t>
  </si>
  <si>
    <t>Dheerowali</t>
  </si>
  <si>
    <t>Po wadala sandhuan Village dherowali distt gujranwala</t>
  </si>
  <si>
    <t>Nadala Sandhuan</t>
  </si>
  <si>
    <t>GPS LADHAY WALA GORAYA</t>
  </si>
  <si>
    <t>Ladhewala Goraya</t>
  </si>
  <si>
    <t>Azhar Naseem</t>
  </si>
  <si>
    <t>44670</t>
  </si>
  <si>
    <t>GPS ALIA TOWN BAGHBANPURA</t>
  </si>
  <si>
    <t>baghban pura lahore</t>
  </si>
  <si>
    <t>govt primary school alia town baghban pura lahore</t>
  </si>
  <si>
    <t>alia town</t>
  </si>
  <si>
    <t>44866</t>
  </si>
  <si>
    <t>48648</t>
  </si>
  <si>
    <t>GGPS MC NO.1 BHERA</t>
  </si>
  <si>
    <t>In front of Model Bazar Bhera</t>
  </si>
  <si>
    <t>GES QILA KHAZANA</t>
  </si>
  <si>
    <t>Qila Khazana</t>
  </si>
  <si>
    <t>Govt elementary school qila khazana</t>
  </si>
  <si>
    <t>Muhammad Ramzqn</t>
  </si>
  <si>
    <t>GHS ABDAL</t>
  </si>
  <si>
    <t>Village and Post Office Abdal Tehsil and District Gujranwala</t>
  </si>
  <si>
    <t>shahzad Ahmad shahzad</t>
  </si>
  <si>
    <t>GGHS BUTALA JANDA SING</t>
  </si>
  <si>
    <t>botala jhanda singh</t>
  </si>
  <si>
    <t>botala jhanda singh gujranwala</t>
  </si>
  <si>
    <t>Maqbool Begum</t>
  </si>
  <si>
    <t>GHS WAHGA</t>
  </si>
  <si>
    <t>WAHGA Lahore</t>
  </si>
  <si>
    <t>Village &amp; P/O WAHGA Lahore</t>
  </si>
  <si>
    <t>44687</t>
  </si>
  <si>
    <t>GPS GONDLAN WALA</t>
  </si>
  <si>
    <t>Jamia Muslim Gondlanwala</t>
  </si>
  <si>
    <t>GGPS MC JUNIOR MODEL PIR NASEER</t>
  </si>
  <si>
    <t>pir Naseer</t>
  </si>
  <si>
    <t>pir Naseer Herbans pura interchangeLahore</t>
  </si>
  <si>
    <t>nawanpind herbanspura</t>
  </si>
  <si>
    <t>Rehana gul</t>
  </si>
  <si>
    <t>44692</t>
  </si>
  <si>
    <t>GES MASAKAY WALI</t>
  </si>
  <si>
    <t>Masaikey Wali</t>
  </si>
  <si>
    <t>GES masaikey wali .teh &amp;dist Gujranwala</t>
  </si>
  <si>
    <t>Khawar Zaman Warraichv</t>
  </si>
  <si>
    <t>44699</t>
  </si>
  <si>
    <t>20855</t>
  </si>
  <si>
    <t>GGPS ALI PUR ARAIAN</t>
  </si>
  <si>
    <t>Alipur Araian</t>
  </si>
  <si>
    <t>Alipur araian gujranwals</t>
  </si>
  <si>
    <t>Papnakha</t>
  </si>
  <si>
    <t>sajida nasreen</t>
  </si>
  <si>
    <t>30723</t>
  </si>
  <si>
    <t>GGHS CHUGHTAI GARHI SHAHU</t>
  </si>
  <si>
    <t>ghari shahu lahore</t>
  </si>
  <si>
    <t>27 HUSSAIN DIN ST NEAR RAILWAY STADIUM GHARI SHAHU LHR.</t>
  </si>
  <si>
    <t>GHARI SHAHU</t>
  </si>
  <si>
    <t>Mrs. Kausar Saleem D/O Muhammad Saddique</t>
  </si>
  <si>
    <t>GMPS BHAMBO WALI</t>
  </si>
  <si>
    <t>Bhamonwali</t>
  </si>
  <si>
    <t>village bhamonwali p.o nizampur teh/dist gujranwala</t>
  </si>
  <si>
    <t>Musrat Parveen</t>
  </si>
  <si>
    <t>30599</t>
  </si>
  <si>
    <t>GGPS KOTLI GHASI</t>
  </si>
  <si>
    <t>Kotli Ghasi</t>
  </si>
  <si>
    <t>kotli ghasi, harbanspura ,Lahore</t>
  </si>
  <si>
    <t>Warah Sattar</t>
  </si>
  <si>
    <t>Rizwana Ishaq</t>
  </si>
  <si>
    <t>GPS PERO CHAK</t>
  </si>
  <si>
    <t>Talwandi Musa khan</t>
  </si>
  <si>
    <t>GGPS PEERO CHAK</t>
  </si>
  <si>
    <t>GGPS  peero Chak Gujranwala</t>
  </si>
  <si>
    <t>Talwandi MusaKhan</t>
  </si>
  <si>
    <t>Nusrat Taihra</t>
  </si>
  <si>
    <t>44721</t>
  </si>
  <si>
    <t>20578</t>
  </si>
  <si>
    <t>GPS KOT DEWAN CHAND</t>
  </si>
  <si>
    <t>Kot Dewan Chand</t>
  </si>
  <si>
    <t>kot dewan chand grw</t>
  </si>
  <si>
    <t>GPS Kot Dewan Chand</t>
  </si>
  <si>
    <t>Azmatullah</t>
  </si>
  <si>
    <t>44723</t>
  </si>
  <si>
    <t>GES SEHNSARA GORAYA</t>
  </si>
  <si>
    <t>Chanda Qila</t>
  </si>
  <si>
    <t>sehansra Goraya</t>
  </si>
  <si>
    <t>Sehansra Goraya</t>
  </si>
  <si>
    <t>Masood Ullah Aslam</t>
  </si>
  <si>
    <t>GGES SAINKAY</t>
  </si>
  <si>
    <t>Sahnky</t>
  </si>
  <si>
    <t>Gges sahnky</t>
  </si>
  <si>
    <t>Amber Goshy</t>
  </si>
  <si>
    <t>GPS BAWRAY</t>
  </si>
  <si>
    <t>Bawray</t>
  </si>
  <si>
    <t>Gps Bawray Markaz sadar 2 Gujranwala</t>
  </si>
  <si>
    <t>GPS NAWAN PIND KOT</t>
  </si>
  <si>
    <t>Nawan Pind Kot</t>
  </si>
  <si>
    <t>village nawan pind kot p/o kot bhwanidas teh &amp; distt gujranwala</t>
  </si>
  <si>
    <t>Botala  Jhanda Singh</t>
  </si>
  <si>
    <t>Muhammad Nadeem Akhter</t>
  </si>
  <si>
    <t>40839</t>
  </si>
  <si>
    <t>GMPS JHARNA</t>
  </si>
  <si>
    <t>village/ po jherna Teh sohawa DIST Jhelum</t>
  </si>
  <si>
    <t>Jherna</t>
  </si>
  <si>
    <t>Paul Biny Khan</t>
  </si>
  <si>
    <t>Hina Rahat</t>
  </si>
  <si>
    <t>26422</t>
  </si>
  <si>
    <t>GGPS BHATTIAN LANGHAN</t>
  </si>
  <si>
    <t>Plot</t>
  </si>
  <si>
    <t>bhattian langah p/o kanjroor</t>
  </si>
  <si>
    <t>Bhattian Langah</t>
  </si>
  <si>
    <t>Kotalybarekhan</t>
  </si>
  <si>
    <t>GPS PEER JAFAR</t>
  </si>
  <si>
    <t>Peer Jafar</t>
  </si>
  <si>
    <t>village Peer Jafar</t>
  </si>
  <si>
    <t>Muhammad Awais Ur Rehman</t>
  </si>
  <si>
    <t>48383</t>
  </si>
  <si>
    <t>GPS PAKHOWAL</t>
  </si>
  <si>
    <t>Pakhowal Miani  Bhera Sargodha</t>
  </si>
  <si>
    <t>Muhammad Parvez</t>
  </si>
  <si>
    <t>GPS CHAK NO.154/AB</t>
  </si>
  <si>
    <t>154/AB yazman</t>
  </si>
  <si>
    <t>154/Ab</t>
  </si>
  <si>
    <t>Afshan Tahir</t>
  </si>
  <si>
    <t>44881</t>
  </si>
  <si>
    <t>GGPS DHURNAL</t>
  </si>
  <si>
    <t>vpo Dhurnal teh Lawa dist Chakwal</t>
  </si>
  <si>
    <t>Sadia Naeem</t>
  </si>
  <si>
    <t>44883</t>
  </si>
  <si>
    <t>26727</t>
  </si>
  <si>
    <t>GGPS AGWAAL</t>
  </si>
  <si>
    <t>Agwal</t>
  </si>
  <si>
    <t>Village Agwal post office and tehsil Zafarwal district Narowal</t>
  </si>
  <si>
    <t>Jandyala</t>
  </si>
  <si>
    <t>Rizwana Kiran</t>
  </si>
  <si>
    <t>17686</t>
  </si>
  <si>
    <t>44884</t>
  </si>
  <si>
    <t>30487</t>
  </si>
  <si>
    <t>GPS JHADO</t>
  </si>
  <si>
    <t>Jhedo</t>
  </si>
  <si>
    <t>P. O kahana nau jhedu Lahore</t>
  </si>
  <si>
    <t>Thy Panju</t>
  </si>
  <si>
    <t>8784</t>
  </si>
  <si>
    <t>GMPS KALU CHEEMA</t>
  </si>
  <si>
    <t>Kalu cheema</t>
  </si>
  <si>
    <t>kalu cheema</t>
  </si>
  <si>
    <t>Kalu Cheema</t>
  </si>
  <si>
    <t>48654</t>
  </si>
  <si>
    <t>GGPS NO.2 BHERA</t>
  </si>
  <si>
    <t>circular road near degree collage for women bhera</t>
  </si>
  <si>
    <t>Nayab Fatima</t>
  </si>
  <si>
    <t>29874</t>
  </si>
  <si>
    <t>GPS GOPAY WALA</t>
  </si>
  <si>
    <t>basti raheem abad, chah gopay wala, moza dera izzat, bahawalpur</t>
  </si>
  <si>
    <t>gopay wala</t>
  </si>
  <si>
    <t>cantonment area</t>
  </si>
  <si>
    <t>GPS MUJAWARAN WALI CHAK NO 26</t>
  </si>
  <si>
    <t>Majwarawala</t>
  </si>
  <si>
    <t>GPS majwarawala chak #26</t>
  </si>
  <si>
    <t>GGPS CHAK NO.20/DNB (EAST)</t>
  </si>
  <si>
    <t>chak no20/DNB(e)</t>
  </si>
  <si>
    <t>Chak No 20/DNB</t>
  </si>
  <si>
    <t>Chak No35/DNB</t>
  </si>
  <si>
    <t>31206</t>
  </si>
  <si>
    <t>GGPS MAL LAHORE</t>
  </si>
  <si>
    <t>Ggps Mall</t>
  </si>
  <si>
    <t>Sultanky</t>
  </si>
  <si>
    <t>Syeda Nargis Zahra</t>
  </si>
  <si>
    <t>GGPS DHOK PAHAR KHAIL DHARNAL</t>
  </si>
  <si>
    <t>ggps pahare khail vpo dhurnal teh lawa district chakwal</t>
  </si>
  <si>
    <t>7229</t>
  </si>
  <si>
    <t>44898</t>
  </si>
  <si>
    <t>21327</t>
  </si>
  <si>
    <t>GES KOT BHAGA</t>
  </si>
  <si>
    <t>Kot Bhaga</t>
  </si>
  <si>
    <t>kot bhaga  tehsil wazirabad distt Gujranwala</t>
  </si>
  <si>
    <t>GGES KHALID ENGLISH MEDIUM BHERA</t>
  </si>
  <si>
    <t>Gali Churion Wali Nizd Peer Khaki Bhera</t>
  </si>
  <si>
    <t>Khudija Begum</t>
  </si>
  <si>
    <t>45773</t>
  </si>
  <si>
    <t>GGPS KAKRALA KALAN</t>
  </si>
  <si>
    <t>Kakrala Kalan</t>
  </si>
  <si>
    <t>kakrala kalan p/o kakrala tehsil sohawa district Jhelum</t>
  </si>
  <si>
    <t>44903</t>
  </si>
  <si>
    <t>GPS SAR DHOK</t>
  </si>
  <si>
    <t>VPO Sar Dhoke Teh Sarai Alamgir District Gujrat</t>
  </si>
  <si>
    <t>Adeel Ashfaq</t>
  </si>
  <si>
    <t>GES CHAK NO.88/DB</t>
  </si>
  <si>
    <t>CHAK NO 88/DB HAKIM WALI YAZMAN</t>
  </si>
  <si>
    <t>CHAK NO 88/DB YAZMAN</t>
  </si>
  <si>
    <t>CHAK NO 88/DB</t>
  </si>
  <si>
    <t>19022</t>
  </si>
  <si>
    <t>48310</t>
  </si>
  <si>
    <t>GPS BURJ GHULAM RASOOL</t>
  </si>
  <si>
    <t>Burj Ghulam Rasool</t>
  </si>
  <si>
    <t>GPS BURJ GHULAM RASOOL TEHSIL KOTMOMIN DISTRICT SARGODHA</t>
  </si>
  <si>
    <t>25034</t>
  </si>
  <si>
    <t>G.G.P school  Mangwal post office Jandiala Tehsil Zafarwal District Narowal</t>
  </si>
  <si>
    <t>Sumeira Khadim</t>
  </si>
  <si>
    <t>17174</t>
  </si>
  <si>
    <t>GES CHELAY WALA CHAK NO 7 THAL</t>
  </si>
  <si>
    <t>Chelay Wala</t>
  </si>
  <si>
    <t>Moza Chelay Wala Chak 7/2 Thal Janobi</t>
  </si>
  <si>
    <t>Muhammad Khalid Shaheen</t>
  </si>
  <si>
    <t>49462</t>
  </si>
  <si>
    <t>GPS BONGA BAKHSH</t>
  </si>
  <si>
    <t>Bonga Bakhsh</t>
  </si>
  <si>
    <t>Gps Bonga Bakhsh</t>
  </si>
  <si>
    <t>Muhammd Rizwan Ashraf</t>
  </si>
  <si>
    <t>47662</t>
  </si>
  <si>
    <t>44924</t>
  </si>
  <si>
    <t>GGPS AMRAAL</t>
  </si>
  <si>
    <t>Amral</t>
  </si>
  <si>
    <t>village amral</t>
  </si>
  <si>
    <t>Rupochak</t>
  </si>
  <si>
    <t>Shagufta Khanam</t>
  </si>
  <si>
    <t>GGPS MULLAN WALI</t>
  </si>
  <si>
    <t>Mari Qasim SHAH</t>
  </si>
  <si>
    <t>government model primary school mullan wali</t>
  </si>
  <si>
    <t>Mulla Wali</t>
  </si>
  <si>
    <t>Maqsooda Khanum</t>
  </si>
  <si>
    <t>25583</t>
  </si>
  <si>
    <t>GMPS MANAK CHAND</t>
  </si>
  <si>
    <t>Manak Chand</t>
  </si>
  <si>
    <t>gmps manak chand</t>
  </si>
  <si>
    <t>Manak Chnd</t>
  </si>
  <si>
    <t>Nasreen kausar</t>
  </si>
  <si>
    <t>GPS KOTLA SIKHANI</t>
  </si>
  <si>
    <t>GGES CHAK NO.111/DB</t>
  </si>
  <si>
    <t>111 Db</t>
  </si>
  <si>
    <t>chak no 111db</t>
  </si>
  <si>
    <t>Sughra Sharif</t>
  </si>
  <si>
    <t>31853</t>
  </si>
  <si>
    <t>44923</t>
  </si>
  <si>
    <t>GGES JULKAY</t>
  </si>
  <si>
    <t>Jhulkay</t>
  </si>
  <si>
    <t>jhulkay post office kahna nau.lahore</t>
  </si>
  <si>
    <t>Syeda Musharraf Un Nisa</t>
  </si>
  <si>
    <t>52836</t>
  </si>
  <si>
    <t>44932</t>
  </si>
  <si>
    <t>23484</t>
  </si>
  <si>
    <t>GPS KHOHAR</t>
  </si>
  <si>
    <t>V.P.O KHOHAR TEHSIL SARAI ALAM GIR</t>
  </si>
  <si>
    <t>Malik Jamrooz Iqbal</t>
  </si>
  <si>
    <t>6038</t>
  </si>
  <si>
    <t>GGPS BASTI AMIN PURA RAIWIND</t>
  </si>
  <si>
    <t>BASTI AMIN PURA RAIWIND</t>
  </si>
  <si>
    <t>BASTI AMIN PURA NEAR RAILWAY STATION RAIWIND</t>
  </si>
  <si>
    <t>RAIWIND VILLAGE</t>
  </si>
  <si>
    <t>KAUSAR IKHLAQ</t>
  </si>
  <si>
    <t>44934</t>
  </si>
  <si>
    <t>GPS BASTI MEHAR</t>
  </si>
  <si>
    <t>Mehru Balouch</t>
  </si>
  <si>
    <t>Basti Mahar Mehru Balouch Luddan Vehari</t>
  </si>
  <si>
    <t>Basti Mahar</t>
  </si>
  <si>
    <t>M Jafar</t>
  </si>
  <si>
    <t>44937</t>
  </si>
  <si>
    <t>GMPS NO.4 BHERA</t>
  </si>
  <si>
    <t>lal wali lokri bhera</t>
  </si>
  <si>
    <t>Lal Wali Lokri</t>
  </si>
  <si>
    <t>Yaqoot Tahira</t>
  </si>
  <si>
    <t>33433</t>
  </si>
  <si>
    <t>GPS RASOOL PUR ARAIYAN CHAK 82 RB</t>
  </si>
  <si>
    <t>Rasool Our Chak 82</t>
  </si>
  <si>
    <t>rasool pur chak 82 tehsil shahkot distt nankana sahib</t>
  </si>
  <si>
    <t>Rasool Pur Chak 82</t>
  </si>
  <si>
    <t>40688</t>
  </si>
  <si>
    <t>GPS HINNI</t>
  </si>
  <si>
    <t>HiNNI</t>
  </si>
  <si>
    <t>Hinni Post office diyal sohawa jhelum</t>
  </si>
  <si>
    <t>37555</t>
  </si>
  <si>
    <t>44942</t>
  </si>
  <si>
    <t>village kharang teh and po box kotli sattian</t>
  </si>
  <si>
    <t>Kharang</t>
  </si>
  <si>
    <t>NEELAM NAWAZ</t>
  </si>
  <si>
    <t>44945</t>
  </si>
  <si>
    <t>49564</t>
  </si>
  <si>
    <t>Muhammad Wala Tehsil Shah pur p/o Shahpur sadar disst:sargodha</t>
  </si>
  <si>
    <t>GPS NOKHAR</t>
  </si>
  <si>
    <t>P.O Nokhar</t>
  </si>
  <si>
    <t>GMPS BUTTA KOTLA</t>
  </si>
  <si>
    <t>MARI SHAH SAKHIRA-FEMALE</t>
  </si>
  <si>
    <t>Butta Kotla</t>
  </si>
  <si>
    <t>kot shakir p/o same teh 18 hazari district jhang</t>
  </si>
  <si>
    <t>7/2 Thull Shumali</t>
  </si>
  <si>
    <t>Farzana Younis</t>
  </si>
  <si>
    <t>44949</t>
  </si>
  <si>
    <t>GGPS SAGHAR NO 3</t>
  </si>
  <si>
    <t>GGPS no.3 saghar  vpo saghar teh talagang distt chakwal</t>
  </si>
  <si>
    <t>Asma Jabeen</t>
  </si>
  <si>
    <t>44951</t>
  </si>
  <si>
    <t>Athar Sohail</t>
  </si>
  <si>
    <t>GPS RAN LAB DARIYA</t>
  </si>
  <si>
    <t>Mouza Ran Lab Dariya</t>
  </si>
  <si>
    <t>mouza ran lab dariya Multan</t>
  </si>
  <si>
    <t>Ran Lab Dariya</t>
  </si>
  <si>
    <t>Hafiz Muhammad Adil</t>
  </si>
  <si>
    <t>34148</t>
  </si>
  <si>
    <t>44957</t>
  </si>
  <si>
    <t>53437</t>
  </si>
  <si>
    <t>GGPS 25/4.L</t>
  </si>
  <si>
    <t>25/4l</t>
  </si>
  <si>
    <t>18009</t>
  </si>
  <si>
    <t>GMPS CHAK NO 404 JB</t>
  </si>
  <si>
    <t>chak no 404 jb</t>
  </si>
  <si>
    <t>GMPS chak no 404 jb teh shorkot Dist jhang</t>
  </si>
  <si>
    <t>chak no 493 jb</t>
  </si>
  <si>
    <t>muhammad sajid ali</t>
  </si>
  <si>
    <t>GPS MOHALLA HAJI MUHAMMAD SHER BILAND</t>
  </si>
  <si>
    <t>Gps moh.haji m.sher Biland Tehsil noorpur thal district khushab</t>
  </si>
  <si>
    <t>GES NEW KHAN</t>
  </si>
  <si>
    <t>MUTAFARIQ MAZARI</t>
  </si>
  <si>
    <t>MOZA MUTAFARAQ MAZARI TEHSIL ROJHAN</t>
  </si>
  <si>
    <t>Basti Harwani</t>
  </si>
  <si>
    <t>MIRANPUR</t>
  </si>
  <si>
    <t>M Irshad Malik</t>
  </si>
  <si>
    <t>43956</t>
  </si>
  <si>
    <t>GGPS DHOK JHAMAL</t>
  </si>
  <si>
    <t>ggps dhok jhmal dhurnal</t>
  </si>
  <si>
    <t>Zubaira sultana</t>
  </si>
  <si>
    <t>village kot bhaga post office khambranwala tehsil sambrial district sialkot.</t>
  </si>
  <si>
    <t>18546</t>
  </si>
  <si>
    <t>44970</t>
  </si>
  <si>
    <t>GPS KULAK</t>
  </si>
  <si>
    <t>kulak</t>
  </si>
  <si>
    <t>village kulak post office  Rarriala tehsil kharian district Gujrat</t>
  </si>
  <si>
    <t>21466</t>
  </si>
  <si>
    <t>GPS DERA GHULAM SARWAR</t>
  </si>
  <si>
    <t>moza Khair pur Namaywali khushab</t>
  </si>
  <si>
    <t>sandral</t>
  </si>
  <si>
    <t>Muhammd Sabir Khan</t>
  </si>
  <si>
    <t>GPS DERA QADEEM</t>
  </si>
  <si>
    <t>Dera qadeem</t>
  </si>
  <si>
    <t>Dera Qadeem</t>
  </si>
  <si>
    <t>Ders Jara</t>
  </si>
  <si>
    <t>GES AHDIAN</t>
  </si>
  <si>
    <t>Ahdian post office Narang Mandi Tehsil Muridke District Sheikhupura</t>
  </si>
  <si>
    <t>44978</t>
  </si>
  <si>
    <t>GPS KOTLI MANU SADHO</t>
  </si>
  <si>
    <t>KOTLI MANU SIDHU</t>
  </si>
  <si>
    <t>VILLAGE KOTLI MANU SIDHU TEHSIL AND DISTRICT GUJRANWALA</t>
  </si>
  <si>
    <t>LADHAY WALA  GORAYA</t>
  </si>
  <si>
    <t>54510</t>
  </si>
  <si>
    <t>GHS NOWSHERA VIRKAN NO.2</t>
  </si>
  <si>
    <t>Mohallah Muslim Town ,Nowshera Virkan (GRW)</t>
  </si>
  <si>
    <t>MC NOWSHERA VIRKAN</t>
  </si>
  <si>
    <t>GHS COMPREHENSIVE GUJRAT</t>
  </si>
  <si>
    <t>service Moor G.T Road Gujrat</t>
  </si>
  <si>
    <t>IKRAMULLAH SAFDER</t>
  </si>
  <si>
    <t>85940</t>
  </si>
  <si>
    <t>GHS QILA DAR</t>
  </si>
  <si>
    <t>Qilladar Gujrat</t>
  </si>
  <si>
    <t>Syed Azeem Rashid Ali Zaidi</t>
  </si>
  <si>
    <t>22193</t>
  </si>
  <si>
    <t>GHS KHEPRAN WALA</t>
  </si>
  <si>
    <t>Khepranwala</t>
  </si>
  <si>
    <t>Village khepranwala post office phullarwan tehsil Gujrat district Gujrat,</t>
  </si>
  <si>
    <t>Sabbowal</t>
  </si>
  <si>
    <t>Ch. Nasar Iqbal</t>
  </si>
  <si>
    <t>GGHS DALI BANTH</t>
  </si>
  <si>
    <t>Dali Banth</t>
  </si>
  <si>
    <t>VPO Dali Banth GGHS Dali Banth Tehsil &amp; District Gujrat</t>
  </si>
  <si>
    <t>dali banth</t>
  </si>
  <si>
    <t>michhiana</t>
  </si>
  <si>
    <t>Nargis Gull</t>
  </si>
  <si>
    <t>Village Doga Teh/Dist. Gujrat p/o daulat nagar</t>
  </si>
  <si>
    <t>Khujsta Neelam</t>
  </si>
  <si>
    <t>48761</t>
  </si>
  <si>
    <t>13647</t>
  </si>
  <si>
    <t>GGHS SHEIKPUR</t>
  </si>
  <si>
    <t>G.G.H.S sheikhpur post office sheikhpur gujrat</t>
  </si>
  <si>
    <t>ayesha Maqsood</t>
  </si>
  <si>
    <t>GMPS KHALID ABAD</t>
  </si>
  <si>
    <t>khalid abad</t>
  </si>
  <si>
    <t>khalid abad gujrat</t>
  </si>
  <si>
    <t>Sardar Pura</t>
  </si>
  <si>
    <t>GGPS MARZAI CHAK</t>
  </si>
  <si>
    <t>Marzai chak</t>
  </si>
  <si>
    <t>marzai chak p/o lakhanwal</t>
  </si>
  <si>
    <t>Sadia Tahseen</t>
  </si>
  <si>
    <t>GGPS MALKI</t>
  </si>
  <si>
    <t>Malki</t>
  </si>
  <si>
    <t>GGPSMalki</t>
  </si>
  <si>
    <t>MAlki</t>
  </si>
  <si>
    <t>Jalalpur Sobtain</t>
  </si>
  <si>
    <t>tasneem     tahira</t>
  </si>
  <si>
    <t>GMPS KASAB</t>
  </si>
  <si>
    <t>Kasab</t>
  </si>
  <si>
    <t>village kasab post office chak Kamala tehsil and district Gujrat</t>
  </si>
  <si>
    <t>ANAM MUMTAZ</t>
  </si>
  <si>
    <t>33047</t>
  </si>
  <si>
    <t>GGES CHAKRIAN</t>
  </si>
  <si>
    <t>CHAKRIAN</t>
  </si>
  <si>
    <t>GGPS DITAY WAL</t>
  </si>
  <si>
    <t>village ,post office Dittewal Tehsil Dist Gujrat</t>
  </si>
  <si>
    <t>Bushra Sarwar</t>
  </si>
  <si>
    <t>GMMS DHOK MUSTFA ABAD</t>
  </si>
  <si>
    <t>Mohallah Mustafaabad,jalalpur jattan</t>
  </si>
  <si>
    <t>Jalalpur JATTAN</t>
  </si>
  <si>
    <t>MC   Jalalpur JATTAN</t>
  </si>
  <si>
    <t>Chand Muhammad Azeem</t>
  </si>
  <si>
    <t>25448</t>
  </si>
  <si>
    <t>GGES RATRI</t>
  </si>
  <si>
    <t>Ratri</t>
  </si>
  <si>
    <t>village ratri p\o bandot gujar khan rwp</t>
  </si>
  <si>
    <t>Sehrash Sultan</t>
  </si>
  <si>
    <t>chak#565GB (E)</t>
  </si>
  <si>
    <t>565 GB EAST</t>
  </si>
  <si>
    <t>566namdaar</t>
  </si>
  <si>
    <t>Sajida Ajmal</t>
  </si>
  <si>
    <t>11008</t>
  </si>
  <si>
    <t>GPS AURUNG ABAD</t>
  </si>
  <si>
    <t>Govt. boys primary school Aurangabad</t>
  </si>
  <si>
    <t>M C Sarai Alamgir</t>
  </si>
  <si>
    <t>Muhammad Nabil Nawaz</t>
  </si>
  <si>
    <t>GMPS JHANG</t>
  </si>
  <si>
    <t>Jhang Kalan</t>
  </si>
  <si>
    <t>vill Jhang p/o Looni area Bajwat distt and teh Sialkot</t>
  </si>
  <si>
    <t>nargis begum</t>
  </si>
  <si>
    <t>GGPS HASSAN ABAD</t>
  </si>
  <si>
    <t>Hassanabad</t>
  </si>
  <si>
    <t>hassanabad</t>
  </si>
  <si>
    <t>10483</t>
  </si>
  <si>
    <t>149 A TDA</t>
  </si>
  <si>
    <t>Irshad Hussain Khan</t>
  </si>
  <si>
    <t>GGPS NO. 2 KOT RADHA KISHAN</t>
  </si>
  <si>
    <t>Mohalla Judge Wala</t>
  </si>
  <si>
    <t>mohalla judge wala, kot radha kishan, kasur</t>
  </si>
  <si>
    <t>MC KRK</t>
  </si>
  <si>
    <t>45939</t>
  </si>
  <si>
    <t>GGES KURPALKA JAUHARABAD</t>
  </si>
  <si>
    <t>kurpalka</t>
  </si>
  <si>
    <t>Hussan Pur Tiwana</t>
  </si>
  <si>
    <t>33773</t>
  </si>
  <si>
    <t>GGPS HASAAN ABAD MULTAN</t>
  </si>
  <si>
    <t>bowa pur</t>
  </si>
  <si>
    <t>GG p/s hassanabad street 14B near gol masjid</t>
  </si>
  <si>
    <t>Rabia Qureshi</t>
  </si>
  <si>
    <t>33936</t>
  </si>
  <si>
    <t>GES KHANPUR QAZIAN SHUJABAD</t>
  </si>
  <si>
    <t>moza khan pur</t>
  </si>
  <si>
    <t>M Akram Khan</t>
  </si>
  <si>
    <t>GGES CHAK 253 GB</t>
  </si>
  <si>
    <t>253 GB</t>
  </si>
  <si>
    <t>chak no 253 gb</t>
  </si>
  <si>
    <t>251 Gb</t>
  </si>
  <si>
    <t>Freeha Afzal</t>
  </si>
  <si>
    <t>GMPS MIAN RODHA SHARIF</t>
  </si>
  <si>
    <t>Zalla Shumali</t>
  </si>
  <si>
    <t>Mian Roda Sharif</t>
  </si>
  <si>
    <t>Shabana Karim</t>
  </si>
  <si>
    <t>GMPS GULAB PURA</t>
  </si>
  <si>
    <t>gulab Pura</t>
  </si>
  <si>
    <t>gmps gulab pura</t>
  </si>
  <si>
    <t>gulab pura</t>
  </si>
  <si>
    <t>cantt board</t>
  </si>
  <si>
    <t>Qaiser Raza Butt</t>
  </si>
  <si>
    <t>23081</t>
  </si>
  <si>
    <t>GES FATALAMA</t>
  </si>
  <si>
    <t>FATTA Lamman LAMMANG</t>
  </si>
  <si>
    <t>VILLAGE FATTA LAMMAN POST OFFICE BAGRIANWALA TEH KHARIAN DISTRICT GUJRAT</t>
  </si>
  <si>
    <t>FATTA LAMMAN</t>
  </si>
  <si>
    <t>TASMIA YASMEEN</t>
  </si>
  <si>
    <t>31363</t>
  </si>
  <si>
    <t>GPS ISLAMIA MODEL KAMALIA</t>
  </si>
  <si>
    <t>Mph. Islamia kamalia</t>
  </si>
  <si>
    <t>MC Kamalia</t>
  </si>
  <si>
    <t>Muhammad Amin Siddiqui</t>
  </si>
  <si>
    <t>GPS CHAK NO.192/EB</t>
  </si>
  <si>
    <t>Chak No 192EB</t>
  </si>
  <si>
    <t>chak No.192EB</t>
  </si>
  <si>
    <t>192EB</t>
  </si>
  <si>
    <t>Chak No 194EB</t>
  </si>
  <si>
    <t>Muhammad Usman Shahid</t>
  </si>
  <si>
    <t>33548</t>
  </si>
  <si>
    <t>GGES ASHRAF ABAD</t>
  </si>
  <si>
    <t>ASHRAFABAD</t>
  </si>
  <si>
    <t>Ashraf abad Kamoke Gujranwala</t>
  </si>
  <si>
    <t>Ashraf abad</t>
  </si>
  <si>
    <t>Mrs Alia Norin</t>
  </si>
  <si>
    <t>GPS CHAK KOTLA GAMOON</t>
  </si>
  <si>
    <t>Chak Kotla Gamoon</t>
  </si>
  <si>
    <t>Chowke Baitinala Moza Chak Kotla Gamoon</t>
  </si>
  <si>
    <t>Chowke  Baitinala</t>
  </si>
  <si>
    <t>Waince</t>
  </si>
  <si>
    <t>GPS HASSAN ABDAL NO.1</t>
  </si>
  <si>
    <t>GBPS NO.1 HASSAN ABDAL NEAR PANJA</t>
  </si>
  <si>
    <t>MC Hassan Abdal</t>
  </si>
  <si>
    <t>Zaman  Ali</t>
  </si>
  <si>
    <t>GMPS DHORA HAJANA</t>
  </si>
  <si>
    <t>Dhora Hajana</t>
  </si>
  <si>
    <t>Post Office Kotla Mughlan  Tehsil Jampur</t>
  </si>
  <si>
    <t>Nousheen Batool</t>
  </si>
  <si>
    <t>GGES CHAK NO. 112 ML</t>
  </si>
  <si>
    <t>112 ML</t>
  </si>
  <si>
    <t>rukhsana mushtaq</t>
  </si>
  <si>
    <t>GGPS CHAK NO.62 ML</t>
  </si>
  <si>
    <t>Halqa sharki</t>
  </si>
  <si>
    <t>62ML</t>
  </si>
  <si>
    <t>62ml</t>
  </si>
  <si>
    <t>45523</t>
  </si>
  <si>
    <t>46256</t>
  </si>
  <si>
    <t>GPS DERA CHAN</t>
  </si>
  <si>
    <t>Dera Chan</t>
  </si>
  <si>
    <t>v.p.o chan teh. nur pur thal dist. khb</t>
  </si>
  <si>
    <t>45682</t>
  </si>
  <si>
    <t>GMPS CHAK 305 JB</t>
  </si>
  <si>
    <t>305 Jb</t>
  </si>
  <si>
    <t>GMPS 305 jb</t>
  </si>
  <si>
    <t>Chak no 305 Jb</t>
  </si>
  <si>
    <t>Qader Abad</t>
  </si>
  <si>
    <t>Lubna Aslam</t>
  </si>
  <si>
    <t>GGPS BAMB JALALPUR PIRWALA</t>
  </si>
  <si>
    <t>ggps bumb basti bumb karam Ali wala</t>
  </si>
  <si>
    <t>Sarak Wala Basti Bumb</t>
  </si>
  <si>
    <t>Shagufta Sagheer</t>
  </si>
  <si>
    <t>38689</t>
  </si>
  <si>
    <t>GGES 3 M</t>
  </si>
  <si>
    <t>Chak 3M</t>
  </si>
  <si>
    <t>GGES chak 3M teh duyapur dist lodhran</t>
  </si>
  <si>
    <t>3M</t>
  </si>
  <si>
    <t>Sultana Bibi</t>
  </si>
  <si>
    <t>GGPS LAKHMIR DHUDI NO 2</t>
  </si>
  <si>
    <t>BWN.6-FEMALE</t>
  </si>
  <si>
    <t>Lakhmir Dhoudi</t>
  </si>
  <si>
    <t>Jaal wala road paka tiba Govt.girls P/S Lakhmir dhoudi No:2</t>
  </si>
  <si>
    <t>Tahira Majeed</t>
  </si>
  <si>
    <t>40879</t>
  </si>
  <si>
    <t>GGES KOTIAM</t>
  </si>
  <si>
    <t>Kotiam</t>
  </si>
  <si>
    <t>vill and post ofc kotyam tehsile dina distt jhelum</t>
  </si>
  <si>
    <t>Khukah</t>
  </si>
  <si>
    <t>Huma Mazhar</t>
  </si>
  <si>
    <t>39996</t>
  </si>
  <si>
    <t>GGPS ADAL ZAI</t>
  </si>
  <si>
    <t>Adalzai</t>
  </si>
  <si>
    <t>Village adalzai post ofc hazro tehsil hazro district attock</t>
  </si>
  <si>
    <t>52790</t>
  </si>
  <si>
    <t>35368</t>
  </si>
  <si>
    <t>GGPS MARIAN</t>
  </si>
  <si>
    <t>Mariyan</t>
  </si>
  <si>
    <t>basti mariyan tehsil ali pur district Muzaffargarh</t>
  </si>
  <si>
    <t>GPS SHARIAN WALI</t>
  </si>
  <si>
    <t>Sharianwali</t>
  </si>
  <si>
    <t>MUHAMMAD MUBASHAR HUSSAIN</t>
  </si>
  <si>
    <t>GPS NO.5 RAHMAT COLONY SILLANWALI</t>
  </si>
  <si>
    <t>MC Sillanwali</t>
  </si>
  <si>
    <t>GPS No 5 Rehmat Colony Sillanwali</t>
  </si>
  <si>
    <t>GPS (MC) ATTOCK NO.6</t>
  </si>
  <si>
    <t>Behar Colony</t>
  </si>
  <si>
    <t>GBPS mc no 6 Behari colony attock</t>
  </si>
  <si>
    <t>43395</t>
  </si>
  <si>
    <t>GGPS BASTI FAIZ SHAH</t>
  </si>
  <si>
    <t>Mari Sheikh Shajra</t>
  </si>
  <si>
    <t>Basti gohar Shah near thanks sharif</t>
  </si>
  <si>
    <t>Shanza Kanwal</t>
  </si>
  <si>
    <t>basti dayiat uc kulab</t>
  </si>
  <si>
    <t>Basti Dayiet</t>
  </si>
  <si>
    <t>GGPS KUDYANA</t>
  </si>
  <si>
    <t>Kudiana</t>
  </si>
  <si>
    <t>GGPS Kudiana</t>
  </si>
  <si>
    <t>Kudiana Shahpur</t>
  </si>
  <si>
    <t>Mussrat Hina</t>
  </si>
  <si>
    <t>28696</t>
  </si>
  <si>
    <t>GPS MEER KOT NAU</t>
  </si>
  <si>
    <t>Meerkot Nau</t>
  </si>
  <si>
    <t>GPS meerkot Nau</t>
  </si>
  <si>
    <t>Chunian Hitthar</t>
  </si>
  <si>
    <t>GPS 70/EB ARIFWALA</t>
  </si>
  <si>
    <t>70/eb</t>
  </si>
  <si>
    <t>70/eb tehsil arifwala district pakpattan</t>
  </si>
  <si>
    <t>86/eb</t>
  </si>
  <si>
    <t>19721</t>
  </si>
  <si>
    <t>GES CHAK NO 127/M</t>
  </si>
  <si>
    <t>Chak no 127/m po 129/m</t>
  </si>
  <si>
    <t>127/murad</t>
  </si>
  <si>
    <t>Chak 128/m</t>
  </si>
  <si>
    <t>Qamar Hussain</t>
  </si>
  <si>
    <t>21051</t>
  </si>
  <si>
    <t>GPS CHENAWAN VILLAGE</t>
  </si>
  <si>
    <t>Chenawan Village</t>
  </si>
  <si>
    <t>P.O. jamke chattha, chenawan</t>
  </si>
  <si>
    <t>Chenawan</t>
  </si>
  <si>
    <t>8741</t>
  </si>
  <si>
    <t>GGPS BALOCH COLONY BAHAWALPUR</t>
  </si>
  <si>
    <t>Goth bajan</t>
  </si>
  <si>
    <t>Baloch colony near railway station</t>
  </si>
  <si>
    <t>Goth ghani</t>
  </si>
  <si>
    <t>BWP CITY XVIII</t>
  </si>
  <si>
    <t>Anum Abid</t>
  </si>
  <si>
    <t>GPS DHOK GAR</t>
  </si>
  <si>
    <t>Dhok Garr</t>
  </si>
  <si>
    <t>vpo thoha mehram khan distt chakwal teh talagang</t>
  </si>
  <si>
    <t>Navid Hussain</t>
  </si>
  <si>
    <t>GPS QILA JIWAN SINGH MINHALA / NARWAR</t>
  </si>
  <si>
    <t>Qila Jewan Singh Lahore</t>
  </si>
  <si>
    <t>GPS qila Jewan Singh</t>
  </si>
  <si>
    <t>Qila Jewan Singh</t>
  </si>
  <si>
    <t>49905</t>
  </si>
  <si>
    <t>GPS QADAR PUR</t>
  </si>
  <si>
    <t>Mega Ara</t>
  </si>
  <si>
    <t>pathan kot teh sahiwal distt sargodha</t>
  </si>
  <si>
    <t>43897</t>
  </si>
  <si>
    <t>GGPS DHOK BILWALI</t>
  </si>
  <si>
    <t>Bilalwi</t>
  </si>
  <si>
    <t>vpo Dk Mushaib tehsil lawa Distt Chkwal</t>
  </si>
  <si>
    <t>DK MUSAHIB</t>
  </si>
  <si>
    <t>Asma Tabbasam</t>
  </si>
  <si>
    <t>15477</t>
  </si>
  <si>
    <t>GPS CHAK 224 GB SAMUNDRI</t>
  </si>
  <si>
    <t>Chak no.224 gb</t>
  </si>
  <si>
    <t>224 Gb</t>
  </si>
  <si>
    <t>225 Gb</t>
  </si>
  <si>
    <t>45989</t>
  </si>
  <si>
    <t>GGPS KIKRI WALA KHURA</t>
  </si>
  <si>
    <t>po khura tehsil noshera  district khushab</t>
  </si>
  <si>
    <t>Ghulam  Zohra</t>
  </si>
  <si>
    <t>connection from neighbours bore</t>
  </si>
  <si>
    <t>23490</t>
  </si>
  <si>
    <t>GPS DHALL</t>
  </si>
  <si>
    <t>dhall p. o nothia qureshian tehsil Sarai alamgir</t>
  </si>
  <si>
    <t>GGPS KALOO WALA SHUJABAD</t>
  </si>
  <si>
    <t>Near BHU shah mosa</t>
  </si>
  <si>
    <t>Kalowala</t>
  </si>
  <si>
    <t>shAh Mosa</t>
  </si>
  <si>
    <t>GGPS GAJU MATTA SHARQI</t>
  </si>
  <si>
    <t>Gajumatta</t>
  </si>
  <si>
    <t>ggps gajumatta sharqi</t>
  </si>
  <si>
    <t>Sumaira Yousaf</t>
  </si>
  <si>
    <t>48412</t>
  </si>
  <si>
    <t>GPS KHAIRO KOT</t>
  </si>
  <si>
    <t>HAZOOR PUR - MALE</t>
  </si>
  <si>
    <t>Khairo Koot</t>
  </si>
  <si>
    <t>Khairo koot</t>
  </si>
  <si>
    <t>GPS HAVELI BRAHMAN ABAD</t>
  </si>
  <si>
    <t>mojoki p/o barki tehsil shalimar Lahore</t>
  </si>
  <si>
    <t>Din Muhammad</t>
  </si>
  <si>
    <t>GGPMS JHOKE MITHA KHAN</t>
  </si>
  <si>
    <t>Janhgera</t>
  </si>
  <si>
    <t>jhoke Mitha khan p\ o jhoke haider khan</t>
  </si>
  <si>
    <t>Jhoke Mitha Khan</t>
  </si>
  <si>
    <t>Pakeeza Iqbal</t>
  </si>
  <si>
    <t>GGCMES  66/GD</t>
  </si>
  <si>
    <t>ggcmes 66-GD</t>
  </si>
  <si>
    <t>66 GD</t>
  </si>
  <si>
    <t>59- GD</t>
  </si>
  <si>
    <t>GMPS RUKAN PUR</t>
  </si>
  <si>
    <t>Rukan pur</t>
  </si>
  <si>
    <t>Sofia Shahwana</t>
  </si>
  <si>
    <t>45979</t>
  </si>
  <si>
    <t>GMPS DHOK JAHAN KHAN KHABEKI</t>
  </si>
  <si>
    <t>Khabbeki</t>
  </si>
  <si>
    <t>p/o box khabbeki tehsil naushera</t>
  </si>
  <si>
    <t>Touseef Gul</t>
  </si>
  <si>
    <t>32146</t>
  </si>
  <si>
    <t>GPS DEWAN WALA</t>
  </si>
  <si>
    <t>diwan wala markaz manawala</t>
  </si>
  <si>
    <t>Pati Karpal Singh</t>
  </si>
  <si>
    <t>49356</t>
  </si>
  <si>
    <t>GGPS NO.2 CHAK NO.84 NB</t>
  </si>
  <si>
    <t>84 NB</t>
  </si>
  <si>
    <t>Chak 84 NB Sargodha</t>
  </si>
  <si>
    <t>Chak 84 NB</t>
  </si>
  <si>
    <t>Chak 92 NB</t>
  </si>
  <si>
    <t>34021</t>
  </si>
  <si>
    <t>GES SIKANDER ABAD EIDGHAH ROAD</t>
  </si>
  <si>
    <t>Sikanderabad</t>
  </si>
  <si>
    <t>Near Eid Gah Sikanderabad Teh Shujabad District. Multan</t>
  </si>
  <si>
    <t>Mohammad Azhar Khan</t>
  </si>
  <si>
    <t>32926</t>
  </si>
  <si>
    <t>GPS JESSEL</t>
  </si>
  <si>
    <t>Jessel</t>
  </si>
  <si>
    <t>jessel</t>
  </si>
  <si>
    <t>22744</t>
  </si>
  <si>
    <t>GPS LOMER WALA</t>
  </si>
  <si>
    <t>Hunjrai Ghair Mustakil Sharqi</t>
  </si>
  <si>
    <t>Basti Dirkhan Wala</t>
  </si>
  <si>
    <t>28488</t>
  </si>
  <si>
    <t>GGES KHUSAR</t>
  </si>
  <si>
    <t>Khusr</t>
  </si>
  <si>
    <t>village khusar Teh phalia district M b. din</t>
  </si>
  <si>
    <t>Kneez Zahra</t>
  </si>
  <si>
    <t>54882</t>
  </si>
  <si>
    <t>GPS GANGI</t>
  </si>
  <si>
    <t>Watta Khel Pakka</t>
  </si>
  <si>
    <t>GPS Gangi Mujqhid Town Watta khel Mianwali</t>
  </si>
  <si>
    <t>Mujahid Town</t>
  </si>
  <si>
    <t>Muhammad Ramzan Malik</t>
  </si>
  <si>
    <t>50588</t>
  </si>
  <si>
    <t>GPS SHER MUHAMMAD</t>
  </si>
  <si>
    <t>masaib lolai</t>
  </si>
  <si>
    <t>basti sonay khan</t>
  </si>
  <si>
    <t>39657</t>
  </si>
  <si>
    <t>GPS QAZI GHULAM NABI</t>
  </si>
  <si>
    <t>chanrrwali p/o janpur</t>
  </si>
  <si>
    <t>Qazi GHULAM Nabi</t>
  </si>
  <si>
    <t>GES JAKHAR</t>
  </si>
  <si>
    <t>mouza jakhar paca</t>
  </si>
  <si>
    <t>jakhar Pacca</t>
  </si>
  <si>
    <t>Atiq Uz Zaman</t>
  </si>
  <si>
    <t>50595</t>
  </si>
  <si>
    <t>GGES KHAI HITTAR</t>
  </si>
  <si>
    <t>khai Hithar P/O khudian khas</t>
  </si>
  <si>
    <t>50596</t>
  </si>
  <si>
    <t>GGES CHAK NO. 430/6-R</t>
  </si>
  <si>
    <t>chak no 430/6r hnd  bwn</t>
  </si>
  <si>
    <t>nighat altaf</t>
  </si>
  <si>
    <t>GGPS DAWANJ WALA</t>
  </si>
  <si>
    <t>Kot Chutta Chak No 2</t>
  </si>
  <si>
    <t>chah dawanj wala tensile kot chutta</t>
  </si>
  <si>
    <t>Dawanj Wala</t>
  </si>
  <si>
    <t>MC  KOT CHUTTA</t>
  </si>
  <si>
    <t>GPS BASTI SALMAN</t>
  </si>
  <si>
    <t>Tehsil rojhan district rajanpur uc banglahidayat post office umerkot</t>
  </si>
  <si>
    <t>Banglahidayat</t>
  </si>
  <si>
    <t>GES MAJI KE MALLIAN</t>
  </si>
  <si>
    <t>Mojoki Malian</t>
  </si>
  <si>
    <t>mojoki Malian tehsil and district sheikhupura</t>
  </si>
  <si>
    <t>GPS PUNJKOSI</t>
  </si>
  <si>
    <t>Kaat Allah Yar</t>
  </si>
  <si>
    <t>Chak Panjkosi, Tehsil &amp; Distt. Bahwalnagar</t>
  </si>
  <si>
    <t>Panjkosi</t>
  </si>
  <si>
    <t>54748</t>
  </si>
  <si>
    <t>GGPS WAHID BUX CHAHEL</t>
  </si>
  <si>
    <t>basti chahlan post office Sadiq garh palace DNS Ahmad pur east</t>
  </si>
  <si>
    <t>Chahlan</t>
  </si>
  <si>
    <t>17579</t>
  </si>
  <si>
    <t>GGES  ISLAM PURA (Newly upgraded)</t>
  </si>
  <si>
    <t>Moza kot khera</t>
  </si>
  <si>
    <t>Malhuana</t>
  </si>
  <si>
    <t>Syeda Bushra Parveenn Hashmi</t>
  </si>
  <si>
    <t>GPS KANJKI WALA (MOUDIB)</t>
  </si>
  <si>
    <t>kotla khaire khan</t>
  </si>
  <si>
    <t>Basti Abdul Aziz Moza kotla khaire khan</t>
  </si>
  <si>
    <t>Basti Abdul Aziz</t>
  </si>
  <si>
    <t>Turkri</t>
  </si>
  <si>
    <t>GPS DERA KHOSA BASTI KHAROR</t>
  </si>
  <si>
    <t>Basti kharor sardar pur</t>
  </si>
  <si>
    <t>Basti kharor</t>
  </si>
  <si>
    <t>50462</t>
  </si>
  <si>
    <t>GPS NARRI BIG</t>
  </si>
  <si>
    <t>uc nonari basti haji sonhara tehsil ape</t>
  </si>
  <si>
    <t>Basti Haji Sonhara</t>
  </si>
  <si>
    <t>Abdul Majid Bhatti</t>
  </si>
  <si>
    <t>50468</t>
  </si>
  <si>
    <t>GGPS BHINDAR KALAN</t>
  </si>
  <si>
    <t>village bhinder kalan</t>
  </si>
  <si>
    <t>54614</t>
  </si>
  <si>
    <t>50469</t>
  </si>
  <si>
    <t>GGHS CHAK NO.38 SB</t>
  </si>
  <si>
    <t>Chak No 38 SB</t>
  </si>
  <si>
    <t>CHAK NO. 38SB SGD</t>
  </si>
  <si>
    <t>Chak No 33 SB</t>
  </si>
  <si>
    <t>Anqa Zarish</t>
  </si>
  <si>
    <t>14476</t>
  </si>
  <si>
    <t>GPS DILBER</t>
  </si>
  <si>
    <t>Chack Mat No 3</t>
  </si>
  <si>
    <t>Basti Dil shad Khan Chungali Chack Mat 3 Rojhan</t>
  </si>
  <si>
    <t>Basti Dil shade Khan Chack Mat No3</t>
  </si>
  <si>
    <t>Khurshid Ahmed Qamar</t>
  </si>
  <si>
    <t>GGPS NABI PURA</t>
  </si>
  <si>
    <t>GGPS Nabipura, Sheikhupura</t>
  </si>
  <si>
    <t>Syeda Bushra Khanam</t>
  </si>
  <si>
    <t>GPS SAHAN PAL</t>
  </si>
  <si>
    <t>Sahanpal</t>
  </si>
  <si>
    <t>village&amp;p/o sahanpal</t>
  </si>
  <si>
    <t>GGPS DADRA BALA</t>
  </si>
  <si>
    <t>dadra bala</t>
  </si>
  <si>
    <t>Safia Shahzad</t>
  </si>
  <si>
    <t>14424</t>
  </si>
  <si>
    <t>50487</t>
  </si>
  <si>
    <t>GGPS MOUZA KHARAL AZIM</t>
  </si>
  <si>
    <t>basti tagia naich</t>
  </si>
  <si>
    <t>Basti Tagia Naich</t>
  </si>
  <si>
    <t>Tanzeela Zahid</t>
  </si>
  <si>
    <t>50492</t>
  </si>
  <si>
    <t>GPS JADEED BAHADUR WALA</t>
  </si>
  <si>
    <t>Hinjrai Mustaqil Gharbi</t>
  </si>
  <si>
    <t>basti chandia hinjrai mustaqil gharb</t>
  </si>
  <si>
    <t>Bangla Hinjrai</t>
  </si>
  <si>
    <t>Hinjrai 2</t>
  </si>
  <si>
    <t>GPS QAISAR PUR P/O MATOTLI SHUJABAD</t>
  </si>
  <si>
    <t>Qaiser Pur p\o matotli tehsil shujabad</t>
  </si>
  <si>
    <t>Muhammad Abdul Qadir Khan</t>
  </si>
  <si>
    <t>32815</t>
  </si>
  <si>
    <t>GPS THATHA WATTUAN MORH KHUNDA</t>
  </si>
  <si>
    <t>Thatha Wattowan</t>
  </si>
  <si>
    <t>Thatha wattowan p/o colony shaukatabad</t>
  </si>
  <si>
    <t>Kot Beni Das</t>
  </si>
  <si>
    <t>WAQAR Ali</t>
  </si>
  <si>
    <t>48624</t>
  </si>
  <si>
    <t>GMPS SIGH BALA</t>
  </si>
  <si>
    <t>Sigh Bala</t>
  </si>
  <si>
    <t>GMPS sigh bala Markaz Chak Saida tehsil bhera district Sargodha</t>
  </si>
  <si>
    <t>Kalyan Pur</t>
  </si>
  <si>
    <t>GMPS GOTH LASHKAR</t>
  </si>
  <si>
    <t>Qadir Buksh</t>
  </si>
  <si>
    <t>goth lashkar</t>
  </si>
  <si>
    <t>Goth Lashkar</t>
  </si>
  <si>
    <t>Naheed Kusar</t>
  </si>
  <si>
    <t>48711</t>
  </si>
  <si>
    <t>GPS LOKRI HATARAN BHERA</t>
  </si>
  <si>
    <t>Rakh Chargah</t>
  </si>
  <si>
    <t>Lokri Hattaran Rakh Chargah</t>
  </si>
  <si>
    <t>Lokri Hattaran</t>
  </si>
  <si>
    <t>RIAZ HAIDER</t>
  </si>
  <si>
    <t>20566</t>
  </si>
  <si>
    <t>GPS KIKRAN WALI</t>
  </si>
  <si>
    <t>Kikranwali</t>
  </si>
  <si>
    <t>Pasrur Road, near Chicherwali Pul,Gujranwala</t>
  </si>
  <si>
    <t>Tahir Ghani</t>
  </si>
  <si>
    <t>GGPS TRUST COLONY BAHAWALPUR</t>
  </si>
  <si>
    <t>near public park trust colony Bahawal pur</t>
  </si>
  <si>
    <t>Trust Colony</t>
  </si>
  <si>
    <t>Maimoona Mahmood</t>
  </si>
  <si>
    <t>GES KOTLI BAL GOBIND</t>
  </si>
  <si>
    <t>Near Qila Didar Sing</t>
  </si>
  <si>
    <t>kotli balgobind teh: and distt: GRW</t>
  </si>
  <si>
    <t>Muhammad Shoaib Mughal</t>
  </si>
  <si>
    <t>GPS NEW BUKEN WALI</t>
  </si>
  <si>
    <t>Mehmood Botti</t>
  </si>
  <si>
    <t>New bukanwal shalimar town lahore</t>
  </si>
  <si>
    <t>Maqsood Asghar</t>
  </si>
  <si>
    <t>GGPS BASTI GULZAR MAHAL</t>
  </si>
  <si>
    <t>Gulzar Mahal</t>
  </si>
  <si>
    <t>GGGPS Basti Gulzar Mahal sader pully near grean CNG Pump ,BWP</t>
  </si>
  <si>
    <t>Akhter Abad</t>
  </si>
  <si>
    <t>20505</t>
  </si>
  <si>
    <t>GGHS BASSI WALA</t>
  </si>
  <si>
    <t>bassiwala</t>
  </si>
  <si>
    <t>Aqsa Anjum</t>
  </si>
  <si>
    <t>49363</t>
  </si>
  <si>
    <t>GHS TANZEEM-E-ISLAMI MADRISSA MELLA WALI GALI</t>
  </si>
  <si>
    <t>Hamaetian</t>
  </si>
  <si>
    <t>Mela gali hamaetian BWP.</t>
  </si>
  <si>
    <t>syed sohail hameed</t>
  </si>
  <si>
    <t>44538</t>
  </si>
  <si>
    <t>agha pur head sangla markhaz dera masti bwp</t>
  </si>
  <si>
    <t>Agha Pur</t>
  </si>
  <si>
    <t>Fahad Khurram</t>
  </si>
  <si>
    <t>GGHS FEROZEWALA</t>
  </si>
  <si>
    <t>p.o.khas ferozewala</t>
  </si>
  <si>
    <t>48082</t>
  </si>
  <si>
    <t>GHS SARDAR PUR NOON</t>
  </si>
  <si>
    <t>Sardar Pur Noon</t>
  </si>
  <si>
    <t>sardar pur noon tehsil bhera district sargodha</t>
  </si>
  <si>
    <t>AJAB KHAN</t>
  </si>
  <si>
    <t>20758</t>
  </si>
  <si>
    <t>GGES MANDIALA MIR SHIKARAN</t>
  </si>
  <si>
    <t>village Mandiala Mir Shikaran, P.O. Kot Shera, Gujranwala.</t>
  </si>
  <si>
    <t>Mandiala Mir Shikaran</t>
  </si>
  <si>
    <t>nagina rubab rizvi</t>
  </si>
  <si>
    <t>44553</t>
  </si>
  <si>
    <t>Muhammad Hamid</t>
  </si>
  <si>
    <t>38889</t>
  </si>
  <si>
    <t>GHS ISLAMIA MUGHAL PURA</t>
  </si>
  <si>
    <t>Abdul Waheed colony Mughalpura Lahore</t>
  </si>
  <si>
    <t>Mughalpura Lahore</t>
  </si>
  <si>
    <t>Daras Baray Mian</t>
  </si>
  <si>
    <t>Zafar Iqbal Bhatti</t>
  </si>
  <si>
    <t>GPS MC NO. 2 BHERA</t>
  </si>
  <si>
    <t>Mohallah. shekhan wala Bhera Tehsil Bhera district Sargodha</t>
  </si>
  <si>
    <t>48630</t>
  </si>
  <si>
    <t>GGES CHAK KHALIL</t>
  </si>
  <si>
    <t>chak khalil</t>
  </si>
  <si>
    <t>Chak Khalil</t>
  </si>
  <si>
    <t>Shazia Sattar</t>
  </si>
  <si>
    <t>44558</t>
  </si>
  <si>
    <t>GHS ARABIC ISLAMI COLONY BAHAWALPUR</t>
  </si>
  <si>
    <t>Islami colony Block no 3/4</t>
  </si>
  <si>
    <t>Islami Coloney</t>
  </si>
  <si>
    <t>Islami Colony</t>
  </si>
  <si>
    <t>GPS PIPNAKHA</t>
  </si>
  <si>
    <t>GPS pipnakhaDist Gujranwala</t>
  </si>
  <si>
    <t>Muhammad  IQBAL Azad</t>
  </si>
  <si>
    <t>30317</t>
  </si>
  <si>
    <t>GPS SHADI PURA</t>
  </si>
  <si>
    <t>Shadipura</t>
  </si>
  <si>
    <t>shadipura lahore</t>
  </si>
  <si>
    <t>Syed Kafyat Ali Shah</t>
  </si>
  <si>
    <t>44562</t>
  </si>
  <si>
    <t>GHSS ABBASIA BAHAWALPUR</t>
  </si>
  <si>
    <t>mODEL tOWN (a) sERWER SHAHEED ROAD BAHAWALPUR</t>
  </si>
  <si>
    <t>CANTONMENT AREA</t>
  </si>
  <si>
    <t>Muhammad Saleem Ch.</t>
  </si>
  <si>
    <t>GHS LIAQAT PIPNAKHA</t>
  </si>
  <si>
    <t>GOVT. LIAQAT H/S PIPNAKHA GUJRANWALA</t>
  </si>
  <si>
    <t>MUHAMMAD SHAHBAZ WARRAICH</t>
  </si>
  <si>
    <t>54827</t>
  </si>
  <si>
    <t>GPS CHAK KHALIL</t>
  </si>
  <si>
    <t>GPS chak khalil</t>
  </si>
  <si>
    <t>20479</t>
  </si>
  <si>
    <t>GHS VANIA WALA</t>
  </si>
  <si>
    <t>Vaniawala, Gujranwala</t>
  </si>
  <si>
    <t>HAFEEZ-UR-REHMAN DAR</t>
  </si>
  <si>
    <t>20845</t>
  </si>
  <si>
    <t>GGPS NO. 2 MOHALLA TAJ PURA QILA DIDAR SINGH</t>
  </si>
  <si>
    <t>mohalla taj pura qds</t>
  </si>
  <si>
    <t>QDS</t>
  </si>
  <si>
    <t>Qila Didar Sing</t>
  </si>
  <si>
    <t>29557</t>
  </si>
  <si>
    <t>GHS CDG G.T. ROAD BAGHBAN PURA</t>
  </si>
  <si>
    <t>GT Road</t>
  </si>
  <si>
    <t>GT Road baghanpura lahore</t>
  </si>
  <si>
    <t>Baghanpura</t>
  </si>
  <si>
    <t>usman abdullah</t>
  </si>
  <si>
    <t>GES MACHIKE GORAYA</t>
  </si>
  <si>
    <t>Machike Goraya</t>
  </si>
  <si>
    <t>Village Machike Goraya Gujranwala</t>
  </si>
  <si>
    <t>NASIR USMAN</t>
  </si>
  <si>
    <t>24891</t>
  </si>
  <si>
    <t>GHS HOTE WALA</t>
  </si>
  <si>
    <t>HOTE WALA</t>
  </si>
  <si>
    <t>GOVT.ELEMENTARY SCHOOL,HOTEWALA</t>
  </si>
  <si>
    <t>44587</t>
  </si>
  <si>
    <t>GHS MC HAROONIA BAHAWALPUR</t>
  </si>
  <si>
    <t>MOHALLA AAM O KHASS</t>
  </si>
  <si>
    <t>AAM O KHASS</t>
  </si>
  <si>
    <t>MUHAMMAD SAJID FAROOQI</t>
  </si>
  <si>
    <t>GHS RAHWALI</t>
  </si>
  <si>
    <t>Govt. High School (Boys) Rahwali Gujranwala Cantt.</t>
  </si>
  <si>
    <t>Cantoment Board</t>
  </si>
  <si>
    <t>Dr. Muhammad Ali Asad</t>
  </si>
  <si>
    <t>32889</t>
  </si>
  <si>
    <t>GPS HOYWALI</t>
  </si>
  <si>
    <t>p.o talwandi musa khan hoywali gujranwala</t>
  </si>
  <si>
    <t>Hoywali</t>
  </si>
  <si>
    <t>GGHS MC MODEL TOWN-B BAHAWALPUR</t>
  </si>
  <si>
    <t>Kousar Colony</t>
  </si>
  <si>
    <t>model town B kousar colony bahawalpur</t>
  </si>
  <si>
    <t>Shaheena Akhtar</t>
  </si>
  <si>
    <t>30263</t>
  </si>
  <si>
    <t>GGHS JALLO STATION</t>
  </si>
  <si>
    <t>govt. girls high school jallo station, lahore cantt</t>
  </si>
  <si>
    <t>jallo pind</t>
  </si>
  <si>
    <t>Mrs. Razia Perveen</t>
  </si>
  <si>
    <t>44596</t>
  </si>
  <si>
    <t>GPS FEROZE WALA NO.1</t>
  </si>
  <si>
    <t>School road Ferozewala</t>
  </si>
  <si>
    <t>Sohail Aslam</t>
  </si>
  <si>
    <t>44390</t>
  </si>
  <si>
    <t>48414</t>
  </si>
  <si>
    <t>GMPS AHMED ABAD</t>
  </si>
  <si>
    <t>44598</t>
  </si>
  <si>
    <t>GES RAKH KIKRAN WALI</t>
  </si>
  <si>
    <t>rakh kikranwli Gujranwala</t>
  </si>
  <si>
    <t>GGCMS MAAN</t>
  </si>
  <si>
    <t>V.P.O Maan District Gujranwala</t>
  </si>
  <si>
    <t>Qila Mian  Singh</t>
  </si>
  <si>
    <t>20077</t>
  </si>
  <si>
    <t>44602</t>
  </si>
  <si>
    <t>30799</t>
  </si>
  <si>
    <t>GES CDG MEHMOOD BOOTI</t>
  </si>
  <si>
    <t>mehmood booti</t>
  </si>
  <si>
    <t>mehmood booti lahore</t>
  </si>
  <si>
    <t>muslim abad</t>
  </si>
  <si>
    <t>SYED ILYAS HUSSAIN</t>
  </si>
  <si>
    <t>9891</t>
  </si>
  <si>
    <t>GPS THATHA RAWAN</t>
  </si>
  <si>
    <t>Thatha Rawan</t>
  </si>
  <si>
    <t>Thatha Rawan Tehsil and District Gujranwala</t>
  </si>
  <si>
    <t>Usman Sakandar</t>
  </si>
  <si>
    <t>13791</t>
  </si>
  <si>
    <t>20653</t>
  </si>
  <si>
    <t>20750</t>
  </si>
  <si>
    <t>GGPS THATTA BASAU</t>
  </si>
  <si>
    <t>Thatha Basao</t>
  </si>
  <si>
    <t>Village Thatha basao post office chahal kalan district Gujranwala</t>
  </si>
  <si>
    <t>GHS MUSLIM LEAGUE EMPRESS ROAD</t>
  </si>
  <si>
    <t>Empress Road</t>
  </si>
  <si>
    <t>13 empress road lahore</t>
  </si>
  <si>
    <t>BIBI PAK DAMAN</t>
  </si>
  <si>
    <t>Dr Rana Ghulam  Mohyuddin</t>
  </si>
  <si>
    <t>Kot Shah Muham</t>
  </si>
  <si>
    <t>Kot Shah Muhammad QDS GRW</t>
  </si>
  <si>
    <t>chack uggo</t>
  </si>
  <si>
    <t>Amanat Masih Bhatti</t>
  </si>
  <si>
    <t>44613</t>
  </si>
  <si>
    <t>20584</t>
  </si>
  <si>
    <t>GPS NIDALA SINDWAN</t>
  </si>
  <si>
    <t>nadala sandhuan</t>
  </si>
  <si>
    <t>village nadala sandhuan post office wadala sandhuan</t>
  </si>
  <si>
    <t>USAMA ZAFAR</t>
  </si>
  <si>
    <t>44614</t>
  </si>
  <si>
    <t>GPS AMIN PUR SYEDAN</t>
  </si>
  <si>
    <t>Amin Pur Syedan</t>
  </si>
  <si>
    <t>village Amin Pur syedan gujranwala</t>
  </si>
  <si>
    <t>Nadala Sandwan</t>
  </si>
  <si>
    <t>SYED AKHTAR HUSSAIN</t>
  </si>
  <si>
    <t>GGPS HEIGHER</t>
  </si>
  <si>
    <t>Haiger</t>
  </si>
  <si>
    <t>village haiger p/o hardo dury teh and distt grw</t>
  </si>
  <si>
    <t>Uggo chak</t>
  </si>
  <si>
    <t>Atifa Zafar</t>
  </si>
  <si>
    <t>GGHS REHMAN BEADON ROAD</t>
  </si>
  <si>
    <t>rehman street beadon road</t>
  </si>
  <si>
    <t>BEADON ROAD</t>
  </si>
  <si>
    <t>Beadon Road</t>
  </si>
  <si>
    <t>Aisha Tahreem</t>
  </si>
  <si>
    <t>44625</t>
  </si>
  <si>
    <t>GES CDG KOTLI PIR ABDUL REHMAN</t>
  </si>
  <si>
    <t>Kotli Pir Abdur  Rehman</t>
  </si>
  <si>
    <t>Main bazar Kotli Pit Abdulrehman</t>
  </si>
  <si>
    <t>Kotli Pir Abdulrehman</t>
  </si>
  <si>
    <t>Angori Bagh</t>
  </si>
  <si>
    <t>44388</t>
  </si>
  <si>
    <t>GGPS BASTI MASEETAN BAHAWALPUR</t>
  </si>
  <si>
    <t>baste chanran bwp</t>
  </si>
  <si>
    <t>Baste Masetan</t>
  </si>
  <si>
    <t>zakia bibi</t>
  </si>
  <si>
    <t>44392</t>
  </si>
  <si>
    <t>village Taqipur p/o batapur Lahore</t>
  </si>
  <si>
    <t>15245</t>
  </si>
  <si>
    <t>44393</t>
  </si>
  <si>
    <t>GMPS NAWAN PIND ARIAN</t>
  </si>
  <si>
    <t>Nawan Pind Araiyan</t>
  </si>
  <si>
    <t>Nawan Pind Araiyan po Bhatti Bhango Tehsil &amp; District Gujranwala</t>
  </si>
  <si>
    <t>33884</t>
  </si>
  <si>
    <t>GGHS HOTE WALA</t>
  </si>
  <si>
    <t>Hotewala</t>
  </si>
  <si>
    <t>Gghs Hotewala Bahawalpur city</t>
  </si>
  <si>
    <t>Naseem Anwer</t>
  </si>
  <si>
    <t>44399</t>
  </si>
  <si>
    <t>GMPS HARDU PUR</t>
  </si>
  <si>
    <t>Hardupur</t>
  </si>
  <si>
    <t>hardupur tehsil and district gujranwala</t>
  </si>
  <si>
    <t>Ugo Chak</t>
  </si>
  <si>
    <t>14899</t>
  </si>
  <si>
    <t>GGHS KOT NOORA</t>
  </si>
  <si>
    <t>sahlan</t>
  </si>
  <si>
    <t>GGE/S KOT NOORA BAHAWALPUR</t>
  </si>
  <si>
    <t>kot noora</t>
  </si>
  <si>
    <t>183045</t>
  </si>
  <si>
    <t>44410</t>
  </si>
  <si>
    <t>GGPS CHAK NIZAM</t>
  </si>
  <si>
    <t>Chak Nizam</t>
  </si>
  <si>
    <t>chak nizam village</t>
  </si>
  <si>
    <t>Midh Pargna</t>
  </si>
  <si>
    <t>25264</t>
  </si>
  <si>
    <t>48173</t>
  </si>
  <si>
    <t>GGES RAKH CHARAGAH</t>
  </si>
  <si>
    <t>lokri kahotan Rakh Charagah bhera</t>
  </si>
  <si>
    <t>GPS MC HALQA NO.2 BAHAWALPUR</t>
  </si>
  <si>
    <t>Mohalla Mubarakpura behind police station kotwali Bahawalpur</t>
  </si>
  <si>
    <t>GGCMS MIDH PARGANA</t>
  </si>
  <si>
    <t>Midh Paragna</t>
  </si>
  <si>
    <t>village midh paragna teh.bhera dstt.sgd</t>
  </si>
  <si>
    <t>GMPS KHALIK PUR</t>
  </si>
  <si>
    <t>khakiqpur</t>
  </si>
  <si>
    <t>Khaliqpur</t>
  </si>
  <si>
    <t>Gurnwls</t>
  </si>
  <si>
    <t>26934</t>
  </si>
  <si>
    <t>GMPS KOT VIRSA</t>
  </si>
  <si>
    <t>kot Virsa post office Bhatti Bhango</t>
  </si>
  <si>
    <t>Kot Virsa</t>
  </si>
  <si>
    <t>Humaira Baby</t>
  </si>
  <si>
    <t>11151</t>
  </si>
  <si>
    <t>GPS MOHALLAH ISLAM ABAD</t>
  </si>
  <si>
    <t>mohalla islamabad lakhodair  lahore</t>
  </si>
  <si>
    <t>GMPS MACHIKEY SANDHWANA</t>
  </si>
  <si>
    <t>gmps machikey sandhwan</t>
  </si>
  <si>
    <t>Machikey Sandhwan</t>
  </si>
  <si>
    <t>Nadal a Sandhwan</t>
  </si>
  <si>
    <t>Ghizala Shaheen</t>
  </si>
  <si>
    <t>44431</t>
  </si>
  <si>
    <t>48660</t>
  </si>
  <si>
    <t>GMPS KOT MUMIANA</t>
  </si>
  <si>
    <t>Kot Mumiana</t>
  </si>
  <si>
    <t>Kotmumiana  ,P/o Kot Hakim khan, bBhera,  SGD</t>
  </si>
  <si>
    <t>Tauqeer Abbas</t>
  </si>
  <si>
    <t>51046</t>
  </si>
  <si>
    <t>GMPS NATHU KEY SINDHUWAN</t>
  </si>
  <si>
    <t>Nathukay</t>
  </si>
  <si>
    <t>nathukay</t>
  </si>
  <si>
    <t>Mokhal Sandhuwan</t>
  </si>
  <si>
    <t>Nishat Zubari</t>
  </si>
  <si>
    <t>30149</t>
  </si>
  <si>
    <t>GHS BHASIN LAHORE CANTT</t>
  </si>
  <si>
    <t>village bhasin P/o batapur lahore</t>
  </si>
  <si>
    <t>Ali Faran</t>
  </si>
  <si>
    <t>34779</t>
  </si>
  <si>
    <t>48171</t>
  </si>
  <si>
    <t>GGHS KHAN MUHAMMAD WALA</t>
  </si>
  <si>
    <t>Govt. Girls High School Khan Muhammed Wala, Tehsil Bhera, District Sargodha</t>
  </si>
  <si>
    <t>Rukhshanda Kokab</t>
  </si>
  <si>
    <t>GHSS LADHAY WALA WARRIACH</t>
  </si>
  <si>
    <t>ladhaywala warriach gujranwala</t>
  </si>
  <si>
    <t>ladhywala warriach</t>
  </si>
  <si>
    <t>ladhywala warriach grw</t>
  </si>
  <si>
    <t>saeed akhtar</t>
  </si>
  <si>
    <t>30769</t>
  </si>
  <si>
    <t>GGPS MC NO.1 BAGHBAN PURA</t>
  </si>
  <si>
    <t>Singh Saba</t>
  </si>
  <si>
    <t>CDG girls primary school no 1 baghbanpura Lahore</t>
  </si>
  <si>
    <t>GES MORE EMINABAD</t>
  </si>
  <si>
    <t>Mohallah Mumtaz abad</t>
  </si>
  <si>
    <t>mumtaz abad qabrastan road amore Eminabad.Gt Road Gujranwala`</t>
  </si>
  <si>
    <t>More eminabad</t>
  </si>
  <si>
    <t>Aadoroy</t>
  </si>
  <si>
    <t>44451</t>
  </si>
  <si>
    <t>GGPS CHAWA</t>
  </si>
  <si>
    <t>Village and post office chawa tehsil bhera district sargodha</t>
  </si>
  <si>
    <t>Saiqa Rubab</t>
  </si>
  <si>
    <t>44452</t>
  </si>
  <si>
    <t>GMPS KHAIR PUR NOON</t>
  </si>
  <si>
    <t>Khair Pur Noon</t>
  </si>
  <si>
    <t>KHAIR PUR Noon</t>
  </si>
  <si>
    <t>Shabnam Yasmin Khanam</t>
  </si>
  <si>
    <t>44455</t>
  </si>
  <si>
    <t>GMPS FATEH WALA</t>
  </si>
  <si>
    <t>Fatehwala</t>
  </si>
  <si>
    <t>fatehwala p office same distt gujranwala</t>
  </si>
  <si>
    <t>Abida Ashraf</t>
  </si>
  <si>
    <t>GGES MADDU KHALIL</t>
  </si>
  <si>
    <t>Maddu khalil</t>
  </si>
  <si>
    <t>Seemab Rana</t>
  </si>
  <si>
    <t>GPS KHARAK</t>
  </si>
  <si>
    <t>village kharak wahga border tehsil shalimar lahore</t>
  </si>
  <si>
    <t>Mohammad Yaqoob</t>
  </si>
  <si>
    <t>GGPS QILA WAZIR SING</t>
  </si>
  <si>
    <t>Qila Wazir Singh</t>
  </si>
  <si>
    <t>village Qila Wazir Singh</t>
  </si>
  <si>
    <t>Chahal kalan</t>
  </si>
  <si>
    <t>Razia Sattar</t>
  </si>
  <si>
    <t>GHS ISLAMIA BHERA</t>
  </si>
  <si>
    <t>GHS ISLAMIA BHERA.</t>
  </si>
  <si>
    <t>MUHAMMAD IKRAM ULLAH SALEEMI</t>
  </si>
  <si>
    <t>48076</t>
  </si>
  <si>
    <t>GHS A-I MODEL BHERA</t>
  </si>
  <si>
    <t>ZULFIQAR AHMAD  RANJHA</t>
  </si>
  <si>
    <t>GGES BASTI BINDRA</t>
  </si>
  <si>
    <t>Govt Girls E/S bindra basti Bahawalpur</t>
  </si>
  <si>
    <t>GES THAKHAR KEY WARRAICH</t>
  </si>
  <si>
    <t>thakarke warraich</t>
  </si>
  <si>
    <t>ges thakarke warraich p.o &amp;village thakarke warraich</t>
  </si>
  <si>
    <t>kot amar singh</t>
  </si>
  <si>
    <t>Syed Zeeshan Raza</t>
  </si>
  <si>
    <t>GPS SANGLAN</t>
  </si>
  <si>
    <t>Basti sanglan, moza dera masti tehsil bwp city</t>
  </si>
  <si>
    <t>SANGLAN BASTI</t>
  </si>
  <si>
    <t>GGPS NAZEER ABAD (QADIR ABAD)</t>
  </si>
  <si>
    <t>Tasneem Farid</t>
  </si>
  <si>
    <t>44495</t>
  </si>
  <si>
    <t>GGPS MANGWANI</t>
  </si>
  <si>
    <t>moza mangwani dara bakha bwp .</t>
  </si>
  <si>
    <t>GPS MALIK MAHI</t>
  </si>
  <si>
    <t>Ramaan</t>
  </si>
  <si>
    <t>Chahye Ghazi Wala Moza Raman</t>
  </si>
  <si>
    <t>Chah Ghazi Wala</t>
  </si>
  <si>
    <t>Umer Din</t>
  </si>
  <si>
    <t>GPS ISLAM PUR LOKRI</t>
  </si>
  <si>
    <t>Hatti Wind</t>
  </si>
  <si>
    <t>Islam pur lokri hattiwind tehsil bhera distt sargodha</t>
  </si>
  <si>
    <t>Islam pur Lokari</t>
  </si>
  <si>
    <t>Faisal Adnan Gondal</t>
  </si>
  <si>
    <t>GES NOINKE</t>
  </si>
  <si>
    <t>Noinke</t>
  </si>
  <si>
    <t>p.o. noinke teh. and dist. Gujranwala</t>
  </si>
  <si>
    <t>noinke</t>
  </si>
  <si>
    <t>mokhal</t>
  </si>
  <si>
    <t>Farman ali</t>
  </si>
  <si>
    <t>44506</t>
  </si>
  <si>
    <t>30739</t>
  </si>
  <si>
    <t>GGES MC SHALIMAR TOWN</t>
  </si>
  <si>
    <t>nowala chowk near post office shalamar</t>
  </si>
  <si>
    <t>Green Park</t>
  </si>
  <si>
    <t>Syed Sobia Jamal</t>
  </si>
  <si>
    <t>45816</t>
  </si>
  <si>
    <t>40752</t>
  </si>
  <si>
    <t>GGPS KOHALA</t>
  </si>
  <si>
    <t>Dial</t>
  </si>
  <si>
    <t>Ggps kohala</t>
  </si>
  <si>
    <t>45817</t>
  </si>
  <si>
    <t>GGPS SAKROR</t>
  </si>
  <si>
    <t>sakror post office same tehsil zafarwal district narowal</t>
  </si>
  <si>
    <t>13148</t>
  </si>
  <si>
    <t>GPS SAIR WALA NO. 1</t>
  </si>
  <si>
    <t>Rukun Wali</t>
  </si>
  <si>
    <t>sair wala</t>
  </si>
  <si>
    <t>25465</t>
  </si>
  <si>
    <t>GGPS CHAK NO.5/BC BASTI KACHOLIAN</t>
  </si>
  <si>
    <t>Basti kacholian chak no 5bc district bahawalpur</t>
  </si>
  <si>
    <t>Basti kacholian</t>
  </si>
  <si>
    <t>4 B/C</t>
  </si>
  <si>
    <t>52519</t>
  </si>
  <si>
    <t>48308</t>
  </si>
  <si>
    <t>GPS MIANA HAZARA</t>
  </si>
  <si>
    <t>Miana Hazara</t>
  </si>
  <si>
    <t>tehseel kotomin district Sargodha village miana hazara</t>
  </si>
  <si>
    <t>45822</t>
  </si>
  <si>
    <t>36718</t>
  </si>
  <si>
    <t>GES MIRALIAN WALA, P/O MOUZA OKAAN WALA, KABIRWALA</t>
  </si>
  <si>
    <t>Okaanwala</t>
  </si>
  <si>
    <t>chah Miralian Wala Moza okanwala Tehsil kabirwala distt: khanewal</t>
  </si>
  <si>
    <t>Miralian Wala</t>
  </si>
  <si>
    <t>Muhammad Waqar Aslam</t>
  </si>
  <si>
    <t>45825</t>
  </si>
  <si>
    <t>GPS CHAH KOREY WALA MULTAN</t>
  </si>
  <si>
    <t>Chah Kikri Wala, Basti Dhorey Wala, Mouza Qasba Awal, Tehsil Multan Sadar</t>
  </si>
  <si>
    <t>Chah Kikri Wala</t>
  </si>
  <si>
    <t>Awan Wala</t>
  </si>
  <si>
    <t>through neighbour</t>
  </si>
  <si>
    <t>GPS CHAK NO.190/7-R</t>
  </si>
  <si>
    <t>190/7R</t>
  </si>
  <si>
    <t>190/7R Tehsil Fortabbas</t>
  </si>
  <si>
    <t>Abrar Hassan</t>
  </si>
  <si>
    <t>GGES BIKHARI KALAN V &amp; P.O BEKHARI KALAN</t>
  </si>
  <si>
    <t>AMEENA BATOOL FATIMA</t>
  </si>
  <si>
    <t>33061</t>
  </si>
  <si>
    <t>16043</t>
  </si>
  <si>
    <t>GPS JHENDA KOHNA</t>
  </si>
  <si>
    <t>jhenda kohna check 523 p/o farooq abad</t>
  </si>
  <si>
    <t>49729</t>
  </si>
  <si>
    <t>GPS NO.1 TMA ROAD SILLANWALI</t>
  </si>
  <si>
    <t>TMA Road Sillanwali</t>
  </si>
  <si>
    <t>GPS NO. 2 DINA</t>
  </si>
  <si>
    <t>Mohala Azad Shah Dian District Jhelum</t>
  </si>
  <si>
    <t>Urban 2 Dina</t>
  </si>
  <si>
    <t>GGPS MC MOHALLA TINAN WALI KHOI</t>
  </si>
  <si>
    <t>kachary road mohalla teena wali khoi</t>
  </si>
  <si>
    <t>Tinna Wali Khoi</t>
  </si>
  <si>
    <t>Bagh Langay Khan</t>
  </si>
  <si>
    <t>Rakhshanda Yasmeen</t>
  </si>
  <si>
    <t>GPS MANGLA BASTI</t>
  </si>
  <si>
    <t>faroka</t>
  </si>
  <si>
    <t>farooka</t>
  </si>
  <si>
    <t>Muhammad Aslam Tariq</t>
  </si>
  <si>
    <t>51198</t>
  </si>
  <si>
    <t>45842</t>
  </si>
  <si>
    <t>GPS JHOK AHEER</t>
  </si>
  <si>
    <t>Jhoke Aheer</t>
  </si>
  <si>
    <t>Mauza Jhoke Aheer</t>
  </si>
  <si>
    <t>Shah Pur Phull</t>
  </si>
  <si>
    <t>Nazir Ahmad Zahid</t>
  </si>
  <si>
    <t>12313</t>
  </si>
  <si>
    <t>45844</t>
  </si>
  <si>
    <t>53219</t>
  </si>
  <si>
    <t>GPS CHAK 40/4-L</t>
  </si>
  <si>
    <t>40/4L</t>
  </si>
  <si>
    <t>40/4L sial wala</t>
  </si>
  <si>
    <t>40/4L Sial Wala</t>
  </si>
  <si>
    <t>40/A4L</t>
  </si>
  <si>
    <t>10939</t>
  </si>
  <si>
    <t>GGPS CHAK NO. 150-B/TDA NEW LEYYAH</t>
  </si>
  <si>
    <t>150B</t>
  </si>
  <si>
    <t>chak no 150 b New</t>
  </si>
  <si>
    <t>najma un nissa</t>
  </si>
  <si>
    <t>45851</t>
  </si>
  <si>
    <t>GPS 263 WB</t>
  </si>
  <si>
    <t>263WB</t>
  </si>
  <si>
    <t>CHAK NO 263WB TIBBA SULTAN PUR MAILSI</t>
  </si>
  <si>
    <t>GPS SHER JAN NO. 2</t>
  </si>
  <si>
    <t>basti abdul wahid arain</t>
  </si>
  <si>
    <t>Basti Haji Ameer Bux Arain</t>
  </si>
  <si>
    <t>Rojhan City</t>
  </si>
  <si>
    <t>AHMED NAWAZ MAZARI</t>
  </si>
  <si>
    <t>GGPS DHEER KOT KATHWALAN</t>
  </si>
  <si>
    <t>Dhirkot Kethwalan</t>
  </si>
  <si>
    <t>P/o dhirkot Sattian village dhir kot kethwalan tehsil kotli Sattian</t>
  </si>
  <si>
    <t>Nazish Nadeem</t>
  </si>
  <si>
    <t>GMPS KOT PHULLAY SHAH</t>
  </si>
  <si>
    <t>Kot Phully Shah</t>
  </si>
  <si>
    <t>villg kot phully shah po chak zaher teh.Phalia disst M.B.Din</t>
  </si>
  <si>
    <t>NAZIA PERVEEN</t>
  </si>
  <si>
    <t>GGPS CHAK NO.110/DB (NEW) JADEED</t>
  </si>
  <si>
    <t>chak 110 DB jinah  Abadi</t>
  </si>
  <si>
    <t>110 Db Jinnah Abadi</t>
  </si>
  <si>
    <t>108 DB</t>
  </si>
  <si>
    <t>39832</t>
  </si>
  <si>
    <t>45859</t>
  </si>
  <si>
    <t>GPS THUL MACHHI</t>
  </si>
  <si>
    <t>BASTI MEHMOOD KHAN JOIYA</t>
  </si>
  <si>
    <t>Waseem Akhter</t>
  </si>
  <si>
    <t>GGPS CHAK NO. 25/BC (NEW)</t>
  </si>
  <si>
    <t>Maria scheme 25 BC kpt</t>
  </si>
  <si>
    <t>25/Bc</t>
  </si>
  <si>
    <t>GGPS DHOK HALEEM</t>
  </si>
  <si>
    <t>VPO pirana Dhok Haleem P Gheb</t>
  </si>
  <si>
    <t>Bibi  Amna</t>
  </si>
  <si>
    <t>GPS CHAK NO.20 NB</t>
  </si>
  <si>
    <t>Chak no 20nb</t>
  </si>
  <si>
    <t>chak no 20nb Tehsil and district Sargodha</t>
  </si>
  <si>
    <t>Chak no 19nb</t>
  </si>
  <si>
    <t>45864</t>
  </si>
  <si>
    <t>GGPS MC UNION COUNCIL NO.3 BAHAWALPUR</t>
  </si>
  <si>
    <t>Bahawal Pur</t>
  </si>
  <si>
    <t>mohalkah chah fsth khan</t>
  </si>
  <si>
    <t>Bahawal Pur City</t>
  </si>
  <si>
    <t>Fozia Abbas Malik</t>
  </si>
  <si>
    <t>44237</t>
  </si>
  <si>
    <t>GPS MAKHIAL</t>
  </si>
  <si>
    <t>VPO Makhial Tehsil Kallar Kahar District Chakwal</t>
  </si>
  <si>
    <t>10071</t>
  </si>
  <si>
    <t>GMPS AZAFI B CHAK 45/F</t>
  </si>
  <si>
    <t>45f A</t>
  </si>
  <si>
    <t>45 f ab</t>
  </si>
  <si>
    <t>45 F Ab</t>
  </si>
  <si>
    <t>45 F</t>
  </si>
  <si>
    <t>Irum Shahzadi</t>
  </si>
  <si>
    <t>Dora Hjana</t>
  </si>
  <si>
    <t>Ggps Shah wala  kotla mughlan</t>
  </si>
  <si>
    <t>Mochi Wala</t>
  </si>
  <si>
    <t>GGPS ESAB KHAN WALA</t>
  </si>
  <si>
    <t>Dera Khalas Khelan  wala near mouza bazar musakhel tehsil and distt mianwali</t>
  </si>
  <si>
    <t>GES NAWAB PUR</t>
  </si>
  <si>
    <t>Khanpur Wadhra</t>
  </si>
  <si>
    <t>village Rampur, p/o miana potha, uc thathi, tehsil gujarkhan, district Rawalpindi.</t>
  </si>
  <si>
    <t>Eid Ali Ashraf</t>
  </si>
  <si>
    <t>41210</t>
  </si>
  <si>
    <t>GGPS SANJ</t>
  </si>
  <si>
    <t>village sanj post office khalol tehsil kahuta district rawalpindi</t>
  </si>
  <si>
    <t>46245</t>
  </si>
  <si>
    <t>GPS DERA FARID KHAIL</t>
  </si>
  <si>
    <t>Dera Freedkhel Adhikot Tehsil Noor Pur Thal District Khushab</t>
  </si>
  <si>
    <t>GMES GULYAL JAND</t>
  </si>
  <si>
    <t>Govt,Model,Elementary,School,Gulial</t>
  </si>
  <si>
    <t>GPS SYEDSAR AKKAN WALI</t>
  </si>
  <si>
    <t>Said Sar Akkan Wali</t>
  </si>
  <si>
    <t>said sar akkan wali</t>
  </si>
  <si>
    <t>Said Sar</t>
  </si>
  <si>
    <t>GGCMS SADOO PIPLI</t>
  </si>
  <si>
    <t>Chak saddu popli</t>
  </si>
  <si>
    <t>Saddu Plpli</t>
  </si>
  <si>
    <t>Ferzana Hussain</t>
  </si>
  <si>
    <t>GPS DARKHANI WALA CHAK NO. 44 TDA</t>
  </si>
  <si>
    <t>44 Tda</t>
  </si>
  <si>
    <t>chak no 44tda</t>
  </si>
  <si>
    <t>45 Tda</t>
  </si>
  <si>
    <t>GGPS 122/6-R (AB)</t>
  </si>
  <si>
    <t>Chak no 122 /6r ab</t>
  </si>
  <si>
    <t>122/6r ab</t>
  </si>
  <si>
    <t>40187</t>
  </si>
  <si>
    <t>GPS DHOK MUNAWAR</t>
  </si>
  <si>
    <t>Dhoke Munawar</t>
  </si>
  <si>
    <t>Dhok Munawar</t>
  </si>
  <si>
    <t>39196</t>
  </si>
  <si>
    <t>45894</t>
  </si>
  <si>
    <t>GPS DHOK KASI PICHNAND</t>
  </si>
  <si>
    <t>Dhok Kasi</t>
  </si>
  <si>
    <t>GPS Dhoke.Kasi</t>
  </si>
  <si>
    <t>45897</t>
  </si>
  <si>
    <t>34927</t>
  </si>
  <si>
    <t>GGPS BHOOGI SHAHEED NO 2</t>
  </si>
  <si>
    <t>Noraja Butta</t>
  </si>
  <si>
    <t>Basti Bakshan wala,Mauza Noraja Bhutta,Tehsil Jalalpur Pirwala,District Multan</t>
  </si>
  <si>
    <t>Bukhshan wala</t>
  </si>
  <si>
    <t>zakia Iqbal</t>
  </si>
  <si>
    <t>14188</t>
  </si>
  <si>
    <t>GGPS BAHAR AHMAD DIN</t>
  </si>
  <si>
    <t>Bahar Gharbe</t>
  </si>
  <si>
    <t>moza bahar gharbe</t>
  </si>
  <si>
    <t>Basti Ahmad Din</t>
  </si>
  <si>
    <t>Kot Bahader</t>
  </si>
  <si>
    <t>15506</t>
  </si>
  <si>
    <t>GPS 192 GB OJLA</t>
  </si>
  <si>
    <t>Chak 192 GB Ojla Tehsil Samundri Distt Faisalabad</t>
  </si>
  <si>
    <t>192 GB Ojla</t>
  </si>
  <si>
    <t>193 GB South</t>
  </si>
  <si>
    <t>GGMPS AZAM PUR</t>
  </si>
  <si>
    <t>Azam Pur</t>
  </si>
  <si>
    <t>ggmps azampur.p.o dharyala jalip</t>
  </si>
  <si>
    <t>Fozia Sultan</t>
  </si>
  <si>
    <t>GPS GHULAM DA KHOH</t>
  </si>
  <si>
    <t>Seena War</t>
  </si>
  <si>
    <t>GPS Ghulam Da Khoh Chak#162/P Sadiq Abad</t>
  </si>
  <si>
    <t>Ghulam Da Khoh</t>
  </si>
  <si>
    <t>Goth jangoo</t>
  </si>
  <si>
    <t>45905</t>
  </si>
  <si>
    <t>GGPS CHAK NO. 88/A JADEED</t>
  </si>
  <si>
    <t>chack no 88 jadeed</t>
  </si>
  <si>
    <t>88jadeed</t>
  </si>
  <si>
    <t>Naghmana Sarwar</t>
  </si>
  <si>
    <t>45906</t>
  </si>
  <si>
    <t>GMMS GORDAWAEA BLOCK PIR MAHAL</t>
  </si>
  <si>
    <t>B Plot</t>
  </si>
  <si>
    <t>b plot pirmahal</t>
  </si>
  <si>
    <t>Abu Bakr Aziz</t>
  </si>
  <si>
    <t>GMPS TIBA BOTAY SHAH</t>
  </si>
  <si>
    <t>Tiba booty shah gujrat pk</t>
  </si>
  <si>
    <t>Tiba booty shah po deona mndi</t>
  </si>
  <si>
    <t>Tiba bootay shah</t>
  </si>
  <si>
    <t>Deona mndi</t>
  </si>
  <si>
    <t>Mamoona Batool</t>
  </si>
  <si>
    <t>GGES FAIZ BUX</t>
  </si>
  <si>
    <t>village choke baba Faiz Bux post office bewal tehsil kallar syedan rwp</t>
  </si>
  <si>
    <t>Hafsa Bashir</t>
  </si>
  <si>
    <t>GPS BAQA PUR KHABBEY</t>
  </si>
  <si>
    <t>khabbey Baqa pur</t>
  </si>
  <si>
    <t>Khabbey Baqa Pur</t>
  </si>
  <si>
    <t>Muhammad Awais Siddique</t>
  </si>
  <si>
    <t>GMPS PREM NAGAR</t>
  </si>
  <si>
    <t>Pream Nagar</t>
  </si>
  <si>
    <t>pream nagar</t>
  </si>
  <si>
    <t>Rossa</t>
  </si>
  <si>
    <t>45919</t>
  </si>
  <si>
    <t>11481</t>
  </si>
  <si>
    <t>Basti Mustafabad Rind mouza Sultan pur Tehsil Alipur District Muzaffar Garh</t>
  </si>
  <si>
    <t>Basti Mustafabad Rind</t>
  </si>
  <si>
    <t>aqsa mureed</t>
  </si>
  <si>
    <t>GPS DARBARI WALA</t>
  </si>
  <si>
    <t>Darbariwala</t>
  </si>
  <si>
    <t>Gps darbariwala Tehsil MCD District BWN</t>
  </si>
  <si>
    <t>Hassan wala</t>
  </si>
  <si>
    <t>45923</t>
  </si>
  <si>
    <t>45705</t>
  </si>
  <si>
    <t>GPS GHAGH KALAN</t>
  </si>
  <si>
    <t>GHAGH</t>
  </si>
  <si>
    <t>TEHSIL AND DISTRICT KHUSHAB POST OFFICE SANDRAL VILLAGE GHAGH KALAN</t>
  </si>
  <si>
    <t>GHAGH KALAN</t>
  </si>
  <si>
    <t>SANDRAL</t>
  </si>
  <si>
    <t>45930</t>
  </si>
  <si>
    <t>GPS CHAK NO. 43/M</t>
  </si>
  <si>
    <t>43/M</t>
  </si>
  <si>
    <t>CHAK NO. 43/M</t>
  </si>
  <si>
    <t>37/M</t>
  </si>
  <si>
    <t>Muhammad ajmal Asif</t>
  </si>
  <si>
    <t>GPS NAHAR WALI</t>
  </si>
  <si>
    <t>Basti Nahar Wali</t>
  </si>
  <si>
    <t>GGES LAMBAN WALI</t>
  </si>
  <si>
    <t>elementary wing female</t>
  </si>
  <si>
    <t>GGE/S lambanwali</t>
  </si>
  <si>
    <t>lambanwali</t>
  </si>
  <si>
    <t>Arshia Gulzar</t>
  </si>
  <si>
    <t>GPS SAIR WALA NO. 2</t>
  </si>
  <si>
    <t>basti sair wala muza wains tehsil jatoi</t>
  </si>
  <si>
    <t>GGPS JHOKE MAHAR</t>
  </si>
  <si>
    <t>Basti jindani jhok mahar tehsil jampur district Rajanpur</t>
  </si>
  <si>
    <t>GPS DERA CHAUDHARY SARDAR KHAN</t>
  </si>
  <si>
    <t>Dera Sardar Khan Chailianwala</t>
  </si>
  <si>
    <t>45702</t>
  </si>
  <si>
    <t>GPS BASTI UMER</t>
  </si>
  <si>
    <t>Yakiwali</t>
  </si>
  <si>
    <t>basti korai Moza yakiwali</t>
  </si>
  <si>
    <t>Korai</t>
  </si>
  <si>
    <t>45703</t>
  </si>
  <si>
    <t>GPS KHAWAS PUR</t>
  </si>
  <si>
    <t>muslim town jhelum</t>
  </si>
  <si>
    <t>Muslim town</t>
  </si>
  <si>
    <t>43499</t>
  </si>
  <si>
    <t>GGPS DHAPI</t>
  </si>
  <si>
    <t>village dhapai p.o. pindi gujran teh nd distt chakwal</t>
  </si>
  <si>
    <t>Nagmana Talat</t>
  </si>
  <si>
    <t>38361</t>
  </si>
  <si>
    <t>45707</t>
  </si>
  <si>
    <t>GGPS MUHAMMAD HANIF KHANDA</t>
  </si>
  <si>
    <t>Azafi bsti 40f</t>
  </si>
  <si>
    <t>Chak 40f</t>
  </si>
  <si>
    <t>Naseem Nighat</t>
  </si>
  <si>
    <t>GGPS EJAZ LAIL WALA</t>
  </si>
  <si>
    <t>Lail Wala</t>
  </si>
  <si>
    <t>moza lail choubara</t>
  </si>
  <si>
    <t>Roomasha Javed</t>
  </si>
  <si>
    <t>22497</t>
  </si>
  <si>
    <t>GPS MARI KALAN</t>
  </si>
  <si>
    <t>Mari Kalan</t>
  </si>
  <si>
    <t>Mari kalan p.o Mari khurd Narang Mandi tehsil muridkey</t>
  </si>
  <si>
    <t>45711</t>
  </si>
  <si>
    <t>GGPS BASTI DHARAN</t>
  </si>
  <si>
    <t>Kotla Mai</t>
  </si>
  <si>
    <t>basti dahran</t>
  </si>
  <si>
    <t>Basti Dehran</t>
  </si>
  <si>
    <t>45714</t>
  </si>
  <si>
    <t>52562</t>
  </si>
  <si>
    <t>GPS SOJAY KAY</t>
  </si>
  <si>
    <t>sojaykay</t>
  </si>
  <si>
    <t>sojaykay p/o Haveli lakha tehsile depalpur district okara</t>
  </si>
  <si>
    <t>Nama jindayka</t>
  </si>
  <si>
    <t>GPS MIAN AHMEDA</t>
  </si>
  <si>
    <t>Mian Ahmeda</t>
  </si>
  <si>
    <t>village MianAhmeda dak khana nakrali</t>
  </si>
  <si>
    <t>Syed Haseeb Raza</t>
  </si>
  <si>
    <t>neighbour's well</t>
  </si>
  <si>
    <t>30607</t>
  </si>
  <si>
    <t>GGPS MODEL CHUNGI GUJJAR PURA</t>
  </si>
  <si>
    <t>Bowli Camp</t>
  </si>
  <si>
    <t>Government Model Girls Primary School Chungi Gujjar pura Bowli camp cantt lahore</t>
  </si>
  <si>
    <t>Hasiba Khanum</t>
  </si>
  <si>
    <t>GGPS DHOK KHANA</t>
  </si>
  <si>
    <t>Dhok Khana</t>
  </si>
  <si>
    <t>vpo leti (dhok khana) teh lawa disst chakwal</t>
  </si>
  <si>
    <t>10726</t>
  </si>
  <si>
    <t>45719</t>
  </si>
  <si>
    <t>10708</t>
  </si>
  <si>
    <t>GPS WANJHARAY WALA</t>
  </si>
  <si>
    <t>Wanjhara Thal</t>
  </si>
  <si>
    <t>Gps wanjharay wala p/o Kot Sultan district layyah</t>
  </si>
  <si>
    <t>Kot Sultan City</t>
  </si>
  <si>
    <t>GMPS VEROKI CHEEMA</t>
  </si>
  <si>
    <t>Veroki</t>
  </si>
  <si>
    <t>Veroki cheema</t>
  </si>
  <si>
    <t>Verokicheema</t>
  </si>
  <si>
    <t>Bharoki cheema</t>
  </si>
  <si>
    <t>9681</t>
  </si>
  <si>
    <t>45723</t>
  </si>
  <si>
    <t>GGES MILAN HANS</t>
  </si>
  <si>
    <t>Milan Hanse</t>
  </si>
  <si>
    <t>moza milan hanse p/o juguwala</t>
  </si>
  <si>
    <t>45725</t>
  </si>
  <si>
    <t>46955</t>
  </si>
  <si>
    <t>29397</t>
  </si>
  <si>
    <t>GGPS ZERI CHASHMIA</t>
  </si>
  <si>
    <t>KATAL KHEL</t>
  </si>
  <si>
    <t>MOH. ZERI CHASHMIA U/C VANJARI KAMMAR MUSHANI TEHSIL ISA KHEL DISTRICT MIANWALI</t>
  </si>
  <si>
    <t>ZERI</t>
  </si>
  <si>
    <t>MAHWISH JABEEN</t>
  </si>
  <si>
    <t>45726</t>
  </si>
  <si>
    <t>GPS CHAK NO.78/F</t>
  </si>
  <si>
    <t>CHAK No 78/f</t>
  </si>
  <si>
    <t>chak no.78/f</t>
  </si>
  <si>
    <t>CHAK No 79/f</t>
  </si>
  <si>
    <t>GPS PINDI GHEB</t>
  </si>
  <si>
    <t>near committee choke pindigheb</t>
  </si>
  <si>
    <t>GPS CHAK 54/4-R S</t>
  </si>
  <si>
    <t>54/4rs</t>
  </si>
  <si>
    <t>chak no.54/4r,s tehsil haroonabad</t>
  </si>
  <si>
    <t>Hafiz Ur Rehman</t>
  </si>
  <si>
    <t>45730</t>
  </si>
  <si>
    <t>GPS KOT GHULAM MUHAMMAD</t>
  </si>
  <si>
    <t>Kot Ghulam Muhammad Muhammad</t>
  </si>
  <si>
    <t>kot Ghulam Muhammad PO gajiana Nau Sheikhupura</t>
  </si>
  <si>
    <t>Shahzada Shoaib Ahmad</t>
  </si>
  <si>
    <t>GPS NOOR MUHAMMAD CHANNAR</t>
  </si>
  <si>
    <t>Khanuwali</t>
  </si>
  <si>
    <t>fatto wali road opposite to shahida flour mill</t>
  </si>
  <si>
    <t>Fatto Wali</t>
  </si>
  <si>
    <t>maznoor ahmad</t>
  </si>
  <si>
    <t>hand pump+motor pump</t>
  </si>
  <si>
    <t>GES KHALID ABAD</t>
  </si>
  <si>
    <t>near rural health centre rohillanwali</t>
  </si>
  <si>
    <t>Khalidabad</t>
  </si>
  <si>
    <t>abdul hameed</t>
  </si>
  <si>
    <t>45737</t>
  </si>
  <si>
    <t>29857</t>
  </si>
  <si>
    <t>GGES KAMO GIL</t>
  </si>
  <si>
    <t>kamon gil</t>
  </si>
  <si>
    <t>Lamby Jagir</t>
  </si>
  <si>
    <t>45740</t>
  </si>
  <si>
    <t>GGPS HASSAN WAL</t>
  </si>
  <si>
    <t>Government girls primary school hassan wal p.o gohadpur sialkot</t>
  </si>
  <si>
    <t>Bhalan Wala</t>
  </si>
  <si>
    <t>AZRA BANO</t>
  </si>
  <si>
    <t>GPS RAJO</t>
  </si>
  <si>
    <t>Rajo</t>
  </si>
  <si>
    <t>village rajo post office khori alarm via dingy ovarian Gujarat</t>
  </si>
  <si>
    <t>Phta Bhund</t>
  </si>
  <si>
    <t>GMPS CHAK TOTI</t>
  </si>
  <si>
    <t>Chak Toti</t>
  </si>
  <si>
    <t>govt model primary school chak toti</t>
  </si>
  <si>
    <t>Goindkey</t>
  </si>
  <si>
    <t>Rukhshanda Qamar</t>
  </si>
  <si>
    <t>GGPS CHAK NO.116/DB</t>
  </si>
  <si>
    <t>chak. no 116/db tehsil yazman district bwp</t>
  </si>
  <si>
    <t>116/db</t>
  </si>
  <si>
    <t>108/ Db</t>
  </si>
  <si>
    <t>Huma Shakir</t>
  </si>
  <si>
    <t>45751</t>
  </si>
  <si>
    <t>GGPS AHMAD BUKHSH MAILKHI</t>
  </si>
  <si>
    <t>Ahmad Mailkhi</t>
  </si>
  <si>
    <t>ggps ahmad bakhsh mailkhi</t>
  </si>
  <si>
    <t>Azra Noreen</t>
  </si>
  <si>
    <t>GGPS HINDRAN WALA</t>
  </si>
  <si>
    <t>post office Dullewala wala tiba haindana wala</t>
  </si>
  <si>
    <t>Haindana Wala</t>
  </si>
  <si>
    <t>shaheen kusar</t>
  </si>
  <si>
    <t>50677</t>
  </si>
  <si>
    <t>GHS 97/6-R</t>
  </si>
  <si>
    <t>97/6r Sahiwal</t>
  </si>
  <si>
    <t>97/6r swl</t>
  </si>
  <si>
    <t>97/6r Swl</t>
  </si>
  <si>
    <t>92/6r Swl</t>
  </si>
  <si>
    <t>Rao Ashraf Ali</t>
  </si>
  <si>
    <t>45755</t>
  </si>
  <si>
    <t>toll plaza</t>
  </si>
  <si>
    <t>Bangla Hidayet</t>
  </si>
  <si>
    <t>GHULAM SHABBIR SHAH</t>
  </si>
  <si>
    <t>47263</t>
  </si>
  <si>
    <t>GPS SOHRAB KHELAN WALA NO. 1</t>
  </si>
  <si>
    <t>GPS Sohrab khelan walan no.1 sawans, Mianwali</t>
  </si>
  <si>
    <t>EHSAN AHMAD KHAN</t>
  </si>
  <si>
    <t>GGPS LOWER KOTLI</t>
  </si>
  <si>
    <t>Lower Kotli</t>
  </si>
  <si>
    <t>lower kotli</t>
  </si>
  <si>
    <t>Neelum Kouser</t>
  </si>
  <si>
    <t>45758</t>
  </si>
  <si>
    <t>GPS DHOK SABAL</t>
  </si>
  <si>
    <t>Sabal</t>
  </si>
  <si>
    <t>Dhoke Sabal, VPO Dholar, Tehsil Talagang, District Chakwal</t>
  </si>
  <si>
    <t>44818</t>
  </si>
  <si>
    <t>GPS FAQIR WALA</t>
  </si>
  <si>
    <t>Razai Shah Shumali</t>
  </si>
  <si>
    <t>panwaranwala</t>
  </si>
  <si>
    <t>42597</t>
  </si>
  <si>
    <t>GPS MODEL CHAHRAIN ARRIAN</t>
  </si>
  <si>
    <t>Chahrain Arain</t>
  </si>
  <si>
    <t>village Chahrain arain teh GUJAR KHAN district rwp</t>
  </si>
  <si>
    <t>Fouzia Saleem</t>
  </si>
  <si>
    <t>GGPS KOT MUHAMMAD ALI</t>
  </si>
  <si>
    <t>Kot Muhammad Ali</t>
  </si>
  <si>
    <t>kot sardar Muhammad ali</t>
  </si>
  <si>
    <t>Kot Sardar Muhammad Ali</t>
  </si>
  <si>
    <t>Sajida Younas</t>
  </si>
  <si>
    <t>44248</t>
  </si>
  <si>
    <t>GPS SHEREY WALA KAHAR</t>
  </si>
  <si>
    <t>Sheray Wala Kahar</t>
  </si>
  <si>
    <t>post office sheray wala kahar tehsil kallar kahar district chakwal</t>
  </si>
  <si>
    <t>Wasnal</t>
  </si>
  <si>
    <t>Munir Akhtar</t>
  </si>
  <si>
    <t>outdoor</t>
  </si>
  <si>
    <t>GPS CHAK NO. 39/M</t>
  </si>
  <si>
    <t>chak no 39/M</t>
  </si>
  <si>
    <t>chk no 39.m tehsil dunyapur district lodhran</t>
  </si>
  <si>
    <t>39/M</t>
  </si>
  <si>
    <t>Siraj wala</t>
  </si>
  <si>
    <t>Muhammad Arslan Ibrahim</t>
  </si>
  <si>
    <t>17381</t>
  </si>
  <si>
    <t>GMPS ABADI KASHMIRIAN CHAK 6/10 THAL</t>
  </si>
  <si>
    <t>colony no 6 chak 10 thal</t>
  </si>
  <si>
    <t>uch gul imam</t>
  </si>
  <si>
    <t>syed nadeem khizar shah</t>
  </si>
  <si>
    <t>GPS KOT MAHI P/O DHUPA</t>
  </si>
  <si>
    <t>Kot Mahi</t>
  </si>
  <si>
    <t>chack kot mahi p/o dhupai pakpattan</t>
  </si>
  <si>
    <t>Dhupai</t>
  </si>
  <si>
    <t>GPS MC NO.2 MACHINE MOHALLAH</t>
  </si>
  <si>
    <t>Machine Mohallah</t>
  </si>
  <si>
    <t>GPS MC Machine Mohallah No.2 Jhelum</t>
  </si>
  <si>
    <t>Machine Mohallah#2</t>
  </si>
  <si>
    <t>Machine Mohallah#3</t>
  </si>
  <si>
    <t>QASIM MAHMOOD</t>
  </si>
  <si>
    <t>19362</t>
  </si>
  <si>
    <t>V.P.O Chan Basti Hamida Abad Tehsil Noor Pur Thal Distt. Khushab</t>
  </si>
  <si>
    <t>GGPS BAIR WALA BAHAR</t>
  </si>
  <si>
    <t>Ber wala</t>
  </si>
  <si>
    <t>Ber Wala</t>
  </si>
  <si>
    <t>54626</t>
  </si>
  <si>
    <t>GPS KANJUAN WALA</t>
  </si>
  <si>
    <t>GPS Kanjuanwala</t>
  </si>
  <si>
    <t>Kanjuanwala</t>
  </si>
  <si>
    <t>Adeel Bin Sarwar Rana</t>
  </si>
  <si>
    <t>GGPS HUJRAH LALIAN</t>
  </si>
  <si>
    <t>Ggps  Hujrah</t>
  </si>
  <si>
    <t>Hujrah</t>
  </si>
  <si>
    <t>45788</t>
  </si>
  <si>
    <t>GGES JHOK GHANDO WALI</t>
  </si>
  <si>
    <t>Govt Girls E/s Jhok ghando wali</t>
  </si>
  <si>
    <t>Jhok Ghando Wali</t>
  </si>
  <si>
    <t>Buchuki Par</t>
  </si>
  <si>
    <t>Safia Yousaf</t>
  </si>
  <si>
    <t>29588</t>
  </si>
  <si>
    <t>45789</t>
  </si>
  <si>
    <t>GGPS BASTI RAHMANI</t>
  </si>
  <si>
    <t>Bindor Abbsain</t>
  </si>
  <si>
    <t>basti rehmani</t>
  </si>
  <si>
    <t>Samina Shakeel</t>
  </si>
  <si>
    <t>45799</t>
  </si>
  <si>
    <t>19867</t>
  </si>
  <si>
    <t>GMPS CHAK NO 239 WEST</t>
  </si>
  <si>
    <t>239 Dhalo Wali</t>
  </si>
  <si>
    <t>chak no 239west</t>
  </si>
  <si>
    <t>Dhalo Alii</t>
  </si>
  <si>
    <t>GGPS KOT FAZAL PURA</t>
  </si>
  <si>
    <t>Kot Fazal Pura</t>
  </si>
  <si>
    <t>govt. girls p/s kot fazal pura</t>
  </si>
  <si>
    <t>Mudkey Dhariwal</t>
  </si>
  <si>
    <t>7258</t>
  </si>
  <si>
    <t>31784</t>
  </si>
  <si>
    <t>GGPS JAMGILL</t>
  </si>
  <si>
    <t>GGPS Jamgil</t>
  </si>
  <si>
    <t>Jamgil</t>
  </si>
  <si>
    <t>Ghuchli Virkan</t>
  </si>
  <si>
    <t>Yasmeen Abdulwahid</t>
  </si>
  <si>
    <t>27258</t>
  </si>
  <si>
    <t>GES KOT GHAZI</t>
  </si>
  <si>
    <t>kot ghazi  pindi bhuttian  Hafizabad</t>
  </si>
  <si>
    <t>Kot ghazi</t>
  </si>
  <si>
    <t>Sufyan Amjad</t>
  </si>
  <si>
    <t>45805</t>
  </si>
  <si>
    <t>GGPS TARI WALA</t>
  </si>
  <si>
    <t>tariwala po botala junda sing The.nowshera virkan Gujranwala</t>
  </si>
  <si>
    <t>adeela Akbar</t>
  </si>
  <si>
    <t>26069</t>
  </si>
  <si>
    <t>27954</t>
  </si>
  <si>
    <t>45809</t>
  </si>
  <si>
    <t>54189</t>
  </si>
  <si>
    <t>GGPS CHAK NO 48 MB</t>
  </si>
  <si>
    <t>Chak 48mb</t>
  </si>
  <si>
    <t>ggps 48mb district khushab</t>
  </si>
  <si>
    <t>Fadia Aslam</t>
  </si>
  <si>
    <t>GPS CHAK 287 GB (SOUTH)</t>
  </si>
  <si>
    <t>287GB South</t>
  </si>
  <si>
    <t>chak no 287g south</t>
  </si>
  <si>
    <t>Chak No 262GB</t>
  </si>
  <si>
    <t>Muhammad Shahzad Nemat</t>
  </si>
  <si>
    <t>45813</t>
  </si>
  <si>
    <t>GPS BHOPER</t>
  </si>
  <si>
    <t>Bhoper</t>
  </si>
  <si>
    <t>GOVT primary school bhoper</t>
  </si>
  <si>
    <t>Chak Ramada Nou</t>
  </si>
  <si>
    <t>Kot Khudayar</t>
  </si>
  <si>
    <t>dakh khana begowala kot khudayar tehsil sambrial</t>
  </si>
  <si>
    <t>Kopra 116</t>
  </si>
  <si>
    <t>Alia Firdous</t>
  </si>
  <si>
    <t>GPS SHADI KHAN</t>
  </si>
  <si>
    <t>Shadi Khan</t>
  </si>
  <si>
    <t>po shadi khan tehseel hazro district attock</t>
  </si>
  <si>
    <t>Aqib Mahmood</t>
  </si>
  <si>
    <t>45935</t>
  </si>
  <si>
    <t>23806</t>
  </si>
  <si>
    <t>GMES LADAY</t>
  </si>
  <si>
    <t>Lodhay</t>
  </si>
  <si>
    <t>lodhay tehsil daska district sialkot</t>
  </si>
  <si>
    <t>27699</t>
  </si>
  <si>
    <t>GES 132/16-L, MIAN CHANNU</t>
  </si>
  <si>
    <t>132/16L</t>
  </si>
  <si>
    <t>GES 132/16.L Main Channun</t>
  </si>
  <si>
    <t>131/15L</t>
  </si>
  <si>
    <t>48241</t>
  </si>
  <si>
    <t>GPS LORAN WALI</t>
  </si>
  <si>
    <t>Loranwali</t>
  </si>
  <si>
    <t>village loranwali nazad Halalpor tehsil kotmoman district Sargodha</t>
  </si>
  <si>
    <t>Halalpor</t>
  </si>
  <si>
    <t>45947</t>
  </si>
  <si>
    <t>GES COLONY SHOUKAT ABAD</t>
  </si>
  <si>
    <t>colony shoukat abad Teh .&amp; Distt.Nankana sahib</t>
  </si>
  <si>
    <t>Haffat Maddar</t>
  </si>
  <si>
    <t>45948</t>
  </si>
  <si>
    <t>GPS DONAY WALA</t>
  </si>
  <si>
    <t>basti korai muza bair band tehsil jatoi distt muzaffar garh</t>
  </si>
  <si>
    <t>GGES CHAK 97 JB</t>
  </si>
  <si>
    <t>Chak No 97 JB</t>
  </si>
  <si>
    <t>Chak No 97 JB Tehsil Gojra District Toba Tek Singh</t>
  </si>
  <si>
    <t>Mrs Falak Naz Sarwar</t>
  </si>
  <si>
    <t>45954</t>
  </si>
  <si>
    <t>GPS SAHU CHAK</t>
  </si>
  <si>
    <t>village Sahu Chak tehsil Dina Distt Jhelum</t>
  </si>
  <si>
    <t>Sahu Chak</t>
  </si>
  <si>
    <t>Madukalis</t>
  </si>
  <si>
    <t>Nasir Shahzad</t>
  </si>
  <si>
    <t>45956</t>
  </si>
  <si>
    <t>37755</t>
  </si>
  <si>
    <t>GGES GHARIB ABAD, JAHANIAN</t>
  </si>
  <si>
    <t>BLOCK 6 GHARIBABAD</t>
  </si>
  <si>
    <t>GHARIBABAD</t>
  </si>
  <si>
    <t>Khalida Rashid</t>
  </si>
  <si>
    <t>46657</t>
  </si>
  <si>
    <t>GES MURGHAN WALA</t>
  </si>
  <si>
    <t>Pacca kamar Mushani</t>
  </si>
  <si>
    <t>murghanwala</t>
  </si>
  <si>
    <t>Murghanwala</t>
  </si>
  <si>
    <t>Ali Khan</t>
  </si>
  <si>
    <t>GGPS SAGHAR NO 2</t>
  </si>
  <si>
    <t>GGPS no.2 saghar  VPO saghar teh talagang distt chakwal</t>
  </si>
  <si>
    <t>45962</t>
  </si>
  <si>
    <t>GPS KORA SAHEJA</t>
  </si>
  <si>
    <t>p.s kora saheja basti ameer khan saheja</t>
  </si>
  <si>
    <t>Basti Ameer Khan Saheja</t>
  </si>
  <si>
    <t>Deradildar</t>
  </si>
  <si>
    <t>YASMEEN SHOUKAT</t>
  </si>
  <si>
    <t>45965</t>
  </si>
  <si>
    <t>54843</t>
  </si>
  <si>
    <t>GPS RERKA ZAREEN</t>
  </si>
  <si>
    <t>rerka zareen tehsil phalia district Mandi bhauddin</t>
  </si>
  <si>
    <t>Herdo Rerka</t>
  </si>
  <si>
    <t>10995</t>
  </si>
  <si>
    <t>50795</t>
  </si>
  <si>
    <t>GPS WATTIAN WALI</t>
  </si>
  <si>
    <t>Wattian wali</t>
  </si>
  <si>
    <t>Wattian Wali</t>
  </si>
  <si>
    <t>Muhammad Abubakar Saddique</t>
  </si>
  <si>
    <t>GPS LAPHI</t>
  </si>
  <si>
    <t>Laphi</t>
  </si>
  <si>
    <t>vill and po laphi teh kallar kahar distt chakwal</t>
  </si>
  <si>
    <t>GPS MC AWAN PURA</t>
  </si>
  <si>
    <t>Chah Kanhu Wala</t>
  </si>
  <si>
    <t>awan pura multan</t>
  </si>
  <si>
    <t>Muzaffar Ud Din</t>
  </si>
  <si>
    <t>45973</t>
  </si>
  <si>
    <t>GGPS PATHANAY KHAN LABANA</t>
  </si>
  <si>
    <t>Gulan Gukala</t>
  </si>
  <si>
    <t>basti pathany Khan Labana</t>
  </si>
  <si>
    <t>Basti Pathany Khan Labana</t>
  </si>
  <si>
    <t>Din Pur Sharif</t>
  </si>
  <si>
    <t>Samina Sohail</t>
  </si>
  <si>
    <t>45974</t>
  </si>
  <si>
    <t>yaray wala p/o Abbasian wala Tehsil Kallur kot Dist Bhakkar</t>
  </si>
  <si>
    <t>Yaray Wala</t>
  </si>
  <si>
    <t>GPS JANHATTAL</t>
  </si>
  <si>
    <t>Janhattal</t>
  </si>
  <si>
    <t>Village Janhatal P.O khalol tehsil kahuta district rawalpindi</t>
  </si>
  <si>
    <t>Farrukh Ur Rehman</t>
  </si>
  <si>
    <t>53388</t>
  </si>
  <si>
    <t>GGPS SHAREEN</t>
  </si>
  <si>
    <t>mouz Shareen p/o sadar gogera Tehsil okara district okara</t>
  </si>
  <si>
    <t>Rehana Tabsam</t>
  </si>
  <si>
    <t>45981</t>
  </si>
  <si>
    <t>GGPS ASSAR</t>
  </si>
  <si>
    <t>Assar</t>
  </si>
  <si>
    <t>District Gujrat, Tehsil Kharian, P. O Kadhala, Village Assar</t>
  </si>
  <si>
    <t>ASSAR</t>
  </si>
  <si>
    <t>AACH</t>
  </si>
  <si>
    <t>46268</t>
  </si>
  <si>
    <t>GPS RAKH RANGPUR JANUBI</t>
  </si>
  <si>
    <t>Dera Bharokian Wala</t>
  </si>
  <si>
    <t>dera bharokian wala p/o Rangpur Tehsil Noor Pur Thal Dist khushab</t>
  </si>
  <si>
    <t>Khushi Muhammad</t>
  </si>
  <si>
    <t>GPS BASTI DHADDI</t>
  </si>
  <si>
    <t>Chok Budhan Shah Massa Kotha</t>
  </si>
  <si>
    <t>Basti Dhuddi</t>
  </si>
  <si>
    <t>Muhammad Tariq ul Islam</t>
  </si>
  <si>
    <t>9122</t>
  </si>
  <si>
    <t>45984</t>
  </si>
  <si>
    <t>16343</t>
  </si>
  <si>
    <t>GPS 42 JB III</t>
  </si>
  <si>
    <t>chak no.42jb3rd</t>
  </si>
  <si>
    <t>42  JB3rd</t>
  </si>
  <si>
    <t>45986</t>
  </si>
  <si>
    <t>45491</t>
  </si>
  <si>
    <t>GGPS JHUBANA</t>
  </si>
  <si>
    <t>Mahota</t>
  </si>
  <si>
    <t>paka jhubana</t>
  </si>
  <si>
    <t>Jhubana</t>
  </si>
  <si>
    <t>47874</t>
  </si>
  <si>
    <t>GPS 90 EB P.O SAME ARIF WALA</t>
  </si>
  <si>
    <t>90/eb</t>
  </si>
  <si>
    <t>chak 90/e.b p/o same</t>
  </si>
  <si>
    <t>NASIM MUMTAZ</t>
  </si>
  <si>
    <t>39359</t>
  </si>
  <si>
    <t>GGPS DHOK ARA</t>
  </si>
  <si>
    <t>Vpo mianwala tehsil pindigheb district attock</t>
  </si>
  <si>
    <t>45993</t>
  </si>
  <si>
    <t>GPS SHAH GUL HUSSAN</t>
  </si>
  <si>
    <t>Gps Shah Gul Hassan</t>
  </si>
  <si>
    <t>gps shah gul hassan,markaz kot qazi</t>
  </si>
  <si>
    <t>Urouge Kanwal</t>
  </si>
  <si>
    <t>GPS PANWAR</t>
  </si>
  <si>
    <t>GPS panwar</t>
  </si>
  <si>
    <t>Panwar</t>
  </si>
  <si>
    <t>Khawaja Taimoor  Rasheed</t>
  </si>
  <si>
    <t>45996</t>
  </si>
  <si>
    <t>GGPS BAHAR (SULTAN WALA)</t>
  </si>
  <si>
    <t>bahar ghaeni</t>
  </si>
  <si>
    <t>Sarwat Naheed</t>
  </si>
  <si>
    <t>43137</t>
  </si>
  <si>
    <t>GES RANJHA</t>
  </si>
  <si>
    <t>V.p.o Ranjha Teh and Disst. Chakwal</t>
  </si>
  <si>
    <t>Mehr Khan</t>
  </si>
  <si>
    <t>40144</t>
  </si>
  <si>
    <t>GPS RARYALA JANGO</t>
  </si>
  <si>
    <t>CHOTALA - MALE</t>
  </si>
  <si>
    <t>Raryala Jango</t>
  </si>
  <si>
    <t>village raryala Jango p.o Kot Basira tehsile and district Jhelum</t>
  </si>
  <si>
    <t>23098</t>
  </si>
  <si>
    <t>GMPS PHAPHRA</t>
  </si>
  <si>
    <t>PHAPHRA</t>
  </si>
  <si>
    <t>village phaphra post office Haria</t>
  </si>
  <si>
    <t>TASSADAF RIAZ</t>
  </si>
  <si>
    <t>40866</t>
  </si>
  <si>
    <t>GGPS CHAK NO. 202 P</t>
  </si>
  <si>
    <t>Chak No 202p</t>
  </si>
  <si>
    <t>Ggps 202p</t>
  </si>
  <si>
    <t>202p</t>
  </si>
  <si>
    <t>Bindor Abassian</t>
  </si>
  <si>
    <t>Iqra Shafiq</t>
  </si>
  <si>
    <t>GGPS CHAK NO.195/M</t>
  </si>
  <si>
    <t>Chak No 195/M</t>
  </si>
  <si>
    <t>chak no.195/murad tehsil Hasilpur</t>
  </si>
  <si>
    <t>Chak No195/M</t>
  </si>
  <si>
    <t>GMPS BASTI LAR WALI</t>
  </si>
  <si>
    <t>bahawalpur city</t>
  </si>
  <si>
    <t>Basti Lar Wali Bwp</t>
  </si>
  <si>
    <t>GGPS CHAK ADIL</t>
  </si>
  <si>
    <t>Chak Adil</t>
  </si>
  <si>
    <t>GGPS Chak adil</t>
  </si>
  <si>
    <t>Korpur</t>
  </si>
  <si>
    <t>46011</t>
  </si>
  <si>
    <t>GPS CHAK NO.268/HR</t>
  </si>
  <si>
    <t>chak268/HR tehsil fortabbas Dstt.bahalwalnagar</t>
  </si>
  <si>
    <t>Muhammad Ahad Nadeem</t>
  </si>
  <si>
    <t>GGPS UMER PUR KHAS</t>
  </si>
  <si>
    <t>umar pur</t>
  </si>
  <si>
    <t>ggps umar pur khas mouza umar pur</t>
  </si>
  <si>
    <t>umar pur khas</t>
  </si>
  <si>
    <t>karmom wali</t>
  </si>
  <si>
    <t>Sharf Shabbir</t>
  </si>
  <si>
    <t>GGES CHAK NO 32 WB</t>
  </si>
  <si>
    <t>32WB</t>
  </si>
  <si>
    <t>chak No.32W.B</t>
  </si>
  <si>
    <t>52738</t>
  </si>
  <si>
    <t>GMPS KHAN BAHADAR</t>
  </si>
  <si>
    <t>Khan Bhadur</t>
  </si>
  <si>
    <t>khan bhadur disst okara</t>
  </si>
  <si>
    <t>GGES CHAK NO.105/DB</t>
  </si>
  <si>
    <t>chak no 105 db</t>
  </si>
  <si>
    <t>105 Db</t>
  </si>
  <si>
    <t>Nazia Emmanuel</t>
  </si>
  <si>
    <t>46021</t>
  </si>
  <si>
    <t>39575</t>
  </si>
  <si>
    <t>GES KAHAL</t>
  </si>
  <si>
    <t>Kahal</t>
  </si>
  <si>
    <t>VILLAGE AND POST OFFICE KAHAL TEHSIL JAND DISTRICT ATTOCK</t>
  </si>
  <si>
    <t>Hafiz Muhammad Faisal</t>
  </si>
  <si>
    <t>46027</t>
  </si>
  <si>
    <t>GGPS NO 3 NAROWAL</t>
  </si>
  <si>
    <t>ggps no 3 narowal</t>
  </si>
  <si>
    <t>Akhtar Parveen</t>
  </si>
  <si>
    <t>25784</t>
  </si>
  <si>
    <t>46028</t>
  </si>
  <si>
    <t>GPS CHAK LAKHIA KALAN</t>
  </si>
  <si>
    <t>Chak Lakhia Kalan</t>
  </si>
  <si>
    <t>Rana Rizwan Ellahi</t>
  </si>
  <si>
    <t>GPS MODEL KHOOH SABIR KHAN</t>
  </si>
  <si>
    <t>Tibba Meani</t>
  </si>
  <si>
    <t>GMPS KHU SABIR KHAN MOZA TIBBA MEANI</t>
  </si>
  <si>
    <t>Zarina Bano</t>
  </si>
  <si>
    <t>46031</t>
  </si>
  <si>
    <t>GES MIRHATTA</t>
  </si>
  <si>
    <t>Govt E/S MIRHATTA Distt DGKhan</t>
  </si>
  <si>
    <t>Abdul Ghaffar Durrani</t>
  </si>
  <si>
    <t>46033</t>
  </si>
  <si>
    <t>GPS CHAK NO 49/3-R</t>
  </si>
  <si>
    <t>49/3r</t>
  </si>
  <si>
    <t>Dera Mehr Bahadur Haroonabad</t>
  </si>
  <si>
    <t>GES MAAN KASUR</t>
  </si>
  <si>
    <t>MAAN</t>
  </si>
  <si>
    <t>Govt.E/S MAAN KASUR</t>
  </si>
  <si>
    <t>GMPS MEHR QULI CHOHAN</t>
  </si>
  <si>
    <t>Mehr Qulli Chohan</t>
  </si>
  <si>
    <t>vill Mehr Qulli Chohan P/O Karounta Tehsil Sohawa Distt Jhelum</t>
  </si>
  <si>
    <t>Veena Khalid</t>
  </si>
  <si>
    <t>GPS WAHI MOTON MAL</t>
  </si>
  <si>
    <t>Wahi Motan Mal</t>
  </si>
  <si>
    <t>chak liaqat abad wahi motan mal lodhran</t>
  </si>
  <si>
    <t>Chak Liaqat Abad</t>
  </si>
  <si>
    <t>GES RAWAL JHANGAR</t>
  </si>
  <si>
    <t>village rawal jhangar</t>
  </si>
  <si>
    <t>Rawal Jhangr</t>
  </si>
  <si>
    <t>China Arla</t>
  </si>
  <si>
    <t>hafiz saood mahmood</t>
  </si>
  <si>
    <t>46047</t>
  </si>
  <si>
    <t>33545</t>
  </si>
  <si>
    <t>GGPS KOTLA KALAN CHAK 43/RB</t>
  </si>
  <si>
    <t>kotla  Kalan</t>
  </si>
  <si>
    <t>Marar  42</t>
  </si>
  <si>
    <t>46049</t>
  </si>
  <si>
    <t>GPS 29.M P.O.35/M</t>
  </si>
  <si>
    <t>Chack No29/m</t>
  </si>
  <si>
    <t>Chack No.29/m Teh: Dunyan pur Dist: lodhran</t>
  </si>
  <si>
    <t>Chack No35/m</t>
  </si>
  <si>
    <t>GGPS HAJI HAZOOR BUX</t>
  </si>
  <si>
    <t>Basti Haji Huzoor Bux Naich, P/O Jun Pur,  TEHSIL LIAQUAT PUR</t>
  </si>
  <si>
    <t>Basti Haji Huzoor Bux Naich</t>
  </si>
  <si>
    <t>46053</t>
  </si>
  <si>
    <t>GGES RATTA BAJWA</t>
  </si>
  <si>
    <t>Rattabajwa</t>
  </si>
  <si>
    <t>rattabajwa ratta road gujranwala</t>
  </si>
  <si>
    <t>Gulzarcolony</t>
  </si>
  <si>
    <t>najma safdar bhalli</t>
  </si>
  <si>
    <t>GGPS THATHA HAST</t>
  </si>
  <si>
    <t>p o lasoori kalan Teh Phalia dist m.b din</t>
  </si>
  <si>
    <t>GES VARIO</t>
  </si>
  <si>
    <t>village vario p o sahowali sialkot</t>
  </si>
  <si>
    <t>GES CHAK AKKA</t>
  </si>
  <si>
    <t>Chak Akka</t>
  </si>
  <si>
    <t>G.e.s Chak Akka, Tehsil Dina, District Jhelum</t>
  </si>
  <si>
    <t>45587</t>
  </si>
  <si>
    <t>GGPS DARWESH MARKAND</t>
  </si>
  <si>
    <t>Basti markand fateh pur janobi</t>
  </si>
  <si>
    <t>Darwaish markand</t>
  </si>
  <si>
    <t>Nosheen Rasheed</t>
  </si>
  <si>
    <t>45588</t>
  </si>
  <si>
    <t>GGPS GHARSHEEN</t>
  </si>
  <si>
    <t>village GHARSHEEN</t>
  </si>
  <si>
    <t>Tabussam Mukhtiar</t>
  </si>
  <si>
    <t>45591</t>
  </si>
  <si>
    <t>GGPS AHLNIAN WALI</t>
  </si>
  <si>
    <t>Ahlnianwali Wali</t>
  </si>
  <si>
    <t>Ahlnainwali po box'pandorian chak # 122</t>
  </si>
  <si>
    <t>Ahlnian Wali</t>
  </si>
  <si>
    <t>Sajda Perveen</t>
  </si>
  <si>
    <t>48384</t>
  </si>
  <si>
    <t>GPS BHERTH SHARQI</t>
  </si>
  <si>
    <t>village Bharth Sharqi p/o Miani Teh, Bhera District, Sargodha</t>
  </si>
  <si>
    <t>Rajib Sultan</t>
  </si>
  <si>
    <t>45597</t>
  </si>
  <si>
    <t>GPS YAZMAN</t>
  </si>
  <si>
    <t>Ward # 6 Yazman</t>
  </si>
  <si>
    <t>Ward # 8 Yazman</t>
  </si>
  <si>
    <t>Municipal Cometee</t>
  </si>
  <si>
    <t>50167</t>
  </si>
  <si>
    <t>GES 46/12-L</t>
  </si>
  <si>
    <t>Chak No.46/12.L</t>
  </si>
  <si>
    <t>GGMPS RAY PUR</t>
  </si>
  <si>
    <t>Ray pur</t>
  </si>
  <si>
    <t>SIDRA BABU ANJUM</t>
  </si>
  <si>
    <t>45606</t>
  </si>
  <si>
    <t>GPS CHAK 18/M</t>
  </si>
  <si>
    <t>18/m</t>
  </si>
  <si>
    <t>Chak No 18/m Tehsil Dunyapur District lodhran</t>
  </si>
  <si>
    <t>Chak No 18/m</t>
  </si>
  <si>
    <t>11/m</t>
  </si>
  <si>
    <t>GGPS BHAKRAY WALI</t>
  </si>
  <si>
    <t>village bhakrewali p.o. goindke tehsil daska district sialkot</t>
  </si>
  <si>
    <t>GPS BASTI NOONAN</t>
  </si>
  <si>
    <t>Goth Gahna</t>
  </si>
  <si>
    <t>basti naley wali maouza goth gahna</t>
  </si>
  <si>
    <t>Basti Naly Wali</t>
  </si>
  <si>
    <t>Gulraiz Hassan khan</t>
  </si>
  <si>
    <t>GPS SHER ABAD CHINIOT</t>
  </si>
  <si>
    <t>Kher Pur</t>
  </si>
  <si>
    <t>GPS Sher Abad Chiniot</t>
  </si>
  <si>
    <t>GGCMS BUDHAI</t>
  </si>
  <si>
    <t>Budhai Kay</t>
  </si>
  <si>
    <t>village budhai kay</t>
  </si>
  <si>
    <t>Irrum Shehzadi</t>
  </si>
  <si>
    <t>45614</t>
  </si>
  <si>
    <t>GGPS KOT YOUSAF</t>
  </si>
  <si>
    <t>Kot Yousaf</t>
  </si>
  <si>
    <t>kot yousaf p/o joura sian distt grw,tehsil wzd.</t>
  </si>
  <si>
    <t>Tanzeela Waseem</t>
  </si>
  <si>
    <t>45615</t>
  </si>
  <si>
    <t>49109</t>
  </si>
  <si>
    <t>GPS KHOO ALLAH BUKHSH</t>
  </si>
  <si>
    <t>Khoo Allah Bukhsh</t>
  </si>
  <si>
    <t>khoo Allah bukhsh</t>
  </si>
  <si>
    <t>Sakasar</t>
  </si>
  <si>
    <t>26915</t>
  </si>
  <si>
    <t>50227</t>
  </si>
  <si>
    <t>45616</t>
  </si>
  <si>
    <t>GPS KOT AKRAM</t>
  </si>
  <si>
    <t>govt p s kot akram</t>
  </si>
  <si>
    <t>Kot Akram</t>
  </si>
  <si>
    <t>54628</t>
  </si>
  <si>
    <t>46987</t>
  </si>
  <si>
    <t>GPS UMERI KHEL</t>
  </si>
  <si>
    <t>Pacca Kamar Pakka kammer Mushani</t>
  </si>
  <si>
    <t>gps umerikhel p/ o kamar mushani Tehsil isakhel District Mianwali</t>
  </si>
  <si>
    <t>Umeri Khel</t>
  </si>
  <si>
    <t>ZIAULLAH KHAN</t>
  </si>
  <si>
    <t>GES CHAK NO.4/DRB</t>
  </si>
  <si>
    <t>4/DRB</t>
  </si>
  <si>
    <t>chak no 4/DRB Teh Yazman Dist bhawalpur</t>
  </si>
  <si>
    <t>Chak No 4/DRB</t>
  </si>
  <si>
    <t>39545</t>
  </si>
  <si>
    <t>GPS DANDI JASWAL</t>
  </si>
  <si>
    <t>VPO  Dandi Jaswal Teh Jand Distt Attock</t>
  </si>
  <si>
    <t>Dandi Jaswal</t>
  </si>
  <si>
    <t>GGPS JAHANAY WALA</t>
  </si>
  <si>
    <t>Jahanaywala</t>
  </si>
  <si>
    <t>47306</t>
  </si>
  <si>
    <t>GPS BANI AFGHAN NO. 2</t>
  </si>
  <si>
    <t>banni afghan no.2 p/o banni afgan teh &amp; district Mianwali</t>
  </si>
  <si>
    <t>Mansoor Akhter</t>
  </si>
  <si>
    <t>24238</t>
  </si>
  <si>
    <t>27313</t>
  </si>
  <si>
    <t>GPS CHAK NO. 474</t>
  </si>
  <si>
    <t>New Babyam</t>
  </si>
  <si>
    <t>chak 474</t>
  </si>
  <si>
    <t>Khadam Hussain</t>
  </si>
  <si>
    <t>GGPS CHAK JODH</t>
  </si>
  <si>
    <t>GGPS CHAK JODH SARGODHA</t>
  </si>
  <si>
    <t>52 SB</t>
  </si>
  <si>
    <t>Madiha Ramay</t>
  </si>
  <si>
    <t>GGPS CHAK NO.15 JANUBI</t>
  </si>
  <si>
    <t>Chak 15 Janubi</t>
  </si>
  <si>
    <t>chak no 15 Janubi teh and district mandibhudin</t>
  </si>
  <si>
    <t>23151</t>
  </si>
  <si>
    <t>GPS 131 RB I</t>
  </si>
  <si>
    <t>Buchoana 131 RB</t>
  </si>
  <si>
    <t>GPS 131 RB I Buchoana Tehsile Chak Jhumra District Faisalabad</t>
  </si>
  <si>
    <t>Buchoana</t>
  </si>
  <si>
    <t>Pakkadala</t>
  </si>
  <si>
    <t>GGPS BASTI MALAH</t>
  </si>
  <si>
    <t>Kotla Hussain</t>
  </si>
  <si>
    <t>GGPS Basti malah</t>
  </si>
  <si>
    <t>GGPS CHAK MIRZA</t>
  </si>
  <si>
    <t>chak mirza jabbah</t>
  </si>
  <si>
    <t>Chak mirza Jabbah,p/o Dhammali,Dist Rwp</t>
  </si>
  <si>
    <t>Chak Mirza Jabbah</t>
  </si>
  <si>
    <t>Zanish Waqar</t>
  </si>
  <si>
    <t>45358</t>
  </si>
  <si>
    <t>41253</t>
  </si>
  <si>
    <t>GPS PLATHER</t>
  </si>
  <si>
    <t>Plather</t>
  </si>
  <si>
    <t>village plather p.o khalol tehsil kahuta district Rawalpindi</t>
  </si>
  <si>
    <t>GMPS HAVELI  MANGAN</t>
  </si>
  <si>
    <t>GMPS Basti Mangan</t>
  </si>
  <si>
    <t>Mouza Mangan</t>
  </si>
  <si>
    <t>GES RAJANA</t>
  </si>
  <si>
    <t>SAMUNDRI ROAD RAJANA</t>
  </si>
  <si>
    <t>CHAK NO 285 GB</t>
  </si>
  <si>
    <t>45363</t>
  </si>
  <si>
    <t>54117</t>
  </si>
  <si>
    <t>GGES MISRAN WALA</t>
  </si>
  <si>
    <t>86/M</t>
  </si>
  <si>
    <t>Abdullah Colony Chak 86 M</t>
  </si>
  <si>
    <t>Naqsh Bandia</t>
  </si>
  <si>
    <t>Jppw City Ward</t>
  </si>
  <si>
    <t>Jameela Bibi</t>
  </si>
  <si>
    <t>45364</t>
  </si>
  <si>
    <t>50943</t>
  </si>
  <si>
    <t>GGPS BHADIARI</t>
  </si>
  <si>
    <t>bhadiari</t>
  </si>
  <si>
    <t>village bhadiari</t>
  </si>
  <si>
    <t>fouzia noreen</t>
  </si>
  <si>
    <t>5434</t>
  </si>
  <si>
    <t>GPS CHAK NO 248 JB</t>
  </si>
  <si>
    <t>AEO (M) BHOWANA NO.47-MALE</t>
  </si>
  <si>
    <t>Maloka</t>
  </si>
  <si>
    <t>Chak No. 248 JB Tehsil Bhowana District Chiniot</t>
  </si>
  <si>
    <t>Chak No 248 JB</t>
  </si>
  <si>
    <t>Chak No 203 JB</t>
  </si>
  <si>
    <t>Mansabdar Sabir</t>
  </si>
  <si>
    <t>45369</t>
  </si>
  <si>
    <t>36958</t>
  </si>
  <si>
    <t>GGPS HOSI HERAJ, P/O KOT ISLAM, ABDUL HAKIM</t>
  </si>
  <si>
    <t>Hosi Hraj</t>
  </si>
  <si>
    <t>mouza hosi hraj kot islam kabirwala</t>
  </si>
  <si>
    <t>Javaria Bibi</t>
  </si>
  <si>
    <t>GPS TAJWANA KOORIAN</t>
  </si>
  <si>
    <t>Moza tajwana</t>
  </si>
  <si>
    <t>Budh ghulam</t>
  </si>
  <si>
    <t>45372</t>
  </si>
  <si>
    <t>GPS RODDI</t>
  </si>
  <si>
    <t>rodi kallur kot bhakkar</t>
  </si>
  <si>
    <t>Abdul  Ghafar Khan Naeem</t>
  </si>
  <si>
    <t>GPS CHAK 764 GB</t>
  </si>
  <si>
    <t>Chak No 764 GB</t>
  </si>
  <si>
    <t>GPS 764 gb</t>
  </si>
  <si>
    <t>GGCMS JALAL ABAD</t>
  </si>
  <si>
    <t>dolwana</t>
  </si>
  <si>
    <t>Govt.Girls Community Modle School jalal abad</t>
  </si>
  <si>
    <t>jalal abad</t>
  </si>
  <si>
    <t>GPS TIBBI HASBANI</t>
  </si>
  <si>
    <t>post office rehman abad. tehsil and dist Bahawalpur</t>
  </si>
  <si>
    <t>40720</t>
  </si>
  <si>
    <t>GGPS MUGHAL ABAD</t>
  </si>
  <si>
    <t>Mughal Abad</t>
  </si>
  <si>
    <t>mughal abad teh Sohawa distt jhelum</t>
  </si>
  <si>
    <t>Tabassum Rana</t>
  </si>
  <si>
    <t>GGPS PERSRAM CHAK NO 51/RB</t>
  </si>
  <si>
    <t>persram chak no.51</t>
  </si>
  <si>
    <t>Persram</t>
  </si>
  <si>
    <t>Sonia Asif</t>
  </si>
  <si>
    <t>GPS VIJHOKA</t>
  </si>
  <si>
    <t>Vijhoka</t>
  </si>
  <si>
    <t>vijhoka p/o farooka tehsil sahiwal distt sargodha</t>
  </si>
  <si>
    <t>49695</t>
  </si>
  <si>
    <t>GGES CHAK NO.137 SB</t>
  </si>
  <si>
    <t>Chak No 137 Sb</t>
  </si>
  <si>
    <t>chak137sb</t>
  </si>
  <si>
    <t>Chak137sb</t>
  </si>
  <si>
    <t>Chak136 Sb</t>
  </si>
  <si>
    <t>GPS SANOPER</t>
  </si>
  <si>
    <t>Sanoper</t>
  </si>
  <si>
    <t>Village Sanoper, Markaz Whando</t>
  </si>
  <si>
    <t>GPS SEHARI OTTAR</t>
  </si>
  <si>
    <t>Sahary Otar</t>
  </si>
  <si>
    <t>Sahary otar kasur</t>
  </si>
  <si>
    <t>Hardo Sahary</t>
  </si>
  <si>
    <t>GGPS AKIAL</t>
  </si>
  <si>
    <t>Akial</t>
  </si>
  <si>
    <t>Village akial tehsil zafrwal dist narowal</t>
  </si>
  <si>
    <t>Shama Perveen</t>
  </si>
  <si>
    <t>45388</t>
  </si>
  <si>
    <t>GPS CHAK NO 14-D</t>
  </si>
  <si>
    <t>Chak 14/D</t>
  </si>
  <si>
    <t>chak 14/D</t>
  </si>
  <si>
    <t>Chak Bawa Bareet</t>
  </si>
  <si>
    <t>45390</t>
  </si>
  <si>
    <t>GGPS PHULAR WAN</t>
  </si>
  <si>
    <t>Phullarwan</t>
  </si>
  <si>
    <t>Phullarwan lhr cantt</t>
  </si>
  <si>
    <t>Shahida Parveen HD</t>
  </si>
  <si>
    <t>45391</t>
  </si>
  <si>
    <t>44125</t>
  </si>
  <si>
    <t>GMPS WAHALI BALA</t>
  </si>
  <si>
    <t>wahali bala</t>
  </si>
  <si>
    <t>Hina Akhter</t>
  </si>
  <si>
    <t>GGPS MOHABBAT KHEL</t>
  </si>
  <si>
    <t>Tola Mangli</t>
  </si>
  <si>
    <t>villege mohabbat khal</t>
  </si>
  <si>
    <t>Mohabbat Khal</t>
  </si>
  <si>
    <t>GGPS GOOHAL</t>
  </si>
  <si>
    <t>village goohal post office lawa.</t>
  </si>
  <si>
    <t>Ruquia Aslam</t>
  </si>
  <si>
    <t>water supply scheme goohal</t>
  </si>
  <si>
    <t>GES 67/10-R, P/O 72/10-R, KHANEWAL</t>
  </si>
  <si>
    <t>chak no 67/10.R khanewal</t>
  </si>
  <si>
    <t>GPS KHOHAR NO.1</t>
  </si>
  <si>
    <t>GPS  Khohar #1 Dhok Shamali</t>
  </si>
  <si>
    <t>42244</t>
  </si>
  <si>
    <t>GGES LOWER CHALAWARA</t>
  </si>
  <si>
    <t>Vill lower chalawara p/o chalawara</t>
  </si>
  <si>
    <t>Nazira Bibi</t>
  </si>
  <si>
    <t>13582</t>
  </si>
  <si>
    <t>GGPS MAINGHLEY WALA</t>
  </si>
  <si>
    <t>basti raan near rajan pur nehr</t>
  </si>
  <si>
    <t>Mudasra Mehreen</t>
  </si>
  <si>
    <t>GMPS CHAK NO.42</t>
  </si>
  <si>
    <t>Chak No 42</t>
  </si>
  <si>
    <t>vill.chak no 42.p/ o khai.teh.malakwal.dist.m.b.din</t>
  </si>
  <si>
    <t>149736</t>
  </si>
  <si>
    <t>38025</t>
  </si>
  <si>
    <t>GPS PALLO WALA</t>
  </si>
  <si>
    <t>Pallu Wala</t>
  </si>
  <si>
    <t>Govt P/s Pallu wala p/o jalal abad lodhran</t>
  </si>
  <si>
    <t>38414</t>
  </si>
  <si>
    <t>GES GOTH BAHAR</t>
  </si>
  <si>
    <t>Jamrani Wah</t>
  </si>
  <si>
    <t>Muhammad Asif Aziz</t>
  </si>
  <si>
    <t>GGPS LALIAN NO. 2</t>
  </si>
  <si>
    <t>govt girls primary school number 2 Lalian</t>
  </si>
  <si>
    <t>45415</t>
  </si>
  <si>
    <t>GPS SANKEA</t>
  </si>
  <si>
    <t>SHAHKNKAY</t>
  </si>
  <si>
    <t>38229</t>
  </si>
  <si>
    <t>54192</t>
  </si>
  <si>
    <t>GGPS NO. 1 HADALI</t>
  </si>
  <si>
    <t>govt girls primry school hadali no -1 near civil hspital mhlah tiwanawala hadali</t>
  </si>
  <si>
    <t>21652</t>
  </si>
  <si>
    <t>GPS BAWRAY PIARAY</t>
  </si>
  <si>
    <t>Bawray Piaray</t>
  </si>
  <si>
    <t>bawray piaray</t>
  </si>
  <si>
    <t>Bawray Piyaray</t>
  </si>
  <si>
    <t>Ebadat Ali</t>
  </si>
  <si>
    <t>GES CHAK NO 74/A FEROZA</t>
  </si>
  <si>
    <t>Chak 74/A</t>
  </si>
  <si>
    <t>chak 74/A</t>
  </si>
  <si>
    <t>9818</t>
  </si>
  <si>
    <t>GPS KINGRA</t>
  </si>
  <si>
    <t>moza kingra lahore</t>
  </si>
  <si>
    <t>Ariyan</t>
  </si>
  <si>
    <t>Muhammad Khurshid</t>
  </si>
  <si>
    <t>GGPS THATTA CHAK MURAD</t>
  </si>
  <si>
    <t>tHATTA CHAK MURAD MOUZA PABBAR WALA JHANG</t>
  </si>
  <si>
    <t>THATTA CHAK MURAD</t>
  </si>
  <si>
    <t>PABBAR WALA</t>
  </si>
  <si>
    <t>45429</t>
  </si>
  <si>
    <t>GPS JEVEN BHINDER</t>
  </si>
  <si>
    <t>Jewan Bhinder</t>
  </si>
  <si>
    <t>gps jewen bhinder</t>
  </si>
  <si>
    <t>Raya Khas</t>
  </si>
  <si>
    <t>GPS GHULAM MUHAMMAD BALOCH</t>
  </si>
  <si>
    <t>basti chohan moza deramasti Bahawalpur</t>
  </si>
  <si>
    <t>Naseer Ahmed Somro</t>
  </si>
  <si>
    <t>GGPS CHAK NO. 241 TDA</t>
  </si>
  <si>
    <t>moj guard</t>
  </si>
  <si>
    <t>Fateh pur Layyah</t>
  </si>
  <si>
    <t>chak no 241 TDA</t>
  </si>
  <si>
    <t>Fateh pur</t>
  </si>
  <si>
    <t>33638</t>
  </si>
  <si>
    <t>GES MC KARRI DAUD KHAN MULTAN</t>
  </si>
  <si>
    <t>Mohalla Kiri Daud Khan o/s Pak gate Multan</t>
  </si>
  <si>
    <t>Juma Khasa</t>
  </si>
  <si>
    <t>GGPS JANDIAL MAHMOOD</t>
  </si>
  <si>
    <t>vpo jandial mehmood</t>
  </si>
  <si>
    <t>Jand Khan Zada</t>
  </si>
  <si>
    <t>Zartaj Zubaida</t>
  </si>
  <si>
    <t>GES SALARAY</t>
  </si>
  <si>
    <t>Mouza Salaray Tehsil Chiniot</t>
  </si>
  <si>
    <t>9612</t>
  </si>
  <si>
    <t>GPS CHAK NO 408 TDA</t>
  </si>
  <si>
    <t>408/Tda</t>
  </si>
  <si>
    <t>chak no. 408 tda</t>
  </si>
  <si>
    <t>Chak No 408 Tda</t>
  </si>
  <si>
    <t>GPS CHAK DANYAL</t>
  </si>
  <si>
    <t>Chak Danyal</t>
  </si>
  <si>
    <t>chak Danyal</t>
  </si>
  <si>
    <t>Shafqat Iqbal</t>
  </si>
  <si>
    <t>54593</t>
  </si>
  <si>
    <t>37505</t>
  </si>
  <si>
    <t>GMES CHUGHATA PUNJUANA, TULAMBA</t>
  </si>
  <si>
    <t>chughatta punjuana</t>
  </si>
  <si>
    <t>GMES.CHUGHATTA PUNJUANA MARKAZ TULAMBA 1st</t>
  </si>
  <si>
    <t>basti sanpal</t>
  </si>
  <si>
    <t>Tahira Noreen</t>
  </si>
  <si>
    <t>GGPS NO.2 SHAHPUR SADAR</t>
  </si>
  <si>
    <t>thane Vala Shahpur</t>
  </si>
  <si>
    <t>G,G,P,SNo. 2 shah pur</t>
  </si>
  <si>
    <t>Samer Batool</t>
  </si>
  <si>
    <t>54090</t>
  </si>
  <si>
    <t>54564</t>
  </si>
  <si>
    <t>GPS Iqbal Naqar</t>
  </si>
  <si>
    <t>gps iqbal nagar tehsil and district hafizabad</t>
  </si>
  <si>
    <t>Iqbal Naqar</t>
  </si>
  <si>
    <t>Mangat Neenha</t>
  </si>
  <si>
    <t>Arif Hussain Haidry</t>
  </si>
  <si>
    <t>GPS ALLAMA IQBAL COLONY</t>
  </si>
  <si>
    <t>Govt Prmary School Allama Iqbal/C Haroonabad</t>
  </si>
  <si>
    <t>45452</t>
  </si>
  <si>
    <t>GPS MUT DILBER</t>
  </si>
  <si>
    <t>chak mat no 1</t>
  </si>
  <si>
    <t>basti allah wasaya</t>
  </si>
  <si>
    <t>chak mut</t>
  </si>
  <si>
    <t>MUMTAZ AHMED CHANA</t>
  </si>
  <si>
    <t>53486</t>
  </si>
  <si>
    <t>GGPS LAHI FAZAL SHAH</t>
  </si>
  <si>
    <t>lahi Fazal Shah</t>
  </si>
  <si>
    <t>GGPS Lahi fazal shah</t>
  </si>
  <si>
    <t>Lahi Fazal Shah</t>
  </si>
  <si>
    <t>Mirak</t>
  </si>
  <si>
    <t>Shahida Habib</t>
  </si>
  <si>
    <t>GGES CHAK NO.24/BC KHAIRPUR TAMEWALI</t>
  </si>
  <si>
    <t>Chak 24/bc</t>
  </si>
  <si>
    <t>chak  24/BC kpt</t>
  </si>
  <si>
    <t>45457</t>
  </si>
  <si>
    <t>GGPS CHAK NO. 515 TDA</t>
  </si>
  <si>
    <t>515 Tda</t>
  </si>
  <si>
    <t>chak 515 tda uc 518 tda kot adu</t>
  </si>
  <si>
    <t>Chak No 518</t>
  </si>
  <si>
    <t>Madiha Anum</t>
  </si>
  <si>
    <t>54763</t>
  </si>
  <si>
    <t>GGPS Riaz Khan Basti Chouhn</t>
  </si>
  <si>
    <t>Basti Riyaz khan chohan no order Jamal pur hasilpur</t>
  </si>
  <si>
    <t>Basti Riyaz Khan Chohan</t>
  </si>
  <si>
    <t>Palla 22</t>
  </si>
  <si>
    <t>saima abbas</t>
  </si>
  <si>
    <t>GGCMS CHAK NO.4 DB</t>
  </si>
  <si>
    <t>Shadman Bibi</t>
  </si>
  <si>
    <t>43379</t>
  </si>
  <si>
    <t>45223</t>
  </si>
  <si>
    <t>47173</t>
  </si>
  <si>
    <t>GPS CHAH ABDUL RAHIM WALA</t>
  </si>
  <si>
    <t>chah abdul rahim wala mianwali</t>
  </si>
  <si>
    <t>Chah Abdul Rahim Wala</t>
  </si>
  <si>
    <t>36295</t>
  </si>
  <si>
    <t>GPS CHAK NO.479/EB</t>
  </si>
  <si>
    <t>479 EB</t>
  </si>
  <si>
    <t>479 EB Tehsil and district vehari</t>
  </si>
  <si>
    <t>479 EB Vehari</t>
  </si>
  <si>
    <t>MAQSOOD HUSSAIN SHAHID</t>
  </si>
  <si>
    <t>GGPS DERA BUKHSHIAN CHAK 120/RB</t>
  </si>
  <si>
    <t>Dera Bakhshian</t>
  </si>
  <si>
    <t>Dera Bakhshian chak no.120/r.b Tehsil Sangla hill District Nankana sahib</t>
  </si>
  <si>
    <t>45229</t>
  </si>
  <si>
    <t>34192</t>
  </si>
  <si>
    <t>GMMS ANWAR PEER SHUJA ABAD</t>
  </si>
  <si>
    <t>Pounta</t>
  </si>
  <si>
    <t>chah dedhi wala moza pounta shujabad</t>
  </si>
  <si>
    <t>Dedhi Wala</t>
  </si>
  <si>
    <t>Ehsan Ahmad</t>
  </si>
  <si>
    <t>GPS CHAK NO.102/DB (S)</t>
  </si>
  <si>
    <t>102/DB</t>
  </si>
  <si>
    <t>Chack # 102/DB (S), Tehsil Yazman,  District Bahawalpur</t>
  </si>
  <si>
    <t>GPS DAGGA DUR MUHAMMAD</t>
  </si>
  <si>
    <t>basti dagga</t>
  </si>
  <si>
    <t>Dagga Dur Muhammad Muhammad</t>
  </si>
  <si>
    <t>Chak No 114p</t>
  </si>
  <si>
    <t>45234</t>
  </si>
  <si>
    <t>GES SADIQ ABAD MILLS MOZA SHAKH MADINA</t>
  </si>
  <si>
    <t>post office jhariyan wala</t>
  </si>
  <si>
    <t>Jhariyan Wala</t>
  </si>
  <si>
    <t>Malik Muhammad  Ayub</t>
  </si>
  <si>
    <t>GGPS BAZAR DALGIRAN</t>
  </si>
  <si>
    <t>Primary school Bazar dalgiran kasur</t>
  </si>
  <si>
    <t>Bazar dalgiran</t>
  </si>
  <si>
    <t>Bazar Dalgiran Kasur</t>
  </si>
  <si>
    <t>Sidra Khatana</t>
  </si>
  <si>
    <t>GES LANG GARWAN</t>
  </si>
  <si>
    <t>Lang Garwan</t>
  </si>
  <si>
    <t>moza Lang garwan uc  dhor kot</t>
  </si>
  <si>
    <t>Jam Abdul Sattar</t>
  </si>
  <si>
    <t>45235</t>
  </si>
  <si>
    <t>43012</t>
  </si>
  <si>
    <t>GGES PINDORI LOHARAN</t>
  </si>
  <si>
    <t>Pindori Loharan</t>
  </si>
  <si>
    <t>GGES pindori Loharan village pindori loharan p/o chock pindori tehsil kallar syedan distt rwp</t>
  </si>
  <si>
    <t>45237</t>
  </si>
  <si>
    <t>Mehar abad</t>
  </si>
  <si>
    <t>Burj Masti</t>
  </si>
  <si>
    <t>Khurram Churera</t>
  </si>
  <si>
    <t>Qamar Zaman</t>
  </si>
  <si>
    <t>GGES DERA MUHAMMADI MULTAN</t>
  </si>
  <si>
    <t>Deramuhammadi</t>
  </si>
  <si>
    <t>gg es basti dera muhammadi near bahawalpur bypass multan</t>
  </si>
  <si>
    <t>Aisha Aziz</t>
  </si>
  <si>
    <t>52524</t>
  </si>
  <si>
    <t>GES HAVELI NO.2</t>
  </si>
  <si>
    <t>Mander Mohallah Haveli Lakha Tehsil Depalpur District Okara</t>
  </si>
  <si>
    <t>Haveli Lakha City</t>
  </si>
  <si>
    <t>MC Haveli Lakha</t>
  </si>
  <si>
    <t>GGES mandianwala</t>
  </si>
  <si>
    <t>Zarqa Gillani</t>
  </si>
  <si>
    <t>51900</t>
  </si>
  <si>
    <t>GGPS DHAB NEHAL WAZIRKA</t>
  </si>
  <si>
    <t>Dhab Nehal Wazirka Moza Nehal Wazirka Tehsil Minchin Abad</t>
  </si>
  <si>
    <t>Sunbal Shafique</t>
  </si>
  <si>
    <t>49958</t>
  </si>
  <si>
    <t>GPS DARA</t>
  </si>
  <si>
    <t>Dara teh sahiwal dist sargodha</t>
  </si>
  <si>
    <t>GPS DERA CHANGRAN</t>
  </si>
  <si>
    <t>DERA CHANGRA P/O LAGAR</t>
  </si>
  <si>
    <t>LAGAR</t>
  </si>
  <si>
    <t>45255</t>
  </si>
  <si>
    <t>GPS CHAK NO. 426 TDA</t>
  </si>
  <si>
    <t>Teh &amp; Distt Layyah P/O dhori adda chak 426/TDA Niazi wala</t>
  </si>
  <si>
    <t>Chak 426/TDA</t>
  </si>
  <si>
    <t>Peer juggi</t>
  </si>
  <si>
    <t>Muhammad Idrees Ahmad</t>
  </si>
  <si>
    <t>36856</t>
  </si>
  <si>
    <t>45286</t>
  </si>
  <si>
    <t>GPS RAHIM YAR WALA</t>
  </si>
  <si>
    <t>Basti Peeran wala Mouza Kondi</t>
  </si>
  <si>
    <t>Basti Peeran Wala</t>
  </si>
  <si>
    <t>50288</t>
  </si>
  <si>
    <t>GMPS GHOURGHUSHTI NO. 1( SHERA BANDA)</t>
  </si>
  <si>
    <t>GMPS Shera banda Ghourghushti Tehsil Hazro District Attock.</t>
  </si>
  <si>
    <t>GGPS ALAF KHEL</t>
  </si>
  <si>
    <t>TOla Mangali</t>
  </si>
  <si>
    <t>alaf khel</t>
  </si>
  <si>
    <t>Kot Chandn</t>
  </si>
  <si>
    <t>Sumaira Khan</t>
  </si>
  <si>
    <t>GMPS WARA CHAMIAN</t>
  </si>
  <si>
    <t>WARA CHAMIAN</t>
  </si>
  <si>
    <t>VPO WARA CHAMIAN Tehsil Malakwal District M.b.din</t>
  </si>
  <si>
    <t>Anwar Iqbal</t>
  </si>
  <si>
    <t>34746</t>
  </si>
  <si>
    <t>45269</t>
  </si>
  <si>
    <t>51836</t>
  </si>
  <si>
    <t>GGES CHAK MEHDI KHAN</t>
  </si>
  <si>
    <t>MEHDI KHAN, PO QABOOLA, ARIFWALA, PAKPATTAN</t>
  </si>
  <si>
    <t>Bismillah Khatoon</t>
  </si>
  <si>
    <t>45270</t>
  </si>
  <si>
    <t>GES PUNJAN SHAHANA</t>
  </si>
  <si>
    <t>Punjan Shahana</t>
  </si>
  <si>
    <t>punjan shahana tehsil kharian distt gujrat</t>
  </si>
  <si>
    <t>48803</t>
  </si>
  <si>
    <t>GPS MOADIB M. DIN LAR MOEEN ABAD</t>
  </si>
  <si>
    <t>Walid Buksh Sial</t>
  </si>
  <si>
    <t>mouza wahid buksh sial school M. din lar po jetha butha</t>
  </si>
  <si>
    <t>Basti M Din Lar</t>
  </si>
  <si>
    <t>GGPS MANGANA WALA</t>
  </si>
  <si>
    <t>Tibbi Nalera</t>
  </si>
  <si>
    <t>Mangna Wala Moza Tibbi Nalera Tehsil lalian District Chiniot</t>
  </si>
  <si>
    <t>Mangna Wala</t>
  </si>
  <si>
    <t>GPS 136/WB</t>
  </si>
  <si>
    <t>Chak#136/WB</t>
  </si>
  <si>
    <t>Chak# 136/WB</t>
  </si>
  <si>
    <t>GPS ASHRAF MADARAS HARNOON ABAD</t>
  </si>
  <si>
    <t>Gp/s Ashraf-ul-madaras baldia colony HaroonAbad</t>
  </si>
  <si>
    <t>Ghulshan-e-lqbal Colo</t>
  </si>
  <si>
    <t>Muhammad Akram Alvi</t>
  </si>
  <si>
    <t>GPS DHOK JUNGLI</t>
  </si>
  <si>
    <t>Bhilomar Jungli</t>
  </si>
  <si>
    <t>post office bhilomar teh talagang district chakwal</t>
  </si>
  <si>
    <t>Dhok Jungli</t>
  </si>
  <si>
    <t>54071</t>
  </si>
  <si>
    <t>45287</t>
  </si>
  <si>
    <t>29026</t>
  </si>
  <si>
    <t>GPS KHARAIPER CHAK NO. 10</t>
  </si>
  <si>
    <t>Kharaper Chak 10</t>
  </si>
  <si>
    <t>kharaper Chak 10 tehsil chunian district kasur</t>
  </si>
  <si>
    <t>Kharaper Chak 10 Tehsil Chunian District Kasur</t>
  </si>
  <si>
    <t>45288</t>
  </si>
  <si>
    <t>GGES MANDIALA WARAICH</t>
  </si>
  <si>
    <t>Mandiala Warriach</t>
  </si>
  <si>
    <t>G.G.E.S Mandela Warriach Gujranwala</t>
  </si>
  <si>
    <t>Irshad Naqvi</t>
  </si>
  <si>
    <t>GPS RAWN</t>
  </si>
  <si>
    <t>Rawn</t>
  </si>
  <si>
    <t>village RAWN p/o bherowal</t>
  </si>
  <si>
    <t>RAWN</t>
  </si>
  <si>
    <t>KOT HAST khan</t>
  </si>
  <si>
    <t>45295</t>
  </si>
  <si>
    <t>44052</t>
  </si>
  <si>
    <t>GPS DHOK KHARMAR</t>
  </si>
  <si>
    <t>Trap South</t>
  </si>
  <si>
    <t>kharmar teh lawa disst chakwal</t>
  </si>
  <si>
    <t>Kharmar</t>
  </si>
  <si>
    <t>Jamrani wah</t>
  </si>
  <si>
    <t>basti goth bahar</t>
  </si>
  <si>
    <t>GPS PEER WALA P/O THATH GHALWAN</t>
  </si>
  <si>
    <t>thath ghalwan p/o peer wala</t>
  </si>
  <si>
    <t>Syed Irtiza Hussain</t>
  </si>
  <si>
    <t>44988</t>
  </si>
  <si>
    <t>47557</t>
  </si>
  <si>
    <t>GMPS ALAM KHAN WALA</t>
  </si>
  <si>
    <t>mwazwala</t>
  </si>
  <si>
    <t>Peeran wali wandhi mwazwala mochh</t>
  </si>
  <si>
    <t>GPS SULEMAN PARIS JHELUM</t>
  </si>
  <si>
    <t>SULEMAN PARAS</t>
  </si>
  <si>
    <t>amir farhat bano</t>
  </si>
  <si>
    <t>44992</t>
  </si>
  <si>
    <t>GGPS KOT WALI MUHAMMAD</t>
  </si>
  <si>
    <t>Kot Wali Muhammad</t>
  </si>
  <si>
    <t>kot wali Muhammad</t>
  </si>
  <si>
    <t>Hafat Madr</t>
  </si>
  <si>
    <t>misbah anwar</t>
  </si>
  <si>
    <t>44995</t>
  </si>
  <si>
    <t>GGPS KOT DILAWAR</t>
  </si>
  <si>
    <t>Kotdilawar</t>
  </si>
  <si>
    <t>kotdilawar</t>
  </si>
  <si>
    <t>Iqra Zafar</t>
  </si>
  <si>
    <t>GES GOTH SHAH MUHAMMAD</t>
  </si>
  <si>
    <t>goth noor Muhammad teh. khairpur Tamewali dist. Bahawalpur</t>
  </si>
  <si>
    <t>Basti Goth Noor Muhammad</t>
  </si>
  <si>
    <t>Saleem Babar</t>
  </si>
  <si>
    <t>13709</t>
  </si>
  <si>
    <t>GGPS DINPUR</t>
  </si>
  <si>
    <t>Rustm Laghri</t>
  </si>
  <si>
    <t>basti laghri</t>
  </si>
  <si>
    <t>Basti Laghri</t>
  </si>
  <si>
    <t>Chak Peerowala</t>
  </si>
  <si>
    <t>zubaida Yamin</t>
  </si>
  <si>
    <t>20926</t>
  </si>
  <si>
    <t>GGES ALLAHABAD</t>
  </si>
  <si>
    <t>Street no. 2 opposite rescue 1122</t>
  </si>
  <si>
    <t>46887</t>
  </si>
  <si>
    <t>GGPS TOLA MANGALI</t>
  </si>
  <si>
    <t>Tolamangali</t>
  </si>
  <si>
    <t>tolamangali</t>
  </si>
  <si>
    <t>GES CHAK NO.45/DNB</t>
  </si>
  <si>
    <t>Chak No 45 Yazman</t>
  </si>
  <si>
    <t>chak no 45 DNB yazman</t>
  </si>
  <si>
    <t>Chak No 45/DNB Yazman</t>
  </si>
  <si>
    <t>Chak No 47 Dnb</t>
  </si>
  <si>
    <t>45003</t>
  </si>
  <si>
    <t>GMPS SADDA KAMAL</t>
  </si>
  <si>
    <t>village Sada Kamal ,po dhamali,tehsil kallar syedan,distt rwp</t>
  </si>
  <si>
    <t>Sada Kmal</t>
  </si>
  <si>
    <t>Namal Khan</t>
  </si>
  <si>
    <t>45004</t>
  </si>
  <si>
    <t>20293</t>
  </si>
  <si>
    <t>GGPS JADEED NO. 2 LALIAN</t>
  </si>
  <si>
    <t>Lalian District Chiniot</t>
  </si>
  <si>
    <t>Kausar Shehnaz</t>
  </si>
  <si>
    <t>35762</t>
  </si>
  <si>
    <t>GPS CHAK NO.190/WB</t>
  </si>
  <si>
    <t>190/WB</t>
  </si>
  <si>
    <t>Chak no 190/W.B Teh.Mailsi Distt. Vehari</t>
  </si>
  <si>
    <t>Arshad Ali Tahir</t>
  </si>
  <si>
    <t>GGCMES 14/1-AL</t>
  </si>
  <si>
    <t>14 /1AL</t>
  </si>
  <si>
    <t>14 1al</t>
  </si>
  <si>
    <t>45008</t>
  </si>
  <si>
    <t>GCMPS 126/15-L NO.3 MIAN CHANNU</t>
  </si>
  <si>
    <t>126/15-L No 3</t>
  </si>
  <si>
    <t>126/15-L no 3 teh Mian channu Dist KWL</t>
  </si>
  <si>
    <t>126/15-L Pull Wali No  2</t>
  </si>
  <si>
    <t>GGES PARNAWAN</t>
  </si>
  <si>
    <t>parnawan phool nagar</t>
  </si>
  <si>
    <t>Gulzar Jaggir</t>
  </si>
  <si>
    <t>45011</t>
  </si>
  <si>
    <t>24583</t>
  </si>
  <si>
    <t>GGPS NAJU CHAK</t>
  </si>
  <si>
    <t>Najuchak</t>
  </si>
  <si>
    <t>GGPS NAJUCHAK</t>
  </si>
  <si>
    <t>Adeela Nisar</t>
  </si>
  <si>
    <t>GPS RUK</t>
  </si>
  <si>
    <t>Ruk</t>
  </si>
  <si>
    <t>Village Ruk Post office Phalia Tehsil Phalia Distt.Mandi Bahauddin</t>
  </si>
  <si>
    <t>41156</t>
  </si>
  <si>
    <t>jawra bhanatti tehsil kahuta district Rawalpindi</t>
  </si>
  <si>
    <t>Shahroom</t>
  </si>
  <si>
    <t>10055</t>
  </si>
  <si>
    <t>GPS CHAK NO.112/ML</t>
  </si>
  <si>
    <t>chak no 112ml p/o fateh pur tehsil karor district layyah</t>
  </si>
  <si>
    <t>Najeeb Ur Rahman</t>
  </si>
  <si>
    <t>48477</t>
  </si>
  <si>
    <t>GES CHAK NO 119-P</t>
  </si>
  <si>
    <t>GES Chak no119/p sadiq abad disst rahim year khan</t>
  </si>
  <si>
    <t>119 P</t>
  </si>
  <si>
    <t>Chak No 148/p</t>
  </si>
  <si>
    <t>fazal abbas</t>
  </si>
  <si>
    <t>GGCMS CHAK NO/ 519 TDA</t>
  </si>
  <si>
    <t>Meer Pur Baughal</t>
  </si>
  <si>
    <t>chak 519 Saif Chowk meer pur baughal kot addu</t>
  </si>
  <si>
    <t>Chak 519 Saif Chowk</t>
  </si>
  <si>
    <t>Merr Pur Baughal</t>
  </si>
  <si>
    <t>17879</t>
  </si>
  <si>
    <t>GGCMS MOHAR WALI</t>
  </si>
  <si>
    <t>mohar wali</t>
  </si>
  <si>
    <t>village gobind pura po budha goraya</t>
  </si>
  <si>
    <t>Matto Bhaikay</t>
  </si>
  <si>
    <t>45024</t>
  </si>
  <si>
    <t>GPS HOUSING COLONY</t>
  </si>
  <si>
    <t>Housing Colony 152</t>
  </si>
  <si>
    <t>Housing Colony haroonabad</t>
  </si>
  <si>
    <t>Hassan Azeem</t>
  </si>
  <si>
    <t>45028</t>
  </si>
  <si>
    <t>54057</t>
  </si>
  <si>
    <t>GGPS KOT SARDAR HAKIM ALI</t>
  </si>
  <si>
    <t>Haveli Ghosi khan</t>
  </si>
  <si>
    <t>haveli ghosi khan</t>
  </si>
  <si>
    <t>Kot Sardar Hakim Ali</t>
  </si>
  <si>
    <t>Nusrat Imam Din</t>
  </si>
  <si>
    <t>45029</t>
  </si>
  <si>
    <t>54619</t>
  </si>
  <si>
    <t>GPS KOT KADIR BAKHSH</t>
  </si>
  <si>
    <t>Kot Kadir Bakhsh</t>
  </si>
  <si>
    <t>kot kadir bakhsh,post office Vanike Tarar Teh &amp;Dist Hafizabad</t>
  </si>
  <si>
    <t>Jabran Nazeer</t>
  </si>
  <si>
    <t>GPS PANDO PUR</t>
  </si>
  <si>
    <t>Pando  Pur</t>
  </si>
  <si>
    <t>pando pur  Gujranwala</t>
  </si>
  <si>
    <t>48423</t>
  </si>
  <si>
    <t>GPS CHAK RAMDAS (CHAK MUBARAK)</t>
  </si>
  <si>
    <t>Abdul Qadus</t>
  </si>
  <si>
    <t>45038</t>
  </si>
  <si>
    <t>GPS DHOK HAMMON</t>
  </si>
  <si>
    <t>BikharI Kalan</t>
  </si>
  <si>
    <t>Gps Dhoke Hammun Village Bikhari Kalan tehsil and District Chakwl</t>
  </si>
  <si>
    <t>GPS QADU WALI (MOUDIB)</t>
  </si>
  <si>
    <t>Qaduwali</t>
  </si>
  <si>
    <t>Moza Qaduwali P/O Aminabad Tehsil Liaquatpur</t>
  </si>
  <si>
    <t>Latif Ahmad</t>
  </si>
  <si>
    <t>45041</t>
  </si>
  <si>
    <t>GGPS CHAK 42</t>
  </si>
  <si>
    <t>chak 42</t>
  </si>
  <si>
    <t>Chai 42</t>
  </si>
  <si>
    <t>Maria Akber</t>
  </si>
  <si>
    <t>GES PIND JATA</t>
  </si>
  <si>
    <t>PIND JATA</t>
  </si>
  <si>
    <t>PIND JATA Dina Jhelum</t>
  </si>
  <si>
    <t>USMAN SHABBIR</t>
  </si>
  <si>
    <t>42268</t>
  </si>
  <si>
    <t>dhok seri p.o &amp; tehsil kotli sattian district rawalpindi</t>
  </si>
  <si>
    <t>GGPS CHAK NO. 375 TDA</t>
  </si>
  <si>
    <t>chak no375/tdatehsil Choubara layyah</t>
  </si>
  <si>
    <t>Chak no 375/tda</t>
  </si>
  <si>
    <t>GGPS CHAK NO. 58/F COLONY</t>
  </si>
  <si>
    <t>Tail Fathe</t>
  </si>
  <si>
    <t>Government girls primary school 58/f</t>
  </si>
  <si>
    <t>Muquddas Mushtaq</t>
  </si>
  <si>
    <t>23799</t>
  </si>
  <si>
    <t>GMPS GARHA KALAN</t>
  </si>
  <si>
    <t>Ghara Kalan</t>
  </si>
  <si>
    <t>Ghara kalan pso matranwali</t>
  </si>
  <si>
    <t>Aqsa Younas</t>
  </si>
  <si>
    <t>40902</t>
  </si>
  <si>
    <t>GGPS KOTLI NAWANIAN</t>
  </si>
  <si>
    <t>Kotlinawanian</t>
  </si>
  <si>
    <t>kotlinawanian</t>
  </si>
  <si>
    <t>RayyaKhas</t>
  </si>
  <si>
    <t>Shumaila Karamat</t>
  </si>
  <si>
    <t>GGPS THEENG CHAK NO 7</t>
  </si>
  <si>
    <t>Theeng Ck7</t>
  </si>
  <si>
    <t>theeng ck 7</t>
  </si>
  <si>
    <t>Theeng</t>
  </si>
  <si>
    <t>KothiWala</t>
  </si>
  <si>
    <t>GGCMS NEW CHOHAN</t>
  </si>
  <si>
    <t>New Chohan</t>
  </si>
  <si>
    <t>village new chohan.teh ferozwala district sheikhupura.</t>
  </si>
  <si>
    <t>Tazanam Akram</t>
  </si>
  <si>
    <t>53132</t>
  </si>
  <si>
    <t>GGES 12/GD</t>
  </si>
  <si>
    <t>Chak No 12/GD</t>
  </si>
  <si>
    <t>12/GD</t>
  </si>
  <si>
    <t>Dr Fazeelat Bano</t>
  </si>
  <si>
    <t>GPS HAVELI SATHAN</t>
  </si>
  <si>
    <t>Davidaspura</t>
  </si>
  <si>
    <t>tehsil, kotmomin. district Sargodha</t>
  </si>
  <si>
    <t>Haveli sathan</t>
  </si>
  <si>
    <t>45311</t>
  </si>
  <si>
    <t>GPS CHAK NO. 273 TDA NO. 3 JAMAL NAGAR</t>
  </si>
  <si>
    <t>chak no 293 tda</t>
  </si>
  <si>
    <t>Noshehra Thal Kalan</t>
  </si>
  <si>
    <t>50321</t>
  </si>
  <si>
    <t>GGES KOT PANAH</t>
  </si>
  <si>
    <t>Kot Panah</t>
  </si>
  <si>
    <t>Kot panah</t>
  </si>
  <si>
    <t>Umm E Farwa</t>
  </si>
  <si>
    <t>40152</t>
  </si>
  <si>
    <t>GPS MC NO.3 MACHINE MOHALLAH</t>
  </si>
  <si>
    <t>Peraghabe</t>
  </si>
  <si>
    <t>GPS MC MACHINE MOHALLAH #3JHELUM</t>
  </si>
  <si>
    <t>Machine Mohallah #3</t>
  </si>
  <si>
    <t>Shumaila Siddique</t>
  </si>
  <si>
    <t>46445</t>
  </si>
  <si>
    <t>GPS BHAN NABI BAKHSH</t>
  </si>
  <si>
    <t>dera nabi bakhsh</t>
  </si>
  <si>
    <t>Derar Nabi Bakhsh</t>
  </si>
  <si>
    <t>Mahmood-ul-hassan</t>
  </si>
  <si>
    <t>43609</t>
  </si>
  <si>
    <t>GGPS KAJLI</t>
  </si>
  <si>
    <t>Village kajli</t>
  </si>
  <si>
    <t>jand khanzada</t>
  </si>
  <si>
    <t>Sobia Zaman</t>
  </si>
  <si>
    <t>22857</t>
  </si>
  <si>
    <t>39881</t>
  </si>
  <si>
    <t>GMPS MOHRA KHATRAN</t>
  </si>
  <si>
    <t>Pind mehri</t>
  </si>
  <si>
    <t>Mohra khatran p/o Hassanabdal Distt Attock</t>
  </si>
  <si>
    <t>Mohra khatran</t>
  </si>
  <si>
    <t>pindmehri</t>
  </si>
  <si>
    <t>45324</t>
  </si>
  <si>
    <t>GGPS GALI WALA</t>
  </si>
  <si>
    <t>Galli wala P /O Hayder Abad That Tehsil Mankera District Bhakker</t>
  </si>
  <si>
    <t>40351</t>
  </si>
  <si>
    <t>GPS CHAK MUSIANA</t>
  </si>
  <si>
    <t>Chak Musiana</t>
  </si>
  <si>
    <t>village chak musiana  p/o malyar</t>
  </si>
  <si>
    <t>48606</t>
  </si>
  <si>
    <t>GGPS DERA FATEH MUHAMMAD KHOKHAR</t>
  </si>
  <si>
    <t>GGPS dera Fateh Muhammad Khokhar, tehsil Bhalwal, district  Sargodha.</t>
  </si>
  <si>
    <t>51648</t>
  </si>
  <si>
    <t>GGES FEROZ PUR CHISHTIAN</t>
  </si>
  <si>
    <t>feriz pur chishtian</t>
  </si>
  <si>
    <t>Feroz Pur Chishtian15</t>
  </si>
  <si>
    <t>Amina Zamaan</t>
  </si>
  <si>
    <t>52735</t>
  </si>
  <si>
    <t>45326</t>
  </si>
  <si>
    <t>25493</t>
  </si>
  <si>
    <t>GGPS KOPRA KALAN</t>
  </si>
  <si>
    <t>govt girls primary school kopra kalan</t>
  </si>
  <si>
    <t>Zainab Zeeshan</t>
  </si>
  <si>
    <t>45327</t>
  </si>
  <si>
    <t>49517</t>
  </si>
  <si>
    <t>GGPS NO.3 SHAH PUR SADDAR</t>
  </si>
  <si>
    <t>mohla  depty   wala  shahpur sadar</t>
  </si>
  <si>
    <t>Mc Shahpur Sadar</t>
  </si>
  <si>
    <t>Naheed Babi</t>
  </si>
  <si>
    <t>GGPS AHMAD KHAN KHEWANI</t>
  </si>
  <si>
    <t>basti ahmed khan kehwani p/o kandani</t>
  </si>
  <si>
    <t>Ahmed Khan Kehwani</t>
  </si>
  <si>
    <t>Rabia Tahir</t>
  </si>
  <si>
    <t>GGPS PHANGAT</t>
  </si>
  <si>
    <t>Phangat</t>
  </si>
  <si>
    <t>phangat</t>
  </si>
  <si>
    <t>Kandansyan</t>
  </si>
  <si>
    <t>Sana Noreen</t>
  </si>
  <si>
    <t>45334</t>
  </si>
  <si>
    <t>GGPS JADEED COLONY HASILPUR</t>
  </si>
  <si>
    <t>Hasilpur 2</t>
  </si>
  <si>
    <t>chak 62f Jadeed colony</t>
  </si>
  <si>
    <t>45335</t>
  </si>
  <si>
    <t>GPS BASTI EESA</t>
  </si>
  <si>
    <t>Eesa</t>
  </si>
  <si>
    <t>Basti madhran mauza Eesa</t>
  </si>
  <si>
    <t>Basti Madhran</t>
  </si>
  <si>
    <t>Salman Ahmad</t>
  </si>
  <si>
    <t>Boher Mailsi</t>
  </si>
  <si>
    <t>moza Boher Mailsi tehsil dunyapur district lodhran</t>
  </si>
  <si>
    <t>Moza Boher Mailsi</t>
  </si>
  <si>
    <t>Dunyapur Rural</t>
  </si>
  <si>
    <t>14338</t>
  </si>
  <si>
    <t>GPS GUL GANHWAR</t>
  </si>
  <si>
    <t>Chak Mutt No 1</t>
  </si>
  <si>
    <t>basti saibaan khan</t>
  </si>
  <si>
    <t>Chak Mutt</t>
  </si>
  <si>
    <t>WAZIR AHMED</t>
  </si>
  <si>
    <t>GPS ABDULLAH PUR NO 2</t>
  </si>
  <si>
    <t>Dal</t>
  </si>
  <si>
    <t>sadik abad 2/7 thal</t>
  </si>
  <si>
    <t>Sadik Abad</t>
  </si>
  <si>
    <t>GPS CHAK 303 JB II</t>
  </si>
  <si>
    <t>303 Jb ii</t>
  </si>
  <si>
    <t>chak 303 jb ii</t>
  </si>
  <si>
    <t>Chak 354 Jb Qadir Abad</t>
  </si>
  <si>
    <t>17876</t>
  </si>
  <si>
    <t>GPS PLOT-A Pir Mahal</t>
  </si>
  <si>
    <t>GPS Plot A</t>
  </si>
  <si>
    <t>Muhammad anees</t>
  </si>
  <si>
    <t>45622</t>
  </si>
  <si>
    <t>GMPS SOHAWA MAL</t>
  </si>
  <si>
    <t>SOHAWAMAL</t>
  </si>
  <si>
    <t>SOHAWAMAL, PO MACHHI SINGH, ARIFWALA, PAKPATTAN</t>
  </si>
  <si>
    <t>Fareeha Niaz</t>
  </si>
  <si>
    <t>GPS BAKNA WALA</t>
  </si>
  <si>
    <t>Bakna Wala</t>
  </si>
  <si>
    <t>Baknawala</t>
  </si>
  <si>
    <t>GPS SAROLI</t>
  </si>
  <si>
    <t>Gps Sarooli</t>
  </si>
  <si>
    <t>Sarooli</t>
  </si>
  <si>
    <t>GES JALAL PUR  PIRWALA NO.1  WARD NO 4</t>
  </si>
  <si>
    <t>Jalalpur Pirwala</t>
  </si>
  <si>
    <t>ameer abad colony jalalpur pirwala</t>
  </si>
  <si>
    <t>Town Committee ward no.1</t>
  </si>
  <si>
    <t>Nazir Ahmad Malik</t>
  </si>
  <si>
    <t>GPS DERA MUHAMMAD BAKSH</t>
  </si>
  <si>
    <t>dera muhammad baksh bashamula mirza virka</t>
  </si>
  <si>
    <t>Dera muhammad baksh</t>
  </si>
  <si>
    <t>mirza virka</t>
  </si>
  <si>
    <t>usman younas</t>
  </si>
  <si>
    <t>44262</t>
  </si>
  <si>
    <t>GGCMS RATA SHARIF CHAKWAL</t>
  </si>
  <si>
    <t>Village Ratta Sharif Post office Kallar Kahar</t>
  </si>
  <si>
    <t>Farhat  Shaheen Jaffari</t>
  </si>
  <si>
    <t>45638</t>
  </si>
  <si>
    <t>GES LUNGRAY KHEL NO. 2 PO KUNDIAN</t>
  </si>
  <si>
    <t>Village Langray khel city kundian</t>
  </si>
  <si>
    <t>Langray khel</t>
  </si>
  <si>
    <t>Malik Atta Ullah</t>
  </si>
  <si>
    <t>GMPS CHAK NO. 54/A LIAQAT PUR</t>
  </si>
  <si>
    <t>GMPS chak 54A</t>
  </si>
  <si>
    <t>Chak 54A</t>
  </si>
  <si>
    <t>27864</t>
  </si>
  <si>
    <t>GGPS ARSHAD ABAD</t>
  </si>
  <si>
    <t>Arshadabad</t>
  </si>
  <si>
    <t>Moh sheranwala Ggps Arshadabad Near phatak</t>
  </si>
  <si>
    <t>Sabah Shaheen</t>
  </si>
  <si>
    <t>41201</t>
  </si>
  <si>
    <t>GGPS NAI ABADI BEOR TEHSIL KAHUTA DISTRICT RAWALPINDI</t>
  </si>
  <si>
    <t>GGPS BASTI UMER DAAKHLI</t>
  </si>
  <si>
    <t>Douloana Gharbi</t>
  </si>
  <si>
    <t>Chah Nawan Moza Douloana Gharbi Post Office Same VIA Garh Maharaja Tehsil Ahmad Pur Sial Distric Jhang</t>
  </si>
  <si>
    <t>Chah Nawan</t>
  </si>
  <si>
    <t>Rehana Kalsoom</t>
  </si>
  <si>
    <t>GES BASTI KHADAL KALAN MULTAN</t>
  </si>
  <si>
    <t>Khadal kalan</t>
  </si>
  <si>
    <t>43761</t>
  </si>
  <si>
    <t>GPS DATWAL SHUMAALI</t>
  </si>
  <si>
    <t>Datwal</t>
  </si>
  <si>
    <t>GPS Datwal Shumali, VPO Dholar, Tehsil Talagang, District Chakwal</t>
  </si>
  <si>
    <t>Datwal Shumali</t>
  </si>
  <si>
    <t>16972</t>
  </si>
  <si>
    <t>GES LALU PUR</t>
  </si>
  <si>
    <t>Lalupur</t>
  </si>
  <si>
    <t>lalupur P/O Eminabad kamoke</t>
  </si>
  <si>
    <t>Asad Ali Bhatti</t>
  </si>
  <si>
    <t>GGPS PULL 12 MEEL, KABIRWALA</t>
  </si>
  <si>
    <t>Jodhpur</t>
  </si>
  <si>
    <t>12 meel</t>
  </si>
  <si>
    <t>12 Meel</t>
  </si>
  <si>
    <t>Jhod Pur</t>
  </si>
  <si>
    <t>46269</t>
  </si>
  <si>
    <t>GPS RANGPUR BAGHOOR</t>
  </si>
  <si>
    <t>v.p.o rangpur baghoor tehsil noor pur thal district khushab muhallah muslim sheikh</t>
  </si>
  <si>
    <t>GHULAM TAQEE SHAH</t>
  </si>
  <si>
    <t>42241</t>
  </si>
  <si>
    <t>GGPS KOTLI SATTIAN</t>
  </si>
  <si>
    <t>SarmandaL</t>
  </si>
  <si>
    <t>ggps kotli sattian</t>
  </si>
  <si>
    <t>Korina</t>
  </si>
  <si>
    <t>Ghazala Perveen</t>
  </si>
  <si>
    <t>community pipe line</t>
  </si>
  <si>
    <t>45667</t>
  </si>
  <si>
    <t>GES CHAK SADU PAGHALA</t>
  </si>
  <si>
    <t>ChakSadu Pagala</t>
  </si>
  <si>
    <t>Chak sadu pagala</t>
  </si>
  <si>
    <t>Chak Sadu Pagala</t>
  </si>
  <si>
    <t>Maribhindran</t>
  </si>
  <si>
    <t>41724</t>
  </si>
  <si>
    <t>GPS QALANDAR BODLA</t>
  </si>
  <si>
    <t>Qulandar pur</t>
  </si>
  <si>
    <t>Moza qulandar bodla tehsil minchin abad dist bahawal nagar</t>
  </si>
  <si>
    <t>Lala amer singh</t>
  </si>
  <si>
    <t>45670</t>
  </si>
  <si>
    <t>GGPS BHALLAHA</t>
  </si>
  <si>
    <t>Jocha</t>
  </si>
  <si>
    <t>villl bhalla p.o. box jocha mamdot teh kallar Syedan distt RWP</t>
  </si>
  <si>
    <t>GGPS CHAK PATAI</t>
  </si>
  <si>
    <t>Chackpatai</t>
  </si>
  <si>
    <t>p/o machiwal Moza chackpatai</t>
  </si>
  <si>
    <t>51039</t>
  </si>
  <si>
    <t>GPS 130/P</t>
  </si>
  <si>
    <t>Chak 130/p,Sadiq Abad.RYK.</t>
  </si>
  <si>
    <t>Chak 130/p</t>
  </si>
  <si>
    <t>Chak 148/p</t>
  </si>
  <si>
    <t>45677</t>
  </si>
  <si>
    <t>GPS LADAH ARIEN</t>
  </si>
  <si>
    <t>Basti Ladha Araien Moza Kacha Rahim Yar Khan</t>
  </si>
  <si>
    <t>Basti Ladha Araien</t>
  </si>
  <si>
    <t>Chak114-p</t>
  </si>
  <si>
    <t>45679</t>
  </si>
  <si>
    <t>GGES CHAK NO.155 NB</t>
  </si>
  <si>
    <t>155 Nb</t>
  </si>
  <si>
    <t>chalk 155 NB tehsil sillanwali district sargodha</t>
  </si>
  <si>
    <t>Shahnikder</t>
  </si>
  <si>
    <t>GPS CHAK NO.146/NP</t>
  </si>
  <si>
    <t>gps chak.No.146/NP moza ahmad Naich basti Haji Faiz ullah sangi p/o chani goth tehsil ahmadpur east district bwp</t>
  </si>
  <si>
    <t>Ahmed Naich</t>
  </si>
  <si>
    <t>GPS MOHNI SHAH WALA</t>
  </si>
  <si>
    <t>mohni shah wala P/O Haider abad thall.tehsil Mankera Distt Bhakar</t>
  </si>
  <si>
    <t>Mohni Shah Wala</t>
  </si>
  <si>
    <t>37483</t>
  </si>
  <si>
    <t>GGES 50/15-L, MIAN CHANNU</t>
  </si>
  <si>
    <t>50/15-L</t>
  </si>
  <si>
    <t>Chak # 50/15-L mian channu</t>
  </si>
  <si>
    <t>93/15-L</t>
  </si>
  <si>
    <t>Alia Jamil</t>
  </si>
  <si>
    <t>38279</t>
  </si>
  <si>
    <t>GPS CHAK NO.90-A/TDA</t>
  </si>
  <si>
    <t>CHAK NO90A/TDA</t>
  </si>
  <si>
    <t>CHAK NO 90-A/TDA</t>
  </si>
  <si>
    <t>CHAK NO 98/ML</t>
  </si>
  <si>
    <t>16667</t>
  </si>
  <si>
    <t>36292</t>
  </si>
  <si>
    <t>16969</t>
  </si>
  <si>
    <t>GGES HAVELI LAL</t>
  </si>
  <si>
    <t>mauza haveli lal. teh &amp;distt. jhang</t>
  </si>
  <si>
    <t>GES DADU WALA</t>
  </si>
  <si>
    <t>Dadoo wala tehsil kaloor kot</t>
  </si>
  <si>
    <t>Dadoo Wala</t>
  </si>
  <si>
    <t>Amir Abdullah Khan</t>
  </si>
  <si>
    <t>35957</t>
  </si>
  <si>
    <t>GGES Dhoda</t>
  </si>
  <si>
    <t>49957</t>
  </si>
  <si>
    <t>GPS PINDI WALA</t>
  </si>
  <si>
    <t>Pindiwala, Teh, Sahiwal, District Sargodha</t>
  </si>
  <si>
    <t>Muhammad  Shafi</t>
  </si>
  <si>
    <t>GGPS NASIRABAD NO. 2</t>
  </si>
  <si>
    <t>Taj Sarwar Colony</t>
  </si>
  <si>
    <t>taj sarwar colony</t>
  </si>
  <si>
    <t>Urban Ctn</t>
  </si>
  <si>
    <t>45107</t>
  </si>
  <si>
    <t>GGCMS CHAK NO.38/DNB</t>
  </si>
  <si>
    <t>38DNB</t>
  </si>
  <si>
    <t>38/Dnb teh yazman dis BWP</t>
  </si>
  <si>
    <t>36/Dnb</t>
  </si>
  <si>
    <t>51973</t>
  </si>
  <si>
    <t>GPS 56 EB</t>
  </si>
  <si>
    <t>56/EB  Arifwala</t>
  </si>
  <si>
    <t>Chak no 56 eb Arifwala , Pakpattan</t>
  </si>
  <si>
    <t>56EB</t>
  </si>
  <si>
    <t>GPS MC MUSLIM BAZAR</t>
  </si>
  <si>
    <t>Watta khail</t>
  </si>
  <si>
    <t>Muslim bazar Mianwali</t>
  </si>
  <si>
    <t>MCM</t>
  </si>
  <si>
    <t>Ghulam Rasool Malik</t>
  </si>
  <si>
    <t>38745</t>
  </si>
  <si>
    <t>45111</t>
  </si>
  <si>
    <t>Chack Saleem Abad KPT  BWP</t>
  </si>
  <si>
    <t>Chack Saleem Abad</t>
  </si>
  <si>
    <t>45113</t>
  </si>
  <si>
    <t>42987</t>
  </si>
  <si>
    <t>GGPS GHOI</t>
  </si>
  <si>
    <t>vill ghoi p.o bagh jameeri teh kallar syedan distt rawalpindi</t>
  </si>
  <si>
    <t>Nalamusalmanan</t>
  </si>
  <si>
    <t>p/o Khan pur bagga sher the.&amp; distt. M.Garh</t>
  </si>
  <si>
    <t>M Attiq Ur Rehman</t>
  </si>
  <si>
    <t>GPS JAN MUHAMMAD KARHORA</t>
  </si>
  <si>
    <t>basti Jan M kalhora</t>
  </si>
  <si>
    <t>Basti Jan M Kalhora</t>
  </si>
  <si>
    <t>Amer Afzal</t>
  </si>
  <si>
    <t>GPS BAIT WASAWA KALROO</t>
  </si>
  <si>
    <t>Bait Wasava Kalroo</t>
  </si>
  <si>
    <t>pahar pur  moza bait wasava kalroo</t>
  </si>
  <si>
    <t>Bait wasava kalroo</t>
  </si>
  <si>
    <t>45121</t>
  </si>
  <si>
    <t>GES 117/9-L CONGNIWALA</t>
  </si>
  <si>
    <t>117/9L</t>
  </si>
  <si>
    <t>chak no 117/9.L</t>
  </si>
  <si>
    <t>chak 117/9L</t>
  </si>
  <si>
    <t>Chak no 112/9L</t>
  </si>
  <si>
    <t>Muhammad Faizan Khalid</t>
  </si>
  <si>
    <t>GGPS CHAK NO. 17/1-R</t>
  </si>
  <si>
    <t>chak no 17/1R tehsil &amp;distt okara</t>
  </si>
  <si>
    <t>Bushra Rafiq</t>
  </si>
  <si>
    <t>20375</t>
  </si>
  <si>
    <t>45123</t>
  </si>
  <si>
    <t>GPS SHAHER SULTAN NO. 3</t>
  </si>
  <si>
    <t>meranpur</t>
  </si>
  <si>
    <t>moza meran pur shaher sultan no. 3</t>
  </si>
  <si>
    <t>waryam</t>
  </si>
  <si>
    <t>Muhammad Shahid Rasool</t>
  </si>
  <si>
    <t>village Balhar P/O Haria station Teh malakwal diss M.B.Din</t>
  </si>
  <si>
    <t>Muneeba Nawaz</t>
  </si>
  <si>
    <t>19859</t>
  </si>
  <si>
    <t>60008</t>
  </si>
  <si>
    <t>24843</t>
  </si>
  <si>
    <t>GPS MISSION HARI PUR</t>
  </si>
  <si>
    <t>Haripur cantt  Sialkot</t>
  </si>
  <si>
    <t>40039</t>
  </si>
  <si>
    <t>GGPS DHOK MANATHA</t>
  </si>
  <si>
    <t>Manata</t>
  </si>
  <si>
    <t>p/o barazai dhok manata</t>
  </si>
  <si>
    <t>45129</t>
  </si>
  <si>
    <t>GPS KAROT</t>
  </si>
  <si>
    <t>Kanand</t>
  </si>
  <si>
    <t>village kanand po beor tehsil kahuta</t>
  </si>
  <si>
    <t>Karot</t>
  </si>
  <si>
    <t>GPS DERA BAHADUR KHAN</t>
  </si>
  <si>
    <t>Ghagh Khurd</t>
  </si>
  <si>
    <t>P. O. Sandral teh &amp; district Khushab</t>
  </si>
  <si>
    <t>Ghagh Kalan</t>
  </si>
  <si>
    <t>45132</t>
  </si>
  <si>
    <t>GPS CHAK 708 GB</t>
  </si>
  <si>
    <t>708 GB</t>
  </si>
  <si>
    <t>CHAK NO. 708 GB TEHSIL KAMALIA DISTT. T.T.SINGH</t>
  </si>
  <si>
    <t>CHAK NO 708 GB</t>
  </si>
  <si>
    <t>BAIROON KAMALIA</t>
  </si>
  <si>
    <t>40579</t>
  </si>
  <si>
    <t>GPS CHAK NO.192/WB</t>
  </si>
  <si>
    <t>192/wb</t>
  </si>
  <si>
    <t>chak no 192/wb</t>
  </si>
  <si>
    <t>188/wb</t>
  </si>
  <si>
    <t>GES JAMSHER KHURD</t>
  </si>
  <si>
    <t>Darbar Sheikh Ilm Din</t>
  </si>
  <si>
    <t>Darbar sheikh ilm din chunian kasur</t>
  </si>
  <si>
    <t>Syed Ajmal Hussain Gelani</t>
  </si>
  <si>
    <t>31941</t>
  </si>
  <si>
    <t>GES JHAMKE</t>
  </si>
  <si>
    <t>jhamkey</t>
  </si>
  <si>
    <t>jhamkey sargodha road skp</t>
  </si>
  <si>
    <t>45713</t>
  </si>
  <si>
    <t>GPS SHADI KHAN WALA</t>
  </si>
  <si>
    <t>shadi khan wala</t>
  </si>
  <si>
    <t>Nangal Dhuna Singh</t>
  </si>
  <si>
    <t>Aziz-Ur-Rehman</t>
  </si>
  <si>
    <t>GPS JHANGHRA LALU</t>
  </si>
  <si>
    <t>Jhangar Lalu</t>
  </si>
  <si>
    <t>village jhangarlalu u.c miran pur</t>
  </si>
  <si>
    <t>Muhammad  Javed  Khan</t>
  </si>
  <si>
    <t>50694</t>
  </si>
  <si>
    <t>28379</t>
  </si>
  <si>
    <t>GMPS JHANDA CHOHAN</t>
  </si>
  <si>
    <t>Jhanda Chohan</t>
  </si>
  <si>
    <t>Jhanda Chohan Tehsil Phalia District M.B.Din</t>
  </si>
  <si>
    <t>Iram Riaz</t>
  </si>
  <si>
    <t>GGPS KHUDZOI</t>
  </si>
  <si>
    <t>GGPS Khudozai</t>
  </si>
  <si>
    <t>Ishrat Shaheen</t>
  </si>
  <si>
    <t>village kolar tehsil wazirabad distt gujranwala</t>
  </si>
  <si>
    <t>Manzoraabad</t>
  </si>
  <si>
    <t>45150</t>
  </si>
  <si>
    <t>30847</t>
  </si>
  <si>
    <t>GGPS SAGGIAN WASAU PURA</t>
  </si>
  <si>
    <t>GGPS Saggian Wasau Pura tehsil city lahore</t>
  </si>
  <si>
    <t>Saggian Wasau Pura</t>
  </si>
  <si>
    <t>Karolwar</t>
  </si>
  <si>
    <t>MUSHTAQ AHMAD QAISAR</t>
  </si>
  <si>
    <t>GES JADA JHELUM</t>
  </si>
  <si>
    <t>Ges jada near khalid market jada chungi jhelum</t>
  </si>
  <si>
    <t>MUHAMMAD GHULAM MUSTAFA ALI</t>
  </si>
  <si>
    <t>51429</t>
  </si>
  <si>
    <t>GPS 8 KB HOTA</t>
  </si>
  <si>
    <t>Chack No 8kb</t>
  </si>
  <si>
    <t>Chack no 8kb p/o Hotta pakpattan</t>
  </si>
  <si>
    <t>Chack No 8kb P/O Hotta</t>
  </si>
  <si>
    <t>21884</t>
  </si>
  <si>
    <t>GPS DHAIR VIRKAN</t>
  </si>
  <si>
    <t>Dhair virkan</t>
  </si>
  <si>
    <t>Moazzam Shahbaz</t>
  </si>
  <si>
    <t>GES HAIGAR</t>
  </si>
  <si>
    <t>45168</t>
  </si>
  <si>
    <t>GPS CHAK NO 55/4-R</t>
  </si>
  <si>
    <t>Chak No 55/4R Dera Jaat</t>
  </si>
  <si>
    <t>Chak no 55/4R</t>
  </si>
  <si>
    <t>55/4R</t>
  </si>
  <si>
    <t>Al Hashim Colony</t>
  </si>
  <si>
    <t>ARRAR</t>
  </si>
  <si>
    <t>vpo Arrar tehsil choa saidan shah district chakwal</t>
  </si>
  <si>
    <t>Aneela Ghaffar</t>
  </si>
  <si>
    <t>10927</t>
  </si>
  <si>
    <t>GPS CHAK 163 GB</t>
  </si>
  <si>
    <t>chak no 163 gb</t>
  </si>
  <si>
    <t>Chak No 158 GB</t>
  </si>
  <si>
    <t>SARDAR MUHAMMAD</t>
  </si>
  <si>
    <t>GGPS THATTI SHAH SHAKOOR</t>
  </si>
  <si>
    <t>Thatti Shah Shakoor</t>
  </si>
  <si>
    <t>GGP/S Thatti Shah Shakoor</t>
  </si>
  <si>
    <t>Musarrat Begum</t>
  </si>
  <si>
    <t>GPS HAMEED PURA</t>
  </si>
  <si>
    <t>Hameedpura</t>
  </si>
  <si>
    <t>village hameedpura p/o vinni</t>
  </si>
  <si>
    <t>45173</t>
  </si>
  <si>
    <t>GGPS CHAH KALALAN WALA</t>
  </si>
  <si>
    <t>Kalalan Wala</t>
  </si>
  <si>
    <t>chah kalalan wala</t>
  </si>
  <si>
    <t>Chah Kalalan Wala</t>
  </si>
  <si>
    <t>Nathy Khlsa</t>
  </si>
  <si>
    <t>43841</t>
  </si>
  <si>
    <t>GPS GULWAL</t>
  </si>
  <si>
    <t>Dhoke Gulwal, Village Rehmanabad, Teh Talagang, Distt Chakwal</t>
  </si>
  <si>
    <t>GGPS THALLA NOON</t>
  </si>
  <si>
    <t>ANGRA - FEMALE</t>
  </si>
  <si>
    <t>Thalla Noon Nasheab</t>
  </si>
  <si>
    <t>GGPS Thalla Noon</t>
  </si>
  <si>
    <t>Thalla Noon</t>
  </si>
  <si>
    <t>GPS BHOUN NO.1</t>
  </si>
  <si>
    <t>v.p.o bhaun teh  kallar kahar distt chakwal</t>
  </si>
  <si>
    <t>45866</t>
  </si>
  <si>
    <t>45178</t>
  </si>
  <si>
    <t>GGPS NALLA KAKAR DHAR</t>
  </si>
  <si>
    <t>Wahgal</t>
  </si>
  <si>
    <t>village wahgal tehsil kotli sattian rwp</t>
  </si>
  <si>
    <t>Naheed Mehmood</t>
  </si>
  <si>
    <t>48699</t>
  </si>
  <si>
    <t>GPS CHANNI MUHAMMAD QAZI</t>
  </si>
  <si>
    <t>Village Channi Muhammad Qazi</t>
  </si>
  <si>
    <t>Chani Muhammad Qazi</t>
  </si>
  <si>
    <t>Muddassir Riaz</t>
  </si>
  <si>
    <t>43338</t>
  </si>
  <si>
    <t>GPS MOHRA AWAN</t>
  </si>
  <si>
    <t>vpo mohra awan teh &amp;distt chakwal</t>
  </si>
  <si>
    <t>shafqat hussain</t>
  </si>
  <si>
    <t>9003</t>
  </si>
  <si>
    <t>GPS LANGRAN WALA</t>
  </si>
  <si>
    <t>maoza and p/o nawan janubi, tehsil Kot chutta, district D.G.K han</t>
  </si>
  <si>
    <t>Basti Dewan Mouza Kotla Afghan</t>
  </si>
  <si>
    <t>Basti Dewan</t>
  </si>
  <si>
    <t>GPS SARAAY MIANA</t>
  </si>
  <si>
    <t>Village saraay miana P/O Sakesar Tehsil Quaidabad District Khushab</t>
  </si>
  <si>
    <t>Saraay Miana</t>
  </si>
  <si>
    <t>GGPS CHAK NO.155/M-B</t>
  </si>
  <si>
    <t>chak 155 M b tehsil hasilpur distt. bwp</t>
  </si>
  <si>
    <t>155 M B</t>
  </si>
  <si>
    <t>Mumtaaz Begam</t>
  </si>
  <si>
    <t>GGPS HASSAN ABDAL NO.3</t>
  </si>
  <si>
    <t>khawaja nagar hassan abdal</t>
  </si>
  <si>
    <t>Shazia Gul</t>
  </si>
  <si>
    <t>bour</t>
  </si>
  <si>
    <t>48597</t>
  </si>
  <si>
    <t>GMPS CHAK NO 4 NB</t>
  </si>
  <si>
    <t>Chak No 4 NB</t>
  </si>
  <si>
    <t>Chak No 4Nb</t>
  </si>
  <si>
    <t>Naila Farooq</t>
  </si>
  <si>
    <t>GGPS DERA ZAFAR HAYAT</t>
  </si>
  <si>
    <t>Rakh Mankera</t>
  </si>
  <si>
    <t>chak no 7 rakh mankera alat no 144</t>
  </si>
  <si>
    <t>Safia bibi</t>
  </si>
  <si>
    <t>7447</t>
  </si>
  <si>
    <t>GGES WALHAR</t>
  </si>
  <si>
    <t>p/o Walhar Sanjar Pur Tehsil sadiq abad</t>
  </si>
  <si>
    <t>Bindour Abasiyan</t>
  </si>
  <si>
    <t>private filter pump</t>
  </si>
  <si>
    <t>45199</t>
  </si>
  <si>
    <t>GGPS QURASHIAN</t>
  </si>
  <si>
    <t>Jama Mahana</t>
  </si>
  <si>
    <t>GGPS Basti Qurashia LQP</t>
  </si>
  <si>
    <t>Qurshaian</t>
  </si>
  <si>
    <t>Fakhra Jabeen</t>
  </si>
  <si>
    <t>45201</t>
  </si>
  <si>
    <t>GGPS TARKONDA</t>
  </si>
  <si>
    <t>TURK WIND</t>
  </si>
  <si>
    <t>village Turk Wind teh KRK dist. kasur</t>
  </si>
  <si>
    <t>Pmar Utaar</t>
  </si>
  <si>
    <t>Munazza Gulraiz</t>
  </si>
  <si>
    <t>40874</t>
  </si>
  <si>
    <t>GES CHAK ABDUL KHALIQ</t>
  </si>
  <si>
    <t>village chak Abdul khaliq</t>
  </si>
  <si>
    <t>Chak Abdul khaliq</t>
  </si>
  <si>
    <t>Muhammad Faheem</t>
  </si>
  <si>
    <t>45204</t>
  </si>
  <si>
    <t>GGES MODEL SIAL FAQIR</t>
  </si>
  <si>
    <t>Shareef Faqeer</t>
  </si>
  <si>
    <t>moza shareef faqeer post office sarai sidhu</t>
  </si>
  <si>
    <t>Shumaila Rehman</t>
  </si>
  <si>
    <t>35702</t>
  </si>
  <si>
    <t>GGPS SADAVE</t>
  </si>
  <si>
    <t>thatha mutmallan moza sadeve p/o.muhammadi sharif teh.bhowana distt.chiniot</t>
  </si>
  <si>
    <t>Thatha Mutmallan</t>
  </si>
  <si>
    <t>Sajidah Parveen</t>
  </si>
  <si>
    <t>14807</t>
  </si>
  <si>
    <t>GGPS CHAH PUNNUN WALA</t>
  </si>
  <si>
    <t>Chah Panuwala</t>
  </si>
  <si>
    <t>chah panuwala post office Dera Bakha tehsil and distt Bahawalpur</t>
  </si>
  <si>
    <t>Nighat Jabeen</t>
  </si>
  <si>
    <t>GPS 157 RB MISSION</t>
  </si>
  <si>
    <t>157RB gojra</t>
  </si>
  <si>
    <t>Chak No 157 RB Gojra Tehsil chak jhumra District Faisalabad</t>
  </si>
  <si>
    <t>MalPur Gojra</t>
  </si>
  <si>
    <t>Subay Chak</t>
  </si>
  <si>
    <t>45210</t>
  </si>
  <si>
    <t>GPS NARA NO.2</t>
  </si>
  <si>
    <t>vpo nara tehsil jand district attock</t>
  </si>
  <si>
    <t>Saghir Ul Haq</t>
  </si>
  <si>
    <t>45212</t>
  </si>
  <si>
    <t>18029</t>
  </si>
  <si>
    <t>GPS BOOTAY WALA</t>
  </si>
  <si>
    <t>Near Dars Qadria, Bhangoo, Shorkot city, Jhang</t>
  </si>
  <si>
    <t>Muhammad Tahir Farooq</t>
  </si>
  <si>
    <t>GPS JAM RAZOO</t>
  </si>
  <si>
    <t>No1</t>
  </si>
  <si>
    <t>basti jam razzooo</t>
  </si>
  <si>
    <t>GGPS DHAGANA</t>
  </si>
  <si>
    <t>Dhagana</t>
  </si>
  <si>
    <t>Adnan ul Haq</t>
  </si>
  <si>
    <t>GPS HASSAN RAIKA</t>
  </si>
  <si>
    <t>Hassan Raika</t>
  </si>
  <si>
    <t>chak hassan raika tehsil and district Bahawalnagar</t>
  </si>
  <si>
    <t>7281</t>
  </si>
  <si>
    <t>GGPS BASHIR ABAD</t>
  </si>
  <si>
    <t>water supply road 120 ada sadiq abad</t>
  </si>
  <si>
    <t>Mohallah Faisal Abad</t>
  </si>
  <si>
    <t>Najma Akmal</t>
  </si>
  <si>
    <t>28082</t>
  </si>
  <si>
    <t>GGCMS SAHAD</t>
  </si>
  <si>
    <t>khudian khass</t>
  </si>
  <si>
    <t>Kotli Ray Abu Bakar</t>
  </si>
  <si>
    <t>Mussarat Javied</t>
  </si>
  <si>
    <t>34748</t>
  </si>
  <si>
    <t>GPS 48/P BILAL ABAD</t>
  </si>
  <si>
    <t>Shahgarh</t>
  </si>
  <si>
    <t>Chak 48/P Bilalabad</t>
  </si>
  <si>
    <t>Akhtar Ali Tahir</t>
  </si>
  <si>
    <t>GPS THOZANI</t>
  </si>
  <si>
    <t>Gps thozani</t>
  </si>
  <si>
    <t>Jhima Khan</t>
  </si>
  <si>
    <t>Allah Din</t>
  </si>
  <si>
    <t>17056</t>
  </si>
  <si>
    <t>GPS CHAK NO. 442 JB SOUTH</t>
  </si>
  <si>
    <t>gps 442 south</t>
  </si>
  <si>
    <t>442 South</t>
  </si>
  <si>
    <t>Ahmad Hassan Raza</t>
  </si>
  <si>
    <t>GPS BIJAR AHMEDANI</t>
  </si>
  <si>
    <t>Darkhast Jamal Than Darmiani</t>
  </si>
  <si>
    <t>darkhast Jamal Khan shumali</t>
  </si>
  <si>
    <t>Bijer Ahmedani</t>
  </si>
  <si>
    <t>Guulam Yasin</t>
  </si>
  <si>
    <t>GGPS MALIK IBRAHIM</t>
  </si>
  <si>
    <t>Dhaywala</t>
  </si>
  <si>
    <t>GGPS Malik Ibrahim..</t>
  </si>
  <si>
    <t>Malik Ibrahim</t>
  </si>
  <si>
    <t>32224</t>
  </si>
  <si>
    <t>GPS TARY WALA</t>
  </si>
  <si>
    <t>Hardev Tarraywalla</t>
  </si>
  <si>
    <t>village tarraywalla pist offiice hardev sheikhupura</t>
  </si>
  <si>
    <t>Tarraywalla</t>
  </si>
  <si>
    <t>Ghulam Mustafa Virk</t>
  </si>
  <si>
    <t>34072</t>
  </si>
  <si>
    <t>GGPS KIKAR WALA BASTI KARIM ABAD</t>
  </si>
  <si>
    <t>Miralivan</t>
  </si>
  <si>
    <t>Multan road kala pul bati kreemabad</t>
  </si>
  <si>
    <t>Basti Kareemabad</t>
  </si>
  <si>
    <t>Toderpur</t>
  </si>
  <si>
    <t>Shahnaz Muhammad Ali</t>
  </si>
  <si>
    <t>50516</t>
  </si>
  <si>
    <t>GGPS MEHR KHELAN WALA</t>
  </si>
  <si>
    <t>SULTANWALA SHARQI</t>
  </si>
  <si>
    <t>wandha Mehr Khelan wala</t>
  </si>
  <si>
    <t>Mehr Khelan wala</t>
  </si>
  <si>
    <t>Abba Kheal</t>
  </si>
  <si>
    <t>GGPS WALOO WALA</t>
  </si>
  <si>
    <t>Chak 153/ml</t>
  </si>
  <si>
    <t>basti walowala chak no 153/ml</t>
  </si>
  <si>
    <t>Basti Walowala</t>
  </si>
  <si>
    <t>Shabana Shafi</t>
  </si>
  <si>
    <t>50524</t>
  </si>
  <si>
    <t>50327</t>
  </si>
  <si>
    <t>GPS NAWAB KAY KATHIA</t>
  </si>
  <si>
    <t>Nawab K Kathia</t>
  </si>
  <si>
    <t>mouza nawab k kathia chichawatni district sahiwal</t>
  </si>
  <si>
    <t>112 7/R</t>
  </si>
  <si>
    <t>GPS VAINCE WALA</t>
  </si>
  <si>
    <t>Darkhawast shumali Shumali</t>
  </si>
  <si>
    <t>basti vaince centre wala</t>
  </si>
  <si>
    <t>Waince Wala</t>
  </si>
  <si>
    <t>Darkhawast Gharbi 2</t>
  </si>
  <si>
    <t>Ghulam shabir Shahid</t>
  </si>
  <si>
    <t>50528</t>
  </si>
  <si>
    <t>GGPS 127/P</t>
  </si>
  <si>
    <t>Basti Bhorry Khan</t>
  </si>
  <si>
    <t>GGPS 127/P BASTI BHORRY KHAN</t>
  </si>
  <si>
    <t>GPS LATIF ABAD (CHAK NO. 129/ML)</t>
  </si>
  <si>
    <t>p/o wandir muza mostafabad</t>
  </si>
  <si>
    <t>Chak No 137/ml</t>
  </si>
  <si>
    <t>Wandir</t>
  </si>
  <si>
    <t>50533</t>
  </si>
  <si>
    <t>GHS CHAK NO.515/EB</t>
  </si>
  <si>
    <t>Chak No. 515/EB Burewala</t>
  </si>
  <si>
    <t>Chak No 515/EB Burewala</t>
  </si>
  <si>
    <t>Chak No 435/EB Burewala</t>
  </si>
  <si>
    <t>GPS CHAK NO 122-A TDA</t>
  </si>
  <si>
    <t>Chak No.122-A/TDA Jattay Wala</t>
  </si>
  <si>
    <t>Chak No122-A/TDA Jattay Wala</t>
  </si>
  <si>
    <t>Kotla Hagi Shah</t>
  </si>
  <si>
    <t>GPS PHALIA MEHMAN</t>
  </si>
  <si>
    <t>phalia ameer tehsil phalia district mandi bahauddin</t>
  </si>
  <si>
    <t>Mc Phalia</t>
  </si>
  <si>
    <t>Bilawal Mehdi</t>
  </si>
  <si>
    <t>GES THATHI SAMEJA</t>
  </si>
  <si>
    <t>Thathi Samaja</t>
  </si>
  <si>
    <t>Basti Thathi Samaja</t>
  </si>
  <si>
    <t>Rao Muhammad Rafique</t>
  </si>
  <si>
    <t>GPS GHARIB ABAD KOT SAMABA</t>
  </si>
  <si>
    <t>GPS gharib abab Kot samaba</t>
  </si>
  <si>
    <t>33171</t>
  </si>
  <si>
    <t>GOVT. UZMA BASHIR SHAHEED GIRLS HIGHER SECONDARY SCHOOL KHANQAH DOGRAN</t>
  </si>
  <si>
    <t>commtti bazar khanqah dogran</t>
  </si>
  <si>
    <t>Khanqah dogran</t>
  </si>
  <si>
    <t>Saleema Ashraf</t>
  </si>
  <si>
    <t>Mauza Qadir pur tehsil khanpur district Rahimyar khan</t>
  </si>
  <si>
    <t>SHAFIQ AHMAD</t>
  </si>
  <si>
    <t>GMPS BABAR WALA (KALO WALA)</t>
  </si>
  <si>
    <t>Obavara Shumali</t>
  </si>
  <si>
    <t>basti kothe wala moza obavara shumala teh shujabad distt multan</t>
  </si>
  <si>
    <t>Kothe Wala</t>
  </si>
  <si>
    <t>Muhammad Atiq ur Rehman</t>
  </si>
  <si>
    <t>GPS HASSU HASSAN KA</t>
  </si>
  <si>
    <t>Belara Lakho Ka</t>
  </si>
  <si>
    <t>hassu hassan ka tehsil arifwala dist.pakpatan</t>
  </si>
  <si>
    <t>Hassu Hassan Ka</t>
  </si>
  <si>
    <t>Arazi Delawar</t>
  </si>
  <si>
    <t>17553</t>
  </si>
  <si>
    <t>GGCMS DIRAJ</t>
  </si>
  <si>
    <t>Mouza Diraj Jhang</t>
  </si>
  <si>
    <t>GGPS TIBI SAIDAN</t>
  </si>
  <si>
    <t>moza tibbi saidan p/o zaffar abad</t>
  </si>
  <si>
    <t>GES NO. 4 DAUD KHEL</t>
  </si>
  <si>
    <t>Daud khel</t>
  </si>
  <si>
    <t>Dera Ghazni khel Daud khel</t>
  </si>
  <si>
    <t>GGCMS LAKHU BARYAR</t>
  </si>
  <si>
    <t>Lakhu</t>
  </si>
  <si>
    <t>village Lakhu kalan</t>
  </si>
  <si>
    <t>Lakhu kalan</t>
  </si>
  <si>
    <t>kotli rai abu bakkar</t>
  </si>
  <si>
    <t>Nighat Muddassar Ch</t>
  </si>
  <si>
    <t>42571</t>
  </si>
  <si>
    <t>GPS KARMOON WALA</t>
  </si>
  <si>
    <t>Ameer Kalasra Gharbi</t>
  </si>
  <si>
    <t>chak no 174 district layyah</t>
  </si>
  <si>
    <t>Chak No 172/ TDA</t>
  </si>
  <si>
    <t>50554</t>
  </si>
  <si>
    <t>GGPS ABDUL KARIM</t>
  </si>
  <si>
    <t>Ranjakhan</t>
  </si>
  <si>
    <t>ggps abdul karim post office chowk bahadurpur moza ranjakhan tehsil SDK District RYK</t>
  </si>
  <si>
    <t>50556</t>
  </si>
  <si>
    <t>50925</t>
  </si>
  <si>
    <t>GPS 80/5-L</t>
  </si>
  <si>
    <t>80/5L</t>
  </si>
  <si>
    <t>80/5-L sahiwal</t>
  </si>
  <si>
    <t>80/5-L</t>
  </si>
  <si>
    <t>Kamran Ahmed Mirza</t>
  </si>
  <si>
    <t>GPS CHAK 249/P</t>
  </si>
  <si>
    <t>249/p</t>
  </si>
  <si>
    <t>chak 249/p</t>
  </si>
  <si>
    <t>Bhagwan Dass</t>
  </si>
  <si>
    <t>54173</t>
  </si>
  <si>
    <t>50559</t>
  </si>
  <si>
    <t>GPS RAIS BAKHAT ALI</t>
  </si>
  <si>
    <t>Kacha Mianwali No 1</t>
  </si>
  <si>
    <t>KACHA Mianwali no  1 tensile rojhan dist rajanpur</t>
  </si>
  <si>
    <t>Muhammad Nasir Shabir</t>
  </si>
  <si>
    <t>GPS SANGHAR</t>
  </si>
  <si>
    <t>Basti Khalifa moza Gullani tensile Liaquat Pur ryk</t>
  </si>
  <si>
    <t>Syed Zahid Hussain Shah</t>
  </si>
  <si>
    <t>GES CHANNI GOTH</t>
  </si>
  <si>
    <t>Arain wala</t>
  </si>
  <si>
    <t>Government Elementary School  chani goth near post office chani goth tehsil ahmad pur east</t>
  </si>
  <si>
    <t>Nazeer ahmad anjum</t>
  </si>
  <si>
    <t>GGCMS 92/6-R HAROON ABAD</t>
  </si>
  <si>
    <t>Chak no 92/6R</t>
  </si>
  <si>
    <t>50570</t>
  </si>
  <si>
    <t>47630</t>
  </si>
  <si>
    <t>GMPS DHOK DULLEY KHEL NO.1</t>
  </si>
  <si>
    <t>p\ o dhibba kersial teh &amp; district mianwali</t>
  </si>
  <si>
    <t>GPS PAI AHNA</t>
  </si>
  <si>
    <t>basti pai ahna</t>
  </si>
  <si>
    <t>GMPS MUGHLAY WALA</t>
  </si>
  <si>
    <t>Mughlay Wala</t>
  </si>
  <si>
    <t>28727</t>
  </si>
  <si>
    <t>GGPS BOHAR MAILSI</t>
  </si>
  <si>
    <t>Bohar Mailsi</t>
  </si>
  <si>
    <t>bohar mailsi tehsil duniyapur district lodhran</t>
  </si>
  <si>
    <t>Bohar mailsi</t>
  </si>
  <si>
    <t>Duniyapur</t>
  </si>
  <si>
    <t>Zab Unisa</t>
  </si>
  <si>
    <t>GGPS CHAK NO. 117 MURAD</t>
  </si>
  <si>
    <t>GGPS117/m</t>
  </si>
  <si>
    <t>GGMPS SERROCH BERHMANA</t>
  </si>
  <si>
    <t>Serroch Barhanah</t>
  </si>
  <si>
    <t>village serroch barhamnah</t>
  </si>
  <si>
    <t>Serroch Barhamah</t>
  </si>
  <si>
    <t>GES DERA MUHAMMAD NAWAZ SULTANAY WALA</t>
  </si>
  <si>
    <t>Dera Nawaz Sultanewala P/O Chak no 4 DB Teh Piplan Distt Mianwali</t>
  </si>
  <si>
    <t>Dera Muhammad Nawaz Sultanewala</t>
  </si>
  <si>
    <t>48918</t>
  </si>
  <si>
    <t>GES CHAK NO. 29 KB</t>
  </si>
  <si>
    <t>Chak No.29/KB</t>
  </si>
  <si>
    <t>GES 29/KB  P/O Qaboola Teh. Arifwala District Pakpattan</t>
  </si>
  <si>
    <t>29/kB</t>
  </si>
  <si>
    <t>Sardar Ahmad</t>
  </si>
  <si>
    <t>Submercibale Pump</t>
  </si>
  <si>
    <t>38331</t>
  </si>
  <si>
    <t>GGPS JHOKE AHIR</t>
  </si>
  <si>
    <t>basti sahi Wala moza bahawalgarh</t>
  </si>
  <si>
    <t>Sahi Wala</t>
  </si>
  <si>
    <t>Gulshan Ghafoor</t>
  </si>
  <si>
    <t>GGES MADRAS TUL BINNAT SHISHANWALA GATE, GUJRAT</t>
  </si>
  <si>
    <t>govt girls elementary school madrisa tul binat sheshan walla gate gujrat</t>
  </si>
  <si>
    <t>GGPS DOHARY WALA NO.3 (FATEH KHAN WALA)</t>
  </si>
  <si>
    <t>Todar Pur</t>
  </si>
  <si>
    <t>fateh khan wala moza Todar pur</t>
  </si>
  <si>
    <t>Fateh Khan Wala</t>
  </si>
  <si>
    <t>Zahida Islam</t>
  </si>
  <si>
    <t>GGES BASRA SHAMAY WALA</t>
  </si>
  <si>
    <t>village Basra p/o kalaswala The Pasrur Distt Sialkot</t>
  </si>
  <si>
    <t>Basra Shamywala</t>
  </si>
  <si>
    <t>Uzma Tabussum</t>
  </si>
  <si>
    <t>GES UMER PURA CHAK 50/RB</t>
  </si>
  <si>
    <t>Umerpura Chak#50 RB</t>
  </si>
  <si>
    <t>umerpurachak#50 rb</t>
  </si>
  <si>
    <t>GES CHAK NO.103 SB</t>
  </si>
  <si>
    <t>Chak 103 sb</t>
  </si>
  <si>
    <t>GES CHAK 103 SB</t>
  </si>
  <si>
    <t>Chak 103 Sb</t>
  </si>
  <si>
    <t>Chak 100 Sb</t>
  </si>
  <si>
    <t>48932</t>
  </si>
  <si>
    <t>GPS CHAK 424 JB II</t>
  </si>
  <si>
    <t>CHAK 424 JB</t>
  </si>
  <si>
    <t>Chak no 424 J.B</t>
  </si>
  <si>
    <t>chak 431 JB</t>
  </si>
  <si>
    <t>48935</t>
  </si>
  <si>
    <t>51341</t>
  </si>
  <si>
    <t>GES 23/S.P</t>
  </si>
  <si>
    <t>23 sp</t>
  </si>
  <si>
    <t>chak 23 sp pakpattan</t>
  </si>
  <si>
    <t>CHAK NOOR MUHAMMAD</t>
  </si>
  <si>
    <t>89016</t>
  </si>
  <si>
    <t>32813</t>
  </si>
  <si>
    <t>GPS MADHO KI MORE KHUNDA</t>
  </si>
  <si>
    <t>Madhoki</t>
  </si>
  <si>
    <t>Madhoki Morekhunda</t>
  </si>
  <si>
    <t>3454</t>
  </si>
  <si>
    <t>GPS SHAHMSHAD ABAD</t>
  </si>
  <si>
    <t>Ghalian</t>
  </si>
  <si>
    <t>GPS shamshad abad</t>
  </si>
  <si>
    <t>Shamshad Abad</t>
  </si>
  <si>
    <t>Behqan Wala</t>
  </si>
  <si>
    <t>GPS FOJAY WALA</t>
  </si>
  <si>
    <t>Mullan Wala</t>
  </si>
  <si>
    <t>basti sulemani fojay wala jampur</t>
  </si>
  <si>
    <t>Fojay Wala</t>
  </si>
  <si>
    <t>Meran</t>
  </si>
  <si>
    <t>GPS KOT NIZAM DIN</t>
  </si>
  <si>
    <t>GPS Noul Kot Nizam Din Kasur</t>
  </si>
  <si>
    <t>Chirewan</t>
  </si>
  <si>
    <t>52780</t>
  </si>
  <si>
    <t>GGPS CHAK NO. 116/6-R</t>
  </si>
  <si>
    <t>116-6R</t>
  </si>
  <si>
    <t>chak no. 116/6R</t>
  </si>
  <si>
    <t>116/6R</t>
  </si>
  <si>
    <t>Syeda Shamaila Ihsan</t>
  </si>
  <si>
    <t>48945</t>
  </si>
  <si>
    <t>GES BASIRA JADEED</t>
  </si>
  <si>
    <t>baseera tehsil karor</t>
  </si>
  <si>
    <t>53831</t>
  </si>
  <si>
    <t>GPS ASGHAR ABAD</t>
  </si>
  <si>
    <t>ward no. 6 chowk azam</t>
  </si>
  <si>
    <t>46069</t>
  </si>
  <si>
    <t>GGPS CHAK TEHSILDARKA</t>
  </si>
  <si>
    <t>Chak Tehsildar</t>
  </si>
  <si>
    <t>48434</t>
  </si>
  <si>
    <t>50361</t>
  </si>
  <si>
    <t>GPS 165-A/9-L</t>
  </si>
  <si>
    <t>Chak No 165-A/9-L</t>
  </si>
  <si>
    <t>Chak no 165-A/9-L</t>
  </si>
  <si>
    <t>Chak No 168/9-L</t>
  </si>
  <si>
    <t>Muhammad Tariq Saqib</t>
  </si>
  <si>
    <t>48435</t>
  </si>
  <si>
    <t>47915</t>
  </si>
  <si>
    <t>GGPS NEW ABADI DOABA</t>
  </si>
  <si>
    <t>ggps nai abadi doaba</t>
  </si>
  <si>
    <t>ASMA -BIBI</t>
  </si>
  <si>
    <t>GGPS CHAK NO.44/DB COLONY</t>
  </si>
  <si>
    <t>GGPS 44 DB COLONY</t>
  </si>
  <si>
    <t>44/DB Colony</t>
  </si>
  <si>
    <t>Bushra Noureen</t>
  </si>
  <si>
    <t>54211</t>
  </si>
  <si>
    <t>GGPS SADDIQ MOHAMMAD JHANDEER</t>
  </si>
  <si>
    <t>sadiq muhammad jhandeer dab kalah tehsil shorkot distric jhang</t>
  </si>
  <si>
    <t>Qutab Shah</t>
  </si>
  <si>
    <t>Dab Kalah</t>
  </si>
  <si>
    <t>Mehwish</t>
  </si>
  <si>
    <t>48443</t>
  </si>
  <si>
    <t>GGES MC DASKA KOT (HAQ PURA)</t>
  </si>
  <si>
    <t>GGES MC Daska Kot haqpura</t>
  </si>
  <si>
    <t>Farhat Lateef</t>
  </si>
  <si>
    <t>37256</t>
  </si>
  <si>
    <t>GPS MODEL 5/AH, KHANEWAL</t>
  </si>
  <si>
    <t>5/ah</t>
  </si>
  <si>
    <t>chak no 5/ah khanewal</t>
  </si>
  <si>
    <t>Mariam Habib</t>
  </si>
  <si>
    <t>GES MOHAMMAD YAR WALA</t>
  </si>
  <si>
    <t>Muhammad yar Wala</t>
  </si>
  <si>
    <t>Muhammad yar wala</t>
  </si>
  <si>
    <t>Muhammad Zafar Ullah</t>
  </si>
  <si>
    <t>GMPS MITHAN KOT NO. 5</t>
  </si>
  <si>
    <t>kot mitham</t>
  </si>
  <si>
    <t>Shams Munaza</t>
  </si>
  <si>
    <t>GGPS JHANGI KAY</t>
  </si>
  <si>
    <t>GGPS Jhangi Kay</t>
  </si>
  <si>
    <t>Jhangi Kay P/O Qila Ahmed Abad Teh Pasrur Dis Sialkot</t>
  </si>
  <si>
    <t>Jhangi Kay</t>
  </si>
  <si>
    <t>Zeenia Shah</t>
  </si>
  <si>
    <t>48455</t>
  </si>
  <si>
    <t>GPS DHAB SAID MUHAMMAD</t>
  </si>
  <si>
    <t>Dhab Said Muhammad Muhammad</t>
  </si>
  <si>
    <t>moza dhab said muhammad</t>
  </si>
  <si>
    <t>48456</t>
  </si>
  <si>
    <t>29212</t>
  </si>
  <si>
    <t>Rasool Pur Near Zulqurnain Colony Kasur</t>
  </si>
  <si>
    <t>Beroon Kasur</t>
  </si>
  <si>
    <t>48459</t>
  </si>
  <si>
    <t>GPS NAZAR HUSSAIN DASHTI</t>
  </si>
  <si>
    <t>Kotla Khan Laar</t>
  </si>
  <si>
    <t>Basti Meer Chakar khan Dashti</t>
  </si>
  <si>
    <t>Basti Meer Chakar Khan Dashti</t>
  </si>
  <si>
    <t>Dhandh Gaghri</t>
  </si>
  <si>
    <t>ghulam Fareed</t>
  </si>
  <si>
    <t>48463</t>
  </si>
  <si>
    <t>GGMPS AMWAAL</t>
  </si>
  <si>
    <t>Amwaal</t>
  </si>
  <si>
    <t>village amwaal po box zafarwal teh zafarwal district narowal</t>
  </si>
  <si>
    <t>Chak Dhudho</t>
  </si>
  <si>
    <t>Samia Aish</t>
  </si>
  <si>
    <t>GMPS 39/A</t>
  </si>
  <si>
    <t>39/a</t>
  </si>
  <si>
    <t>Chao no 39/a</t>
  </si>
  <si>
    <t>Iffat Hameed</t>
  </si>
  <si>
    <t>48468</t>
  </si>
  <si>
    <t>43616</t>
  </si>
  <si>
    <t>GMPS IQBAL ABAD</t>
  </si>
  <si>
    <t>vpo iqbalabad bheen tehsil and district chakwal</t>
  </si>
  <si>
    <t>Iqbalabad</t>
  </si>
  <si>
    <t>Amna Mushtaq</t>
  </si>
  <si>
    <t>bait mullan wali</t>
  </si>
  <si>
    <t>Basti pipal wala</t>
  </si>
  <si>
    <t>Bait Mullan Wala</t>
  </si>
  <si>
    <t>Nayla Iqbal</t>
  </si>
  <si>
    <t>48471</t>
  </si>
  <si>
    <t>GGPS NOTH</t>
  </si>
  <si>
    <t>Village and P/O Nothein Via Kisran Teh Jand Distt Attock</t>
  </si>
  <si>
    <t>Saira Salahuddin</t>
  </si>
  <si>
    <t>48473</t>
  </si>
  <si>
    <t>GES BARKAT ABAD</t>
  </si>
  <si>
    <t>Basti Ali Muhammad Arain Jhang Sadar</t>
  </si>
  <si>
    <t>Basti Ali Muhammad Arain</t>
  </si>
  <si>
    <t>Mc Jhang</t>
  </si>
  <si>
    <t>Hussain</t>
  </si>
  <si>
    <t>RO plant</t>
  </si>
  <si>
    <t>14375</t>
  </si>
  <si>
    <t>GPS KACHI RANG PUR NO. 2</t>
  </si>
  <si>
    <t>Kacha Mian Wali#2</t>
  </si>
  <si>
    <t>basti riaz gull bangla icha tehsil rojhan dist. rajanpur</t>
  </si>
  <si>
    <t>Basti Riaz Gull</t>
  </si>
  <si>
    <t>Kacha Mian Wali</t>
  </si>
  <si>
    <t>Mehmood Ahmed</t>
  </si>
  <si>
    <t>GPS CHAK NO 175 7R SOUTH</t>
  </si>
  <si>
    <t>Chak No 175/7R S</t>
  </si>
  <si>
    <t>Chak No 175/7R south fortabass bahawalnager</t>
  </si>
  <si>
    <t>Chak No 176/7r</t>
  </si>
  <si>
    <t>Imran Liaqut</t>
  </si>
  <si>
    <t>11133</t>
  </si>
  <si>
    <t>GPS CHAK NO. 114-A TDA</t>
  </si>
  <si>
    <t>Chak no.114A/TDA Layyah</t>
  </si>
  <si>
    <t>Chak No114A/TDA</t>
  </si>
  <si>
    <t>GGPS KOT BAKHTAWAR</t>
  </si>
  <si>
    <t>Kot Bakhtawar</t>
  </si>
  <si>
    <t>vilage kot bakhtawar p/ o ramky chattha</t>
  </si>
  <si>
    <t>Ramkey Chattha</t>
  </si>
  <si>
    <t>Zulaikha Noreen</t>
  </si>
  <si>
    <t>48484</t>
  </si>
  <si>
    <t>46752</t>
  </si>
  <si>
    <t>GPS GULSHAN ABAD PO KAMAR MUSHANI</t>
  </si>
  <si>
    <t>PAKA KAMAR MUSHANI</t>
  </si>
  <si>
    <t>Gulshan Caloni</t>
  </si>
  <si>
    <t>Fateh Ullah</t>
  </si>
  <si>
    <t>48485</t>
  </si>
  <si>
    <t>GGPS JAGEER BHATTI DAHRI</t>
  </si>
  <si>
    <t>Jageer Bhatti</t>
  </si>
  <si>
    <t>GGPS Jageer Bhatti Dahri</t>
  </si>
  <si>
    <t>Mari Shaikh Shajra</t>
  </si>
  <si>
    <t>Aasia Kanwal</t>
  </si>
  <si>
    <t>44941</t>
  </si>
  <si>
    <t>GES HATTRAN WALA SHUMALI</t>
  </si>
  <si>
    <t>Hattaranwala Shumali P/O Abbasian wala, moza Haitu, Tehsil kallur kot distric bhakkar</t>
  </si>
  <si>
    <t>Hattaranwala Shumali</t>
  </si>
  <si>
    <t>GGPS FACTORY AREA CHENAB NAGAR</t>
  </si>
  <si>
    <t>Chenab Nagar</t>
  </si>
  <si>
    <t>Factory  Area  chenab  Nagar</t>
  </si>
  <si>
    <t>Darulsadar</t>
  </si>
  <si>
    <t>Razia Khanum</t>
  </si>
  <si>
    <t>49108</t>
  </si>
  <si>
    <t>GPS UTTIAN</t>
  </si>
  <si>
    <t>Uttian</t>
  </si>
  <si>
    <t>uttian sargodha</t>
  </si>
  <si>
    <t>48490</t>
  </si>
  <si>
    <t>GPS CHAK NO.58/DB</t>
  </si>
  <si>
    <t>GPS 58 db south yazman</t>
  </si>
  <si>
    <t>Chak No 58db</t>
  </si>
  <si>
    <t>Chak No 50db</t>
  </si>
  <si>
    <t>Sumreen Afzal</t>
  </si>
  <si>
    <t>48491</t>
  </si>
  <si>
    <t>GPS CHOWKI RANGOO KHAN</t>
  </si>
  <si>
    <t>Choki Rangu Khan</t>
  </si>
  <si>
    <t>Moza Choki Rangu Khan  Teh kahror pakka Dist Lodhran</t>
  </si>
  <si>
    <t>Hensey Wala</t>
  </si>
  <si>
    <t>GPS BHAKKAR RAILWAY STATION</t>
  </si>
  <si>
    <t>GPS Bhakkar Railway Station</t>
  </si>
  <si>
    <t>Mohallah Railway Station Bhakkar</t>
  </si>
  <si>
    <t>Bhakkar-III</t>
  </si>
  <si>
    <t>Javed Anwer</t>
  </si>
  <si>
    <t>51453</t>
  </si>
  <si>
    <t>GPS BHEELA MAHTAM</t>
  </si>
  <si>
    <t>Bheela Mahtam</t>
  </si>
  <si>
    <t>Muhammad Amin Shahid</t>
  </si>
  <si>
    <t>48496</t>
  </si>
  <si>
    <t>GPS SHAH NAWAZ WALA</t>
  </si>
  <si>
    <t>Shahnawaz Wala</t>
  </si>
  <si>
    <t>Shahnawaz wala p /o wapda colony tehsil piplan district mianwali</t>
  </si>
  <si>
    <t>11379</t>
  </si>
  <si>
    <t>GGPS CHAK NO 320 TDA</t>
  </si>
  <si>
    <t>CHAK NO 320 t.d.a p/o Chok Azam</t>
  </si>
  <si>
    <t>320 T D A</t>
  </si>
  <si>
    <t>GGPS GORRHILLA</t>
  </si>
  <si>
    <t>Gorehla</t>
  </si>
  <si>
    <t>Post office chak no.  173/p mouza gorrhilla</t>
  </si>
  <si>
    <t>Gorhila</t>
  </si>
  <si>
    <t>Bindor Abasian</t>
  </si>
  <si>
    <t>Jawaria Akram</t>
  </si>
  <si>
    <t>hand pump of village outside the school</t>
  </si>
  <si>
    <t>48503</t>
  </si>
  <si>
    <t>GES KHAROS</t>
  </si>
  <si>
    <t>Rampur3</t>
  </si>
  <si>
    <t>basti ch Ali Mohammad)</t>
  </si>
  <si>
    <t>Basti Ch Ali Mohammad</t>
  </si>
  <si>
    <t>48505</t>
  </si>
  <si>
    <t>GGPS MAQBOOL COLONY</t>
  </si>
  <si>
    <t>maqbool colony ranjeet kot</t>
  </si>
  <si>
    <t>Maqbool Colony</t>
  </si>
  <si>
    <t>Taslem Akhtar</t>
  </si>
  <si>
    <t>GGES BASTI CHANAR</t>
  </si>
  <si>
    <t>khaki</t>
  </si>
  <si>
    <t>gull wala moza khaki sharki</t>
  </si>
  <si>
    <t>gull wala</t>
  </si>
  <si>
    <t>Halima bibi</t>
  </si>
  <si>
    <t>GPS GULISTAN COLONY  FSD</t>
  </si>
  <si>
    <t>gulistan colony</t>
  </si>
  <si>
    <t>gulistan colony tahir road</t>
  </si>
  <si>
    <t>38509</t>
  </si>
  <si>
    <t>GPS CHAK NO. 4/M MIAN WALI</t>
  </si>
  <si>
    <t>4/M Mian Wali</t>
  </si>
  <si>
    <t>Chak no 4/M,Dunyapur</t>
  </si>
  <si>
    <t>Ghulam Mujtaba Shakir</t>
  </si>
  <si>
    <t>GES DHILLU SHARQI</t>
  </si>
  <si>
    <t>Dhiillu Sharqi</t>
  </si>
  <si>
    <t>dhillu sharqi p/o jalal pur jattan gujrat</t>
  </si>
  <si>
    <t>Dhilu Sharqi</t>
  </si>
  <si>
    <t>Ehsan ullah Bajwa</t>
  </si>
  <si>
    <t>GPS MODEL THATHA KHURD NO 1</t>
  </si>
  <si>
    <t>Thatta Khurd No. 1</t>
  </si>
  <si>
    <t>Thatta Khurd No1</t>
  </si>
  <si>
    <t>46888</t>
  </si>
  <si>
    <t>42284</t>
  </si>
  <si>
    <t>GMPS BASSAND</t>
  </si>
  <si>
    <t>Kallan Basssand</t>
  </si>
  <si>
    <t>Gmps basssand tehsil kotli sattian district Rawalpindi</t>
  </si>
  <si>
    <t>46893</t>
  </si>
  <si>
    <t>GGPS CHAK LAKHAN</t>
  </si>
  <si>
    <t>Chak Lakhan</t>
  </si>
  <si>
    <t>Chak lakhan P/O Bambanwala Teh Daska Dist Sialkot</t>
  </si>
  <si>
    <t>AQSA Saif  Ullah</t>
  </si>
  <si>
    <t>GGPS WARD NO. 1 CHOUBARA CITY (NEW)</t>
  </si>
  <si>
    <t>Ward no.1 Choubara</t>
  </si>
  <si>
    <t>Khadija Faiz</t>
  </si>
  <si>
    <t>46897</t>
  </si>
  <si>
    <t>GGPS MC KOT HALEEM KHAN KASUR</t>
  </si>
  <si>
    <t>GGMCPS kot Haleem khan kasur</t>
  </si>
  <si>
    <t>Kot Haleem Khan Kasur</t>
  </si>
  <si>
    <t>SANIA KHAN</t>
  </si>
  <si>
    <t>49738</t>
  </si>
  <si>
    <t>GPS NO.2CHAK NO.173NB</t>
  </si>
  <si>
    <t>Chak 173 Nb</t>
  </si>
  <si>
    <t>Chak No 173 NB Tehsil Sillanwali District Sargodha</t>
  </si>
  <si>
    <t>15453</t>
  </si>
  <si>
    <t>GMMS BILAL UR REHMAN</t>
  </si>
  <si>
    <t>kot khawaja saeed</t>
  </si>
  <si>
    <t>b-3 china scheme lahore</t>
  </si>
  <si>
    <t>gujjar pura china scheme lahore</t>
  </si>
  <si>
    <t>nadeem tariq</t>
  </si>
  <si>
    <t>GES CHAK NO.1 HANS P/O KOT MELA RAM</t>
  </si>
  <si>
    <t>1 hans</t>
  </si>
  <si>
    <t>chak no 1 hans p/o kot abbas shaheed district multan</t>
  </si>
  <si>
    <t>Chak 1 Hans</t>
  </si>
  <si>
    <t>ZUBAIR AHMAD</t>
  </si>
  <si>
    <t>GES WAHNDO</t>
  </si>
  <si>
    <t>wahndo teh.kamoki dist.gujranwala</t>
  </si>
  <si>
    <t>gps potha post office dial teh sohawa dist helum</t>
  </si>
  <si>
    <t>Mehsam Noor Shahzadi</t>
  </si>
  <si>
    <t>43751</t>
  </si>
  <si>
    <t>GES DHOK HAJAAL</t>
  </si>
  <si>
    <t>Dhok hajal</t>
  </si>
  <si>
    <t>dhok hajal p.o leti tehsil lawa district chakwal</t>
  </si>
  <si>
    <t>Ieti</t>
  </si>
  <si>
    <t>35205</t>
  </si>
  <si>
    <t>GGPS CHAK DADAN BALA</t>
  </si>
  <si>
    <t>Chakdadan</t>
  </si>
  <si>
    <t>Ggps chak dadan baala near THQ Hospital malak wal</t>
  </si>
  <si>
    <t>Chak Dadan Baala</t>
  </si>
  <si>
    <t>Syeda Rafia Khanam</t>
  </si>
  <si>
    <t>46911</t>
  </si>
  <si>
    <t>34934</t>
  </si>
  <si>
    <t>GGPS SAIFULLAH BALOUCH JALALPUR PIRWALA</t>
  </si>
  <si>
    <t>bait kaich saifullah baloch</t>
  </si>
  <si>
    <t>Bait Kaich</t>
  </si>
  <si>
    <t>Bushra Khadim</t>
  </si>
  <si>
    <t>46918</t>
  </si>
  <si>
    <t>GGPS BUCHAN WALA</t>
  </si>
  <si>
    <t>Trag Ghsrbi</t>
  </si>
  <si>
    <t>buchanwala</t>
  </si>
  <si>
    <t>Buchanwala</t>
  </si>
  <si>
    <t>GPS DHOK DIN ABAD DAKHLY NAKODAR</t>
  </si>
  <si>
    <t>Dk Dinabad</t>
  </si>
  <si>
    <t>GBPS Dhoke Din-Abad</t>
  </si>
  <si>
    <t>Nakoder</t>
  </si>
  <si>
    <t>51634</t>
  </si>
  <si>
    <t>GGPS PIND AZIZ</t>
  </si>
  <si>
    <t>S.A.GIR-V-FEMALE</t>
  </si>
  <si>
    <t>Pind Aziz</t>
  </si>
  <si>
    <t>GGPS pind aziz post office khas tehsil sarai alamgir Distt Gujrat</t>
  </si>
  <si>
    <t>Sonia Saleem</t>
  </si>
  <si>
    <t>39298</t>
  </si>
  <si>
    <t>GPS MOCHIWAL</t>
  </si>
  <si>
    <t>Mochiwal</t>
  </si>
  <si>
    <t>Mochiwal tehsil shahpur</t>
  </si>
  <si>
    <t>MOCHIWAL</t>
  </si>
  <si>
    <t>53007</t>
  </si>
  <si>
    <t>46921</t>
  </si>
  <si>
    <t>GPS CHAK NO.104/DB</t>
  </si>
  <si>
    <t>Chao 104 d/b the  yazman  dist bwp</t>
  </si>
  <si>
    <t>Chak No 104d/b</t>
  </si>
  <si>
    <t>Chak No 106 D/b</t>
  </si>
  <si>
    <t>GPS GUNDAY WALA</t>
  </si>
  <si>
    <t>Daggar Kotli Darmiyani</t>
  </si>
  <si>
    <t>GPS Gunday Wala</t>
  </si>
  <si>
    <t>Gunday Wala</t>
  </si>
  <si>
    <t>46923</t>
  </si>
  <si>
    <t>GPS BASTI AHMED SHER RAHDARI</t>
  </si>
  <si>
    <t>vpo Rahdari tehsel noor pur thal district khushab</t>
  </si>
  <si>
    <t>GGPS PIRWAL</t>
  </si>
  <si>
    <t>Pirwal</t>
  </si>
  <si>
    <t>Kot Choudrian</t>
  </si>
  <si>
    <t>Nazima Yasmeen</t>
  </si>
  <si>
    <t>42393</t>
  </si>
  <si>
    <t>GES BUCHIAL</t>
  </si>
  <si>
    <t>Buchial</t>
  </si>
  <si>
    <t>GES BUCHIAL TEHSIL GUJAR KHAN DISTRICT RAWALPINDI</t>
  </si>
  <si>
    <t>Matowa</t>
  </si>
  <si>
    <t>29685</t>
  </si>
  <si>
    <t>GGES OLAKH BUNGA</t>
  </si>
  <si>
    <t>olakh boonga</t>
  </si>
  <si>
    <t>Oakh Boonga</t>
  </si>
  <si>
    <t>Olakh Boonga</t>
  </si>
  <si>
    <t>Nadia Shafi</t>
  </si>
  <si>
    <t>GMPS 12/4.L</t>
  </si>
  <si>
    <t>Chak No 12/4l Okara</t>
  </si>
  <si>
    <t>Chak No 12/4.L</t>
  </si>
  <si>
    <t>12/4l</t>
  </si>
  <si>
    <t>46929</t>
  </si>
  <si>
    <t>10809</t>
  </si>
  <si>
    <t>GGPS CHAK NO.340/TDA</t>
  </si>
  <si>
    <t>Chak #340</t>
  </si>
  <si>
    <t>chak #340 MM road CHOK AZAM</t>
  </si>
  <si>
    <t>Chak#340</t>
  </si>
  <si>
    <t>LAYYAH Thal Kalan</t>
  </si>
  <si>
    <t>arman akhtar</t>
  </si>
  <si>
    <t>26185</t>
  </si>
  <si>
    <t>GGPS WALI KOT</t>
  </si>
  <si>
    <t>Murad Kharal</t>
  </si>
  <si>
    <t>Ggps walikot</t>
  </si>
  <si>
    <t>Walikot</t>
  </si>
  <si>
    <t>GGPS BHINDA LAR</t>
  </si>
  <si>
    <t>Bhinda Lar</t>
  </si>
  <si>
    <t>muza bhinda lar tahsil Ahmad pur east</t>
  </si>
  <si>
    <t>Ghus Pur</t>
  </si>
  <si>
    <t>Sobia Iqbal</t>
  </si>
  <si>
    <t>46940</t>
  </si>
  <si>
    <t>GPS SUMBLAN WALA</t>
  </si>
  <si>
    <t>Sumblanwala</t>
  </si>
  <si>
    <t>kot sumblan wala Miani</t>
  </si>
  <si>
    <t>MEHMOOD MUNAWAR KHAN</t>
  </si>
  <si>
    <t>GGPS 382/WB</t>
  </si>
  <si>
    <t>Chak 382</t>
  </si>
  <si>
    <t>chak no 382/wb</t>
  </si>
  <si>
    <t>382/wb</t>
  </si>
  <si>
    <t>MUQADDAS NAVEED</t>
  </si>
  <si>
    <t>42884</t>
  </si>
  <si>
    <t>GES NUMBLE</t>
  </si>
  <si>
    <t>village and po numble, Kallar Syedan</t>
  </si>
  <si>
    <t>Shahid Ahmad</t>
  </si>
  <si>
    <t>47686</t>
  </si>
  <si>
    <t>GES SHER JANG KHELAN WALA</t>
  </si>
  <si>
    <t>vpo sawans teh and distt mianwali</t>
  </si>
  <si>
    <t>46950</t>
  </si>
  <si>
    <t>41035</t>
  </si>
  <si>
    <t>GPS SIDH TAJ PUR ALIA</t>
  </si>
  <si>
    <t>Sidh Tajpur Alia</t>
  </si>
  <si>
    <t>Gps sidh tajpur alia</t>
  </si>
  <si>
    <t>Asima Bibi</t>
  </si>
  <si>
    <t>44610</t>
  </si>
  <si>
    <t>28778</t>
  </si>
  <si>
    <t>GPS ACHAL KAY MOZA ACHAL KAY</t>
  </si>
  <si>
    <t>Achalkay</t>
  </si>
  <si>
    <t>Acha lKay</t>
  </si>
  <si>
    <t>Abdulhammed Shaker</t>
  </si>
  <si>
    <t>44218</t>
  </si>
  <si>
    <t>Ali Pur dakhle thirchak teh kallar kahar distt chakwal</t>
  </si>
  <si>
    <t>Thirchack</t>
  </si>
  <si>
    <t>Sakina Deepak</t>
  </si>
  <si>
    <t>17573</t>
  </si>
  <si>
    <t>47797</t>
  </si>
  <si>
    <t>GPS MONDAN WALA NEAR PIPLAN</t>
  </si>
  <si>
    <t>Govt primary school mondan wala</t>
  </si>
  <si>
    <t>Mondan Wala</t>
  </si>
  <si>
    <t>Tibba Mehrban Shah</t>
  </si>
  <si>
    <t>GGPS HAJI WALA</t>
  </si>
  <si>
    <t>moza uch Gul imam</t>
  </si>
  <si>
    <t>Haji Wala</t>
  </si>
  <si>
    <t>Razia Mai</t>
  </si>
  <si>
    <t>18592</t>
  </si>
  <si>
    <t>GPS MC HUSSAINIA COLONY GOJRA</t>
  </si>
  <si>
    <t>Husnia Colony Street No. 06</t>
  </si>
  <si>
    <t>Urban Gojra</t>
  </si>
  <si>
    <t>Sobia Faisal</t>
  </si>
  <si>
    <t>50841</t>
  </si>
  <si>
    <t>GGPS PINDI SANIAN</t>
  </si>
  <si>
    <t>ggps pindi sainian,p/o &amp; teh shakargarh distt narowal</t>
  </si>
  <si>
    <t>Chitrana</t>
  </si>
  <si>
    <t>Abida Shumaila Shaukat</t>
  </si>
  <si>
    <t>46961</t>
  </si>
  <si>
    <t>48718</t>
  </si>
  <si>
    <t>GGPS DERA GHULAM BHEEK DAKHLI DEOWAL</t>
  </si>
  <si>
    <t>Ggp/s dera ghulam bheek deowal</t>
  </si>
  <si>
    <t>Dakhli Deowal</t>
  </si>
  <si>
    <t>Farah Dildar</t>
  </si>
  <si>
    <t>42076</t>
  </si>
  <si>
    <t>30551</t>
  </si>
  <si>
    <t>GGPS ROROAN WALA</t>
  </si>
  <si>
    <t>Roranwala</t>
  </si>
  <si>
    <t>roranwala near akari 11</t>
  </si>
  <si>
    <t>Tahira  Nazir</t>
  </si>
  <si>
    <t>GES LAHORIAN WALI</t>
  </si>
  <si>
    <t>Lahorian Wali</t>
  </si>
  <si>
    <t>Village Lahorianwali P/O Narang Mandi Teh, Muridkey Distt. Sheikhupura.</t>
  </si>
  <si>
    <t>Aadhian</t>
  </si>
  <si>
    <t>8887</t>
  </si>
  <si>
    <t>GPS SHEIKH ISMAIL</t>
  </si>
  <si>
    <t>Kotla ISMAIL</t>
  </si>
  <si>
    <t>BASTI SHEIKH ISMAIL, P/O TIBBI QAISRANI, U/C TIBBI QAISRANI</t>
  </si>
  <si>
    <t>SHEIKH ISMAIL</t>
  </si>
  <si>
    <t>RASHEED AHMAD KHALID</t>
  </si>
  <si>
    <t>45823</t>
  </si>
  <si>
    <t>GPS DERA HAITAM KHAN</t>
  </si>
  <si>
    <t>Nari Janubi Tehsil and District Khushab</t>
  </si>
  <si>
    <t>Muhammad Kamal Khan</t>
  </si>
  <si>
    <t>GGPS 148/10-R, JAHANIAN</t>
  </si>
  <si>
    <t>Sarwar Abad</t>
  </si>
  <si>
    <t>Govt Girls Primary School 148/10R sarwar abad</t>
  </si>
  <si>
    <t>148/10R Sarwar Abad</t>
  </si>
  <si>
    <t>Hafiza Maryam</t>
  </si>
  <si>
    <t>GGPS BASTI QASIM PUR</t>
  </si>
  <si>
    <t>ggps basti qasimpir</t>
  </si>
  <si>
    <t>Ezmat Abad</t>
  </si>
  <si>
    <t>Maria Kiran</t>
  </si>
  <si>
    <t>GGCMS CHAK NO. 151 JB</t>
  </si>
  <si>
    <t>Gatti Syeddan</t>
  </si>
  <si>
    <t>GGCMPS 151 jb mahoon</t>
  </si>
  <si>
    <t>Chak No 151 JB Mahoon</t>
  </si>
  <si>
    <t>23057</t>
  </si>
  <si>
    <t>GPS KAKRALI</t>
  </si>
  <si>
    <t>post office kakrali GPS  kakrali</t>
  </si>
  <si>
    <t>50408</t>
  </si>
  <si>
    <t>GPS 114/12-L</t>
  </si>
  <si>
    <t>114/12-L</t>
  </si>
  <si>
    <t>Chak No. 114/12.L</t>
  </si>
  <si>
    <t>Jafar Iqbal</t>
  </si>
  <si>
    <t>27045</t>
  </si>
  <si>
    <t>GMPS CANAL COLONY HAFIZABAD</t>
  </si>
  <si>
    <t>Mangat Necha</t>
  </si>
  <si>
    <t>Sadia Rani</t>
  </si>
  <si>
    <t>GPS BHINDAY WALI</t>
  </si>
  <si>
    <t>Mudwala</t>
  </si>
  <si>
    <t>Basti Mudwala u/c Yakiwali Ali pur M.garh</t>
  </si>
  <si>
    <t>49751</t>
  </si>
  <si>
    <t>GPS CHAK NO.159 NB</t>
  </si>
  <si>
    <t>chak no 159 nb</t>
  </si>
  <si>
    <t>GPS Chak no 159NB</t>
  </si>
  <si>
    <t>Shah Nikdar</t>
  </si>
  <si>
    <t>GGPS BASTI SHARIF PURA</t>
  </si>
  <si>
    <t>Basti Sharif Pura</t>
  </si>
  <si>
    <t>Basti Sharif Pura Sangla Hill</t>
  </si>
  <si>
    <t>Sumaira Shaukat</t>
  </si>
  <si>
    <t>GPS TILLANWALI</t>
  </si>
  <si>
    <t>Tillan Wali</t>
  </si>
  <si>
    <t>teh talagang  ,disst chakwal   po,tillanwali kotehra</t>
  </si>
  <si>
    <t>bsti mothanagar.,teh lqp,distt ryk</t>
  </si>
  <si>
    <t>Mothanagar</t>
  </si>
  <si>
    <t>40683</t>
  </si>
  <si>
    <t>GPS CHAK JABOT</t>
  </si>
  <si>
    <t>Chak Jabot</t>
  </si>
  <si>
    <t>village chak jabot post office dial tehsil sohawa district Jhelum</t>
  </si>
  <si>
    <t>Chak  Jabot</t>
  </si>
  <si>
    <t>GMPS 27 GAJIANI</t>
  </si>
  <si>
    <t>27/G</t>
  </si>
  <si>
    <t>chak no. 27 G</t>
  </si>
  <si>
    <t>GPS JUMAN SHAH</t>
  </si>
  <si>
    <t>Dasti</t>
  </si>
  <si>
    <t>Mouza Dasti, Basti Juman Shah, Teh. &amp; Distt. Lodhran</t>
  </si>
  <si>
    <t>Juman Shah</t>
  </si>
  <si>
    <t>Haveli Nasser Khan</t>
  </si>
  <si>
    <t>27357</t>
  </si>
  <si>
    <t>GPS KOT NIZAM</t>
  </si>
  <si>
    <t>kot nizam teh. pindi bhattian.</t>
  </si>
  <si>
    <t>51886</t>
  </si>
  <si>
    <t>GPS BEHLI DILAWAR</t>
  </si>
  <si>
    <t>Behli Dilawar arif wala</t>
  </si>
  <si>
    <t>Behli Dilawar</t>
  </si>
  <si>
    <t>49252</t>
  </si>
  <si>
    <t>GGPS CHAK NO.97 NB</t>
  </si>
  <si>
    <t>97nb</t>
  </si>
  <si>
    <t>govt girls primary school 97 nb sgd</t>
  </si>
  <si>
    <t>Riffat  Rehana</t>
  </si>
  <si>
    <t>GPS KARNANI</t>
  </si>
  <si>
    <t>Karnani</t>
  </si>
  <si>
    <t>mouza karnani</t>
  </si>
  <si>
    <t>salman nazir</t>
  </si>
  <si>
    <t>GGPS BASTI INAYAT</t>
  </si>
  <si>
    <t>karor nashib</t>
  </si>
  <si>
    <t>gGPS BASTI INAYAT KAROR</t>
  </si>
  <si>
    <t>basti inayat</t>
  </si>
  <si>
    <t>GPS SURH</t>
  </si>
  <si>
    <t>SURH</t>
  </si>
  <si>
    <t>Village Surh , UC beor Tehsil Kahuta , District Rawalpindi.</t>
  </si>
  <si>
    <t>BEOR</t>
  </si>
  <si>
    <t>Naeem Qasim</t>
  </si>
  <si>
    <t>GPS PEPIL WALA</t>
  </si>
  <si>
    <t>GPS pipal wala p o more khunda tehsil dist nankana sahib</t>
  </si>
  <si>
    <t>Tanwir Iqbal</t>
  </si>
  <si>
    <t>21276</t>
  </si>
  <si>
    <t>GGES ATTARI AJEET SINGH</t>
  </si>
  <si>
    <t>Attari Ajeet Singh</t>
  </si>
  <si>
    <t>attari ajeet singh,kot radha kishan,kasur</t>
  </si>
  <si>
    <t>Attati Ajeet Singh</t>
  </si>
  <si>
    <t>pemar Ottar</t>
  </si>
  <si>
    <t>UmeKalsoom</t>
  </si>
  <si>
    <t>Gidhpur</t>
  </si>
  <si>
    <t>gidhpur P.O.Box Bakhyan wala Daska sialkot</t>
  </si>
  <si>
    <t>Al0 Mahar</t>
  </si>
  <si>
    <t>Khalida Gulam Rasool</t>
  </si>
  <si>
    <t>53710</t>
  </si>
  <si>
    <t>GGPS BHANDER</t>
  </si>
  <si>
    <t>G G P S Bhander Tehsil jand District Attock</t>
  </si>
  <si>
    <t>GGPS KAMBILI SADIQ</t>
  </si>
  <si>
    <t>Kambili Sadiq</t>
  </si>
  <si>
    <t>ggps kambili sadiq village kambili sadiq p.o and tehsil kallar syedan dist rawalpindi</t>
  </si>
  <si>
    <t>Nazma Noreen</t>
  </si>
  <si>
    <t>23076</t>
  </si>
  <si>
    <t>GES CHAK JANI KALAN</t>
  </si>
  <si>
    <t>v.p.o chak jani kalan</t>
  </si>
  <si>
    <t>Riaz Baig</t>
  </si>
  <si>
    <t>GPS CHAH DARHALAN WALA</t>
  </si>
  <si>
    <t>Muzafarpur Janubi</t>
  </si>
  <si>
    <t>gps chahdarhalanwala muzafarpur janubi tehsil and district mianwali</t>
  </si>
  <si>
    <t>Chahdarhalanwala</t>
  </si>
  <si>
    <t>GPS CHAK NO. 6/M</t>
  </si>
  <si>
    <t>Chak no 6m</t>
  </si>
  <si>
    <t>chak no 6m post office ada choki masti Khan tehsil dunyapur district lodhran</t>
  </si>
  <si>
    <t>Chak no 11m</t>
  </si>
  <si>
    <t>Sikandar Abbas</t>
  </si>
  <si>
    <t>GES CHAK NO.20 SB</t>
  </si>
  <si>
    <t>Chak No 20 SB Tehsil Kot Momin</t>
  </si>
  <si>
    <t>Chak11 SB</t>
  </si>
  <si>
    <t>GPS GAMAY WALA ADDA PIR GHAIB P/O NASEERPUR</t>
  </si>
  <si>
    <t>Mohan PurGharbi</t>
  </si>
  <si>
    <t>Ada Peer Ghaib</t>
  </si>
  <si>
    <t>Nusrat Rasheed</t>
  </si>
  <si>
    <t>GGPS BAN SUMBAL JANOOBI</t>
  </si>
  <si>
    <t>Ban Sumbal janubi p/o 4DB Teh piplan distt Mianwali</t>
  </si>
  <si>
    <t>Ban Sumbal Janubi</t>
  </si>
  <si>
    <t>27127</t>
  </si>
  <si>
    <t>GPS TAMACHI WALA</t>
  </si>
  <si>
    <t>Basti  pir adil</t>
  </si>
  <si>
    <t>Abdul RASHEED</t>
  </si>
  <si>
    <t>45481</t>
  </si>
  <si>
    <t>18774</t>
  </si>
  <si>
    <t>GGPS TUFAIL COLONY GOJRA</t>
  </si>
  <si>
    <t>Khalid Park</t>
  </si>
  <si>
    <t>tufail colony gojra</t>
  </si>
  <si>
    <t>365JB</t>
  </si>
  <si>
    <t>GGPS MC SUFI PURA MBDIN</t>
  </si>
  <si>
    <t>Mbdin</t>
  </si>
  <si>
    <t>st#3 sufi pura m.b.din</t>
  </si>
  <si>
    <t>51598</t>
  </si>
  <si>
    <t>GGPS 28 SP</t>
  </si>
  <si>
    <t>28/sp</t>
  </si>
  <si>
    <t>chak 28/sp post office 26/sp tehsil &amp; dist pakpattan</t>
  </si>
  <si>
    <t>Nargis Firdous</t>
  </si>
  <si>
    <t>GPS CHAK NO.106/DB MANZOOR ABAD</t>
  </si>
  <si>
    <t>Basti Manzoorabad</t>
  </si>
  <si>
    <t>Chak no. 106/DB, yazman</t>
  </si>
  <si>
    <t>Muhammad Waqas Afzal Ramay</t>
  </si>
  <si>
    <t>42586</t>
  </si>
  <si>
    <t>GPS MODEL HERDO JHAGI</t>
  </si>
  <si>
    <t>Her-do-jaggi</t>
  </si>
  <si>
    <t>village her-do-jaggi,p/o kaliam awan,tehsil/Gujar Khan,District/RWP</t>
  </si>
  <si>
    <t>Maria Safdar</t>
  </si>
  <si>
    <t>45492</t>
  </si>
  <si>
    <t>31801</t>
  </si>
  <si>
    <t>GGPS NANGAL WARIS KHAN</t>
  </si>
  <si>
    <t>Nangal Waris</t>
  </si>
  <si>
    <t>nangal waris</t>
  </si>
  <si>
    <t>45494</t>
  </si>
  <si>
    <t>44489</t>
  </si>
  <si>
    <t>GPS BASTI NORANG</t>
  </si>
  <si>
    <t>Raseed Pur</t>
  </si>
  <si>
    <t>basti norang p/o yousaf shah bhakkar</t>
  </si>
  <si>
    <t>Basti Norang</t>
  </si>
  <si>
    <t>45497</t>
  </si>
  <si>
    <t>GGES CHAK 38/A</t>
  </si>
  <si>
    <t>Chak 38/A</t>
  </si>
  <si>
    <t>Govt Girls Elementary school 38 / A Liaquatpur</t>
  </si>
  <si>
    <t>Aqsa Khan</t>
  </si>
  <si>
    <t>48217</t>
  </si>
  <si>
    <t>GPS AWANAN WALA SHUMALI</t>
  </si>
  <si>
    <t>Ghulama</t>
  </si>
  <si>
    <t>awanawala shumali P/O Rodi Teh. Kalur Kot Disst. Bhakkar</t>
  </si>
  <si>
    <t>Awanawala Shumali</t>
  </si>
  <si>
    <t>Ghulama 1</t>
  </si>
  <si>
    <t>Ahmad Hussain Saqib</t>
  </si>
  <si>
    <t>34009</t>
  </si>
  <si>
    <t>45501</t>
  </si>
  <si>
    <t>GMPS MIANI MALAH</t>
  </si>
  <si>
    <t>Fazil Shah</t>
  </si>
  <si>
    <t>mohallah fazil shah kot mithan district rajanpur</t>
  </si>
  <si>
    <t>Kot mithan</t>
  </si>
  <si>
    <t>Kiran Ashiq</t>
  </si>
  <si>
    <t>45502</t>
  </si>
  <si>
    <t>GGPS BATRIAN WALI</t>
  </si>
  <si>
    <t>ggps basti batrian wali mouza bhangoo</t>
  </si>
  <si>
    <t>Mouza Bhangoo</t>
  </si>
  <si>
    <t>Shabana Tauqir</t>
  </si>
  <si>
    <t>40977</t>
  </si>
  <si>
    <t>GMPS LUBANA HILL</t>
  </si>
  <si>
    <t>Vill Lubana Hail P/O Baragowah</t>
  </si>
  <si>
    <t>Saba Shahzad</t>
  </si>
  <si>
    <t>46468</t>
  </si>
  <si>
    <t>GGPS CHAK NO 245 JB SAGAL</t>
  </si>
  <si>
    <t>Saggal</t>
  </si>
  <si>
    <t>chak 245sagal tehsil bhuwana district chiniot</t>
  </si>
  <si>
    <t>CHak 245 Sgal</t>
  </si>
  <si>
    <t>Memona Ali</t>
  </si>
  <si>
    <t>GES PALUWAN</t>
  </si>
  <si>
    <t>Paluwan</t>
  </si>
  <si>
    <t>Moza Paluwan post office Shahwala janubi tehsil noorpur district khushab</t>
  </si>
  <si>
    <t>Shaukat Iqbal</t>
  </si>
  <si>
    <t>45518</t>
  </si>
  <si>
    <t>GGPS KUTKI THAL</t>
  </si>
  <si>
    <t>KUTKI THAL P/O CHAPRI,KAMMAR MUSHANI</t>
  </si>
  <si>
    <t>KUTKI THAL</t>
  </si>
  <si>
    <t>SAIMA IMDAD</t>
  </si>
  <si>
    <t>Connection from neighbour</t>
  </si>
  <si>
    <t>24621</t>
  </si>
  <si>
    <t>GGPS BASTI GIL KALA</t>
  </si>
  <si>
    <t>Ggps Basti Gilkala</t>
  </si>
  <si>
    <t>Basti Gilkala</t>
  </si>
  <si>
    <t>45524</t>
  </si>
  <si>
    <t>GPS KOTLI DILBAGH RAI</t>
  </si>
  <si>
    <t>Kotli Dilbag Rai</t>
  </si>
  <si>
    <t>GPS kotli Dilbag Rai kamoke</t>
  </si>
  <si>
    <t>GGPS CHAK 292 JB</t>
  </si>
  <si>
    <t>Chak NO 292 JB</t>
  </si>
  <si>
    <t>G.G.P.S292j.b</t>
  </si>
  <si>
    <t>Chak No 292jb</t>
  </si>
  <si>
    <t>Chak No 290</t>
  </si>
  <si>
    <t>Ayesha Asghar</t>
  </si>
  <si>
    <t>GGPS 108/ 10-R</t>
  </si>
  <si>
    <t>Raheeh Shah</t>
  </si>
  <si>
    <t>GGPS 108/10_R</t>
  </si>
  <si>
    <t>Chak No 108/10 R</t>
  </si>
  <si>
    <t>23995</t>
  </si>
  <si>
    <t>43694</t>
  </si>
  <si>
    <t>GES MIRJAN</t>
  </si>
  <si>
    <t>Mirjan</t>
  </si>
  <si>
    <t>Village Mirjan, Tehsil Talagang District Chakwal</t>
  </si>
  <si>
    <t>Sultan Muhammad</t>
  </si>
  <si>
    <t>46104</t>
  </si>
  <si>
    <t>GGPS AZIZ PUR</t>
  </si>
  <si>
    <t>govt.girls primary school basti aziz pur moza Mari qasim shah</t>
  </si>
  <si>
    <t>Aziz Pur</t>
  </si>
  <si>
    <t>49842</t>
  </si>
  <si>
    <t>GGPS CHAK NO 116 NB</t>
  </si>
  <si>
    <t>116 N B</t>
  </si>
  <si>
    <t>chak no. 116 n.b</t>
  </si>
  <si>
    <t>116 Nb</t>
  </si>
  <si>
    <t>Sanya Kishwar</t>
  </si>
  <si>
    <t>GPS NIDO SARAY</t>
  </si>
  <si>
    <t>Nido Saray</t>
  </si>
  <si>
    <t>GPS Nido saray</t>
  </si>
  <si>
    <t>Nido Saray Kalan</t>
  </si>
  <si>
    <t>Chak Chuadary</t>
  </si>
  <si>
    <t>Muhammad  Shafiq</t>
  </si>
  <si>
    <t>GGPS KOT MALLA SINGH</t>
  </si>
  <si>
    <t>Kot Malla Singh</t>
  </si>
  <si>
    <t>kot Malla Singh p/o khudian khas teh. and distt. kasur</t>
  </si>
  <si>
    <t>Maralli Hittar</t>
  </si>
  <si>
    <t>GPS MUD RASHID</t>
  </si>
  <si>
    <t>mud Rasheed</t>
  </si>
  <si>
    <t>basti mud rasheed mouza mud rasheed</t>
  </si>
  <si>
    <t>khuda Bux Mahr</t>
  </si>
  <si>
    <t>Muhammad Azhar Bhatti</t>
  </si>
  <si>
    <t>45543</t>
  </si>
  <si>
    <t>GPS FATEHPUR MAIRA</t>
  </si>
  <si>
    <t>Fateh Pur Mera</t>
  </si>
  <si>
    <t>v p/o fateh pur mera</t>
  </si>
  <si>
    <t>Hafiz Muhammad Khan</t>
  </si>
  <si>
    <t>Local supply</t>
  </si>
  <si>
    <t>45544</t>
  </si>
  <si>
    <t>GGES PAK MODEL WAHDAT COLONY</t>
  </si>
  <si>
    <t>GTRoad</t>
  </si>
  <si>
    <t>GTRoad gujranwala</t>
  </si>
  <si>
    <t>Kiran Hameed</t>
  </si>
  <si>
    <t>9806</t>
  </si>
  <si>
    <t>GGPS 195/P B</t>
  </si>
  <si>
    <t>Wahi  Pir  Bakhash</t>
  </si>
  <si>
    <t>chak no 195.pb</t>
  </si>
  <si>
    <t>Chak No 195pb</t>
  </si>
  <si>
    <t>Chak No  173p</t>
  </si>
  <si>
    <t>MEHMOODA BEGUM</t>
  </si>
  <si>
    <t>38239</t>
  </si>
  <si>
    <t>GPS KHAJJIAN WALA</t>
  </si>
  <si>
    <t>BAHAWAL GARH</t>
  </si>
  <si>
    <t>KHAJJIAN WALA,MOZA BAHAWAL GARH</t>
  </si>
  <si>
    <t>KHAJJIAN WALA</t>
  </si>
  <si>
    <t>Mahmood Akhter</t>
  </si>
  <si>
    <t>41124</t>
  </si>
  <si>
    <t>GPS SAWEERI</t>
  </si>
  <si>
    <t>village Saweeri p/o Khalol tehsil kahuta district Rawalpindi</t>
  </si>
  <si>
    <t>14351</t>
  </si>
  <si>
    <t>GPS BASTI MAKWAL</t>
  </si>
  <si>
    <t>basti jhullan</t>
  </si>
  <si>
    <t>GPS KOT UMER</t>
  </si>
  <si>
    <t>Kot Umer</t>
  </si>
  <si>
    <t>v.p.o kot umer,pd khan jhelum</t>
  </si>
  <si>
    <t>Muhammad ANWAR</t>
  </si>
  <si>
    <t>GGPS DERA CHAHAL</t>
  </si>
  <si>
    <t>dera chahal bedain road lahore cantt</t>
  </si>
  <si>
    <t>GGES CHAH DHABHAN WALA</t>
  </si>
  <si>
    <t>Chah Dhaban Wala</t>
  </si>
  <si>
    <t>chah dhaban wala phoolnagar</t>
  </si>
  <si>
    <t>Phoolnagar</t>
  </si>
  <si>
    <t>Sarwarbegum</t>
  </si>
  <si>
    <t>45559</t>
  </si>
  <si>
    <t>52819</t>
  </si>
  <si>
    <t>GGPS GIANA 3 SP</t>
  </si>
  <si>
    <t>Giana 3sp</t>
  </si>
  <si>
    <t>Govt Girls Primary School Giana 3sp</t>
  </si>
  <si>
    <t>FARIDA BANO</t>
  </si>
  <si>
    <t>45561</t>
  </si>
  <si>
    <t>42210</t>
  </si>
  <si>
    <t>GMPS PARCHAN P/O KOTLI SATTIAN</t>
  </si>
  <si>
    <t>Perchhan</t>
  </si>
  <si>
    <t>village perchan</t>
  </si>
  <si>
    <t>Sumaira Khatoon</t>
  </si>
  <si>
    <t>45563</t>
  </si>
  <si>
    <t>GPS SULTAN LASHARI</t>
  </si>
  <si>
    <t>Muza Basti Sultan Lashari</t>
  </si>
  <si>
    <t>GPS sultan lashari muza basti sultan lashari</t>
  </si>
  <si>
    <t>Sultan Lashari</t>
  </si>
  <si>
    <t>Jabuwana</t>
  </si>
  <si>
    <t>tasneem ahsan khan</t>
  </si>
  <si>
    <t>45564</t>
  </si>
  <si>
    <t>38032</t>
  </si>
  <si>
    <t>GPS GUDPUR MOUZA LY WAHIN</t>
  </si>
  <si>
    <t>Lai Wahin</t>
  </si>
  <si>
    <t>Lai Wahin Lodhran</t>
  </si>
  <si>
    <t>Bsti Dhana</t>
  </si>
  <si>
    <t>Dera Jand</t>
  </si>
  <si>
    <t>GPS TALIM UL ISLAM SHUMALI MOHALLA</t>
  </si>
  <si>
    <t>Shumali Mohallah</t>
  </si>
  <si>
    <t>shumali mohallah jhelum</t>
  </si>
  <si>
    <t>Muhammad Jamil Ahmed</t>
  </si>
  <si>
    <t>20969</t>
  </si>
  <si>
    <t>GGPS CHAK NO.86/F-A</t>
  </si>
  <si>
    <t>86F/A</t>
  </si>
  <si>
    <t>Govt girls primary school 86F/A</t>
  </si>
  <si>
    <t>71F</t>
  </si>
  <si>
    <t>45568</t>
  </si>
  <si>
    <t>GPS BALOCHAN WALI</t>
  </si>
  <si>
    <t>Po belay wala basti badoi, teh jatoi dist Muzaffargarh</t>
  </si>
  <si>
    <t>Basti Badoi</t>
  </si>
  <si>
    <t>Nadir Ahmad</t>
  </si>
  <si>
    <t>GGES 425 TDA</t>
  </si>
  <si>
    <t>chak no 425/TDA tehsil and district layyah</t>
  </si>
  <si>
    <t>CHAK NO 425 /TDA</t>
  </si>
  <si>
    <t>Shafqat Asia Hameed</t>
  </si>
  <si>
    <t>42755</t>
  </si>
  <si>
    <t>GGPS DADWAL</t>
  </si>
  <si>
    <t>Dadwal</t>
  </si>
  <si>
    <t>village dadwal p/o sukho teh gujarhan distt rawalpindi</t>
  </si>
  <si>
    <t>46772</t>
  </si>
  <si>
    <t>51461</t>
  </si>
  <si>
    <t>GPS NASIR KHAN PO PAKPATTAN</t>
  </si>
  <si>
    <t>Chak Nasir khan</t>
  </si>
  <si>
    <t>Chak nasir khan</t>
  </si>
  <si>
    <t>Shehzada Gul Khan</t>
  </si>
  <si>
    <t>GPS BASTI JALIL P/O BASTI JALIL</t>
  </si>
  <si>
    <t>Jalil</t>
  </si>
  <si>
    <t>basti jalil</t>
  </si>
  <si>
    <t>Basti Jalil</t>
  </si>
  <si>
    <t>Muhammad amir</t>
  </si>
  <si>
    <t>po box kandwal</t>
  </si>
  <si>
    <t>46936</t>
  </si>
  <si>
    <t>GGPS BOSTAN ABAD</t>
  </si>
  <si>
    <t>wanda araian wala trag shrif</t>
  </si>
  <si>
    <t>Imtiaz Fatma</t>
  </si>
  <si>
    <t>23538</t>
  </si>
  <si>
    <t>GGPS QAZI BAQAR</t>
  </si>
  <si>
    <t>Qazi Baqir</t>
  </si>
  <si>
    <t>GGPS qazi baqir</t>
  </si>
  <si>
    <t>50816</t>
  </si>
  <si>
    <t>44207</t>
  </si>
  <si>
    <t>chakora vpo kallar kahar teh.kallar kahar distt chakwal</t>
  </si>
  <si>
    <t>GPS KOTLA HAMAL</t>
  </si>
  <si>
    <t>Chak Ladh</t>
  </si>
  <si>
    <t>chak ladh Basti Achan shah</t>
  </si>
  <si>
    <t>27732</t>
  </si>
  <si>
    <t>GPS EISER</t>
  </si>
  <si>
    <t>Eiser</t>
  </si>
  <si>
    <t>eisar</t>
  </si>
  <si>
    <t>46794</t>
  </si>
  <si>
    <t>GGPS CHAK 239 GB I JARANWALA</t>
  </si>
  <si>
    <t>Gulhar</t>
  </si>
  <si>
    <t>Govt Girls Primary School 239 GB 1</t>
  </si>
  <si>
    <t>GPS CHAH BITTIAN 34/WB</t>
  </si>
  <si>
    <t>34 Wb Chah Bitian</t>
  </si>
  <si>
    <t>Chak No. 34/WB Chah Bitian</t>
  </si>
  <si>
    <t>GPS 34/WB</t>
  </si>
  <si>
    <t>Chak No 34/WB</t>
  </si>
  <si>
    <t>26622</t>
  </si>
  <si>
    <t>46796</t>
  </si>
  <si>
    <t>48119</t>
  </si>
  <si>
    <t>GES MIANI</t>
  </si>
  <si>
    <t>Committee road, Miani</t>
  </si>
  <si>
    <t>FAIZAN ALI</t>
  </si>
  <si>
    <t>GPS 147 WB</t>
  </si>
  <si>
    <t>147/Wb</t>
  </si>
  <si>
    <t>Chuck no147/wb</t>
  </si>
  <si>
    <t>Chuck147wb</t>
  </si>
  <si>
    <t>Muhammad Nazar</t>
  </si>
  <si>
    <t>Electeric water cooler</t>
  </si>
  <si>
    <t>GPS CHAK NO.68/DB (E)</t>
  </si>
  <si>
    <t>68db</t>
  </si>
  <si>
    <t>Chak 68 db east tehsil yazman</t>
  </si>
  <si>
    <t>Chak68 Db E</t>
  </si>
  <si>
    <t>Ali Hussain</t>
  </si>
  <si>
    <t>51178</t>
  </si>
  <si>
    <t>GGPS 185/9-L EAST</t>
  </si>
  <si>
    <t>DERA-RAHIM-A-FEMALE</t>
  </si>
  <si>
    <t>CHAK NO. 185/9-L (EAST)</t>
  </si>
  <si>
    <t>185/9-L(EAST)</t>
  </si>
  <si>
    <t>Zareena Hameed</t>
  </si>
  <si>
    <t>48678</t>
  </si>
  <si>
    <t>GGPS DAL WALA TEH. JALALPUR PIRWALA</t>
  </si>
  <si>
    <t>Shujaat Pur</t>
  </si>
  <si>
    <t>Basti Pladh Pur</t>
  </si>
  <si>
    <t>Pladh Pur</t>
  </si>
  <si>
    <t>shujat pur</t>
  </si>
  <si>
    <t>Sobia Saeed</t>
  </si>
  <si>
    <t>44815</t>
  </si>
  <si>
    <t>GPS SARGANI</t>
  </si>
  <si>
    <t>Basti Sargani P/O Notak Teh&amp;Disst Bhakkar</t>
  </si>
  <si>
    <t>Ranawahin</t>
  </si>
  <si>
    <t>Mouza Ranawahin</t>
  </si>
  <si>
    <t>GGES 33-1 AL</t>
  </si>
  <si>
    <t>33 1AL</t>
  </si>
  <si>
    <t>GGES 33 1AL</t>
  </si>
  <si>
    <t>331AL</t>
  </si>
  <si>
    <t>33 1-AL</t>
  </si>
  <si>
    <t>Fozia  Shaukat</t>
  </si>
  <si>
    <t>GPS KOT WALI MUHAMMAD</t>
  </si>
  <si>
    <t>Sikhani Wala</t>
  </si>
  <si>
    <t>u/s sikhani wala tehseel and district rajan pur</t>
  </si>
  <si>
    <t>Sadaqat Hussain</t>
  </si>
  <si>
    <t>GMPS BIR KHARANA</t>
  </si>
  <si>
    <t>Birkharana</t>
  </si>
  <si>
    <t>vill birkharana p/o sarsal tehsil kharian dist.gjrat</t>
  </si>
  <si>
    <t>Hassanpathan</t>
  </si>
  <si>
    <t>shabana kousar</t>
  </si>
  <si>
    <t>13288</t>
  </si>
  <si>
    <t>24288</t>
  </si>
  <si>
    <t>46417</t>
  </si>
  <si>
    <t>47422</t>
  </si>
  <si>
    <t>GGPS DINEY WALA</t>
  </si>
  <si>
    <t>Diney Wala</t>
  </si>
  <si>
    <t>Mian Diney Wala p/o shadia</t>
  </si>
  <si>
    <t>WA Bhachran 2</t>
  </si>
  <si>
    <t>Tahira Khan</t>
  </si>
  <si>
    <t>21471</t>
  </si>
  <si>
    <t>GPS KHAN PIARA</t>
  </si>
  <si>
    <t>Khanpiara</t>
  </si>
  <si>
    <t>khanpiara</t>
  </si>
  <si>
    <t>Mohammed Aslam</t>
  </si>
  <si>
    <t>51939</t>
  </si>
  <si>
    <t>GPS 339 EB</t>
  </si>
  <si>
    <t>339E/B</t>
  </si>
  <si>
    <t>chak no 339 E/B Arifwala</t>
  </si>
  <si>
    <t>339 E/B</t>
  </si>
  <si>
    <t>351 E/B</t>
  </si>
  <si>
    <t>46425</t>
  </si>
  <si>
    <t>8787</t>
  </si>
  <si>
    <t>GHS BATHI</t>
  </si>
  <si>
    <t>BATHI</t>
  </si>
  <si>
    <t>VILLAGE BATHI P/O JHOKE BODO TEHSIL TAUNSA (TRIBAL AREA) DISTRICT D.G.KHAN</t>
  </si>
  <si>
    <t>ILYAS AHMAD</t>
  </si>
  <si>
    <t>WATER SUPPLY NATURAL FLOW</t>
  </si>
  <si>
    <t>GES CHAK NO.105/ML</t>
  </si>
  <si>
    <t>98/Ml</t>
  </si>
  <si>
    <t>Chack No 105/ML Tehsil krore district layyah</t>
  </si>
  <si>
    <t>105/Ml</t>
  </si>
  <si>
    <t>Muhammad irfan ali</t>
  </si>
  <si>
    <t>42395</t>
  </si>
  <si>
    <t>GES CHEHARY BANGIAL</t>
  </si>
  <si>
    <t>Chehary Bangial</t>
  </si>
  <si>
    <t>G.E.S Cehari Bangial</t>
  </si>
  <si>
    <t>Muhammad  Sarfraz</t>
  </si>
  <si>
    <t>GPS HAFIZ GHULAM HUSSAIN SANDILA</t>
  </si>
  <si>
    <t>Pakka Sandila</t>
  </si>
  <si>
    <t>besti ghulam Hussain bait shori</t>
  </si>
  <si>
    <t>Besti Ghulam Hussain</t>
  </si>
  <si>
    <t>Abdul Sami</t>
  </si>
  <si>
    <t>27962</t>
  </si>
  <si>
    <t>GMPS DHOK SHAHANI</t>
  </si>
  <si>
    <t>Dhok Shahani</t>
  </si>
  <si>
    <t>vpo Dhok shahani T/D mndibahauddin</t>
  </si>
  <si>
    <t>Dhok shahani</t>
  </si>
  <si>
    <t>Rakh Baloch Klaan</t>
  </si>
  <si>
    <t>Tahira Hussain</t>
  </si>
  <si>
    <t>GES FATEH KHAN WALA</t>
  </si>
  <si>
    <t>chah fateh khan wala</t>
  </si>
  <si>
    <t>Fateh Khanwala</t>
  </si>
  <si>
    <t>Alikhel</t>
  </si>
  <si>
    <t>GMPS BAGH WALI</t>
  </si>
  <si>
    <t>Govt Model Primary school Bagh Wali</t>
  </si>
  <si>
    <t>Jamila Bi Bi</t>
  </si>
  <si>
    <t>GGMPS JARPAL</t>
  </si>
  <si>
    <t>46292</t>
  </si>
  <si>
    <t>GPS BAKHSHISH GARH MULTAN</t>
  </si>
  <si>
    <t>Bakhshish Garh</t>
  </si>
  <si>
    <t>GPS BAKHSHISH GARH Mattital road Multan</t>
  </si>
  <si>
    <t>43866</t>
  </si>
  <si>
    <t>GPS CHOKERA</t>
  </si>
  <si>
    <t>Akwal</t>
  </si>
  <si>
    <t>Chokera VPO  Akwal Tehsil Talagang</t>
  </si>
  <si>
    <t>YASIR JABBAR KHAN</t>
  </si>
  <si>
    <t>47453</t>
  </si>
  <si>
    <t>GGPS ZAHID KHELAN WALA</t>
  </si>
  <si>
    <t>G.G.P/S Zahidkhelanwala</t>
  </si>
  <si>
    <t>GPS NO 2 BHOWANA</t>
  </si>
  <si>
    <t>Ward No 8 Bhowana</t>
  </si>
  <si>
    <t>Municipal Committy Bhowana</t>
  </si>
  <si>
    <t>13437</t>
  </si>
  <si>
    <t>GES BASTI CHHINA</t>
  </si>
  <si>
    <t>Basti Cheena Tehsil Jampur District Rajanpur</t>
  </si>
  <si>
    <t>49573</t>
  </si>
  <si>
    <t>GGPS AQIL SHAH KHURD</t>
  </si>
  <si>
    <t>village aqil shah khurd shahpur sadar</t>
  </si>
  <si>
    <t>Aqil Shah Klan</t>
  </si>
  <si>
    <t>GGPS SALMAN KHAN LANGA</t>
  </si>
  <si>
    <t>moosa nagar</t>
  </si>
  <si>
    <t>Mosa Nagar</t>
  </si>
  <si>
    <t>malik wala dunya pur district lodhran</t>
  </si>
  <si>
    <t>Dahi 41</t>
  </si>
  <si>
    <t>Hafiz Abdul Rauf</t>
  </si>
  <si>
    <t>GGPS GANNO KHANI</t>
  </si>
  <si>
    <t>Rao Siddique town ,rakh Kot Mithan ,nazd Rojhan road.</t>
  </si>
  <si>
    <t>Siddique Town</t>
  </si>
  <si>
    <t>SHAMIM ASAD</t>
  </si>
  <si>
    <t>GES RAILWAY COLONY KUNDIAN</t>
  </si>
  <si>
    <t>Mc Kundian</t>
  </si>
  <si>
    <t>ZAFAR ALAM</t>
  </si>
  <si>
    <t>46312</t>
  </si>
  <si>
    <t>37833</t>
  </si>
  <si>
    <t>GMPS 115/10-R JADEED, JAHANIAN</t>
  </si>
  <si>
    <t>Rheem Shah</t>
  </si>
  <si>
    <t>GovtModelprimaryschool 115/10.r jadaad</t>
  </si>
  <si>
    <t>115/10r Jadeed</t>
  </si>
  <si>
    <t>115/10r</t>
  </si>
  <si>
    <t>Shahida Parveen Akhtar</t>
  </si>
  <si>
    <t>GPS BASTI QUMAHRAN</t>
  </si>
  <si>
    <t>Chan nawa moza Hussain a bad lodhran</t>
  </si>
  <si>
    <t>Chah Nawa</t>
  </si>
  <si>
    <t>Dear Jand</t>
  </si>
  <si>
    <t>GPS SAID-I-WALI</t>
  </si>
  <si>
    <t>Saiday Wali</t>
  </si>
  <si>
    <t>Gill Wala tehsil wazirabad</t>
  </si>
  <si>
    <t>Ahmad Nager</t>
  </si>
  <si>
    <t>Walait Ahmad</t>
  </si>
  <si>
    <t>46321</t>
  </si>
  <si>
    <t>GES MAHARAN</t>
  </si>
  <si>
    <t>Ghulamu Mahar</t>
  </si>
  <si>
    <t>Basti maharan Mouza ghulamu Mahar PO musafir khana</t>
  </si>
  <si>
    <t>Maharan</t>
  </si>
  <si>
    <t>Taj Muhammad Khaleeq</t>
  </si>
  <si>
    <t>46324</t>
  </si>
  <si>
    <t>GES CHAK NO.311 EB</t>
  </si>
  <si>
    <t>chak no.311/E.B tehsil Burewala District Vehari</t>
  </si>
  <si>
    <t>311/EB</t>
  </si>
  <si>
    <t>28679</t>
  </si>
  <si>
    <t>GPS CHAH SIRAJAN WALA</t>
  </si>
  <si>
    <t>chah sirajan wala</t>
  </si>
  <si>
    <t>Chah Sirajan wala chunian kasur</t>
  </si>
  <si>
    <t>Chah Sirajan Wala</t>
  </si>
  <si>
    <t>Chunian Hithar</t>
  </si>
  <si>
    <t>46326</t>
  </si>
  <si>
    <t>GPS AINOWAL</t>
  </si>
  <si>
    <t>Ainowal</t>
  </si>
  <si>
    <t>VPO AINOWAL TEHSIL AND DISTRICT M.B.DIN</t>
  </si>
  <si>
    <t>Qaiser Altaf</t>
  </si>
  <si>
    <t>46329</t>
  </si>
  <si>
    <t>GGES UMAR WALI</t>
  </si>
  <si>
    <t>p/o Umar wali teh. Kallur kot distt. Bhakkar</t>
  </si>
  <si>
    <t>Maibal Dagger</t>
  </si>
  <si>
    <t>Salma Shahid</t>
  </si>
  <si>
    <t>GGES MALHA</t>
  </si>
  <si>
    <t>Govt. Girls Elementary School Mala</t>
  </si>
  <si>
    <t>Adiba Dilawar</t>
  </si>
  <si>
    <t>30596</t>
  </si>
  <si>
    <t>46332</t>
  </si>
  <si>
    <t>GES SABAY WALA</t>
  </si>
  <si>
    <t>sabaywala khas tehsil jatoi dist. muzaffar garh</t>
  </si>
  <si>
    <t>Irfan Ullah Tariq</t>
  </si>
  <si>
    <t>GMPS KIRANWALA KHAS</t>
  </si>
  <si>
    <t>Government modal primary school keeranwala khas</t>
  </si>
  <si>
    <t>Keeranwala Khas</t>
  </si>
  <si>
    <t>Nazia bashir</t>
  </si>
  <si>
    <t>14089</t>
  </si>
  <si>
    <t>GGPS MEHAR ABAD KACHI MANDI</t>
  </si>
  <si>
    <t>TC LQP</t>
  </si>
  <si>
    <t>ggpsmahra abad</t>
  </si>
  <si>
    <t>Mahra Abad</t>
  </si>
  <si>
    <t>MC Liaquat Pur</t>
  </si>
  <si>
    <t>30592</t>
  </si>
  <si>
    <t>GGPS STANDARD CHILDREN DHARAM PURA</t>
  </si>
  <si>
    <t>Aziz Batti Town</t>
  </si>
  <si>
    <t>Govt Standard Children primary school street no,6 Mustafabad lahore</t>
  </si>
  <si>
    <t>Samina Gillani</t>
  </si>
  <si>
    <t>GGMPS ODERAH</t>
  </si>
  <si>
    <t>Oderah</t>
  </si>
  <si>
    <t>oderah shakargarh</t>
  </si>
  <si>
    <t>Samaira Afzal</t>
  </si>
  <si>
    <t>GPS MOHALLA GOLAY KHAIL</t>
  </si>
  <si>
    <t>P/o Rangpur baghoor tehsil noorpur district khushab</t>
  </si>
  <si>
    <t>46339</t>
  </si>
  <si>
    <t>40355</t>
  </si>
  <si>
    <t>GPS LILLA GUNJ</t>
  </si>
  <si>
    <t>Lilla Guj</t>
  </si>
  <si>
    <t>Lilla guj po Lilla Town Tehsil pdk District Jhelum</t>
  </si>
  <si>
    <t>GGES BASTI JATKI</t>
  </si>
  <si>
    <t>basti jatki khanpur</t>
  </si>
  <si>
    <t>Basti Jatki</t>
  </si>
  <si>
    <t>72 C</t>
  </si>
  <si>
    <t>Shagufta Manzoor</t>
  </si>
  <si>
    <t>48362</t>
  </si>
  <si>
    <t>GPS CHHANI RAHMAT KHAN</t>
  </si>
  <si>
    <t>channi rehmat khan</t>
  </si>
  <si>
    <t>dhori</t>
  </si>
  <si>
    <t>23817</t>
  </si>
  <si>
    <t>GMPS KOTLI LALA</t>
  </si>
  <si>
    <t>KOTLI Lala</t>
  </si>
  <si>
    <t>p.o box begowala, village Kotli lala, Tehsil Daska, District Sialkot</t>
  </si>
  <si>
    <t>Sidrah Riaz</t>
  </si>
  <si>
    <t>33017</t>
  </si>
  <si>
    <t>46878</t>
  </si>
  <si>
    <t>GGPS KOT CHANDNA</t>
  </si>
  <si>
    <t>mohala nasar khel ggps kotchandna</t>
  </si>
  <si>
    <t>46354</t>
  </si>
  <si>
    <t>29873</t>
  </si>
  <si>
    <t>GGPS DHALWAN</t>
  </si>
  <si>
    <t>Dhalwan</t>
  </si>
  <si>
    <t>government girls primary school dhalwan</t>
  </si>
  <si>
    <t>49959</t>
  </si>
  <si>
    <t>GPS NO.2 JAROLA</t>
  </si>
  <si>
    <t>bhinder town farooka</t>
  </si>
  <si>
    <t>Bhinder Town</t>
  </si>
  <si>
    <t>39677</t>
  </si>
  <si>
    <t>GGPS DHOK NAZAR ABAD DAKHLI CHAPPRI</t>
  </si>
  <si>
    <t>Dhok Nazarabad</t>
  </si>
  <si>
    <t>Dhok nazarabad Dakhli chapri</t>
  </si>
  <si>
    <t>46359</t>
  </si>
  <si>
    <t>GPS SAGO BHAGO</t>
  </si>
  <si>
    <t>Sago Bhago</t>
  </si>
  <si>
    <t>sago bhago</t>
  </si>
  <si>
    <t>Muhammad Arfat Akbar</t>
  </si>
  <si>
    <t>GPS KHAN JAWAN</t>
  </si>
  <si>
    <t>Khan Jawan</t>
  </si>
  <si>
    <t>c-plot, Khan jawan, Pirmahal.</t>
  </si>
  <si>
    <t>c-plot</t>
  </si>
  <si>
    <t>C-Plot</t>
  </si>
  <si>
    <t>Allah Ditta Anjum</t>
  </si>
  <si>
    <t>46362</t>
  </si>
  <si>
    <t>GPS LAHI FAZAL SHAH</t>
  </si>
  <si>
    <t>Chack Lahi Fazal  Shah</t>
  </si>
  <si>
    <t>chack lahi fazal shah p/o baba farid sugar mill okara</t>
  </si>
  <si>
    <t>Meerk</t>
  </si>
  <si>
    <t>15511</t>
  </si>
  <si>
    <t>GPS 198 GB</t>
  </si>
  <si>
    <t>Aadi</t>
  </si>
  <si>
    <t>chak no 198 G B Tehsil Samundari Disst Faisal abad</t>
  </si>
  <si>
    <t>198 G B</t>
  </si>
  <si>
    <t>Muhammad Azhar Rafiq</t>
  </si>
  <si>
    <t>GMPS NAKKE WAL</t>
  </si>
  <si>
    <t>Nakkaywal</t>
  </si>
  <si>
    <t>P.O.Nakkewal Tehsile.Malakwal</t>
  </si>
  <si>
    <t>Nakkewal</t>
  </si>
  <si>
    <t>Fazeelat Rani</t>
  </si>
  <si>
    <t>GES BANGISH COLONY PIR WADHI</t>
  </si>
  <si>
    <t>BANGUSH COLONY</t>
  </si>
  <si>
    <t>BANGUSH COLONY PIRWADHAI</t>
  </si>
  <si>
    <t>NADEEM AHMED</t>
  </si>
  <si>
    <t>GPS BAKHSHAN WALA</t>
  </si>
  <si>
    <t>Fateh Pur Janobill</t>
  </si>
  <si>
    <t>basti gopang fateh pur Janobi ll</t>
  </si>
  <si>
    <t>51673</t>
  </si>
  <si>
    <t>GGPS 38 SP</t>
  </si>
  <si>
    <t>38/sp</t>
  </si>
  <si>
    <t>Post office Ch  No 39/s.p Ch #38/s.p</t>
  </si>
  <si>
    <t>Muse Wal</t>
  </si>
  <si>
    <t>Khadija B B</t>
  </si>
  <si>
    <t>GPS BULA</t>
  </si>
  <si>
    <t>village boola p. o buchal kalan kallar kahar chakwal</t>
  </si>
  <si>
    <t>46379</t>
  </si>
  <si>
    <t>Rerh</t>
  </si>
  <si>
    <t>muza rerh</t>
  </si>
  <si>
    <t>Nasrullah Khan Tahir</t>
  </si>
  <si>
    <t>13005</t>
  </si>
  <si>
    <t>46380</t>
  </si>
  <si>
    <t>GES 2/SP CHANBA</t>
  </si>
  <si>
    <t>2/Sp</t>
  </si>
  <si>
    <t>2/sp chanba P/O Haveli Lakha Teh. Depalpur (Okara)</t>
  </si>
  <si>
    <t>2/Sp Chanba</t>
  </si>
  <si>
    <t>3/Sp</t>
  </si>
  <si>
    <t>Muhammad Saleem Chisht Chishti</t>
  </si>
  <si>
    <t>32240</t>
  </si>
  <si>
    <t>46381</t>
  </si>
  <si>
    <t>GPS PINDI BORA</t>
  </si>
  <si>
    <t>pindi bora</t>
  </si>
  <si>
    <t>pindi bora post office metha lak tehsil and district sargodha</t>
  </si>
  <si>
    <t>Pindi Bora</t>
  </si>
  <si>
    <t>jura sakesar</t>
  </si>
  <si>
    <t>Hafiz Muhammad Ishaq</t>
  </si>
  <si>
    <t>13553</t>
  </si>
  <si>
    <t>46384</t>
  </si>
  <si>
    <t>GGES SURBA</t>
  </si>
  <si>
    <t>Surba</t>
  </si>
  <si>
    <t>village&amp; PO Surba via karore</t>
  </si>
  <si>
    <t>Shazma Awais</t>
  </si>
  <si>
    <t>pipelines</t>
  </si>
  <si>
    <t>GPS SALIK ABAD</t>
  </si>
  <si>
    <t>govt p/s salikabad mouza alampur</t>
  </si>
  <si>
    <t>Salikabad</t>
  </si>
  <si>
    <t>18363</t>
  </si>
  <si>
    <t>GGPS WASSAN WALA</t>
  </si>
  <si>
    <t>Doori Gondal</t>
  </si>
  <si>
    <t>moza doori gondal ggps wasan wala</t>
  </si>
  <si>
    <t>Wasan Wala</t>
  </si>
  <si>
    <t>Memuna Akhtar</t>
  </si>
  <si>
    <t>31802</t>
  </si>
  <si>
    <t>GGES MEHTASUJA</t>
  </si>
  <si>
    <t>Mehtasuja</t>
  </si>
  <si>
    <t>mehtasuja</t>
  </si>
  <si>
    <t>Mehtadujha</t>
  </si>
  <si>
    <t>Uc Mehtasuja</t>
  </si>
  <si>
    <t>Farhat Bano Kazmi</t>
  </si>
  <si>
    <t>GPS CHAK NO.100/DB</t>
  </si>
  <si>
    <t>chak no 100db</t>
  </si>
  <si>
    <t>Chak No 100db</t>
  </si>
  <si>
    <t>Chak No 106db</t>
  </si>
  <si>
    <t>Hafeez Asghar</t>
  </si>
  <si>
    <t>46634</t>
  </si>
  <si>
    <t>GGPS MC KOT PEERAN KASUR</t>
  </si>
  <si>
    <t>kot peeran kasur</t>
  </si>
  <si>
    <t>Kot Peeran</t>
  </si>
  <si>
    <t>Sumaira Tabasum</t>
  </si>
  <si>
    <t>21119</t>
  </si>
  <si>
    <t>GPS DAHANEY WALA CHAK GARJI WALA</t>
  </si>
  <si>
    <t>GPS Dahany Wala</t>
  </si>
  <si>
    <t>Girgi Wala</t>
  </si>
  <si>
    <t>Muhammad Javed Bashir</t>
  </si>
  <si>
    <t>GES NAHAR WALA</t>
  </si>
  <si>
    <t>Chah kabiray wala mauza gajjani near baig chauk</t>
  </si>
  <si>
    <t>Kabiray Wala</t>
  </si>
  <si>
    <t>GPS SHAHPUR CITY</t>
  </si>
  <si>
    <t>ward no 3 shahpur city</t>
  </si>
  <si>
    <t>Syed Ijaz Hussain Shah</t>
  </si>
  <si>
    <t>GPS MODEL HYDERABAD</t>
  </si>
  <si>
    <t>village hyderabad</t>
  </si>
  <si>
    <t>Azmeer Town</t>
  </si>
  <si>
    <t>Saadia Anwer</t>
  </si>
  <si>
    <t>Shehni Shumali</t>
  </si>
  <si>
    <t>Basti basira p/o khan bela jalal pur peer wala</t>
  </si>
  <si>
    <t>Basti Basira</t>
  </si>
  <si>
    <t>43003</t>
  </si>
  <si>
    <t>GGPS MAWA DHAMIAL</t>
  </si>
  <si>
    <t>Dhoke Mawa Dhamyal P.O Kallar syedan  Teh Kallar syedan Dist Rwp</t>
  </si>
  <si>
    <t>Mawa Dhamyal</t>
  </si>
  <si>
    <t>Asma Ayub</t>
  </si>
  <si>
    <t>44031</t>
  </si>
  <si>
    <t>GPS DATWAL P/O TAMMAN</t>
  </si>
  <si>
    <t>Datwal Janubi, VPO Dholar, Tehsil Talagang, Distt Chakwal</t>
  </si>
  <si>
    <t>Datwal Janobi</t>
  </si>
  <si>
    <t>Tamoor Iqbal</t>
  </si>
  <si>
    <t>GPS CHAINIAN WALA</t>
  </si>
  <si>
    <t>Chenian wala</t>
  </si>
  <si>
    <t>chenian wala tehseel o zila hafizabad</t>
  </si>
  <si>
    <t>Hafizsaleem Muhammad Saleem</t>
  </si>
  <si>
    <t>GES LODIA</t>
  </si>
  <si>
    <t>Lodia</t>
  </si>
  <si>
    <t>Moza Lodia Tehsil Bhowana District Chiniot</t>
  </si>
  <si>
    <t>GGPS BALLO PIND</t>
  </si>
  <si>
    <t>Ballo Pind</t>
  </si>
  <si>
    <t>GGHS DODHA</t>
  </si>
  <si>
    <t>dodha teh kotmoman sargodha</t>
  </si>
  <si>
    <t>Samra Ishaq</t>
  </si>
  <si>
    <t>GGPS BUMBLY</t>
  </si>
  <si>
    <t>village bumbly tehsil phalia district m.b.din</t>
  </si>
  <si>
    <t>bumbly</t>
  </si>
  <si>
    <t>dogul</t>
  </si>
  <si>
    <t>Maria Zaman</t>
  </si>
  <si>
    <t>46463</t>
  </si>
  <si>
    <t>GPS SHAHEED MARD GHAZI</t>
  </si>
  <si>
    <t>Sabai Wala</t>
  </si>
  <si>
    <t>Basti Danwar UC Sabay Wala Tehsil Jatoi</t>
  </si>
  <si>
    <t>Basti Danwar</t>
  </si>
  <si>
    <t>Muhammad Ramiz Murtaza</t>
  </si>
  <si>
    <t>GES SUKHEKI GOWN</t>
  </si>
  <si>
    <t>Sukheke Gaun</t>
  </si>
  <si>
    <t>Lahore sargodha road choki sukheke</t>
  </si>
  <si>
    <t>Choki Sukheke</t>
  </si>
  <si>
    <t>MC Sukheke Mandi</t>
  </si>
  <si>
    <t>Nasir Ali Bhatti</t>
  </si>
  <si>
    <t>40327</t>
  </si>
  <si>
    <t>GGES KOT UMMAR</t>
  </si>
  <si>
    <t>Kot Ummar</t>
  </si>
  <si>
    <t>village kot ummar</t>
  </si>
  <si>
    <t>Samira Faiz</t>
  </si>
  <si>
    <t>15707</t>
  </si>
  <si>
    <t>GGPS CHAK NO. 138/ML</t>
  </si>
  <si>
    <t>138ml</t>
  </si>
  <si>
    <t>ggps Chak no.138ml tehsil kot addu district muzzafargarh</t>
  </si>
  <si>
    <t>Chak No138 Ml</t>
  </si>
  <si>
    <t>Zukfikarabad</t>
  </si>
  <si>
    <t>Saba Arfat</t>
  </si>
  <si>
    <t>50781</t>
  </si>
  <si>
    <t>GGHS 81/5-R</t>
  </si>
  <si>
    <t>81/5-R</t>
  </si>
  <si>
    <t>chak no 81/5-R sahiwal</t>
  </si>
  <si>
    <t>Waheed Akhter</t>
  </si>
  <si>
    <t>GPS CHITTI GORAYA</t>
  </si>
  <si>
    <t>Chitti Goraya</t>
  </si>
  <si>
    <t>chitti Goraya Teh Nowshehra virkan district Gujranwala</t>
  </si>
  <si>
    <t>BUDHA Goraya</t>
  </si>
  <si>
    <t>46471</t>
  </si>
  <si>
    <t>GGPS SHAMSA CHEEMA</t>
  </si>
  <si>
    <t>Shamsa</t>
  </si>
  <si>
    <t>village shamsa cheema tehsil daska disstt sialkot</t>
  </si>
  <si>
    <t>Shamsa Cheema</t>
  </si>
  <si>
    <t>Maina Shahzadi</t>
  </si>
  <si>
    <t>GPS CHEEMA COLONY</t>
  </si>
  <si>
    <t>Cheema Colony</t>
  </si>
  <si>
    <t>cheema colony wazirabad</t>
  </si>
  <si>
    <t>39708</t>
  </si>
  <si>
    <t>GGPS DAMAL</t>
  </si>
  <si>
    <t>Damal</t>
  </si>
  <si>
    <t>VPO Damal, Tehsil Jand, District Attock</t>
  </si>
  <si>
    <t>Nusrat Nawaz</t>
  </si>
  <si>
    <t>46476</t>
  </si>
  <si>
    <t>GGPS KHOOH MEHRAN WALA</t>
  </si>
  <si>
    <t>khooh mehran wala</t>
  </si>
  <si>
    <t>Khooh Mehran Wala</t>
  </si>
  <si>
    <t>GPS CHAH KACHA</t>
  </si>
  <si>
    <t>Haidarabad</t>
  </si>
  <si>
    <t>chah kacha</t>
  </si>
  <si>
    <t>Chah Kacha</t>
  </si>
  <si>
    <t>Abdul Razaq Shah</t>
  </si>
  <si>
    <t>45422</t>
  </si>
  <si>
    <t>GPS CHAK 318/HR</t>
  </si>
  <si>
    <t>318/hr</t>
  </si>
  <si>
    <t>P/O maroot, check # 318/ hr maroot teh:fortabbas dist:bahawalnager</t>
  </si>
  <si>
    <t>Maroot 319/hr</t>
  </si>
  <si>
    <t>GGPS NAWAB WALA</t>
  </si>
  <si>
    <t>Kuksan Abad</t>
  </si>
  <si>
    <t>ggps nawab wala markaz saray siddhu</t>
  </si>
  <si>
    <t>Nawab Wala</t>
  </si>
  <si>
    <t>Nighat Rose</t>
  </si>
  <si>
    <t>GES CHAK NO.49 TDA</t>
  </si>
  <si>
    <t>Chak No 49 Tda</t>
  </si>
  <si>
    <t>49 tda  Bhakkar</t>
  </si>
  <si>
    <t>Chak no 49 Tda</t>
  </si>
  <si>
    <t>Chak No  45 Tda</t>
  </si>
  <si>
    <t>46789</t>
  </si>
  <si>
    <t>GPS MUQEEM COLONY</t>
  </si>
  <si>
    <t>Village and P/O Sultan khel Tehsil isa khel District Mianwali</t>
  </si>
  <si>
    <t>GES DERA MALLA SINGH</t>
  </si>
  <si>
    <t>Dera Malla Singh</t>
  </si>
  <si>
    <t>Dera Mallah Singh,Tehsil &amp; Dist. Sheikhupura</t>
  </si>
  <si>
    <t>Dera Mallah Singh</t>
  </si>
  <si>
    <t>GGPS ANGOORA FARM NO 1</t>
  </si>
  <si>
    <t>Khary Wala</t>
  </si>
  <si>
    <t>GGPS angura faram NO:1</t>
  </si>
  <si>
    <t>Angura Faram</t>
  </si>
  <si>
    <t>GGPS PAYARA KHAN</t>
  </si>
  <si>
    <t>GGPS PIYARAY KHAN BASTI PIYARAY KHAN LABANA KHAN PUR</t>
  </si>
  <si>
    <t>Basti Piyaray Khan</t>
  </si>
  <si>
    <t>Sumera Maqbool</t>
  </si>
  <si>
    <t>GPS MOZA RAHIM SHAH</t>
  </si>
  <si>
    <t>rahim shah</t>
  </si>
  <si>
    <t>Khizer amanet</t>
  </si>
  <si>
    <t>Chokaira</t>
  </si>
  <si>
    <t>Village Gulshan Barwal, PO Bilalabad, Tehsil Talagang, Distt Chakwal</t>
  </si>
  <si>
    <t>Gulshan Barwal</t>
  </si>
  <si>
    <t>Nabeela Masood</t>
  </si>
  <si>
    <t>46178</t>
  </si>
  <si>
    <t>48649</t>
  </si>
  <si>
    <t>GGPS MC NO.2 BHERA</t>
  </si>
  <si>
    <t>Mohallah parachgan bhera</t>
  </si>
  <si>
    <t>Fozia Hameed</t>
  </si>
  <si>
    <t>25069</t>
  </si>
  <si>
    <t>46182</t>
  </si>
  <si>
    <t>GPS HERDO SARAKHI</t>
  </si>
  <si>
    <t>Herdo Sarakhi</t>
  </si>
  <si>
    <t>Village Herdo Sarakhi P/o Miana Potha, Tehsil Gujar khan,  Distt Rawalpindi.</t>
  </si>
  <si>
    <t>46183</t>
  </si>
  <si>
    <t>38633</t>
  </si>
  <si>
    <t>GGPS 327 WB DUNYAPUR</t>
  </si>
  <si>
    <t>327 wb</t>
  </si>
  <si>
    <t>ggps 327 wbdunyapur9</t>
  </si>
  <si>
    <t>chak no. 327 wb</t>
  </si>
  <si>
    <t>chak no. 342 wb</t>
  </si>
  <si>
    <t>GES TEEN PURA</t>
  </si>
  <si>
    <t>Teen pura Dina Jhelum</t>
  </si>
  <si>
    <t>Muhammad Najeeb</t>
  </si>
  <si>
    <t>45868</t>
  </si>
  <si>
    <t>Mouza Habib Missan</t>
  </si>
  <si>
    <t>basti zafar abad mouza habib missan</t>
  </si>
  <si>
    <t>Zaafar Abad</t>
  </si>
  <si>
    <t>Jamrani Khona</t>
  </si>
  <si>
    <t>SYED MUHAMMAD NAEEM GILANI</t>
  </si>
  <si>
    <t>GGES DOGACH, BARKI ROAD LAHORE</t>
  </si>
  <si>
    <t>Dogaitch</t>
  </si>
  <si>
    <t>Dogaitch Town, Barki Road, Lahore Cantt.</t>
  </si>
  <si>
    <t>Guldshat Town</t>
  </si>
  <si>
    <t>Yasmin Chishty</t>
  </si>
  <si>
    <t>GPS NO. 2 BUCHAL KALAN</t>
  </si>
  <si>
    <t>BUCHAL KALAN</t>
  </si>
  <si>
    <t>REHAN MOHALLAH BUCHAL KALAN</t>
  </si>
  <si>
    <t>GPS GHARI KANDI</t>
  </si>
  <si>
    <t>ghari kandi</t>
  </si>
  <si>
    <t>mauza ghari kandi  ape bwp</t>
  </si>
  <si>
    <t>Hafiz Muhammad Javed</t>
  </si>
  <si>
    <t>13896</t>
  </si>
  <si>
    <t>GPS SINDH GABOL</t>
  </si>
  <si>
    <t>Sindh Gabol</t>
  </si>
  <si>
    <t>sindh Gabol</t>
  </si>
  <si>
    <t>GPS DHUNNI KALAN</t>
  </si>
  <si>
    <t>GPS Dhunni kalan P/O Same Tehsil Phalia District M.B Din</t>
  </si>
  <si>
    <t>Shoaib Munir</t>
  </si>
  <si>
    <t>GPS KANDOO WALA</t>
  </si>
  <si>
    <t>Kanduwala</t>
  </si>
  <si>
    <t>39333</t>
  </si>
  <si>
    <t>GMPS QILA KASRAN</t>
  </si>
  <si>
    <t>Qila Kasran</t>
  </si>
  <si>
    <t>qila kasran post office udhowali tehsil wazirabad dist gujranwala</t>
  </si>
  <si>
    <t>Noe Wala</t>
  </si>
  <si>
    <t>Zeenat Rani</t>
  </si>
  <si>
    <t>21675</t>
  </si>
  <si>
    <t>46773</t>
  </si>
  <si>
    <t>GES ALLAH KHEL</t>
  </si>
  <si>
    <t>Allah khail kamar mushani is a khail mianwali</t>
  </si>
  <si>
    <t>Hameedullah</t>
  </si>
  <si>
    <t>GGES MC RUKAN PURA KASUR</t>
  </si>
  <si>
    <t>GGMCES Rukan pura</t>
  </si>
  <si>
    <t>Bhasar Pura</t>
  </si>
  <si>
    <t>Robina</t>
  </si>
  <si>
    <t>GGCMS CHAK NO.69/F</t>
  </si>
  <si>
    <t>Chak 69f</t>
  </si>
  <si>
    <t>ggcmschak69f</t>
  </si>
  <si>
    <t>Shagufta Shamim-Un-Nisa</t>
  </si>
  <si>
    <t>46221</t>
  </si>
  <si>
    <t>GES CHIAN WALI</t>
  </si>
  <si>
    <t>Village CHIANWALI Pobox Satrah Tehsil Daska District Sialkot</t>
  </si>
  <si>
    <t>chianwali</t>
  </si>
  <si>
    <t>GPS NO.2 FAROOKA</t>
  </si>
  <si>
    <t>madina market Farooka</t>
  </si>
  <si>
    <t>GGES CHAH FATEH WALA</t>
  </si>
  <si>
    <t>Chah Fath E Wala</t>
  </si>
  <si>
    <t>chah fath e wala phool nagr by pass tehsil Pattoki district kasur</t>
  </si>
  <si>
    <t>Phool nagr</t>
  </si>
  <si>
    <t>Azmat Batool</t>
  </si>
  <si>
    <t>GPS 23 JB II</t>
  </si>
  <si>
    <t>23 JB Noon Bhatti</t>
  </si>
  <si>
    <t>Chak No 23 JB Noon Bhatti</t>
  </si>
  <si>
    <t>Cahk No 20 JB Khankey</t>
  </si>
  <si>
    <t>Afzal Haq</t>
  </si>
  <si>
    <t>GPS CHAK NO. 19 MB</t>
  </si>
  <si>
    <t>Chak No 19MB</t>
  </si>
  <si>
    <t>V.Chak No.19MB P/O Chak No 28MB Tehsil Noor Pur Thal District Khushab</t>
  </si>
  <si>
    <t>Adhi sargal</t>
  </si>
  <si>
    <t>Riaz Hussain Baghoor</t>
  </si>
  <si>
    <t>24849</t>
  </si>
  <si>
    <t>GPS BASTI ELAHI BUX</t>
  </si>
  <si>
    <t>Wah-athata</t>
  </si>
  <si>
    <t>basti elahi bux 91/p</t>
  </si>
  <si>
    <t>Nighat Maqbool</t>
  </si>
  <si>
    <t>41995</t>
  </si>
  <si>
    <t>GES 115/12-L</t>
  </si>
  <si>
    <t>115/12L</t>
  </si>
  <si>
    <t>chak no 115/12.L</t>
  </si>
  <si>
    <t>Muhammad Mahmood Hussain</t>
  </si>
  <si>
    <t>GGPS PIPPLY</t>
  </si>
  <si>
    <t>Pipply</t>
  </si>
  <si>
    <t>vpo pipli, tehsil p.d.khan, district Jhelum</t>
  </si>
  <si>
    <t>Rizwana Anjum</t>
  </si>
  <si>
    <t>37130</t>
  </si>
  <si>
    <t>GMMS 26/10-R, KACHA KHUH</t>
  </si>
  <si>
    <t>26/10 R</t>
  </si>
  <si>
    <t>chak no 26/10 r</t>
  </si>
  <si>
    <t>26/10r</t>
  </si>
  <si>
    <t>30/10r</t>
  </si>
  <si>
    <t>Najma Kanwal</t>
  </si>
  <si>
    <t>37681</t>
  </si>
  <si>
    <t>GGPS 9/8-R, P/O 8/8-R AFRIDI WALA, TULAMBA</t>
  </si>
  <si>
    <t>9/8r</t>
  </si>
  <si>
    <t>9/8r Sarwar Shah</t>
  </si>
  <si>
    <t>9/8R Sarwar Shah</t>
  </si>
  <si>
    <t>GGPS BHAGNIAN</t>
  </si>
  <si>
    <t>Bhagnian Pasrur sialkot</t>
  </si>
  <si>
    <t>Jasoran</t>
  </si>
  <si>
    <t>Muqadas Rasool</t>
  </si>
  <si>
    <t>10192</t>
  </si>
  <si>
    <t>31192</t>
  </si>
  <si>
    <t>GGPS KMASS</t>
  </si>
  <si>
    <t>KAMAS</t>
  </si>
  <si>
    <t>village KAMAS</t>
  </si>
  <si>
    <t>51370</t>
  </si>
  <si>
    <t>GPS 18-SP P/O 17/S.P PAKPATTAN</t>
  </si>
  <si>
    <t>Chak No 18/SP</t>
  </si>
  <si>
    <t>Chak No 18/SP Rany Wala</t>
  </si>
  <si>
    <t>18/SP</t>
  </si>
  <si>
    <t>Kashif Ramzan</t>
  </si>
  <si>
    <t>GGPS CHAH SHAHADAT WALA MULTAN</t>
  </si>
  <si>
    <t>Chah Shahadat Wala Suraj Miani Road Multan</t>
  </si>
  <si>
    <t>Vasti Sewrah</t>
  </si>
  <si>
    <t>GPS LAITAN</t>
  </si>
  <si>
    <t>Laitan</t>
  </si>
  <si>
    <t>LAITAN,near Mananwala, Tehsil and distt sheikhupura</t>
  </si>
  <si>
    <t>LAITAN</t>
  </si>
  <si>
    <t>Muhammad Nazim Butt</t>
  </si>
  <si>
    <t>49841</t>
  </si>
  <si>
    <t>GGPS CHAK NO.152 NB</t>
  </si>
  <si>
    <t>Chak no 152nb</t>
  </si>
  <si>
    <t>Chak No 152nb</t>
  </si>
  <si>
    <t>Chak 152nb</t>
  </si>
  <si>
    <t>GMPS SHAFI ABAD</t>
  </si>
  <si>
    <t>shafiabad</t>
  </si>
  <si>
    <t>Shafiabad</t>
  </si>
  <si>
    <t>Noreen Umber</t>
  </si>
  <si>
    <t>305192</t>
  </si>
  <si>
    <t>46252</t>
  </si>
  <si>
    <t>39568</t>
  </si>
  <si>
    <t>GPS DHOK WARA</t>
  </si>
  <si>
    <t>dk wara, vpo basal</t>
  </si>
  <si>
    <t>tanveer ahmed</t>
  </si>
  <si>
    <t>19789</t>
  </si>
  <si>
    <t>46253</t>
  </si>
  <si>
    <t>54138</t>
  </si>
  <si>
    <t>GPS NAHR PUL KAMRAY WALA</t>
  </si>
  <si>
    <t>sheikhu</t>
  </si>
  <si>
    <t>dera kamray wala moza sheikhu teh.&amp; distt .khushab</t>
  </si>
  <si>
    <t>bijjar</t>
  </si>
  <si>
    <t>GGES CHAK NO 364 TDA</t>
  </si>
  <si>
    <t>gges chak no 364\tda</t>
  </si>
  <si>
    <t>Chak No 364 TDA</t>
  </si>
  <si>
    <t>18411</t>
  </si>
  <si>
    <t>GMPS MAHMOOD KOT</t>
  </si>
  <si>
    <t>mahmood kot tehsil a.p sial distt jhang</t>
  </si>
  <si>
    <t>Bushra Prveen</t>
  </si>
  <si>
    <t>GPS CHAK NO 124/6-R E</t>
  </si>
  <si>
    <t>chak 124/6 R</t>
  </si>
  <si>
    <t>Chak 124/6R</t>
  </si>
  <si>
    <t>SYED ZAINULABEDIN SAQIB</t>
  </si>
  <si>
    <t>GPS BASTI FOJIAN</t>
  </si>
  <si>
    <t>basti fojian mouza lashari</t>
  </si>
  <si>
    <t>Basti Fojian</t>
  </si>
  <si>
    <t>Ghazanfar Abbas Zafar</t>
  </si>
  <si>
    <t>GPS CHAK NO.65/DB (N)</t>
  </si>
  <si>
    <t>65db  N</t>
  </si>
  <si>
    <t>chak no 65/DB (N), Tehsil yazman distt Bahawalpur</t>
  </si>
  <si>
    <t>65/DB N</t>
  </si>
  <si>
    <t>Abdur Rehman anjum</t>
  </si>
  <si>
    <t>45176</t>
  </si>
  <si>
    <t>GPS MOTAHR WALA</t>
  </si>
  <si>
    <t>CHECK NO 18 RH</t>
  </si>
  <si>
    <t>MUTAHER WALA TEHSEEL MENKERA DISTRICT BHAKKAR</t>
  </si>
  <si>
    <t>MUTAHER WALA</t>
  </si>
  <si>
    <t>DARBULA</t>
  </si>
  <si>
    <t>Muhammad BAKHSH</t>
  </si>
  <si>
    <t>35319</t>
  </si>
  <si>
    <t>46275</t>
  </si>
  <si>
    <t>GPS CHAK NO. 28 KB</t>
  </si>
  <si>
    <t>28/kb</t>
  </si>
  <si>
    <t>chak no 28kb Teh.Arifwala Disst.Pakpattan</t>
  </si>
  <si>
    <t>Jamubodla</t>
  </si>
  <si>
    <t>GES CHAK NO.234/TDA</t>
  </si>
  <si>
    <t>Chak 234 tda tehsil karor district layyah</t>
  </si>
  <si>
    <t>234/TDA</t>
  </si>
  <si>
    <t>GGPS CHAK 363 JB II BHMENI WALA</t>
  </si>
  <si>
    <t>363jbll</t>
  </si>
  <si>
    <t>GGPS 363 jb ll bahmniwala tehsil gojra district toba tek singh</t>
  </si>
  <si>
    <t>363jbll bhmniwala</t>
  </si>
  <si>
    <t>363 jb ll</t>
  </si>
  <si>
    <t>50892</t>
  </si>
  <si>
    <t>46286</t>
  </si>
  <si>
    <t>40776</t>
  </si>
  <si>
    <t>GGMPS MOHRA ALIA</t>
  </si>
  <si>
    <t>MOHRA ALIA</t>
  </si>
  <si>
    <t>VILL MOHRA ALIA,P.O PARIDARVEZAN TEH SOHAWA DISTT JHELUM</t>
  </si>
  <si>
    <t>24573</t>
  </si>
  <si>
    <t>GES TAWALEY WALI</t>
  </si>
  <si>
    <t>Twailay Wali</t>
  </si>
  <si>
    <t>ges twaily wali</t>
  </si>
  <si>
    <t>46289</t>
  </si>
  <si>
    <t>GGPS BANDOT</t>
  </si>
  <si>
    <t>Bandot</t>
  </si>
  <si>
    <t>bandot</t>
  </si>
  <si>
    <t>Beenish Awan</t>
  </si>
  <si>
    <t>54839</t>
  </si>
  <si>
    <t>GPS JAIDKE</t>
  </si>
  <si>
    <t>Jaidkay</t>
  </si>
  <si>
    <t>GPS Jaidkay</t>
  </si>
  <si>
    <t>imran iqbal</t>
  </si>
  <si>
    <t>GGPS CHAK NO. 434 TDA</t>
  </si>
  <si>
    <t>142 /TDA</t>
  </si>
  <si>
    <t>GGPS434/142 /Tda</t>
  </si>
  <si>
    <t>142/TDA</t>
  </si>
  <si>
    <t>Musharaf Naseem</t>
  </si>
  <si>
    <t>27679</t>
  </si>
  <si>
    <t>GPS CHAK MOZIA BOSAL</t>
  </si>
  <si>
    <t>chak mozia bosal tehsil malikwal dist m b din</t>
  </si>
  <si>
    <t>44247</t>
  </si>
  <si>
    <t>GPS TALYALA</t>
  </si>
  <si>
    <t>Talyala sethi p.o noorpur tehsil kallar kahar distt.chakwal</t>
  </si>
  <si>
    <t>GPS HAFIZ SIDDIQUE</t>
  </si>
  <si>
    <t>Hafiz Siddique</t>
  </si>
  <si>
    <t>moza hafiz siddique</t>
  </si>
  <si>
    <t>M Faheem Yousaf</t>
  </si>
  <si>
    <t>GGPS MORIAN</t>
  </si>
  <si>
    <t>p/o dhanda tahsil kotli sattian distric rawalpindi</t>
  </si>
  <si>
    <t>Morian</t>
  </si>
  <si>
    <t>Jamila Perveen</t>
  </si>
  <si>
    <t>GES CHOHAL SAHIWAL</t>
  </si>
  <si>
    <t>Chohal p/o Sahiwal tehsil sahiwal district Sargodha</t>
  </si>
  <si>
    <t>49531</t>
  </si>
  <si>
    <t>49743</t>
  </si>
  <si>
    <t>GPS CHAK NO.132 NB</t>
  </si>
  <si>
    <t>Chak  No  132nb</t>
  </si>
  <si>
    <t>Chak No 132 Nb</t>
  </si>
  <si>
    <t>Chak No 131 Nb</t>
  </si>
  <si>
    <t>GPS 528 GB I</t>
  </si>
  <si>
    <t>Jatyana</t>
  </si>
  <si>
    <t>chak no 528 gb 1 jatyana</t>
  </si>
  <si>
    <t>528 Gb 1</t>
  </si>
  <si>
    <t>Chak 138 Rasyana</t>
  </si>
  <si>
    <t>GPS 5-MARLA SCHEME ARAIN WAHIN</t>
  </si>
  <si>
    <t>5 Marla Scheme Arain Wain</t>
  </si>
  <si>
    <t>5 Marla Scheme Arain Wahin</t>
  </si>
  <si>
    <t>Mailsi Daeh</t>
  </si>
  <si>
    <t>GGPS JASWALA</t>
  </si>
  <si>
    <t>Jaswala</t>
  </si>
  <si>
    <t>Village jaswala p /o manglora tehsil Kallar syedan district RWP</t>
  </si>
  <si>
    <t>Rakeebun Nisa</t>
  </si>
  <si>
    <t>GES CHAK 319 GB I</t>
  </si>
  <si>
    <t>Chak no. 319 gB tehsil pirmahal district toba tek singh.</t>
  </si>
  <si>
    <t>Chak no. 319 gB</t>
  </si>
  <si>
    <t>44053</t>
  </si>
  <si>
    <t>GPS JANIAL</t>
  </si>
  <si>
    <t>Janial</t>
  </si>
  <si>
    <t>Dhoke Janial, Village Rehmanabad, Tehsil Talagang, District Chakwal</t>
  </si>
  <si>
    <t>GGPS JANDARAN KALAN</t>
  </si>
  <si>
    <t>jandran kalan</t>
  </si>
  <si>
    <t>Jujh Kalan</t>
  </si>
  <si>
    <t>31159</t>
  </si>
  <si>
    <t>GGPS NASIR GUNJ</t>
  </si>
  <si>
    <t>Nasir Gunj</t>
  </si>
  <si>
    <t>nasir gunj lhr.</t>
  </si>
  <si>
    <t>Izmir Town</t>
  </si>
  <si>
    <t>Shagufta Younus</t>
  </si>
  <si>
    <t>GPS AHMAD ABAD SANGLA HILL</t>
  </si>
  <si>
    <t>GPSAhmad Abad Sangla Hill</t>
  </si>
  <si>
    <t>naseem ahmad</t>
  </si>
  <si>
    <t>GGCMS MANDI BHALWAL</t>
  </si>
  <si>
    <t>vpo mandi bhalwal tehsil sarai alamgir distt gujrat</t>
  </si>
  <si>
    <t>Sania Basharat</t>
  </si>
  <si>
    <t>Kouser  Perveen</t>
  </si>
  <si>
    <t>49562</t>
  </si>
  <si>
    <t>sardar pur</t>
  </si>
  <si>
    <t>Maryam Bisharat</t>
  </si>
  <si>
    <t>GES MEHRU BLOCH</t>
  </si>
  <si>
    <t>Mehru Baloch</t>
  </si>
  <si>
    <t>basti ali Muhammad balochmehru baloch vehari</t>
  </si>
  <si>
    <t>50228</t>
  </si>
  <si>
    <t>GGES 108/7-R EAST</t>
  </si>
  <si>
    <t>Chak 108/7R East</t>
  </si>
  <si>
    <t>chak number 108/7R</t>
  </si>
  <si>
    <t>108/7R East</t>
  </si>
  <si>
    <t>110 7R</t>
  </si>
  <si>
    <t>11223</t>
  </si>
  <si>
    <t>GPS CHAK NO. 14/1-R</t>
  </si>
  <si>
    <t>Chak 14/1R</t>
  </si>
  <si>
    <t>Chak no 14/1.r</t>
  </si>
  <si>
    <t>Chak No 14/1r</t>
  </si>
  <si>
    <t>Chak No15/1r</t>
  </si>
  <si>
    <t>Muhammad Asif Haneef</t>
  </si>
  <si>
    <t>GMPS SHAMAS PUR</t>
  </si>
  <si>
    <t>Village Shamas Pur near PO Kala Depot jhelum</t>
  </si>
  <si>
    <t>Roobia Iram</t>
  </si>
  <si>
    <t>46526</t>
  </si>
  <si>
    <t>GES WASAWA</t>
  </si>
  <si>
    <t>WASAWA</t>
  </si>
  <si>
    <t>mouza wasawa jhang</t>
  </si>
  <si>
    <t>Waseem Sajjad Kalyar</t>
  </si>
  <si>
    <t>46528</t>
  </si>
  <si>
    <t>31701</t>
  </si>
  <si>
    <t>GES KALA KHATAI</t>
  </si>
  <si>
    <t>kala khatai</t>
  </si>
  <si>
    <t>GES kala khatai</t>
  </si>
  <si>
    <t>shahbaz ahmad</t>
  </si>
  <si>
    <t>GPS DERA GHULAM DISTGIR</t>
  </si>
  <si>
    <t>gps,dera ghulam dastgir, jura Sakesar, tehsil &amp; district sargodha</t>
  </si>
  <si>
    <t>GGCMS CHAK 363 JB I SOBAY DAR WALA</t>
  </si>
  <si>
    <t>363 Jb 1</t>
  </si>
  <si>
    <t>363 jb 1 soobaydar wala</t>
  </si>
  <si>
    <t>363 Jb 1 Soobaydar Wala</t>
  </si>
  <si>
    <t>363 Jb II Bahmni Wala</t>
  </si>
  <si>
    <t>Hafiza Iqra Ashraf</t>
  </si>
  <si>
    <t>51305</t>
  </si>
  <si>
    <t>GPS DHOK HAFEEZ ULLAH</t>
  </si>
  <si>
    <t>village dhoke hafeez ullah p/o baragowah tehsil sohawa distt jhelum</t>
  </si>
  <si>
    <t>Dhoke Hafeez Ullah</t>
  </si>
  <si>
    <t>Farhat Mehmood</t>
  </si>
  <si>
    <t>GGPS PEENG LAR</t>
  </si>
  <si>
    <t>Yara Sulha</t>
  </si>
  <si>
    <t>penglar yara p /o goharwala Teh mankera distt Bhakkar</t>
  </si>
  <si>
    <t>Penglar</t>
  </si>
  <si>
    <t>Attia Gul</t>
  </si>
  <si>
    <t>48557</t>
  </si>
  <si>
    <t>10113</t>
  </si>
  <si>
    <t>GPS CHAK NO 103 ML</t>
  </si>
  <si>
    <t>Chak No 103 ML</t>
  </si>
  <si>
    <t>CHAK NO103 ML</t>
  </si>
  <si>
    <t>Chak No 103 M L</t>
  </si>
  <si>
    <t>46813</t>
  </si>
  <si>
    <t>alipur</t>
  </si>
  <si>
    <t>GGPS Ali Pur Lahore</t>
  </si>
  <si>
    <t>ali pur</t>
  </si>
  <si>
    <t>GGPS DONGA AKUKA</t>
  </si>
  <si>
    <t>Donga Akuka</t>
  </si>
  <si>
    <t>Donga Bonga</t>
  </si>
  <si>
    <t>Mc Donga Bonga</t>
  </si>
  <si>
    <t>Tayyiba Ghaffar</t>
  </si>
  <si>
    <t>GGES PIND BAINSO</t>
  </si>
  <si>
    <t>village and po pind bainso tehsil kallar syedan district rwp</t>
  </si>
  <si>
    <t>Fatima Sadaf</t>
  </si>
  <si>
    <t>GES LADHAR</t>
  </si>
  <si>
    <t>Village and PO Ladhar</t>
  </si>
  <si>
    <t>Syed Hasnat Ahmed</t>
  </si>
  <si>
    <t>GPS BASTI AHMAD NAWAZ</t>
  </si>
  <si>
    <t>Saifpur</t>
  </si>
  <si>
    <t>GPS Basti Ahmad Nawaz</t>
  </si>
  <si>
    <t>Basti Gararan</t>
  </si>
  <si>
    <t>Sunjar</t>
  </si>
  <si>
    <t>Syed Abad Ur Rehman</t>
  </si>
  <si>
    <t>GES CHAH SARDAR KHAN</t>
  </si>
  <si>
    <t>Basti chah sardar khan moza mehrab wala</t>
  </si>
  <si>
    <t>Basti Chah Sardar Khan</t>
  </si>
  <si>
    <t>SHABIR AHMAD SHAHID</t>
  </si>
  <si>
    <t>Patal Ghair Mustaqil</t>
  </si>
  <si>
    <t>ss chowak</t>
  </si>
  <si>
    <t>Peern Shah</t>
  </si>
  <si>
    <t>Naseem Abid</t>
  </si>
  <si>
    <t>GPS BASTI INYAT KHAN  10/11-L</t>
  </si>
  <si>
    <t>Basti Inayat</t>
  </si>
  <si>
    <t>10/11-l (N) Basti Inayat</t>
  </si>
  <si>
    <t>10/11-l</t>
  </si>
  <si>
    <t>Sidra Saeed</t>
  </si>
  <si>
    <t>GGPS CHAH HABIB DAGGAR</t>
  </si>
  <si>
    <t>GGPS chah habib dagar tehsil darya khan bhakkar</t>
  </si>
  <si>
    <t>Chah Habib Dagar</t>
  </si>
  <si>
    <t>GES KOT SAJANA</t>
  </si>
  <si>
    <t>Kot Sajana</t>
  </si>
  <si>
    <t>kot  sajana Hafizabad</t>
  </si>
  <si>
    <t>Manghat Necha</t>
  </si>
  <si>
    <t>Jamshed Ahmad</t>
  </si>
  <si>
    <t>GMPS BAGH SHAH BEHLOL</t>
  </si>
  <si>
    <t>Bagh Shah Behlol</t>
  </si>
  <si>
    <t>Bagh Shah Behlol p /o Ahmad Nagar Tehsil Lalian District Chiniot</t>
  </si>
  <si>
    <t>GMMS DERA ZAILDAR</t>
  </si>
  <si>
    <t>Dera Zaildar</t>
  </si>
  <si>
    <t>dera zaildar kurlkey androon skp</t>
  </si>
  <si>
    <t>Rana Muhammad Yousaf</t>
  </si>
  <si>
    <t>31817</t>
  </si>
  <si>
    <t>GGPS NARANG DEH</t>
  </si>
  <si>
    <t>Narang Deh</t>
  </si>
  <si>
    <t>narang deh, narang mandi dist SKP</t>
  </si>
  <si>
    <t>Eiza Aurangzaib</t>
  </si>
  <si>
    <t>GGPS 54/4R GUJAR WALI</t>
  </si>
  <si>
    <t>Chak 54/4r GW/</t>
  </si>
  <si>
    <t>GGP/S chak 54/4r (GW) HND BWN</t>
  </si>
  <si>
    <t>54/4r  Gw</t>
  </si>
  <si>
    <t>47999</t>
  </si>
  <si>
    <t>GGPS MUGHALAN WALA</t>
  </si>
  <si>
    <t>Dera Mughlanwala</t>
  </si>
  <si>
    <t>dera mughlan wala</t>
  </si>
  <si>
    <t>Dera Mughlan Wala</t>
  </si>
  <si>
    <t>1-4db</t>
  </si>
  <si>
    <t>Uzma Faiz Malik</t>
  </si>
  <si>
    <t>GGPS DALLA JARMIAN CHAK NO. 83/RB</t>
  </si>
  <si>
    <t>Dalla Jarmian</t>
  </si>
  <si>
    <t>GGPS Dalla Jarmian Chak 83 RB tehsil Shahkot</t>
  </si>
  <si>
    <t>Rasool Pur Araian Ch#82</t>
  </si>
  <si>
    <t>Nosheen Ghuman</t>
  </si>
  <si>
    <t>GGPS LOHLAY RAJPOOT</t>
  </si>
  <si>
    <t>Lohlyrajputan</t>
  </si>
  <si>
    <t>lohlyrajputan</t>
  </si>
  <si>
    <t>Samina Mohammad Ali</t>
  </si>
  <si>
    <t>GES CHAK NO. 6/FW</t>
  </si>
  <si>
    <t>Chak 6 FW</t>
  </si>
  <si>
    <t>Chak no 6f.w roomiwala p.o. bakhshan khan tehsil chishtian district bahawalnagar</t>
  </si>
  <si>
    <t>Chak 5 FW</t>
  </si>
  <si>
    <t>GES BANIAN</t>
  </si>
  <si>
    <t>GES Banian Markaz kakrali Teh Kharian Distt Gujrat</t>
  </si>
  <si>
    <t>26664</t>
  </si>
  <si>
    <t>GGPS CHANNI BAGRIAN</t>
  </si>
  <si>
    <t>Channi Bagrian</t>
  </si>
  <si>
    <t>channi bagrian</t>
  </si>
  <si>
    <t>Channi Bsgrian</t>
  </si>
  <si>
    <t>Halima Begum</t>
  </si>
  <si>
    <t>46849</t>
  </si>
  <si>
    <t>28505</t>
  </si>
  <si>
    <t>GMPS RASUL PUR</t>
  </si>
  <si>
    <t>Wahin</t>
  </si>
  <si>
    <t>basti wahin</t>
  </si>
  <si>
    <t>Geray Wahin</t>
  </si>
  <si>
    <t>ghulam shabir</t>
  </si>
  <si>
    <t>27991</t>
  </si>
  <si>
    <t>GPS RAILWAY STATION AHLA</t>
  </si>
  <si>
    <t>Ahla Sation</t>
  </si>
  <si>
    <t>Ahla Staion M.B.Din</t>
  </si>
  <si>
    <t>Ahla Staion</t>
  </si>
  <si>
    <t>Anjam Shahzad</t>
  </si>
  <si>
    <t>8896</t>
  </si>
  <si>
    <t>GPS SHEIKH GURDAH</t>
  </si>
  <si>
    <t>SHEIKH GURDAH GURDAH</t>
  </si>
  <si>
    <t>BASTI SHEIKH GURDAH, P/O TIBBI QAISRANI, U/C BABBI</t>
  </si>
  <si>
    <t>GGES AHMAD PURA</t>
  </si>
  <si>
    <t>near THQ SANGLA HILL</t>
  </si>
  <si>
    <t>Sanglahill</t>
  </si>
  <si>
    <t>GPS CHAK NO  171/7-R N</t>
  </si>
  <si>
    <t>171/7R N</t>
  </si>
  <si>
    <t>chak no 171/7R north</t>
  </si>
  <si>
    <t>21153</t>
  </si>
  <si>
    <t>GGPS KOTLI HUSSAIN</t>
  </si>
  <si>
    <t>Kotli Hussain</t>
  </si>
  <si>
    <t>kotli hussain</t>
  </si>
  <si>
    <t>Nat Kallan</t>
  </si>
  <si>
    <t>Saeeda Touseef</t>
  </si>
  <si>
    <t>46862</t>
  </si>
  <si>
    <t>GGPS MC HAKEEMAN WALA</t>
  </si>
  <si>
    <t>hakeema wala school shaheen market</t>
  </si>
  <si>
    <t>Khajee Muhala</t>
  </si>
  <si>
    <t>Hakeeman Wala</t>
  </si>
  <si>
    <t>Waheeda Shamas</t>
  </si>
  <si>
    <t>52443</t>
  </si>
  <si>
    <t>46863</t>
  </si>
  <si>
    <t>51457</t>
  </si>
  <si>
    <t>GPS BASTI BEHBAL KHAN PAKPATTAN</t>
  </si>
  <si>
    <t>Malky Taroo</t>
  </si>
  <si>
    <t>basti behbal khan</t>
  </si>
  <si>
    <t>Behbal khan</t>
  </si>
  <si>
    <t>Muhammad  Asif</t>
  </si>
  <si>
    <t>48357</t>
  </si>
  <si>
    <t>GPS CHAKIAN PHULARWAN</t>
  </si>
  <si>
    <t>GPS chakian</t>
  </si>
  <si>
    <t>Muhammad  Afzal</t>
  </si>
  <si>
    <t>GMPS BASTI TARAR</t>
  </si>
  <si>
    <t>Gudarah</t>
  </si>
  <si>
    <t>G M ps basti tarar.Ahmed pur sial</t>
  </si>
  <si>
    <t>Basti Tarar</t>
  </si>
  <si>
    <t>GGES BHANIAN</t>
  </si>
  <si>
    <t>bhanian</t>
  </si>
  <si>
    <t>Memoona Butt</t>
  </si>
  <si>
    <t>46869</t>
  </si>
  <si>
    <t>37613</t>
  </si>
  <si>
    <t>GMPS123/15-L, MIAN CHANNU</t>
  </si>
  <si>
    <t>123/15L</t>
  </si>
  <si>
    <t>chak no 123/15 L</t>
  </si>
  <si>
    <t>123/15l</t>
  </si>
  <si>
    <t>Asiya Mubarak</t>
  </si>
  <si>
    <t>46872</t>
  </si>
  <si>
    <t>54282</t>
  </si>
  <si>
    <t>GPS DERA KHIZAR HAYAT</t>
  </si>
  <si>
    <t>GPS Dera Khizar Hayat village and postoffice Rajar</t>
  </si>
  <si>
    <t>Imtaiaz Hussain Shah</t>
  </si>
  <si>
    <t>GPS KOUSAR ABAD PIR MAHAL</t>
  </si>
  <si>
    <t>pir mahal</t>
  </si>
  <si>
    <t>kousar abad pir mahal</t>
  </si>
  <si>
    <t>Pir Mahal</t>
  </si>
  <si>
    <t>M  C</t>
  </si>
  <si>
    <t>46875</t>
  </si>
  <si>
    <t>GES PAJOKI</t>
  </si>
  <si>
    <t>pajoki p/o lakhanwal tensile &amp; district gujrat</t>
  </si>
  <si>
    <t>86496</t>
  </si>
  <si>
    <t>46877</t>
  </si>
  <si>
    <t>muzaqasimpur</t>
  </si>
  <si>
    <t>Kotla Khan Muhammed</t>
  </si>
  <si>
    <t>Zeeshan Ghafoor</t>
  </si>
  <si>
    <t>GGPS IQBAL NAGAR NEW</t>
  </si>
  <si>
    <t>Umrana Shumali</t>
  </si>
  <si>
    <t>GGPS IQBAL NAGAR MARKAZ MACHIWAL</t>
  </si>
  <si>
    <t>7/2thal Shumali</t>
  </si>
  <si>
    <t>Sumira Batool</t>
  </si>
  <si>
    <t>46883</t>
  </si>
  <si>
    <t>GPS REHAN PUR, KABIRWALA</t>
  </si>
  <si>
    <t>korre wala road kabirwala</t>
  </si>
  <si>
    <t>Basti Khokhran Wali</t>
  </si>
  <si>
    <t>37153</t>
  </si>
  <si>
    <t>GPS 170/10-R, KHANEWAL</t>
  </si>
  <si>
    <t>170/ chak no 170/10r colony</t>
  </si>
  <si>
    <t>chak no 170/10_r colony khanewal</t>
  </si>
  <si>
    <t>chak no 170/10r</t>
  </si>
  <si>
    <t>Chak 170/10r</t>
  </si>
  <si>
    <t>Adnan Naveed</t>
  </si>
  <si>
    <t>GGPS PATHAN KOT</t>
  </si>
  <si>
    <t>Rakh Moj Garh Shumali</t>
  </si>
  <si>
    <t>Village Pathankot PO 69ML tehsil Mankera district Bhakkar</t>
  </si>
  <si>
    <t>Mehpara Sadiq</t>
  </si>
  <si>
    <t>GPS DHOK ZIARAT</t>
  </si>
  <si>
    <t>GBPS DHOKE ZIARAT RWP wapada colony</t>
  </si>
  <si>
    <t>Basti Rasheedabad, post office Ahmed pur east,UC khuda bux mahar,Ahmed pur east.</t>
  </si>
  <si>
    <t>Khuda Bux mahr</t>
  </si>
  <si>
    <t>Musharaf Illahi</t>
  </si>
  <si>
    <t>GPS AMIR PUR P/O LAR</t>
  </si>
  <si>
    <t>Gps Ameerpur</t>
  </si>
  <si>
    <t>Kikran wala</t>
  </si>
  <si>
    <t>Kabirpur</t>
  </si>
  <si>
    <t>Mohsin Kamal</t>
  </si>
  <si>
    <t>GPS DAHARAN WALI</t>
  </si>
  <si>
    <t>village Dahranwali tahsil and district Hafizabad</t>
  </si>
  <si>
    <t>26701</t>
  </si>
  <si>
    <t>GGPS DEOLI</t>
  </si>
  <si>
    <t>Deoli</t>
  </si>
  <si>
    <t>village and post office deoli</t>
  </si>
  <si>
    <t>Shazia Saeed</t>
  </si>
  <si>
    <t>GPS CHEENA MALANA</t>
  </si>
  <si>
    <t>Cheena malana</t>
  </si>
  <si>
    <t>cheena malana tehsil jatoi m.garh</t>
  </si>
  <si>
    <t>Cheena Malana</t>
  </si>
  <si>
    <t>Lundi pitafi</t>
  </si>
  <si>
    <t>Muhammad Khalid  Mumtaz</t>
  </si>
  <si>
    <t>Hand pump</t>
  </si>
  <si>
    <t>GPS JATAN DI MAIRH</t>
  </si>
  <si>
    <t>basti jattan di mairh</t>
  </si>
  <si>
    <t>Rojhan East</t>
  </si>
  <si>
    <t>RUSTUM ALI</t>
  </si>
  <si>
    <t>GES BASTI ISLAMABAD</t>
  </si>
  <si>
    <t>basti islamabad</t>
  </si>
  <si>
    <t>46073</t>
  </si>
  <si>
    <t>GPS DHOK DALI</t>
  </si>
  <si>
    <t>Dhoke Dali</t>
  </si>
  <si>
    <t>DHOKE DALI, VPO DHOLAR, TEHSIL TALAGANG DISTT CHAKWAL</t>
  </si>
  <si>
    <t>23489</t>
  </si>
  <si>
    <t>GPS SETHAN WALA</t>
  </si>
  <si>
    <t>Sethan Wala</t>
  </si>
  <si>
    <t>P/o 29/s.p battu form chak sethanwala tehsil &amp; district pakpattan.</t>
  </si>
  <si>
    <t>26/sP</t>
  </si>
  <si>
    <t>GGES MULLAN MANSOOR</t>
  </si>
  <si>
    <t>Village n P/O Mullan Mansoor, Hazro Attock</t>
  </si>
  <si>
    <t>Syeda Iffat Arsalan</t>
  </si>
  <si>
    <t>28276</t>
  </si>
  <si>
    <t>GPS AOURAY</t>
  </si>
  <si>
    <t>Aouray</t>
  </si>
  <si>
    <t>village aouray po bherowal tehsil Phalia district Mandi Bahauddin</t>
  </si>
  <si>
    <t>Kot Hasat Khan</t>
  </si>
  <si>
    <t>M Shahbaz</t>
  </si>
  <si>
    <t>8277</t>
  </si>
  <si>
    <t>14043</t>
  </si>
  <si>
    <t>48210</t>
  </si>
  <si>
    <t>BHIKHI KHURD</t>
  </si>
  <si>
    <t>BHIKHI KHURD TEHSIL BHALWAL DISTRICT SARGODHA</t>
  </si>
  <si>
    <t>46099</t>
  </si>
  <si>
    <t>16315</t>
  </si>
  <si>
    <t>GPS 110 JB-II</t>
  </si>
  <si>
    <t>Babaywala</t>
  </si>
  <si>
    <t>Chak No110JB Babaywala</t>
  </si>
  <si>
    <t>chak no 110JB Babaywala</t>
  </si>
  <si>
    <t>Dilshad Haider</t>
  </si>
  <si>
    <t>GPS BADNIAN</t>
  </si>
  <si>
    <t>Badnian</t>
  </si>
  <si>
    <t>village badnian post office and tehsil kotli Sattian district rawalpindi</t>
  </si>
  <si>
    <t>46081</t>
  </si>
  <si>
    <t>GES MATAN KHURD</t>
  </si>
  <si>
    <t>Matan Khurd</t>
  </si>
  <si>
    <t>village. matan khurd p/o noor Pur Teh. kallar kahar</t>
  </si>
  <si>
    <t>Ulfat Ali</t>
  </si>
  <si>
    <t>water fall</t>
  </si>
  <si>
    <t>49956</t>
  </si>
  <si>
    <t>GPS SIAL DHOLKA</t>
  </si>
  <si>
    <t>Sial dholka</t>
  </si>
  <si>
    <t>8065</t>
  </si>
  <si>
    <t>15759</t>
  </si>
  <si>
    <t>46083</t>
  </si>
  <si>
    <t>GES VIRAM CHAK NO 4</t>
  </si>
  <si>
    <t>Viram Chak No 4</t>
  </si>
  <si>
    <t>viram Chak No 4.tehsil chunian distt.Kasur</t>
  </si>
  <si>
    <t>Jagowala Chak 4</t>
  </si>
  <si>
    <t>33966</t>
  </si>
  <si>
    <t>GPS FATEH BELLA P/O &amp; TEH.SHUJABAD</t>
  </si>
  <si>
    <t>FATEH BELA</t>
  </si>
  <si>
    <t>BASTI FATEH BELA MOUZA FATEH BELA TEHSIL SHUJABAD DISTRICT MULTAN</t>
  </si>
  <si>
    <t>POUNTA</t>
  </si>
  <si>
    <t>42478</t>
  </si>
  <si>
    <t>GPS JARMOT KALAN</t>
  </si>
  <si>
    <t>govt boys primary school jarmot kalan</t>
  </si>
  <si>
    <t>Touqeer Ahmed</t>
  </si>
  <si>
    <t>GPS CHAK GILLAN GHARBI</t>
  </si>
  <si>
    <t>Chak Gillan Garbi</t>
  </si>
  <si>
    <t>G.P.S.Chak Gillan Gharbi</t>
  </si>
  <si>
    <t>Kanwan Late</t>
  </si>
  <si>
    <t>37749</t>
  </si>
  <si>
    <t>46089</t>
  </si>
  <si>
    <t>32759</t>
  </si>
  <si>
    <t>GPS CHAK NO 641 GB</t>
  </si>
  <si>
    <t>Chak No 641 GB</t>
  </si>
  <si>
    <t>Zaheer Ud Din Babar</t>
  </si>
  <si>
    <t>24840</t>
  </si>
  <si>
    <t>GES GHULAMAN</t>
  </si>
  <si>
    <t>P/O GHULAMAN</t>
  </si>
  <si>
    <t>GHULAMAN NO.2</t>
  </si>
  <si>
    <t>SAIF ULLAH KHAN</t>
  </si>
  <si>
    <t>46095</t>
  </si>
  <si>
    <t>26074</t>
  </si>
  <si>
    <t>GGES LALIAN</t>
  </si>
  <si>
    <t>lalian Tehsil Shakargarg District Narowal</t>
  </si>
  <si>
    <t>GGPS ASIF ABAD</t>
  </si>
  <si>
    <t>RAKH MARI</t>
  </si>
  <si>
    <t>LAIL PUR MOZA  RAKH MARI</t>
  </si>
  <si>
    <t>LAIL PUR</t>
  </si>
  <si>
    <t>Sehrish Jabeen</t>
  </si>
  <si>
    <t>31079</t>
  </si>
  <si>
    <t>GES TALAB SARAY</t>
  </si>
  <si>
    <t>Manga Raiwind Road Talab Saray</t>
  </si>
  <si>
    <t>Farzand Ali</t>
  </si>
  <si>
    <t>4933</t>
  </si>
  <si>
    <t>GGCMS NAWAZ ABAD</t>
  </si>
  <si>
    <t>nawaz abad markaz latki</t>
  </si>
  <si>
    <t>GGES TATRAL</t>
  </si>
  <si>
    <t>tatral kahoon p.o dulmial</t>
  </si>
  <si>
    <t>Muzyan Parveen Begum</t>
  </si>
  <si>
    <t>GGPS SUKHAY SHAH</t>
  </si>
  <si>
    <t>sukha Shah Nashaib</t>
  </si>
  <si>
    <t>Sukha Shah Nashaib</t>
  </si>
  <si>
    <t>Angra Dagar</t>
  </si>
  <si>
    <t>Hafeeza Bibi</t>
  </si>
  <si>
    <t>23242</t>
  </si>
  <si>
    <t>GGPS HANJ</t>
  </si>
  <si>
    <t>vill and post office Hanj, Teh Kharian, Distt Gujrat</t>
  </si>
  <si>
    <t>43795</t>
  </si>
  <si>
    <t>GPS POTHAA</t>
  </si>
  <si>
    <t>Dakhli Kot Qazi</t>
  </si>
  <si>
    <t>VPO Potha Tehsil Lawa District Chakwal</t>
  </si>
  <si>
    <t>Shah Fakhar Ul Arfeen</t>
  </si>
  <si>
    <t>GPS CHAK NO.77/F</t>
  </si>
  <si>
    <t>Chak No 77/F</t>
  </si>
  <si>
    <t>Chak No.77/F Tehsil Hasilpur District  Bahawalpur</t>
  </si>
  <si>
    <t>Shazia Tasnim</t>
  </si>
  <si>
    <t>GES NAGAIRA SHUMALI</t>
  </si>
  <si>
    <t>Basti Nagaira Shumali p/o Trimin Tehsil Taunsa Sharif Distt. D.G.Khan</t>
  </si>
  <si>
    <t>Nagaira Shumali</t>
  </si>
  <si>
    <t>Jaloo Wali</t>
  </si>
  <si>
    <t>Muhammad Sajjad Hussain Adil</t>
  </si>
  <si>
    <t>Hand</t>
  </si>
  <si>
    <t>46116</t>
  </si>
  <si>
    <t>GGPS CHAK NO. 118 MURAD</t>
  </si>
  <si>
    <t>FAROOQ COLONY CTN</t>
  </si>
  <si>
    <t>CHAK 118/M</t>
  </si>
  <si>
    <t>CHAK NO 118/M</t>
  </si>
  <si>
    <t>49822</t>
  </si>
  <si>
    <t>GGPS SHAHEEN ABAD</t>
  </si>
  <si>
    <t>ggps shaheenabad</t>
  </si>
  <si>
    <t>Ayesha Sattar</t>
  </si>
  <si>
    <t>46119</t>
  </si>
  <si>
    <t>GPS GHULAM RASOOL LUND</t>
  </si>
  <si>
    <t>Maoza Rasoolpur Tehsil jampur District Rajanpur</t>
  </si>
  <si>
    <t>Allahabad gharbi</t>
  </si>
  <si>
    <t>Hasnain Imran</t>
  </si>
  <si>
    <t>GGES CHAK 98 JB KOHALI</t>
  </si>
  <si>
    <t>98 JB Kohali</t>
  </si>
  <si>
    <t>GGES chak no.98 j.b kohali</t>
  </si>
  <si>
    <t>98 Jb Kohali</t>
  </si>
  <si>
    <t>367 JB Jhalyawala</t>
  </si>
  <si>
    <t>Nabila Iqbal</t>
  </si>
  <si>
    <t>GGPS CHAK NO.160 TDA MASKIN WALA</t>
  </si>
  <si>
    <t>GGPS Chak No 160 T D A Maskeen Wala</t>
  </si>
  <si>
    <t>160 T D A</t>
  </si>
  <si>
    <t>49226</t>
  </si>
  <si>
    <t>GGPS CHAK NO.87 NB BIG SARGODHA</t>
  </si>
  <si>
    <t>87 NB Big</t>
  </si>
  <si>
    <t>GGPs 87 NB Big</t>
  </si>
  <si>
    <t>Sarwat Shahzady</t>
  </si>
  <si>
    <t>GPS JAND WALA KHURD</t>
  </si>
  <si>
    <t>Jandwala Khurd</t>
  </si>
  <si>
    <t>Jandwala Khurd. Tehsil &amp; District Bahawalnagar</t>
  </si>
  <si>
    <t>Muhammad Shahid Shahbaz</t>
  </si>
  <si>
    <t>7967</t>
  </si>
  <si>
    <t>Leghari Wala P/O Basti Fauja</t>
  </si>
  <si>
    <t>Leghari Wala</t>
  </si>
  <si>
    <t>Raham Ali</t>
  </si>
  <si>
    <t>46130</t>
  </si>
  <si>
    <t>GPS ARABIC BHEDWAN</t>
  </si>
  <si>
    <t>besti bhadwan bwp</t>
  </si>
  <si>
    <t>Bhdwan</t>
  </si>
  <si>
    <t>GMPS CHAK NO. 334/HR</t>
  </si>
  <si>
    <t>334 HR</t>
  </si>
  <si>
    <t>chak  no.334 H.R</t>
  </si>
  <si>
    <t>334/HR</t>
  </si>
  <si>
    <t>Chak No 330/HR</t>
  </si>
  <si>
    <t>Najma Talib</t>
  </si>
  <si>
    <t>46136</t>
  </si>
  <si>
    <t>39721</t>
  </si>
  <si>
    <t>GGES TORE WALI</t>
  </si>
  <si>
    <t>Torewali</t>
  </si>
  <si>
    <t>village and post office torewali</t>
  </si>
  <si>
    <t>Dhaknair</t>
  </si>
  <si>
    <t>Fahmida Aziz</t>
  </si>
  <si>
    <t>GGPS NABI PUR NO.1</t>
  </si>
  <si>
    <t>basti nabipur p.o sultanpur tehsil alipur</t>
  </si>
  <si>
    <t>Basti Nabipur No 1</t>
  </si>
  <si>
    <t>Gabbar Arrain</t>
  </si>
  <si>
    <t>SEEMAN PERVEEN</t>
  </si>
  <si>
    <t>24130</t>
  </si>
  <si>
    <t>GMPS CHAK 255 GB MADAH PUR</t>
  </si>
  <si>
    <t>Chak # 255 GB</t>
  </si>
  <si>
    <t>183 Gb</t>
  </si>
  <si>
    <t>FARZANA ANJUM</t>
  </si>
  <si>
    <t>GGPS BILAL WALA</t>
  </si>
  <si>
    <t>GGP/S Bilal wala tehsil choubara layyah</t>
  </si>
  <si>
    <t>MUNIRA GHAFOOR</t>
  </si>
  <si>
    <t>GPS DHOK CHOHAK</t>
  </si>
  <si>
    <t>Dhok Chohak</t>
  </si>
  <si>
    <t>Dhok chohak</t>
  </si>
  <si>
    <t>Ahmed Iqbal</t>
  </si>
  <si>
    <t>near by hand pump .</t>
  </si>
  <si>
    <t>GGPS CHAK NO 432/6-R</t>
  </si>
  <si>
    <t>chak no. 432/6R east</t>
  </si>
  <si>
    <t>Chak No. 432/6R East tehsil haroon abad district bahawalnagar</t>
  </si>
  <si>
    <t>Chak No. 432/6R East</t>
  </si>
  <si>
    <t>432/6R west</t>
  </si>
  <si>
    <t>Samira Naseem</t>
  </si>
  <si>
    <t>49595</t>
  </si>
  <si>
    <t>GMPS MEHMAND TULLAH</t>
  </si>
  <si>
    <t>Mehmondtullah</t>
  </si>
  <si>
    <t>mehmondtullah shahpur</t>
  </si>
  <si>
    <t>ABDUR RAUF SHAH</t>
  </si>
  <si>
    <t>GGPS KHALWAT</t>
  </si>
  <si>
    <t>BHALAKNAR</t>
  </si>
  <si>
    <t>Village Khalwat P/O bhalakhar Tehsil kallar syedan district rawalpindi</t>
  </si>
  <si>
    <t>Khalwat</t>
  </si>
  <si>
    <t>SERISH TARIQ</t>
  </si>
  <si>
    <t>GPS BUDH GHULAM</t>
  </si>
  <si>
    <t>Budh Ghulm</t>
  </si>
  <si>
    <t>Budh Ghulam P/O Ludden Tehsil &amp; District Vehari</t>
  </si>
  <si>
    <t>Sher Zaman</t>
  </si>
  <si>
    <t>GPS KHEETAY</t>
  </si>
  <si>
    <t>kheetay</t>
  </si>
  <si>
    <t>Sana ullah</t>
  </si>
  <si>
    <t>GPS GHANIAN KOHNA</t>
  </si>
  <si>
    <t>Ghania Kohna Kamoke</t>
  </si>
  <si>
    <t>Ghania Kohna Purana, Kamoke</t>
  </si>
  <si>
    <t>GGPS CHAK NO.1 DB</t>
  </si>
  <si>
    <t>CHAK NO 4DB</t>
  </si>
  <si>
    <t>GGPS 1DB</t>
  </si>
  <si>
    <t>CHAK NO 1DB</t>
  </si>
  <si>
    <t>4 DB</t>
  </si>
  <si>
    <t>Attia Khanum</t>
  </si>
  <si>
    <t>33536</t>
  </si>
  <si>
    <t>GGPS CHAK NO. 121 RB DOGREE</t>
  </si>
  <si>
    <t>Chack No121 121dogree</t>
  </si>
  <si>
    <t>Ggps dogree121</t>
  </si>
  <si>
    <t>Dogree121</t>
  </si>
  <si>
    <t>Aamna Irfan</t>
  </si>
  <si>
    <t>23821</t>
  </si>
  <si>
    <t>GPS MOHAMMAD YAR WALA</t>
  </si>
  <si>
    <t>govt primary school muhammad yar wala tehsil mankera district bhakkar</t>
  </si>
  <si>
    <t>muhammad yar wala</t>
  </si>
  <si>
    <t>GGES MIAN ALI FAQIRAN</t>
  </si>
  <si>
    <t>govt girls elementory school mian ali faqiran</t>
  </si>
  <si>
    <t>mian ali faqiran</t>
  </si>
  <si>
    <t>Inayat Beghum</t>
  </si>
  <si>
    <t>9669</t>
  </si>
  <si>
    <t>GPS CHAK NO 326 TDA</t>
  </si>
  <si>
    <t>326 Tda</t>
  </si>
  <si>
    <t>chak no 326/tda</t>
  </si>
  <si>
    <t>Chak No 326/tda</t>
  </si>
  <si>
    <t>GGPS ALLAH DIEWAYA LAR</t>
  </si>
  <si>
    <t>Jugml</t>
  </si>
  <si>
    <t>basti lar muza jugml Uchiha sbywala</t>
  </si>
  <si>
    <t>Basti lar</t>
  </si>
  <si>
    <t>Sbywala</t>
  </si>
  <si>
    <t>GPS CHAK NO.50/DB MUMTAZ ABAD</t>
  </si>
  <si>
    <t>chak no 50/db mumtaz abad</t>
  </si>
  <si>
    <t>50/db</t>
  </si>
  <si>
    <t>Frasat Ali Khan</t>
  </si>
  <si>
    <t>47011</t>
  </si>
  <si>
    <t>19664</t>
  </si>
  <si>
    <t>GMMS CHAK 256 GB</t>
  </si>
  <si>
    <t>Chak no 256 gb new</t>
  </si>
  <si>
    <t>Chak no 256 gb</t>
  </si>
  <si>
    <t>GPS AKBAR SHAH</t>
  </si>
  <si>
    <t>Moza Akbar Shah P/O Luddan</t>
  </si>
  <si>
    <t>GES ALLAH ABAD</t>
  </si>
  <si>
    <t>GGES CHAK NO. 114/P</t>
  </si>
  <si>
    <t>Post office chak no 114p Rahim yar khan</t>
  </si>
  <si>
    <t>114p Ryk</t>
  </si>
  <si>
    <t>shahida shah muhammad</t>
  </si>
  <si>
    <t>52998</t>
  </si>
  <si>
    <t>GPS AMEEN KOT HAVELI</t>
  </si>
  <si>
    <t>Amin kot P.O Haveli Lakha  Tehsil Depalpur District Okara</t>
  </si>
  <si>
    <t>Samundry 42/SP</t>
  </si>
  <si>
    <t>34196</t>
  </si>
  <si>
    <t>GPS SHAMS-UD-DIN WALA SHUJA ABAD</t>
  </si>
  <si>
    <t>Dhoondu</t>
  </si>
  <si>
    <t>basti jam mouza dhoondu</t>
  </si>
  <si>
    <t>Gardaizpur</t>
  </si>
  <si>
    <t>GGPS CHANNI GAHNA</t>
  </si>
  <si>
    <t>Channi Ghehna</t>
  </si>
  <si>
    <t>v&amp;p/o channi ghehna tehsil phalia distt M.b.Din</t>
  </si>
  <si>
    <t>Chak Shehbaz</t>
  </si>
  <si>
    <t>Humera Ashraf</t>
  </si>
  <si>
    <t>GGPS BASTI ATTA</t>
  </si>
  <si>
    <t>basti atta moza malkani basti Kotla moosa khan</t>
  </si>
  <si>
    <t>Basti Atta</t>
  </si>
  <si>
    <t>39689</t>
  </si>
  <si>
    <t>GGPS MANKOOR</t>
  </si>
  <si>
    <t>Mankoor</t>
  </si>
  <si>
    <t>Langer Vnvvvvvvvvvvvnbvvvvnvvvvv Vbffvvvvbvg Vvbnvvvfvvvbr</t>
  </si>
  <si>
    <t>GMPS 80/15-L, KACHA KHUH</t>
  </si>
  <si>
    <t>80/15-L</t>
  </si>
  <si>
    <t>chak no 80/15L po 78/15L</t>
  </si>
  <si>
    <t>80/15L</t>
  </si>
  <si>
    <t>Amna Sarfraz</t>
  </si>
  <si>
    <t>31781</t>
  </si>
  <si>
    <t>GES CHAK NO 302 HR</t>
  </si>
  <si>
    <t>Chak No 302/HR</t>
  </si>
  <si>
    <t>chak no 302/HR p/o same Teh. FTS Distt. BWN</t>
  </si>
  <si>
    <t>GMPS RAJANPUR NO. 6</t>
  </si>
  <si>
    <t>Dheh</t>
  </si>
  <si>
    <t>machi Dara near Ali book certer</t>
  </si>
  <si>
    <t>Rajan Pur City</t>
  </si>
  <si>
    <t>Municipal Comittee</t>
  </si>
  <si>
    <t>Noureen Bibi</t>
  </si>
  <si>
    <t>47039</t>
  </si>
  <si>
    <t>50015</t>
  </si>
  <si>
    <t>GGPS KHISHKAN</t>
  </si>
  <si>
    <t>govt girls primary school khishkin</t>
  </si>
  <si>
    <t>Farzana Manzoor</t>
  </si>
  <si>
    <t>12999</t>
  </si>
  <si>
    <t>GPS CHAK NO.192/M</t>
  </si>
  <si>
    <t>Chak No 192M</t>
  </si>
  <si>
    <t>Chak No 192/M Tehsil Hasilpur Distict Bahawalpur</t>
  </si>
  <si>
    <t>Islam Ud Din</t>
  </si>
  <si>
    <t>GMPS HAMJANA KHOO</t>
  </si>
  <si>
    <t>Humjanakhoo</t>
  </si>
  <si>
    <t>humjanakhoo bosal</t>
  </si>
  <si>
    <t>Humjanakhoo Bosal</t>
  </si>
  <si>
    <t>Saeda Sultana</t>
  </si>
  <si>
    <t>46187</t>
  </si>
  <si>
    <t>GPS CHABEEL</t>
  </si>
  <si>
    <t>Chabeel</t>
  </si>
  <si>
    <t>village chabeel p/o nari khushab</t>
  </si>
  <si>
    <t>Khaliq-uz-Zaman</t>
  </si>
  <si>
    <t>22217</t>
  </si>
  <si>
    <t>GGES KUNG BUDDHA</t>
  </si>
  <si>
    <t>Kung Buddha</t>
  </si>
  <si>
    <t>vill. kung buddha P/O kung buddha, teh. &amp; dist. Gujrat</t>
  </si>
  <si>
    <t>Toqir Zahra</t>
  </si>
  <si>
    <t>47283</t>
  </si>
  <si>
    <t>GGPS CHERRAYWAN</t>
  </si>
  <si>
    <t>Charraywan</t>
  </si>
  <si>
    <t>Khansaw Irum</t>
  </si>
  <si>
    <t>28691</t>
  </si>
  <si>
    <t>GPS DHIG</t>
  </si>
  <si>
    <t>Dhig</t>
  </si>
  <si>
    <t>gs DHIG tehsil chunian Distt Kasur</t>
  </si>
  <si>
    <t>Mondeki</t>
  </si>
  <si>
    <t>47055</t>
  </si>
  <si>
    <t>GPS GOHAD PUR</t>
  </si>
  <si>
    <t>P.O. Gohad Pur,Sialkot.</t>
  </si>
  <si>
    <t>Muhammad Ilyas Butt</t>
  </si>
  <si>
    <t>25669</t>
  </si>
  <si>
    <t>GGES CHELEY WALA</t>
  </si>
  <si>
    <t>Chaly Wala</t>
  </si>
  <si>
    <t>chsk no.7/2 thal chslay wala dakhana khas bhreri tehsil 18 hazari</t>
  </si>
  <si>
    <t>7/2 Thall Janoobi</t>
  </si>
  <si>
    <t>Munazza Siddiq</t>
  </si>
  <si>
    <t>47057</t>
  </si>
  <si>
    <t>GPS ROONGHAN NO 1</t>
  </si>
  <si>
    <t>Manhi</t>
  </si>
  <si>
    <t>rooghn no 1 dgkhan</t>
  </si>
  <si>
    <t>Tumn Leghari Zareen</t>
  </si>
  <si>
    <t>Baaz Khan</t>
  </si>
  <si>
    <t>GPS MARI WALIAN P/O SUNDA GHULAM HUSSAIN</t>
  </si>
  <si>
    <t>Brahman Wala</t>
  </si>
  <si>
    <t>Gps marri waly an p/o sanda ghulam hussain</t>
  </si>
  <si>
    <t>Marri Walyan</t>
  </si>
  <si>
    <t>Khaggy Wala</t>
  </si>
  <si>
    <t>GGPS CHAK NO. 6 TDA</t>
  </si>
  <si>
    <t>qureshian wala</t>
  </si>
  <si>
    <t>chak no 6tda darya khan</t>
  </si>
  <si>
    <t>chak no 6tda</t>
  </si>
  <si>
    <t>47061</t>
  </si>
  <si>
    <t>GMPS KOTLI ESSA</t>
  </si>
  <si>
    <t>Kotli Essa</t>
  </si>
  <si>
    <t>kotli essa nat kalan ghakhar</t>
  </si>
  <si>
    <t>GGPS MALKANI KHURD</t>
  </si>
  <si>
    <t>basti rangay wala hazara jhokeuttra d.g khan</t>
  </si>
  <si>
    <t>53351</t>
  </si>
  <si>
    <t>GMPS HAMAND KAY</t>
  </si>
  <si>
    <t>Hammand Kay</t>
  </si>
  <si>
    <t>p /0  hammand kay okara</t>
  </si>
  <si>
    <t>Sharesn</t>
  </si>
  <si>
    <t>Kalsoom Haneef</t>
  </si>
  <si>
    <t>GPS HASSAN KHAN</t>
  </si>
  <si>
    <t>Cheena Daggar</t>
  </si>
  <si>
    <t>basti hassan khan p/o chheena thesil o distt bhakkar</t>
  </si>
  <si>
    <t>GGPS FATEH SHAH</t>
  </si>
  <si>
    <t>Fateh SHAH</t>
  </si>
  <si>
    <t>GG P S Fateh shah mouza Fateh shah thasil 18 hazri</t>
  </si>
  <si>
    <t>Najma Nawaz</t>
  </si>
  <si>
    <t>42882</t>
  </si>
  <si>
    <t>GES MIRGALA KHALSA</t>
  </si>
  <si>
    <t>village mirgala khalsa p.o pehr hali tehsil kallar syedan</t>
  </si>
  <si>
    <t>Parvaiz Akhtar Awan</t>
  </si>
  <si>
    <t>GGPS NOOR PURA NO. 2</t>
  </si>
  <si>
    <t>Noorpura 3</t>
  </si>
  <si>
    <t>GGPS MC NOOR PURA CTN</t>
  </si>
  <si>
    <t>Rukhsana Salik</t>
  </si>
  <si>
    <t>GES SANGAT BUZDAR</t>
  </si>
  <si>
    <t>basti sangat buzdar mouza rakh qadirah p / of umer kot Tehsil Rojhan Distt Rajan Pur</t>
  </si>
  <si>
    <t>Basti Sangat buzdar</t>
  </si>
  <si>
    <t>23529</t>
  </si>
  <si>
    <t>GMPS GADDI GHURRAH</t>
  </si>
  <si>
    <t>GMPS Gaddi Gurrah</t>
  </si>
  <si>
    <t>gaddi gurrah dakhana saraialmgir</t>
  </si>
  <si>
    <t>Gaddi Gurrah</t>
  </si>
  <si>
    <t>Saima  Shabbir</t>
  </si>
  <si>
    <t>34887</t>
  </si>
  <si>
    <t>GMPS GUJ WALA TEH. JALALPUR PIRWALA</t>
  </si>
  <si>
    <t>Guj</t>
  </si>
  <si>
    <t>Basti Guj, Jalal Pur Pir Wala</t>
  </si>
  <si>
    <t>Guj Wala</t>
  </si>
  <si>
    <t>Samina Naheed</t>
  </si>
  <si>
    <t>GGPS BHANOWALI</t>
  </si>
  <si>
    <t>Bhanowali</t>
  </si>
  <si>
    <t>Abeera Masood</t>
  </si>
  <si>
    <t>GGPS CHAK 45/3-R (AB)</t>
  </si>
  <si>
    <t>45/3r AB</t>
  </si>
  <si>
    <t>G.G.P.S 45/3r AB</t>
  </si>
  <si>
    <t>23/3r</t>
  </si>
  <si>
    <t>Anam Khawar</t>
  </si>
  <si>
    <t>GPS MEHLO WALA</t>
  </si>
  <si>
    <t>village mehlowala</t>
  </si>
  <si>
    <t>18472</t>
  </si>
  <si>
    <t>GGPS PIR BAHR SHAH</t>
  </si>
  <si>
    <t>peer shah</t>
  </si>
  <si>
    <t>GPS KUCHLAMBA</t>
  </si>
  <si>
    <t>Kachlamba</t>
  </si>
  <si>
    <t>moza Kachlamba p/o mai saporan teh.pir mahal</t>
  </si>
  <si>
    <t>GPS LOT NO.15</t>
  </si>
  <si>
    <t>lot no 15,post office Khasore, kallur kot, bhk</t>
  </si>
  <si>
    <t>Lot no 15</t>
  </si>
  <si>
    <t>GPS MOUZA HAYAT KAY KATHIA</t>
  </si>
  <si>
    <t>Hayat Ka Kathia</t>
  </si>
  <si>
    <t>mouza hayat ka kathia kamalia</t>
  </si>
  <si>
    <t>Hayat Ks Kathis</t>
  </si>
  <si>
    <t>Chak737GB</t>
  </si>
  <si>
    <t>Zubair Ahmad Khan</t>
  </si>
  <si>
    <t>14871</t>
  </si>
  <si>
    <t>Challay Wahin</t>
  </si>
  <si>
    <t>basti skindari mouza challay wahin</t>
  </si>
  <si>
    <t>Skindari</t>
  </si>
  <si>
    <t>GPS Iqbal Nagar</t>
  </si>
  <si>
    <t>Mud Rannoja</t>
  </si>
  <si>
    <t>47564</t>
  </si>
  <si>
    <t>GGES SULTAN WALA GHARBI</t>
  </si>
  <si>
    <t>Sultan Walla Gharbi, Post office khan Muhammad wala</t>
  </si>
  <si>
    <t>Sultan Walla gharbi</t>
  </si>
  <si>
    <t>Dillewali Qureshian</t>
  </si>
  <si>
    <t>Maria Mustafa</t>
  </si>
  <si>
    <t>38711</t>
  </si>
  <si>
    <t>GGES 381/W.B NO.1</t>
  </si>
  <si>
    <t>381/WB NO 1</t>
  </si>
  <si>
    <t>PO 384WB VILL CHAL 381WB TEHSIL DUNYAPURDIST LODHRAN</t>
  </si>
  <si>
    <t>CHAK NO 381WB</t>
  </si>
  <si>
    <t>GES  18-B/7-R</t>
  </si>
  <si>
    <t>18-B/7-R</t>
  </si>
  <si>
    <t>village 18-B/7-R P/O haeapa city Tehsil chichawatni Distt Sahiwal</t>
  </si>
  <si>
    <t>Murad kay kaathia</t>
  </si>
  <si>
    <t>GPS BASTI HAKIM SHAH</t>
  </si>
  <si>
    <t>GGPS RAILWAY STATION NOTHIEN</t>
  </si>
  <si>
    <t>nothein Station</t>
  </si>
  <si>
    <t>Nothein Station</t>
  </si>
  <si>
    <t>Asifa Yasmeen</t>
  </si>
  <si>
    <t>GGPS CHAK NO.35/BC (S)</t>
  </si>
  <si>
    <t>Chak No 35/BC</t>
  </si>
  <si>
    <t>Chak no 35/BC (S)</t>
  </si>
  <si>
    <t>Nazneen Islam</t>
  </si>
  <si>
    <t>36203</t>
  </si>
  <si>
    <t>GPS CHAK NO.573 EB</t>
  </si>
  <si>
    <t>573/EB</t>
  </si>
  <si>
    <t>Chak#573/E.B Post Office Same Tehsil and District Vehari</t>
  </si>
  <si>
    <t>573/EB Vehari</t>
  </si>
  <si>
    <t>Chak 561/EB</t>
  </si>
  <si>
    <t>40937</t>
  </si>
  <si>
    <t>GPS NAKODAR</t>
  </si>
  <si>
    <t>vill nakodar p/o ladhar teh dina dist jhelum</t>
  </si>
  <si>
    <t>Ayesha Imtiaz</t>
  </si>
  <si>
    <t>18944</t>
  </si>
  <si>
    <t>GGPS 79/EB III basti jalal</t>
  </si>
  <si>
    <t>Dariya</t>
  </si>
  <si>
    <t>chak no. 79 eb 3 dariya tehsil arifwala district pakpattan</t>
  </si>
  <si>
    <t>79 EB 3</t>
  </si>
  <si>
    <t>Chak No 83 EB</t>
  </si>
  <si>
    <t>Azra Naim</t>
  </si>
  <si>
    <t>35337</t>
  </si>
  <si>
    <t>GGPS MC NO.1</t>
  </si>
  <si>
    <t>Block 16,dgkhan</t>
  </si>
  <si>
    <t>Urban 8</t>
  </si>
  <si>
    <t>GGPS KHAMEESA PAKHIWAR</t>
  </si>
  <si>
    <t>KHAMEESA PAKHIWAR</t>
  </si>
  <si>
    <t>Mouza Khameesa Pakhiwar, Tehsil Ahmed Pur East, District Bahawalpur</t>
  </si>
  <si>
    <t>Kaneez Tahira Abbasi</t>
  </si>
  <si>
    <t>GES BERI WALA</t>
  </si>
  <si>
    <t>village beriwala post office vanike tarar tehsil dist. hafizabad</t>
  </si>
  <si>
    <t>Deernky Lalky</t>
  </si>
  <si>
    <t>Junaid Zahid</t>
  </si>
  <si>
    <t>GMPS 156/10-R, JAHANIAN</t>
  </si>
  <si>
    <t>Chak No 156/10r</t>
  </si>
  <si>
    <t>Chak no 156/10r jahanian khanewal</t>
  </si>
  <si>
    <t>174/10r</t>
  </si>
  <si>
    <t>GGPS MUJAHID</t>
  </si>
  <si>
    <t>Nafeesa Sarwar</t>
  </si>
  <si>
    <t>28050</t>
  </si>
  <si>
    <t>GES CHAK NO. 49/F</t>
  </si>
  <si>
    <t>Chak No. 49/F Chishtian</t>
  </si>
  <si>
    <t>Chak No 49/F</t>
  </si>
  <si>
    <t>Muhammad Nasir Anjum</t>
  </si>
  <si>
    <t>6592</t>
  </si>
  <si>
    <t>GGPS 94/15-L, MIAN CHANNU</t>
  </si>
  <si>
    <t>94/15 l mainchannu</t>
  </si>
  <si>
    <t>94 /15l</t>
  </si>
  <si>
    <t>93/15 L Mainchannu</t>
  </si>
  <si>
    <t>Sarwat Rukhsana</t>
  </si>
  <si>
    <t>GMMS THULL WALA NO.1 P/O SHUJAABAD</t>
  </si>
  <si>
    <t>chah thul wala moza pounta tehsil shujabad district multan</t>
  </si>
  <si>
    <t>Thul Wala</t>
  </si>
  <si>
    <t>GPS ASGHAR WALA</t>
  </si>
  <si>
    <t>sahu</t>
  </si>
  <si>
    <t>basti bagh wala mouza sahu</t>
  </si>
  <si>
    <t>bagh wala</t>
  </si>
  <si>
    <t>khalti</t>
  </si>
  <si>
    <t>14352</t>
  </si>
  <si>
    <t>GPS BASTI RAB NAWAZ</t>
  </si>
  <si>
    <t>basti Rabnawaz</t>
  </si>
  <si>
    <t>11271</t>
  </si>
  <si>
    <t>GES KHAN PUR NAHRAKA</t>
  </si>
  <si>
    <t>Khanpur Narrhakka</t>
  </si>
  <si>
    <t>Basti indra</t>
  </si>
  <si>
    <t>Khan garh Doma</t>
  </si>
  <si>
    <t>GGPS CHAK DEWARKA</t>
  </si>
  <si>
    <t>Chakdewarka</t>
  </si>
  <si>
    <t>G G P/school chakdewarka 34620239</t>
  </si>
  <si>
    <t>GGPS CHAK NO 348 TDA</t>
  </si>
  <si>
    <t>chak no 348 tda.tehsil chobara,distt.layyah</t>
  </si>
  <si>
    <t>Chak No 348 Tda</t>
  </si>
  <si>
    <t>Munazzah Muzaffer</t>
  </si>
  <si>
    <t>47840</t>
  </si>
  <si>
    <t>GMPS CHAK NO 150 JB</t>
  </si>
  <si>
    <t>Chak No 150</t>
  </si>
  <si>
    <t>GMPS 150</t>
  </si>
  <si>
    <t>Kalsoom Anwar</t>
  </si>
  <si>
    <t>GPS BAGWALA</t>
  </si>
  <si>
    <t>Bagwala</t>
  </si>
  <si>
    <t>GPS Bagwala P/O Domeli Teh Sohawa Dis Jhelum</t>
  </si>
  <si>
    <t>GGPS MAHAMA FATWARA</t>
  </si>
  <si>
    <t>Ggps Mehman fatwera BWN</t>
  </si>
  <si>
    <t>Mehman Fatwera</t>
  </si>
  <si>
    <t>Rojhan Wali</t>
  </si>
  <si>
    <t>Aniqa Latif</t>
  </si>
  <si>
    <t>7418</t>
  </si>
  <si>
    <t>GGPS DHANGARAN</t>
  </si>
  <si>
    <t>village dhangran post office chalawra tehsilkotli sattian distt rwp</t>
  </si>
  <si>
    <t>46728</t>
  </si>
  <si>
    <t>GGPS DHOK ISHRAL</t>
  </si>
  <si>
    <t>Dhok Ishral Po leti teh lawa district chakwal</t>
  </si>
  <si>
    <t>JAMILA KOUSAR</t>
  </si>
  <si>
    <t>GGES DERA BAGHAL SINGH</t>
  </si>
  <si>
    <t>Dera Bhagel Sing</t>
  </si>
  <si>
    <t>E/s dera baghail Singh 120 /r.b</t>
  </si>
  <si>
    <t>Dera Baghail Singh 120/rb</t>
  </si>
  <si>
    <t>Bhullair 119/rb</t>
  </si>
  <si>
    <t>Fauzia Kauser</t>
  </si>
  <si>
    <t>GPS JINDU PEER QADEEM</t>
  </si>
  <si>
    <t>Tarukrri</t>
  </si>
  <si>
    <t>basti jindoo pir kamal teh liaqat pur district rahim yar khan</t>
  </si>
  <si>
    <t>Jindoo Pir kamal</t>
  </si>
  <si>
    <t>44832</t>
  </si>
  <si>
    <t>GGPS CHAK NO. 80/F</t>
  </si>
  <si>
    <t>sidra majeed</t>
  </si>
  <si>
    <t>37577</t>
  </si>
  <si>
    <t>GGPS BARYAR KOHNA</t>
  </si>
  <si>
    <t>Baryar Kohna</t>
  </si>
  <si>
    <t>Village Baryar Kohna p/O Narang Teh Muridke Distt Skp</t>
  </si>
  <si>
    <t>Ghulam Qubra</t>
  </si>
  <si>
    <t>GGPS CHAK 303 GB</t>
  </si>
  <si>
    <t>Chak No 303GB</t>
  </si>
  <si>
    <t>chak no 303GB TTSingh</t>
  </si>
  <si>
    <t>301GB</t>
  </si>
  <si>
    <t>23871</t>
  </si>
  <si>
    <t>23388</t>
  </si>
  <si>
    <t>GPS JHANDU</t>
  </si>
  <si>
    <t>Jhandu</t>
  </si>
  <si>
    <t>Jhandu p/o bhau ghaseet pur tehsil kharian dist gujrat</t>
  </si>
  <si>
    <t>Bhau ghaseet pur</t>
  </si>
  <si>
    <t>GPS MUSA WALI JANUBI</t>
  </si>
  <si>
    <t>Piplan Pacca</t>
  </si>
  <si>
    <t>musawali janubi teh.piplan distt.mianwali</t>
  </si>
  <si>
    <t>Musawali</t>
  </si>
  <si>
    <t>Tibba Meharban Shah</t>
  </si>
  <si>
    <t>21224</t>
  </si>
  <si>
    <t>GMPS THATHA PIRA</t>
  </si>
  <si>
    <t>Thatha Pira</t>
  </si>
  <si>
    <t>Thatha Pira P/O Mohlanky,Teh.Wazirabad. District.GRW</t>
  </si>
  <si>
    <t>Thathai Pira</t>
  </si>
  <si>
    <t>21506</t>
  </si>
  <si>
    <t>35285</t>
  </si>
  <si>
    <t>Murad Ali</t>
  </si>
  <si>
    <t>moza murad ali teh butrwala distt vehari</t>
  </si>
  <si>
    <t>GES HAMOKA</t>
  </si>
  <si>
    <t>village hamoka district khushab</t>
  </si>
  <si>
    <t>GGPS 43/P</t>
  </si>
  <si>
    <t>chak 43/p</t>
  </si>
  <si>
    <t>Shagufta Nighat</t>
  </si>
  <si>
    <t>24358</t>
  </si>
  <si>
    <t>GPS CHAK 695/37 GB</t>
  </si>
  <si>
    <t>Chak Rajpootan</t>
  </si>
  <si>
    <t>chak 695/37 Teh Pirmahal Toba tek singh</t>
  </si>
  <si>
    <t>Chak 695/37 GB</t>
  </si>
  <si>
    <t>GPS DERYA KEY</t>
  </si>
  <si>
    <t>Deryakay</t>
  </si>
  <si>
    <t>Deryakay rasoolpur post office DHUTTAY tehsil chunian district kasur</t>
  </si>
  <si>
    <t>Akikay</t>
  </si>
  <si>
    <t>Safdar Mehmood</t>
  </si>
  <si>
    <t>46759</t>
  </si>
  <si>
    <t>GGES CHAK NO.124 SB</t>
  </si>
  <si>
    <t>124sb</t>
  </si>
  <si>
    <t>chak no 124 sb</t>
  </si>
  <si>
    <t>33407</t>
  </si>
  <si>
    <t>GPS DARBAAR SHEIKH TALIB</t>
  </si>
  <si>
    <t>Essa Wala Janoobi</t>
  </si>
  <si>
    <t>gps darbar sheikh talib moza essa wala janoobi</t>
  </si>
  <si>
    <t>essa wala janoobi</t>
  </si>
  <si>
    <t>NAJAM UL HASNAIN</t>
  </si>
  <si>
    <t>GPS HAJI MUHAMMAD EASA BOSAN</t>
  </si>
  <si>
    <t>Rakh Bait Bagh Shah</t>
  </si>
  <si>
    <t>Basti Haji Muhammad Easa Bosan</t>
  </si>
  <si>
    <t>GPS CHHACHHERA</t>
  </si>
  <si>
    <t>SHAKARGARH-MALE</t>
  </si>
  <si>
    <t>Chhachhra</t>
  </si>
  <si>
    <t>village chachhara shakargarh</t>
  </si>
  <si>
    <t>GPS CHAH BAKHSHAY WALA</t>
  </si>
  <si>
    <t>KOTLA ISMAIL</t>
  </si>
  <si>
    <t>BAKHSHAY WALA, P/O TIBBI QAISRANI, U/C TIBBI QAISRANI</t>
  </si>
  <si>
    <t>MUHAMMAD ISMAIL NIAZI</t>
  </si>
  <si>
    <t>Bhullar</t>
  </si>
  <si>
    <t>Bhullar p/o Tahkra mehy teh daska disst. 
sialkot</t>
  </si>
  <si>
    <t>GES DALKI BALKI</t>
  </si>
  <si>
    <t>ameer klasra sharqi</t>
  </si>
  <si>
    <t>moza ameer kalasra sharqi post office 172 tda tehsil&amp; district layyah</t>
  </si>
  <si>
    <t>dalki balki</t>
  </si>
  <si>
    <t>20268</t>
  </si>
  <si>
    <t>GMPS JEHL BHATTIAN</t>
  </si>
  <si>
    <t>Jehl Bhattian</t>
  </si>
  <si>
    <t>Moza Jehl Bhattian Tehsil Lalian District Chiniot</t>
  </si>
  <si>
    <t>Musarrat Bibi</t>
  </si>
  <si>
    <t>GGPS KOT AKBAR KHAN</t>
  </si>
  <si>
    <t>Kot Akbar</t>
  </si>
  <si>
    <t>kot  Akbar khan</t>
  </si>
  <si>
    <t>Bhoniki Othar</t>
  </si>
  <si>
    <t>Nabila Kanwal</t>
  </si>
  <si>
    <t>GGPS 127/10-R, JAHANIAN</t>
  </si>
  <si>
    <t>Chak No 127/10R</t>
  </si>
  <si>
    <t>Ggps127/10R</t>
  </si>
  <si>
    <t>127/10R</t>
  </si>
  <si>
    <t>Shahida Rifat</t>
  </si>
  <si>
    <t>GGPS NAROW</t>
  </si>
  <si>
    <t>Narow</t>
  </si>
  <si>
    <t>narow</t>
  </si>
  <si>
    <t>Bhattiandewanb</t>
  </si>
  <si>
    <t>GPS TIBBA DASTIAN</t>
  </si>
  <si>
    <t>Tiba Dastian Wala Karor Thandi, P/O Karor, Tehsil Karor, District Layyah</t>
  </si>
  <si>
    <t>TIBBA DASTIAN WALA</t>
  </si>
  <si>
    <t>GPS AROUTI PO FATEH PUR</t>
  </si>
  <si>
    <t>Arouti</t>
  </si>
  <si>
    <t>moza arouti p/o fateh pur teh mailsi distt vehari...</t>
  </si>
  <si>
    <t>GGES CHAK 119/6-R</t>
  </si>
  <si>
    <t>119/6R</t>
  </si>
  <si>
    <t>Chak no. 119/6R faqirwali tehsil haroonabad district bahawalnagar</t>
  </si>
  <si>
    <t>GMPS KHARANA PIRGHAZI</t>
  </si>
  <si>
    <t>Kharana Pir Ghazi</t>
  </si>
  <si>
    <t>vill kharana pir ghazi</t>
  </si>
  <si>
    <t>32044</t>
  </si>
  <si>
    <t>village islampura moza bhikhi d/t sheikhupura</t>
  </si>
  <si>
    <t>Muhammed Faiz Ul Hassan</t>
  </si>
  <si>
    <t>GES CHAK 358 GB NORTH</t>
  </si>
  <si>
    <t>Mugli</t>
  </si>
  <si>
    <t>Phlore Road,Chak No.358 GB (North)  District &amp; Tehsil Toba Tek Singh</t>
  </si>
  <si>
    <t>chak No.358 gB (north) Toba Tek Singh</t>
  </si>
  <si>
    <t>chak 361 gBDistrict &amp; Tehsil Toba Tek Singh</t>
  </si>
  <si>
    <t>Hafiz Muhammad Asif Javed</t>
  </si>
  <si>
    <t>47104</t>
  </si>
  <si>
    <t>GGPS CHAK 9/62</t>
  </si>
  <si>
    <t>Chak 9/62</t>
  </si>
  <si>
    <t>chak no 9/62</t>
  </si>
  <si>
    <t>Rubina Kusar</t>
  </si>
  <si>
    <t>47105</t>
  </si>
  <si>
    <t>30837</t>
  </si>
  <si>
    <t>GGES CHUNG KHURD (DEFENCE)</t>
  </si>
  <si>
    <t>Chung Khurd</t>
  </si>
  <si>
    <t>20091</t>
  </si>
  <si>
    <t>GGES CHAK NO. 138 JB NOUL</t>
  </si>
  <si>
    <t>chak number 138 jb noul  tehsil chiniot district chiniot</t>
  </si>
  <si>
    <t>138 Noul</t>
  </si>
  <si>
    <t>SAEEDA BATOOL</t>
  </si>
  <si>
    <t>GES KHUIAN</t>
  </si>
  <si>
    <t>near madina masjid vpo khuian, Talagang, chakwal</t>
  </si>
  <si>
    <t>18586</t>
  </si>
  <si>
    <t>GPS CHAK 285 JB</t>
  </si>
  <si>
    <t>Chak No 285 Jb</t>
  </si>
  <si>
    <t>chak no 285jb</t>
  </si>
  <si>
    <t>285jb</t>
  </si>
  <si>
    <t>372 Jb</t>
  </si>
  <si>
    <t>48028</t>
  </si>
  <si>
    <t>GGES CHIDROO</t>
  </si>
  <si>
    <t>gge/s chhidru</t>
  </si>
  <si>
    <t>Iffat BatooL</t>
  </si>
  <si>
    <t>29661</t>
  </si>
  <si>
    <t>47112</t>
  </si>
  <si>
    <t>GGPS QAISAR GHAZLANI</t>
  </si>
  <si>
    <t>Rampur Soom</t>
  </si>
  <si>
    <t>basti master ghulam Hassan khan ghazlani rampur soom</t>
  </si>
  <si>
    <t>Basti Ghazlani</t>
  </si>
  <si>
    <t>M Naeem Khan</t>
  </si>
  <si>
    <t>GPS CHAK NO 486 TDA</t>
  </si>
  <si>
    <t>chak no 486/tda tehsil choubara,district layyah</t>
  </si>
  <si>
    <t>Chak No 486/Tda</t>
  </si>
  <si>
    <t>Muhammad Zohaib Azhar</t>
  </si>
  <si>
    <t>GGPS TAHIR BHUTTA</t>
  </si>
  <si>
    <t>Tahir Bhutta</t>
  </si>
  <si>
    <t>moza tahir bhutta p/o 358/wb tehsil dunyapur district lodhran</t>
  </si>
  <si>
    <t>366 Wb</t>
  </si>
  <si>
    <t>GMMS JAM GABOOL</t>
  </si>
  <si>
    <t>Basti Rehmat Ullah Jam Gabol</t>
  </si>
  <si>
    <t>Chak 19 Np</t>
  </si>
  <si>
    <t>Khuram Javed</t>
  </si>
  <si>
    <t>GPS RORAN WALI SHUMALI</t>
  </si>
  <si>
    <t>Ashba</t>
  </si>
  <si>
    <t>Kausar Sibtain</t>
  </si>
  <si>
    <t>48518</t>
  </si>
  <si>
    <t>GES KAMAL PUR JATIAL</t>
  </si>
  <si>
    <t>Kamal Pur Jatial</t>
  </si>
  <si>
    <t>kamal pur jatial</t>
  </si>
  <si>
    <t>31772</t>
  </si>
  <si>
    <t>GPS KOT HAJI FAQIR MUHAMMAD</t>
  </si>
  <si>
    <t>Kot Faqir MuhaMuhaMuhaaMuhaMuhammad</t>
  </si>
  <si>
    <t>GPS kot faqir Muhammad po nanghal kaswal tehsil muridke distt sheikhupura</t>
  </si>
  <si>
    <t>Kot Faqir Muhammad</t>
  </si>
  <si>
    <t>Nanghal Kaswal</t>
  </si>
  <si>
    <t>GES SONIK BELA QADEEM</t>
  </si>
  <si>
    <t>basti aziz abad mouza bait ahmad</t>
  </si>
  <si>
    <t>Sadiq Abad67</t>
  </si>
  <si>
    <t>36335</t>
  </si>
  <si>
    <t>GGPS 176 EB</t>
  </si>
  <si>
    <t>Chak No. 176/EB</t>
  </si>
  <si>
    <t>chak no.176/EB vehari</t>
  </si>
  <si>
    <t>176/EB</t>
  </si>
  <si>
    <t>Nida Mumtaz</t>
  </si>
  <si>
    <t>48517</t>
  </si>
  <si>
    <t>GPS GHULAM NABI LAR</t>
  </si>
  <si>
    <t>Ghulam Nabi Lar</t>
  </si>
  <si>
    <t>basti Ghulam Nabi Lar</t>
  </si>
  <si>
    <t>Dhand gaghri</t>
  </si>
  <si>
    <t>Tahir munir</t>
  </si>
  <si>
    <t>GGPS DHOK KAHUT P/O KOT CHUDHRIAN</t>
  </si>
  <si>
    <t>Dhoke Kahut</t>
  </si>
  <si>
    <t>village dhoke Kahut PO Kot Chaudhrian tehsil and district chakwal</t>
  </si>
  <si>
    <t>IMTIAZ AKHTAR</t>
  </si>
  <si>
    <t>50990</t>
  </si>
  <si>
    <t>10277</t>
  </si>
  <si>
    <t>GGPS CHAK NO 253 TDA</t>
  </si>
  <si>
    <t>98/ML FEMALE</t>
  </si>
  <si>
    <t>253/tda</t>
  </si>
  <si>
    <t>chak no.253tda</t>
  </si>
  <si>
    <t>Chak No253tda</t>
  </si>
  <si>
    <t>GGPS PHAGWARI HINDUAN</t>
  </si>
  <si>
    <t>village and p\o phagwari</t>
  </si>
  <si>
    <t>NAGINA KOUSAR</t>
  </si>
  <si>
    <t>46087</t>
  </si>
  <si>
    <t>GES LUKOO</t>
  </si>
  <si>
    <t>Lukku</t>
  </si>
  <si>
    <t>VPO Lukku</t>
  </si>
  <si>
    <t>GPS PUNA WALI</t>
  </si>
  <si>
    <t>bsti puna wali moza mosam wala tehsil minchinabad bahawal nagar</t>
  </si>
  <si>
    <t>Puna Wali</t>
  </si>
  <si>
    <t>M Akmal Saleem</t>
  </si>
  <si>
    <t>GGPS DERA SAI MUHAMMAD</t>
  </si>
  <si>
    <t>Dera Sai Mohammad</t>
  </si>
  <si>
    <t>Dera Sai Mohammad vpo Dhok Jouri Teh.&amp; District M.B.Din</t>
  </si>
  <si>
    <t>Dhok Jouri</t>
  </si>
  <si>
    <t>Rakh Baloch Kalan</t>
  </si>
  <si>
    <t>Maryam Anwara</t>
  </si>
  <si>
    <t>GPS CHAK 47/F</t>
  </si>
  <si>
    <t>47/F</t>
  </si>
  <si>
    <t>GPS 47/F</t>
  </si>
  <si>
    <t>GPS GOPANG NO. 1</t>
  </si>
  <si>
    <t>Therri</t>
  </si>
  <si>
    <t>p/o Mehrey wala teh&amp;district Rajan pur</t>
  </si>
  <si>
    <t>Bastii Gapang</t>
  </si>
  <si>
    <t>Mehrey Wala</t>
  </si>
  <si>
    <t>GGES NEW HOUSING SCHEME</t>
  </si>
  <si>
    <t>New Housing Scheme</t>
  </si>
  <si>
    <t>govt girls elementry school houseing scheme liaquatpur</t>
  </si>
  <si>
    <t>MC Liaquatpur</t>
  </si>
  <si>
    <t>Rukhsana Firdous</t>
  </si>
  <si>
    <t>44346</t>
  </si>
  <si>
    <t>GPS MC JADEED GOJRA</t>
  </si>
  <si>
    <t>near sabz mandi, and noor masjid gojra</t>
  </si>
  <si>
    <t>Municipal Committee Gojra</t>
  </si>
  <si>
    <t>Muhammad Imran Asif</t>
  </si>
  <si>
    <t>23646</t>
  </si>
  <si>
    <t>GPS KOTLI JANDRAN</t>
  </si>
  <si>
    <t>village kotli jandran post office chawinda Tehsil Pasrur District sialkot</t>
  </si>
  <si>
    <t>Muhammad Akhtar Basra</t>
  </si>
  <si>
    <t>48547</t>
  </si>
  <si>
    <t>village baryar tehsil daska di strict sialkot</t>
  </si>
  <si>
    <t>Jahrawala</t>
  </si>
  <si>
    <t>GMPS WANDHA BALOCHI TRUG</t>
  </si>
  <si>
    <t>Janti Wala</t>
  </si>
  <si>
    <t>wandha balochi</t>
  </si>
  <si>
    <t>Wanda Balochi</t>
  </si>
  <si>
    <t>kalsoom bibi</t>
  </si>
  <si>
    <t>GGPS BAIT AHMAD NO.1</t>
  </si>
  <si>
    <t>Bait Ahmed</t>
  </si>
  <si>
    <t>Moza bait ahmed post office ghammani</t>
  </si>
  <si>
    <t>Ume Salma Khan</t>
  </si>
  <si>
    <t>47969</t>
  </si>
  <si>
    <t>GMMS CHAK 251 GB NAI ABADI</t>
  </si>
  <si>
    <t>251 GB Uggi</t>
  </si>
  <si>
    <t>251GB Uggi</t>
  </si>
  <si>
    <t>GGCMS JAMKE CHATHA</t>
  </si>
  <si>
    <t>Jamke Chata</t>
  </si>
  <si>
    <t>jamkey chatha</t>
  </si>
  <si>
    <t>mudassar akram</t>
  </si>
  <si>
    <t>GGPS JINAH ABAD</t>
  </si>
  <si>
    <t>Valvet Mor</t>
  </si>
  <si>
    <t>ggp/s jinnah abad multan</t>
  </si>
  <si>
    <t>Bsti Valvet</t>
  </si>
  <si>
    <t>47982</t>
  </si>
  <si>
    <t>40711</t>
  </si>
  <si>
    <t>GGPS DHARYALI</t>
  </si>
  <si>
    <t>Saroola</t>
  </si>
  <si>
    <t>dohk dharyali.post offieve padhri markaz jajial sohawa.district jhalum</t>
  </si>
  <si>
    <t>Dharyali</t>
  </si>
  <si>
    <t>47974</t>
  </si>
  <si>
    <t>GPS MOCHI WALA NO. 2</t>
  </si>
  <si>
    <t>mauza hazara basti bishrat Pur tehsil kot chutta district dgkhan</t>
  </si>
  <si>
    <t>Busharat Pur</t>
  </si>
  <si>
    <t>GPS CHAK NO 230 TDA</t>
  </si>
  <si>
    <t>CHAK NO. 230 TDA</t>
  </si>
  <si>
    <t>CHAK 230 TDA</t>
  </si>
  <si>
    <t>YASIR LATIF</t>
  </si>
  <si>
    <t>GGPS NAZIR KHAN WALA</t>
  </si>
  <si>
    <t>Khrl</t>
  </si>
  <si>
    <t>ggsp nazir khan wala</t>
  </si>
  <si>
    <t>Bsti Khrl</t>
  </si>
  <si>
    <t>po kamar mushani</t>
  </si>
  <si>
    <t>Shahalam Wala</t>
  </si>
  <si>
    <t>shabana bibi</t>
  </si>
  <si>
    <t>39461</t>
  </si>
  <si>
    <t>47981</t>
  </si>
  <si>
    <t>18223</t>
  </si>
  <si>
    <t>GMPS CHAK NO. 500 JB</t>
  </si>
  <si>
    <t>Chak No 500 J B</t>
  </si>
  <si>
    <t>GMPS Chak # 500 JB</t>
  </si>
  <si>
    <t>Chak# 500</t>
  </si>
  <si>
    <t>Chak # 497</t>
  </si>
  <si>
    <t>Naila Naz</t>
  </si>
  <si>
    <t>GGPS MEER KHANI</t>
  </si>
  <si>
    <t>meerkhani</t>
  </si>
  <si>
    <t>pindibahauddin</t>
  </si>
  <si>
    <t>47985</t>
  </si>
  <si>
    <t>51997</t>
  </si>
  <si>
    <t>GGPS MC NO. 2 MUZAFAR ABAD</t>
  </si>
  <si>
    <t>Mohla Muzfrabad</t>
  </si>
  <si>
    <t>Muzfrabad</t>
  </si>
  <si>
    <t>Urban-IV</t>
  </si>
  <si>
    <t>47987</t>
  </si>
  <si>
    <t>23134</t>
  </si>
  <si>
    <t>Naseera</t>
  </si>
  <si>
    <t>GGPS Naseera</t>
  </si>
  <si>
    <t>GPS KHADIM HUSSAIN SHAH</t>
  </si>
  <si>
    <t>khadim Hussain shah</t>
  </si>
  <si>
    <t>Khadim Hussain Shah</t>
  </si>
  <si>
    <t>Muhammad Zakria</t>
  </si>
  <si>
    <t>47990</t>
  </si>
  <si>
    <t>54080</t>
  </si>
  <si>
    <t>GGPS NIKROO SHAHEED</t>
  </si>
  <si>
    <t>nikroo shaheed tehsil noorpur thal distt khushab</t>
  </si>
  <si>
    <t>Shomaila Asghar</t>
  </si>
  <si>
    <t>GPS ZAFAR WALA</t>
  </si>
  <si>
    <t>Dera Saroo Khail</t>
  </si>
  <si>
    <t>GGPS CHAK NO. 59/4-R (AB)</t>
  </si>
  <si>
    <t>Chak No 59/4r AB</t>
  </si>
  <si>
    <t>chak no 59/4r (AB)</t>
  </si>
  <si>
    <t>Cha No 59/4r AB</t>
  </si>
  <si>
    <t>GPS MC 2-B KHANEWAL</t>
  </si>
  <si>
    <t>Khanewal MC</t>
  </si>
  <si>
    <t>Block No.06, Khanewal</t>
  </si>
  <si>
    <t>GPS ZEERAK WAHIN</t>
  </si>
  <si>
    <t>Zeerak Wahin</t>
  </si>
  <si>
    <t>Basti zeerak wahin</t>
  </si>
  <si>
    <t>50910</t>
  </si>
  <si>
    <t>GPS BHAKKAR NO 1</t>
  </si>
  <si>
    <t>near MC high school Bhakkar</t>
  </si>
  <si>
    <t>Mohammad Asmat Ullah</t>
  </si>
  <si>
    <t>GMPS ICHRAN</t>
  </si>
  <si>
    <t>Ichran</t>
  </si>
  <si>
    <t>Ichran teh Bhera</t>
  </si>
  <si>
    <t>Hazurpur</t>
  </si>
  <si>
    <t>Irshad Fatima</t>
  </si>
  <si>
    <t>18589</t>
  </si>
  <si>
    <t>GPS MC KOT ABDI KHAN GOJRA</t>
  </si>
  <si>
    <t>muhallah kot abdi khan gojra</t>
  </si>
  <si>
    <t>Shahzad Iqbal</t>
  </si>
  <si>
    <t>48015</t>
  </si>
  <si>
    <t>27789</t>
  </si>
  <si>
    <t>GGES BOSAL MASOOR</t>
  </si>
  <si>
    <t>Busal Masoor</t>
  </si>
  <si>
    <t>v &amp;p.o busal masoor, teh malikwal distt m.b.din</t>
  </si>
  <si>
    <t>17359</t>
  </si>
  <si>
    <t>5581</t>
  </si>
  <si>
    <t>48016</t>
  </si>
  <si>
    <t>GMPS BASHIR KOT</t>
  </si>
  <si>
    <t>Husain Abad</t>
  </si>
  <si>
    <t>basti bashir kot tehsil distt bahwal nagar</t>
  </si>
  <si>
    <t>Bashir Kot</t>
  </si>
  <si>
    <t>GPS MUD ADIL</t>
  </si>
  <si>
    <t>basti jam hayat muhammad ahmad kudan</t>
  </si>
  <si>
    <t>Basti Jam Hayat Muhammad</t>
  </si>
  <si>
    <t>48023</t>
  </si>
  <si>
    <t>GGPS AALM WALA</t>
  </si>
  <si>
    <t>Alamwala</t>
  </si>
  <si>
    <t>Ada bahiwal, village Alamwala</t>
  </si>
  <si>
    <t>Rubeena Kausar</t>
  </si>
  <si>
    <t>48025</t>
  </si>
  <si>
    <t>GGHS DHARIALA JALIB</t>
  </si>
  <si>
    <t>Dharyala Jalap</t>
  </si>
  <si>
    <t>Govt Girls high School Dharyala Jalap</t>
  </si>
  <si>
    <t>NOUREEN AKHTER</t>
  </si>
  <si>
    <t>GPS CHAK NO. 151 ML (JINNAH COLONY)</t>
  </si>
  <si>
    <t>CHAK NO 151 /ML</t>
  </si>
  <si>
    <t>Chak NO 151 /ML Jinnah abadi</t>
  </si>
  <si>
    <t>Chak NO 151/ML Jina ah Abadi</t>
  </si>
  <si>
    <t>Fakhr-e-Alam</t>
  </si>
  <si>
    <t>GES CHAK 166 GB</t>
  </si>
  <si>
    <t>166 G.B</t>
  </si>
  <si>
    <t>GPS CHAK NO. 500 TDA</t>
  </si>
  <si>
    <t>sher garh-MALE</t>
  </si>
  <si>
    <t>500/tda</t>
  </si>
  <si>
    <t>sher garh</t>
  </si>
  <si>
    <t>50305</t>
  </si>
  <si>
    <t>GES 7/11-L LAHORIAN WALA</t>
  </si>
  <si>
    <t>chak  No. 7/11L Lahorianwala</t>
  </si>
  <si>
    <t>7/11L Lahorianwala</t>
  </si>
  <si>
    <t>39397</t>
  </si>
  <si>
    <t>49264</t>
  </si>
  <si>
    <t>19728</t>
  </si>
  <si>
    <t>GPS CHAK NO 238 JB EAST</t>
  </si>
  <si>
    <t>Chak No 238 JB East Tehsil Bhowana District Chiniot</t>
  </si>
  <si>
    <t>Chak No 238 JB EAST</t>
  </si>
  <si>
    <t>Chak No 208 JB Sahmal</t>
  </si>
  <si>
    <t>GES TAKHAT PUR</t>
  </si>
  <si>
    <t>takhat pur</t>
  </si>
  <si>
    <t>takhat pur tehsil pasrur district sialkot</t>
  </si>
  <si>
    <t>GPS BASTI SANJRANI BALOCH</t>
  </si>
  <si>
    <t>GPS Basti Sanjrani Baloch, Post Office Musafir Khana, Tehsil Sadar Bahawalpur</t>
  </si>
  <si>
    <t>Basti Sanjrani Baloch</t>
  </si>
  <si>
    <t>7667</t>
  </si>
  <si>
    <t>53372</t>
  </si>
  <si>
    <t>GGPS FAIZ ABAD ALWALKAY</t>
  </si>
  <si>
    <t>Faizabad Alwalkay</t>
  </si>
  <si>
    <t>waan gharki dakhli Alwalkay</t>
  </si>
  <si>
    <t>Waan Gharki</t>
  </si>
  <si>
    <t>34Gd</t>
  </si>
  <si>
    <t>Fozia Ali</t>
  </si>
  <si>
    <t>GPS CHAK NO.88/DB (S)</t>
  </si>
  <si>
    <t>ChaK  No 88 DB South</t>
  </si>
  <si>
    <t>ChaK No.88 DB South</t>
  </si>
  <si>
    <t>ChaK No 88/DB south</t>
  </si>
  <si>
    <t>ChaK No 88/DB Hakem Wali</t>
  </si>
  <si>
    <t>GMPS SHAH MUSA (IMAM DIN WALA) SHUJABAD</t>
  </si>
  <si>
    <t>Shahamusa</t>
  </si>
  <si>
    <t>gmps shaha musa imam din wala</t>
  </si>
  <si>
    <t>Imam Din Wala</t>
  </si>
  <si>
    <t>Shaha Musa</t>
  </si>
  <si>
    <t>47843</t>
  </si>
  <si>
    <t>GMPS  GURU SAR GIRDHARI WALA EAST</t>
  </si>
  <si>
    <t>Guru Sar</t>
  </si>
  <si>
    <t>gmps gurusar girdhari  waia east</t>
  </si>
  <si>
    <t>Ume-Habiba</t>
  </si>
  <si>
    <t>GMPS NAKKI CHATTA</t>
  </si>
  <si>
    <t>Nakki Chatha</t>
  </si>
  <si>
    <t>nakki Chatha. p.O QADIR ABAD COLONY.TEHSIL. TEH&amp;DIST.HAFIZABAD</t>
  </si>
  <si>
    <t>GGES 344/WB</t>
  </si>
  <si>
    <t>344/wb</t>
  </si>
  <si>
    <t>chak no 344/wb</t>
  </si>
  <si>
    <t>Chak No 344/wb</t>
  </si>
  <si>
    <t>Chak No 357/wb</t>
  </si>
  <si>
    <t>Sobia Nasir</t>
  </si>
  <si>
    <t>14806</t>
  </si>
  <si>
    <t>GPS 627 GB SEEKA PO LUNDIANWALA</t>
  </si>
  <si>
    <t>CHAKU MOR-MALE</t>
  </si>
  <si>
    <t>Saeeka</t>
  </si>
  <si>
    <t>Chak 627GB seeka</t>
  </si>
  <si>
    <t>Chak 627GB</t>
  </si>
  <si>
    <t>Chak 650/1GB</t>
  </si>
  <si>
    <t>Ahmad Ullah</t>
  </si>
  <si>
    <t>GMPS THATHI KHUDA YAAR SHAH</t>
  </si>
  <si>
    <t>Thathi Khuda Yar Shah</t>
  </si>
  <si>
    <t>THATHI KHUDA YAR SHAH Tehsil Lalian District Chiniot</t>
  </si>
  <si>
    <t>THATHI KHUDA YAR SHAH</t>
  </si>
  <si>
    <t>Nadia Khaliq</t>
  </si>
  <si>
    <t>33414</t>
  </si>
  <si>
    <t>GPS 43/12-L</t>
  </si>
  <si>
    <t>chak #43/12-L Chichawatni</t>
  </si>
  <si>
    <t>Muhammad Saeed Iqbal</t>
  </si>
  <si>
    <t>GES BAAT</t>
  </si>
  <si>
    <t>govt Elementary School BaaT post office Jhuggi Wala</t>
  </si>
  <si>
    <t>Basti Meerani</t>
  </si>
  <si>
    <t>47852</t>
  </si>
  <si>
    <t>54116</t>
  </si>
  <si>
    <t>GES KOT ARJAN SINGH</t>
  </si>
  <si>
    <t>Mundeyki</t>
  </si>
  <si>
    <t>Kot Arjan singh</t>
  </si>
  <si>
    <t>Kot Arjan Singh</t>
  </si>
  <si>
    <t>Muhammad Aamir Siddique</t>
  </si>
  <si>
    <t>GPS KOT CHHAJI NO.1</t>
  </si>
  <si>
    <t>Kot Chhajji</t>
  </si>
  <si>
    <t>vpo kot chhajji jand Attock</t>
  </si>
  <si>
    <t>47856</t>
  </si>
  <si>
    <t>17292</t>
  </si>
  <si>
    <t>GPS RAMANA</t>
  </si>
  <si>
    <t>Mohair Wali</t>
  </si>
  <si>
    <t>12401</t>
  </si>
  <si>
    <t>GGES MASTOI WALA</t>
  </si>
  <si>
    <t>Basti Mastoi Wala mouza Qasim Wala post office kotla mughla tehsil Jampur District Rajanpur</t>
  </si>
  <si>
    <t>Alvina Khalid</t>
  </si>
  <si>
    <t>GGPS CHAK 761 GB</t>
  </si>
  <si>
    <t>chak no 761 gb</t>
  </si>
  <si>
    <t>761gb</t>
  </si>
  <si>
    <t>Gul Fhamida</t>
  </si>
  <si>
    <t>GPS DHARI RAI DITTA</t>
  </si>
  <si>
    <t>Dhari rai Ditta</t>
  </si>
  <si>
    <t>post office Dhari rai ditta</t>
  </si>
  <si>
    <t>Salma Barkat</t>
  </si>
  <si>
    <t>40133</t>
  </si>
  <si>
    <t>21282</t>
  </si>
  <si>
    <t>GGPS RUKH KALAN</t>
  </si>
  <si>
    <t>Rukh Kalan</t>
  </si>
  <si>
    <t>rukh kalan</t>
  </si>
  <si>
    <t>Attia  Shaheen</t>
  </si>
  <si>
    <t>11428</t>
  </si>
  <si>
    <t>44239</t>
  </si>
  <si>
    <t>GPS CHAKI DHARUKNA</t>
  </si>
  <si>
    <t>Chaki Dharukna</t>
  </si>
  <si>
    <t>Village Chaki Dharukna P/O Dharukna Tehsil Kallar kahar Distt Chakwal</t>
  </si>
  <si>
    <t>GPS Chaki Dharukna</t>
  </si>
  <si>
    <t>Saqib Iqbal</t>
  </si>
  <si>
    <t>GES KOTLA AHMAD KHAN</t>
  </si>
  <si>
    <t>Kotla Ahmad Khan</t>
  </si>
  <si>
    <t>GES kotla ahmad khan, kot chutta,D g khan</t>
  </si>
  <si>
    <t>Gull Muhammad</t>
  </si>
  <si>
    <t>GGES CHAK NO 177/M</t>
  </si>
  <si>
    <t>Iffat Rubana</t>
  </si>
  <si>
    <t>GPS CHAK NO.129 NB</t>
  </si>
  <si>
    <t>Chak 129nb</t>
  </si>
  <si>
    <t>chak 129nb</t>
  </si>
  <si>
    <t>129nb</t>
  </si>
  <si>
    <t>Ameer Abdullah</t>
  </si>
  <si>
    <t>49216</t>
  </si>
  <si>
    <t>GPS KOTLA MURAD ALI</t>
  </si>
  <si>
    <t>Kotla Murad Ali</t>
  </si>
  <si>
    <t>Naseer-ud- Wahin</t>
  </si>
  <si>
    <t>GMPS KOTLA QAIM</t>
  </si>
  <si>
    <t>Kotla Qaim</t>
  </si>
  <si>
    <t>near docter shair kaleem clinic ward no 10 rajan pur</t>
  </si>
  <si>
    <t>Kotla Esaan</t>
  </si>
  <si>
    <t>Zartashia Atta</t>
  </si>
  <si>
    <t>47884</t>
  </si>
  <si>
    <t>GPS KHAN DA KOT</t>
  </si>
  <si>
    <t>THATHA FATEH ALI</t>
  </si>
  <si>
    <t>KHAN DA KOT</t>
  </si>
  <si>
    <t>27978</t>
  </si>
  <si>
    <t>dera miana</t>
  </si>
  <si>
    <t>47888</t>
  </si>
  <si>
    <t>10386</t>
  </si>
  <si>
    <t>GPS CHAK NO. 85-A/TDA (DERA ABDUL WAHEED)</t>
  </si>
  <si>
    <t>85A/tda</t>
  </si>
  <si>
    <t>Chak No 85A/TDA Dera Abdul Wahaid Khan Karor all eSan</t>
  </si>
  <si>
    <t>Chao 85A/Tda Karor</t>
  </si>
  <si>
    <t>30039</t>
  </si>
  <si>
    <t>54772</t>
  </si>
  <si>
    <t>GPS BASTI KAKAR PATTI CHANG</t>
  </si>
  <si>
    <t>Patti Chang</t>
  </si>
  <si>
    <t>Basti/Moza Patti Chang p/o joyia Abad thesil Ahmed our East dist. Bahawalpur</t>
  </si>
  <si>
    <t>BASTI KAKAR Moza Patti Chang</t>
  </si>
  <si>
    <t>GPS MOADIB GOVIND WALA</t>
  </si>
  <si>
    <t>Doda naich</t>
  </si>
  <si>
    <t>basti Aziz abad tehsil LQP DIss.RYK</t>
  </si>
  <si>
    <t>Amin abad</t>
  </si>
  <si>
    <t>Talat Noman</t>
  </si>
  <si>
    <t>47891</t>
  </si>
  <si>
    <t>GPS ROPAY WALA</t>
  </si>
  <si>
    <t>Chak Roopey wala Tehsil Minchinabad</t>
  </si>
  <si>
    <t>Chak Roopey Wala</t>
  </si>
  <si>
    <t>22415</t>
  </si>
  <si>
    <t>GPS JAMUN BOLA</t>
  </si>
  <si>
    <t>Jamo Bola</t>
  </si>
  <si>
    <t>Jamo Bola P/O Mangowal Gharbi Teh &amp;District  (Gujrat )</t>
  </si>
  <si>
    <t>50948</t>
  </si>
  <si>
    <t>47896</t>
  </si>
  <si>
    <t>GGPS CHAK NO. 137/6-R</t>
  </si>
  <si>
    <t>137/6-R   AB</t>
  </si>
  <si>
    <t>Govt.Girls primery school 137/6-R AB</t>
  </si>
  <si>
    <t>MUSRRAT Parveen</t>
  </si>
  <si>
    <t>GGES RAM PUR SAIR MIANI MULTAN</t>
  </si>
  <si>
    <t>Ram Pur Sair Miani</t>
  </si>
  <si>
    <t>link road darbar saskhi sultan</t>
  </si>
  <si>
    <t>Alhadi Sura</t>
  </si>
  <si>
    <t>Unis Bibi</t>
  </si>
  <si>
    <t>8894</t>
  </si>
  <si>
    <t>GPS GAMOON WALI</t>
  </si>
  <si>
    <t>BAIT LADHA</t>
  </si>
  <si>
    <t>BASTI GANMOON WALI, MOUZA BAIT LADHA, U/C PANJGRAIN</t>
  </si>
  <si>
    <t>BASTI GANMOON WALI</t>
  </si>
  <si>
    <t>47904</t>
  </si>
  <si>
    <t>35303</t>
  </si>
  <si>
    <t>GPS 319 EB</t>
  </si>
  <si>
    <t>319 EB</t>
  </si>
  <si>
    <t>Chak no 319 EB</t>
  </si>
  <si>
    <t>305 EB</t>
  </si>
  <si>
    <t>Muhammad Amin Asif</t>
  </si>
  <si>
    <t>47905</t>
  </si>
  <si>
    <t>GPS CHAK 251 GB</t>
  </si>
  <si>
    <t>Chal No 251 Gb</t>
  </si>
  <si>
    <t>chak no 251 gb</t>
  </si>
  <si>
    <t>25227</t>
  </si>
  <si>
    <t>44548</t>
  </si>
  <si>
    <t>GPS MUHAMMAD BAKHSH WALA NO.1 P/O MOHRI PUR, SARAI SIDHU</t>
  </si>
  <si>
    <t>Muhammad bakhsh wala p/o mohri pur</t>
  </si>
  <si>
    <t>Muhammad Bakhsh Wala</t>
  </si>
  <si>
    <t>GPS CHAK NO 501 TDA</t>
  </si>
  <si>
    <t>chak no 501/TDA</t>
  </si>
  <si>
    <t>Chak No 501/TDA</t>
  </si>
  <si>
    <t>Hand pump and water cooler</t>
  </si>
  <si>
    <t>GES MC EID GAH GOJRA</t>
  </si>
  <si>
    <t>eid gah road gojra</t>
  </si>
  <si>
    <t>Sajjad Haider</t>
  </si>
  <si>
    <t>GPS CHANBHLAN WALA P/O JHOKE LASHKER PUR</t>
  </si>
  <si>
    <t>Near 18 Kassi Budhla Raod Multan.</t>
  </si>
  <si>
    <t>Chamblan Wala</t>
  </si>
  <si>
    <t>Abrar Hussain</t>
  </si>
  <si>
    <t>47414</t>
  </si>
  <si>
    <t>GGPS 23 DB</t>
  </si>
  <si>
    <t>23DB</t>
  </si>
  <si>
    <t>Chak no 23db p/o 22db tehsil and disttrict mianwali</t>
  </si>
  <si>
    <t>Muzaffar Pur South No 1</t>
  </si>
  <si>
    <t>Water pump and hand pump</t>
  </si>
  <si>
    <t>46530</t>
  </si>
  <si>
    <t>GPS DADDOO KHELAN WALA</t>
  </si>
  <si>
    <t>Village ghandi wandha dadu Khel Kundian</t>
  </si>
  <si>
    <t>Kundian Rural Shumali</t>
  </si>
  <si>
    <t>Najaf Ali Shah</t>
  </si>
  <si>
    <t>46531</t>
  </si>
  <si>
    <t>GGPS CHAK NO.164/NP</t>
  </si>
  <si>
    <t>164Np</t>
  </si>
  <si>
    <t>Chk no164np</t>
  </si>
  <si>
    <t>164np</t>
  </si>
  <si>
    <t>Yasmeen  Gul</t>
  </si>
  <si>
    <t>49522</t>
  </si>
  <si>
    <t>GGPS DHODY</t>
  </si>
  <si>
    <t>Dhody</t>
  </si>
  <si>
    <t>Village dodhy post office kharana  teh Kharian distt Gujrat</t>
  </si>
  <si>
    <t>GGPS CHAK NO.7/DNB</t>
  </si>
  <si>
    <t>chak no 7 dnb tehsil yazman dist BWP</t>
  </si>
  <si>
    <t>7dnb</t>
  </si>
  <si>
    <t>17dnb</t>
  </si>
  <si>
    <t>GGPS MC MORI GATE</t>
  </si>
  <si>
    <t>baldia chok kasur</t>
  </si>
  <si>
    <t>Morigate</t>
  </si>
  <si>
    <t>Afifa Rafique</t>
  </si>
  <si>
    <t>46537</t>
  </si>
  <si>
    <t>GGPS HAJIAL</t>
  </si>
  <si>
    <t>Dhok Hajial</t>
  </si>
  <si>
    <t>vpo laiti dhok hajial</t>
  </si>
  <si>
    <t>Laiti</t>
  </si>
  <si>
    <t>MADIHA ALTAF</t>
  </si>
  <si>
    <t>46538</t>
  </si>
  <si>
    <t>GPS CHAK NO 255 TDA</t>
  </si>
  <si>
    <t>255/TDA</t>
  </si>
  <si>
    <t>Chack No 255/TDA Teh. Karoor Lal Essan Dist. Layyah</t>
  </si>
  <si>
    <t>Chack no 110/ TDA</t>
  </si>
  <si>
    <t>INAYAT ULLAH QUMER</t>
  </si>
  <si>
    <t>47146</t>
  </si>
  <si>
    <t>GPS NARU</t>
  </si>
  <si>
    <t>Bharyun Wala</t>
  </si>
  <si>
    <t>dera hathi khelanwala wala</t>
  </si>
  <si>
    <t>Rokhhary</t>
  </si>
  <si>
    <t>Muhammad Zafarullah Khan</t>
  </si>
  <si>
    <t>GGES KOT BAHADAR</t>
  </si>
  <si>
    <t>kot bahadar</t>
  </si>
  <si>
    <t>46543</t>
  </si>
  <si>
    <t>GPS GHANO KHANI</t>
  </si>
  <si>
    <t>Basti Guno khhani</t>
  </si>
  <si>
    <t>Noor Mohammad</t>
  </si>
  <si>
    <t>GGPS 2/9-R, KACHA KHUH</t>
  </si>
  <si>
    <t>rathwala</t>
  </si>
  <si>
    <t>chak no.2/9R</t>
  </si>
  <si>
    <t>Chak no 2/9R</t>
  </si>
  <si>
    <t>4/8R</t>
  </si>
  <si>
    <t>Rubina Younis</t>
  </si>
  <si>
    <t>Seelra</t>
  </si>
  <si>
    <t>basti Aziz Abad p/o saleem abad</t>
  </si>
  <si>
    <t>46549</t>
  </si>
  <si>
    <t>20781</t>
  </si>
  <si>
    <t>GES MC NO.5 GUJRANWALA</t>
  </si>
  <si>
    <t>Baghbanpura Pura</t>
  </si>
  <si>
    <t>St#4 silko mills wali. grw</t>
  </si>
  <si>
    <t>Baghbanpura jadeed hafizabad road</t>
  </si>
  <si>
    <t>muhammad tariq  qureshi</t>
  </si>
  <si>
    <t>GPS CHAK NO 134/M</t>
  </si>
  <si>
    <t>chak 134/m</t>
  </si>
  <si>
    <t>Muhammad Shan Akbar</t>
  </si>
  <si>
    <t>51875</t>
  </si>
  <si>
    <t>GPS 50 SP</t>
  </si>
  <si>
    <t>Chak 50sp</t>
  </si>
  <si>
    <t>chak  No 50sp</t>
  </si>
  <si>
    <t>Shabbir Abbas</t>
  </si>
  <si>
    <t>GGPS CHAK NO.15-B TDA</t>
  </si>
  <si>
    <t>15 Chah</t>
  </si>
  <si>
    <t>15b/tda</t>
  </si>
  <si>
    <t>15 Chak</t>
  </si>
  <si>
    <t>Farah Deeba Tareen</t>
  </si>
  <si>
    <t>45409</t>
  </si>
  <si>
    <t>GPS JALO CHAK</t>
  </si>
  <si>
    <t>jallo chak</t>
  </si>
  <si>
    <t>46557</t>
  </si>
  <si>
    <t>12579</t>
  </si>
  <si>
    <t>GPS ROHILLAN WALI NO. 1</t>
  </si>
  <si>
    <t>Rohillan wali</t>
  </si>
  <si>
    <t>GMPS CHAK NO 502 JB</t>
  </si>
  <si>
    <t>Chak No 502</t>
  </si>
  <si>
    <t>chak no 502</t>
  </si>
  <si>
    <t>S S Nihang</t>
  </si>
  <si>
    <t>Sajjad Qadir</t>
  </si>
  <si>
    <t>GPS RAKH BILAND</t>
  </si>
  <si>
    <t>Rakh Biland</t>
  </si>
  <si>
    <t>GPS RAKH BIland p/o Chan tehsil noorpur thal</t>
  </si>
  <si>
    <t>Hafiz Muhammad Fakhar Ramzan</t>
  </si>
  <si>
    <t>46562</t>
  </si>
  <si>
    <t>GGPS DHOK CHHAB (MIAN WALA)</t>
  </si>
  <si>
    <t>village dk.Chhab Mianwala</t>
  </si>
  <si>
    <t>Dk Chhab</t>
  </si>
  <si>
    <t>44902</t>
  </si>
  <si>
    <t>GPS DAKKI</t>
  </si>
  <si>
    <t>PO Dailly Namdar RO Dakki</t>
  </si>
  <si>
    <t>Dakki</t>
  </si>
  <si>
    <t>Muhammad Ameer Khan</t>
  </si>
  <si>
    <t>46566</t>
  </si>
  <si>
    <t>GES KARIMA</t>
  </si>
  <si>
    <t>Karima</t>
  </si>
  <si>
    <t>GBES KARIMA, TEHSIL FATEH JANG, DISTRICT ATTOCK.</t>
  </si>
  <si>
    <t>Akhlaq Ahmed Khan</t>
  </si>
  <si>
    <t>GPS MACHANA</t>
  </si>
  <si>
    <t>Akeka Rasool Pur</t>
  </si>
  <si>
    <t>M Asif Ashraf</t>
  </si>
  <si>
    <t>54779</t>
  </si>
  <si>
    <t>46574</t>
  </si>
  <si>
    <t>39946</t>
  </si>
  <si>
    <t>GPS MURRARIA</t>
  </si>
  <si>
    <t>Village Murariaria Tehsil Hazro District Attock</t>
  </si>
  <si>
    <t>Muhammad Abbas Sidqi</t>
  </si>
  <si>
    <t>GGCMS JHOLAN ARAIAN</t>
  </si>
  <si>
    <t>jhulan arain</t>
  </si>
  <si>
    <t>syeda tatheer zohra</t>
  </si>
  <si>
    <t>28066</t>
  </si>
  <si>
    <t>GGCMES DHOK DAUD</t>
  </si>
  <si>
    <t>Dhok Daud</t>
  </si>
  <si>
    <t>dhok Daud, Mandi Bahauddin</t>
  </si>
  <si>
    <t>Rakh Bloach Kalan</t>
  </si>
  <si>
    <t>GPS CHAK MIAN</t>
  </si>
  <si>
    <t>Chak Mian</t>
  </si>
  <si>
    <t>Village Chak Mian PO Ghongawali Tehsil Phalia District M.B.Din</t>
  </si>
  <si>
    <t>Muhammad Fayyaz Hussain</t>
  </si>
  <si>
    <t>GES AL-DITTA</t>
  </si>
  <si>
    <t>Alditta</t>
  </si>
  <si>
    <t>Bupra Klan</t>
  </si>
  <si>
    <t>Abul Ghaffar Shah</t>
  </si>
  <si>
    <t>50187</t>
  </si>
  <si>
    <t>32076</t>
  </si>
  <si>
    <t>GGPS KOLACHI</t>
  </si>
  <si>
    <t>Khairpursadat</t>
  </si>
  <si>
    <t>p/o khairpur sadat c/o somroo karyana store tehsil alipur diatrict muzaffargarh</t>
  </si>
  <si>
    <t>Basti Kolachi</t>
  </si>
  <si>
    <t>Mehjabeen Ali</t>
  </si>
  <si>
    <t>40822</t>
  </si>
  <si>
    <t>GPS TIBBI SYEDAN</t>
  </si>
  <si>
    <t>Tibbi Sydan</t>
  </si>
  <si>
    <t>Tibbi sydan P.O TIBBI SYEDAN TEHSIL SOHAWA DISTRICT JHELUM</t>
  </si>
  <si>
    <t>Phularay Sydan</t>
  </si>
  <si>
    <t>Hira Rehman</t>
  </si>
  <si>
    <t>GPS JABA V DAKHLI SETHI</t>
  </si>
  <si>
    <t>Dhoke Jaba Vs Dakhli Sthi</t>
  </si>
  <si>
    <t>vill. dhoke jaba vs dakhli sethi P.O Nurpur Teh. kallar kahar Distt. Chakwal</t>
  </si>
  <si>
    <t>Dhoke Jaba Vs Dakhli Sethi</t>
  </si>
  <si>
    <t>Syed Obaid Ullah Bokhari</t>
  </si>
  <si>
    <t>9802</t>
  </si>
  <si>
    <t>GPS CHAK NO. 445 TDA</t>
  </si>
  <si>
    <t>445 Tda</t>
  </si>
  <si>
    <t>GPS 445 TDA tehsil choubara district layyah</t>
  </si>
  <si>
    <t>445 TDA</t>
  </si>
  <si>
    <t>Mc Choubara</t>
  </si>
  <si>
    <t>Abdul sattar</t>
  </si>
  <si>
    <t>GGPS KANDAN SIAN</t>
  </si>
  <si>
    <t>kandan sian. Teh Daska.District sialkot.</t>
  </si>
  <si>
    <t>Shumaila Ghulam Rasool</t>
  </si>
  <si>
    <t>GMPS KIRTOWAL</t>
  </si>
  <si>
    <t>Kirtowal</t>
  </si>
  <si>
    <t>kirtowal</t>
  </si>
  <si>
    <t>Mariam Aisha</t>
  </si>
  <si>
    <t>GGES MUSA WALA</t>
  </si>
  <si>
    <t>Musa Wala</t>
  </si>
  <si>
    <t>Munira Sharif</t>
  </si>
  <si>
    <t>GPS PAHOOR WALA</t>
  </si>
  <si>
    <t>Ameer Klasara Sharki</t>
  </si>
  <si>
    <t>Ameer Klasara chak no 172/TDA</t>
  </si>
  <si>
    <t>Muhammad  Saleem</t>
  </si>
  <si>
    <t>GPS BASTI BUDHOO</t>
  </si>
  <si>
    <t>Kacha main wali no.2</t>
  </si>
  <si>
    <t>Kacha main wali no.2 (Bangla Ichha)</t>
  </si>
  <si>
    <t>Basti Budhoo</t>
  </si>
  <si>
    <t>Kacha main wali</t>
  </si>
  <si>
    <t>GPS DHOK KHARCHAL</t>
  </si>
  <si>
    <t>Dhok Kharchal VPO Dhaular Tehsil Talagang District Chakwal</t>
  </si>
  <si>
    <t>46620</t>
  </si>
  <si>
    <t>35286</t>
  </si>
  <si>
    <t>GPS LAKHO KAY KALAN</t>
  </si>
  <si>
    <t>Lakho Ky Kalan</t>
  </si>
  <si>
    <t>lakho k kalan</t>
  </si>
  <si>
    <t>Lakho K Kalan</t>
  </si>
  <si>
    <t>Sabir Majeed</t>
  </si>
  <si>
    <t>GGES KOT SANT RAM</t>
  </si>
  <si>
    <t>Kot Sant Ram</t>
  </si>
  <si>
    <t>GGES Kot Sant Ram</t>
  </si>
  <si>
    <t>Nabi Pur Peeran</t>
  </si>
  <si>
    <t>46626</t>
  </si>
  <si>
    <t>GPS CHAK NO.126 NB</t>
  </si>
  <si>
    <t>Chak No126NB</t>
  </si>
  <si>
    <t>Chak No.126NB,SILLANWALI</t>
  </si>
  <si>
    <t>Chak No129NB</t>
  </si>
  <si>
    <t>16031</t>
  </si>
  <si>
    <t>30603</t>
  </si>
  <si>
    <t>GGPS JHUGIAN LAKHODHER</t>
  </si>
  <si>
    <t>jhugian lakhodair bhani road lahore</t>
  </si>
  <si>
    <t>Jhugian Lakhodair</t>
  </si>
  <si>
    <t>Robina Naseeb Khan</t>
  </si>
  <si>
    <t>44362</t>
  </si>
  <si>
    <t>GES CHAK NO.60-61 ML</t>
  </si>
  <si>
    <t>KHAN Pur Shumali</t>
  </si>
  <si>
    <t>Chak No. 60-61/M.L</t>
  </si>
  <si>
    <t>60-61/M.L</t>
  </si>
  <si>
    <t>52716</t>
  </si>
  <si>
    <t>GGPS KOT ALLAH DITTA</t>
  </si>
  <si>
    <t>kot Allah Ditta</t>
  </si>
  <si>
    <t>Sultana Khushi</t>
  </si>
  <si>
    <t>6637</t>
  </si>
  <si>
    <t>GES MAILSI SYPHON</t>
  </si>
  <si>
    <t>naimat ali syphon mailsi</t>
  </si>
  <si>
    <t>Chhatani</t>
  </si>
  <si>
    <t>Government primary school nawazabad bhakar road jhang sadar.</t>
  </si>
  <si>
    <t>Muhammad Riaz Hussain</t>
  </si>
  <si>
    <t>46643</t>
  </si>
  <si>
    <t>GGPS KHUNDA</t>
  </si>
  <si>
    <t>khunda</t>
  </si>
  <si>
    <t>Aansa Ashraf</t>
  </si>
  <si>
    <t>46647</t>
  </si>
  <si>
    <t>31112</t>
  </si>
  <si>
    <t>GGPS MODEL CHAK BOOTA</t>
  </si>
  <si>
    <t>Chak Boota</t>
  </si>
  <si>
    <t>mozÃ  chak Boota p o ghang Sharif tehsil raiwind Lahore</t>
  </si>
  <si>
    <t>GES 15/SP P.O PAKPATTAN</t>
  </si>
  <si>
    <t>village 15sp pakpattan</t>
  </si>
  <si>
    <t>Muhammad Noorullah</t>
  </si>
  <si>
    <t>47919</t>
  </si>
  <si>
    <t>GGCMS HARIA VILLAGE</t>
  </si>
  <si>
    <t>post office haria village teh Malakwal distt MBD</t>
  </si>
  <si>
    <t>40727</t>
  </si>
  <si>
    <t>GGPS GHAZIOT</t>
  </si>
  <si>
    <t>GHAZIOT</t>
  </si>
  <si>
    <t>V.p.o Ghaziot Tehsil sohawa District Jhelum</t>
  </si>
  <si>
    <t>Nazra Jabeen</t>
  </si>
  <si>
    <t>34898</t>
  </si>
  <si>
    <t>49097</t>
  </si>
  <si>
    <t>GPS NO.1 DHAREMA</t>
  </si>
  <si>
    <t>GPS No.1 Dharema</t>
  </si>
  <si>
    <t>Hafiz Rab Nawaz</t>
  </si>
  <si>
    <t>GPS PEER AHMAD ABAD</t>
  </si>
  <si>
    <t>Peer Ahmad Abad</t>
  </si>
  <si>
    <t>basti eden motha moza peer ahmad abad teh:sadiq abad distt:rahim yar khan</t>
  </si>
  <si>
    <t>Basti Eden Motha</t>
  </si>
  <si>
    <t>Abdul Saboor</t>
  </si>
  <si>
    <t>GMPS DOULUANA</t>
  </si>
  <si>
    <t>Dolouana</t>
  </si>
  <si>
    <t>Govt Model Primary School Douluana Tehsile A.P Sial</t>
  </si>
  <si>
    <t>Muntazar Mahdi</t>
  </si>
  <si>
    <t>GMPS QILA TAIK SINGH</t>
  </si>
  <si>
    <t>Qila Taik Singh</t>
  </si>
  <si>
    <t>qilla taik singh p/o qila taik singh uc gojra teh daska</t>
  </si>
  <si>
    <t>QILLA Taik Singh</t>
  </si>
  <si>
    <t>Saima Khurshid</t>
  </si>
  <si>
    <t>50368</t>
  </si>
  <si>
    <t>GPS 86/12-L</t>
  </si>
  <si>
    <t>chak 86/12.L</t>
  </si>
  <si>
    <t>GPS CHAK NO.57-58/DB</t>
  </si>
  <si>
    <t>GPS 57-58/DB</t>
  </si>
  <si>
    <t>57-58/DB</t>
  </si>
  <si>
    <t>50/DB</t>
  </si>
  <si>
    <t>Muhammad Sami Ullah</t>
  </si>
  <si>
    <t>39583</t>
  </si>
  <si>
    <t>GPS DHOK MAIDA</t>
  </si>
  <si>
    <t>gbps Dhok Maida</t>
  </si>
  <si>
    <t>52544</t>
  </si>
  <si>
    <t>GPS WAN SHERIN WALI</t>
  </si>
  <si>
    <t>WAN SHARIN WALI</t>
  </si>
  <si>
    <t>GPS WAN SHARIN WALI HAVELI LAKHA</t>
  </si>
  <si>
    <t>42 Sp SUMMUNDRI</t>
  </si>
  <si>
    <t>34133</t>
  </si>
  <si>
    <t>GGPS MUHAMAD YAR KHAN WALA SHUJABAD</t>
  </si>
  <si>
    <t>GGPS Muhammad  Yar Khan Wala</t>
  </si>
  <si>
    <t>Shoukat Wala</t>
  </si>
  <si>
    <t>GPS DHOK ALI MUHAMMAD</t>
  </si>
  <si>
    <t>Dhok Ali Muhammad</t>
  </si>
  <si>
    <t>village dhok ali muhammad P.O. Malal</t>
  </si>
  <si>
    <t>Dhok Ali muhammad</t>
  </si>
  <si>
    <t>47942</t>
  </si>
  <si>
    <t>GMPS AKBAR ABAD</t>
  </si>
  <si>
    <t>akbar abad dakhly verowal teh bhera Dist,sargodha</t>
  </si>
  <si>
    <t>Nasar Hayat</t>
  </si>
  <si>
    <t>29361</t>
  </si>
  <si>
    <t>47944</t>
  </si>
  <si>
    <t>GPS TANZEEM MAL SHAH</t>
  </si>
  <si>
    <t>Basti Malshah</t>
  </si>
  <si>
    <t>Basti Malshah Chishtian Road Hasilpur</t>
  </si>
  <si>
    <t>Alia Kanwel</t>
  </si>
  <si>
    <t>GPS JHANDA</t>
  </si>
  <si>
    <t>GBPS Jhanda Teh Gujar Khan Distt Rawalpindi</t>
  </si>
  <si>
    <t>GES CHAK 39-A/4L</t>
  </si>
  <si>
    <t>39A/4L</t>
  </si>
  <si>
    <t>chak no.39.A/4.L</t>
  </si>
  <si>
    <t>20317</t>
  </si>
  <si>
    <t>GGPS CHUNGI NO.4 LALIAN</t>
  </si>
  <si>
    <t>GGPS Chongi No4 Lalian</t>
  </si>
  <si>
    <t>Mc Lalian</t>
  </si>
  <si>
    <t>Qaisra Iqbal</t>
  </si>
  <si>
    <t>47952</t>
  </si>
  <si>
    <t>GPS CHAK NO 200 JB JADEED</t>
  </si>
  <si>
    <t>Chak No 200 JB Nasrana Jadeed</t>
  </si>
  <si>
    <t>Chak No 200 JB Nasrana</t>
  </si>
  <si>
    <t>Hassan Mujtaba</t>
  </si>
  <si>
    <t>GGHS CDG SAHWARI MUGHAL PURA</t>
  </si>
  <si>
    <t>Sahowari</t>
  </si>
  <si>
    <t>City Distt Govt Girls Hiogh School Sahowari Mughal Pura LHR</t>
  </si>
  <si>
    <t>Qadria Colony</t>
  </si>
  <si>
    <t>GGMPS BASTI MARIL</t>
  </si>
  <si>
    <t>gmps basti marral</t>
  </si>
  <si>
    <t>Saima Shabbir</t>
  </si>
  <si>
    <t>GGES BASTI ARIAN</t>
  </si>
  <si>
    <t>govt girls E/S basti arain</t>
  </si>
  <si>
    <t>Basti Qazi Wala</t>
  </si>
  <si>
    <t>Ghulam Rabia</t>
  </si>
  <si>
    <t>47363</t>
  </si>
  <si>
    <t>51839</t>
  </si>
  <si>
    <t>GGES 48 EB</t>
  </si>
  <si>
    <t>48 Eb</t>
  </si>
  <si>
    <t>chak no 48 eb arifwala</t>
  </si>
  <si>
    <t>Malka Amber Khatoon</t>
  </si>
  <si>
    <t>12682</t>
  </si>
  <si>
    <t>GGPS 361/WB WEST</t>
  </si>
  <si>
    <t>361 West</t>
  </si>
  <si>
    <t>chak no 361 wb</t>
  </si>
  <si>
    <t>361/west</t>
  </si>
  <si>
    <t>NUSRAT IQBAL</t>
  </si>
  <si>
    <t>47365</t>
  </si>
  <si>
    <t>GGPS BASTI MUHAMMAD MARALI</t>
  </si>
  <si>
    <t>Ranjeet KOT</t>
  </si>
  <si>
    <t>Basti M Marali Moza Ranjeet Kot AP Sial</t>
  </si>
  <si>
    <t>47368</t>
  </si>
  <si>
    <t>54515</t>
  </si>
  <si>
    <t>GPS KOT BEDI (PAKKAY NARAIN)</t>
  </si>
  <si>
    <t>Kot Baidi</t>
  </si>
  <si>
    <t>kot baiddi p/o basirpur,depalpur, okara</t>
  </si>
  <si>
    <t>Kot Baifi</t>
  </si>
  <si>
    <t>Mehr Shah Khaghah</t>
  </si>
  <si>
    <t>47369</t>
  </si>
  <si>
    <t>40685</t>
  </si>
  <si>
    <t>GPS SAMBLI</t>
  </si>
  <si>
    <t>Sambli Rajgan</t>
  </si>
  <si>
    <t>Village Sambli PO Dial Tehsil Sohawa Distt Jhelum</t>
  </si>
  <si>
    <t>From Village</t>
  </si>
  <si>
    <t>37385</t>
  </si>
  <si>
    <t>47373</t>
  </si>
  <si>
    <t>49199</t>
  </si>
  <si>
    <t>GGPS NO.1 CHAK NO.90 SB</t>
  </si>
  <si>
    <t>90 sb</t>
  </si>
  <si>
    <t>chak 90sb Sargodha</t>
  </si>
  <si>
    <t>Chak No 36SB</t>
  </si>
  <si>
    <t>Umme Habiba</t>
  </si>
  <si>
    <t>47374</t>
  </si>
  <si>
    <t>GGPS CHAK 74/D</t>
  </si>
  <si>
    <t>74d</t>
  </si>
  <si>
    <t>ggps74d</t>
  </si>
  <si>
    <t>47375</t>
  </si>
  <si>
    <t>GPS BUNGA MACHI</t>
  </si>
  <si>
    <t>basti ghulam ali muza bunga machi tehsil minchinabad</t>
  </si>
  <si>
    <t>Zahid Ahmed</t>
  </si>
  <si>
    <t>39539</t>
  </si>
  <si>
    <t>GPS ZIARAT SHEIKH JALAL</t>
  </si>
  <si>
    <t>Kotchhajji</t>
  </si>
  <si>
    <t>GPS ziarat sheikh jalal Vpo kotchhajji teh jand attock</t>
  </si>
  <si>
    <t>44278</t>
  </si>
  <si>
    <t>GGPS NO.2 EAST BUCHAL KALAN</t>
  </si>
  <si>
    <t>Mohalla madhora vpo buchal kalan tehsil kallar kahar dist chakwal</t>
  </si>
  <si>
    <t>Yasmin Afsar</t>
  </si>
  <si>
    <t>53757</t>
  </si>
  <si>
    <t>GGCMS 17/1-AL</t>
  </si>
  <si>
    <t>17/ 1AL</t>
  </si>
  <si>
    <t>Govt. Girls Community Model School 17/1AL</t>
  </si>
  <si>
    <t>17/1AL</t>
  </si>
  <si>
    <t>44458</t>
  </si>
  <si>
    <t>GGPS BASTI CHANNAR</t>
  </si>
  <si>
    <t>Channar</t>
  </si>
  <si>
    <t>Basti Channar Dak khana Tehseel Jampur</t>
  </si>
  <si>
    <t>Jhok Maher</t>
  </si>
  <si>
    <t>Komal Aroosa</t>
  </si>
  <si>
    <t>GPS JAVAD ABAD CHAK NO.467</t>
  </si>
  <si>
    <t>Chak # 467 TDA</t>
  </si>
  <si>
    <t>chak no 467 TDA tehsil &amp; District Layyah</t>
  </si>
  <si>
    <t>46271</t>
  </si>
  <si>
    <t>GPS WADHLAN WALA</t>
  </si>
  <si>
    <t>Wadhlanwala tehsil Noorpur dist khushab</t>
  </si>
  <si>
    <t>Wadhlanwala</t>
  </si>
  <si>
    <t>47389</t>
  </si>
  <si>
    <t>GPS LANGAR WALA</t>
  </si>
  <si>
    <t>village langar wala p.o box mubhary khan tehsil sahiwal district sargodha</t>
  </si>
  <si>
    <t>Langar Wala</t>
  </si>
  <si>
    <t>GPS CHAK NO.62/DB</t>
  </si>
  <si>
    <t>62/DB</t>
  </si>
  <si>
    <t>117 DB</t>
  </si>
  <si>
    <t>GPS CHAH SAEED WALA</t>
  </si>
  <si>
    <t>Chak No 158</t>
  </si>
  <si>
    <t>Chak no. 158 munara jb tehseel bhowana distt. chiniot</t>
  </si>
  <si>
    <t>Chah Ahmad Saeed</t>
  </si>
  <si>
    <t>Chak No 158 JB</t>
  </si>
  <si>
    <t>7643</t>
  </si>
  <si>
    <t>GPS MORAN</t>
  </si>
  <si>
    <t>Basti moran</t>
  </si>
  <si>
    <t>muhammad rafique</t>
  </si>
  <si>
    <t>47397</t>
  </si>
  <si>
    <t>GPS NARAIN SING WALA</t>
  </si>
  <si>
    <t>Narain Singh Wala</t>
  </si>
  <si>
    <t>post office khas ellah abad</t>
  </si>
  <si>
    <t>Pakho Ki</t>
  </si>
  <si>
    <t>M Naeem</t>
  </si>
  <si>
    <t>GMPS CHAK NO. 406 JB CHIRYNA WALA</t>
  </si>
  <si>
    <t>chak no 406</t>
  </si>
  <si>
    <t>Chakno406</t>
  </si>
  <si>
    <t>Batianwala</t>
  </si>
  <si>
    <t>Muhammad yaqoob</t>
  </si>
  <si>
    <t>GPS TANZEEM TIBBA SAHWAN</t>
  </si>
  <si>
    <t>tibba sahwan near lalsohanra</t>
  </si>
  <si>
    <t>Tibba Sahwan</t>
  </si>
  <si>
    <t>38 BC</t>
  </si>
  <si>
    <t>Muhammad Sajid Anwar</t>
  </si>
  <si>
    <t>47402</t>
  </si>
  <si>
    <t>GGPS NAWAZISH ABAD</t>
  </si>
  <si>
    <t>ggps nawazish abad DHA EME society Lahore</t>
  </si>
  <si>
    <t>35487</t>
  </si>
  <si>
    <t>50930</t>
  </si>
  <si>
    <t>GGPS TARA PUR</t>
  </si>
  <si>
    <t>Tarapur</t>
  </si>
  <si>
    <t>vill Tarapur PO Darman Tehsil ZWL Dist NWL</t>
  </si>
  <si>
    <t>GMCMS BHAUTTAN WALA</t>
  </si>
  <si>
    <t>Bhutt</t>
  </si>
  <si>
    <t>village Bhutan wala isakhel</t>
  </si>
  <si>
    <t>Bhuttawala</t>
  </si>
  <si>
    <t>GES BASTI KACHA</t>
  </si>
  <si>
    <t>Kachha</t>
  </si>
  <si>
    <t>G E/S basti kachha Pattan manara road rahim yar khan</t>
  </si>
  <si>
    <t>114-P</t>
  </si>
  <si>
    <t>Farhan Ahmad Nouman</t>
  </si>
  <si>
    <t>47409</t>
  </si>
  <si>
    <t>34283</t>
  </si>
  <si>
    <t>47411</t>
  </si>
  <si>
    <t>GGPS CHAK NO.190/M-A</t>
  </si>
  <si>
    <t>No190mA</t>
  </si>
  <si>
    <t>chak no 190M/A chonawala</t>
  </si>
  <si>
    <t>190M/A</t>
  </si>
  <si>
    <t>192M</t>
  </si>
  <si>
    <t>Asifa Yaqoob</t>
  </si>
  <si>
    <t>23863</t>
  </si>
  <si>
    <t>21288</t>
  </si>
  <si>
    <t>GGPS BURJ TASHA</t>
  </si>
  <si>
    <t>Burj Tasha</t>
  </si>
  <si>
    <t>village Burj Tasha p/o kot hara tehsil wazirabad district gujranwala</t>
  </si>
  <si>
    <t>Hazrat Kaliawala</t>
  </si>
  <si>
    <t>GES CHAK NO. 4 WB</t>
  </si>
  <si>
    <t>Chak No. 4/W.B Tehsil &amp; District Vehari</t>
  </si>
  <si>
    <t>Chak No. 4/W.B</t>
  </si>
  <si>
    <t>Chak No. 533/E.B</t>
  </si>
  <si>
    <t>GGPS KULIAN FAIZ ALI</t>
  </si>
  <si>
    <t>KULIAN FAIZ ALI</t>
  </si>
  <si>
    <t>VILLAGE KULIAN FAIZ ALI POST OFFICE KARIANWALA TEH DISTRICT GUJRAT</t>
  </si>
  <si>
    <t>Ajjnala</t>
  </si>
  <si>
    <t>Safina Masud</t>
  </si>
  <si>
    <t>GES BATE BOGHA SOUTH</t>
  </si>
  <si>
    <t>Basti Muhammad Ali shah, Bait bogha tehsil and distt Bhakkar</t>
  </si>
  <si>
    <t>Basti Muhammad Ali Shah</t>
  </si>
  <si>
    <t>Muhammad Yasir Aqeel</t>
  </si>
  <si>
    <t>GES BAIT CHEEN WALA</t>
  </si>
  <si>
    <t>Bait Cheen Wala</t>
  </si>
  <si>
    <t>Maoza Bait Cheen Wala Tehsil Kot Chutta District D.G.Khan</t>
  </si>
  <si>
    <t>Bait Bate Wala</t>
  </si>
  <si>
    <t>37684</t>
  </si>
  <si>
    <t>GGPS ROTLA, TULAMBA</t>
  </si>
  <si>
    <t>g g  p s rotla dak khana khas basti Rotla Tulumba</t>
  </si>
  <si>
    <t>Anila Sadaf</t>
  </si>
  <si>
    <t>GGPS DHEERNKE LALKE</t>
  </si>
  <si>
    <t>p/o dheeranke lalke tehsil/district hafizabad</t>
  </si>
  <si>
    <t>47430</t>
  </si>
  <si>
    <t>GPS CHAK 701/43 GB EAST</t>
  </si>
  <si>
    <t>Chak No 701/43</t>
  </si>
  <si>
    <t>chak no 701/43 g.b</t>
  </si>
  <si>
    <t>Chak No326</t>
  </si>
  <si>
    <t>53396</t>
  </si>
  <si>
    <t>GGES 53/2.L</t>
  </si>
  <si>
    <t>53/2-L</t>
  </si>
  <si>
    <t>chak No 53/2-L okara</t>
  </si>
  <si>
    <t>Tanzila Manzoor</t>
  </si>
  <si>
    <t>42881</t>
  </si>
  <si>
    <t>GES KHAD</t>
  </si>
  <si>
    <t>KHAD</t>
  </si>
  <si>
    <t>vpo khad teh kallar syedain distt rwp</t>
  </si>
  <si>
    <t>Nasir Khurshid</t>
  </si>
  <si>
    <t>GGPS DERA SHER MUHAMMAD</t>
  </si>
  <si>
    <t>chak no 132NP</t>
  </si>
  <si>
    <t>Chak No 132NP</t>
  </si>
  <si>
    <t>Mehreen Sattar</t>
  </si>
  <si>
    <t>GGPS TIBBI ARBI NO.2</t>
  </si>
  <si>
    <t>Moza Tibbi Arbi.Basti Mohal.Ahmed Pur East</t>
  </si>
  <si>
    <t>Bsti Mohal</t>
  </si>
  <si>
    <t>Khud Bukhsh Mahar</t>
  </si>
  <si>
    <t>Mahwish Kiran</t>
  </si>
  <si>
    <t>GGPS SARGANI NASHAIB</t>
  </si>
  <si>
    <t>post office sargani nishaib</t>
  </si>
  <si>
    <t>Sargani Nishaib</t>
  </si>
  <si>
    <t>SAFIA NAZ</t>
  </si>
  <si>
    <t>46817</t>
  </si>
  <si>
    <t>GGES KALWAL</t>
  </si>
  <si>
    <t>g g e/s kalwal tehsil kalur kot dist bhakkar</t>
  </si>
  <si>
    <t>GPS CHAK 358 JB</t>
  </si>
  <si>
    <t>Dullam</t>
  </si>
  <si>
    <t>chalk no 358 Jb</t>
  </si>
  <si>
    <t>358 Jb</t>
  </si>
  <si>
    <t>Bobak</t>
  </si>
  <si>
    <t>GPS DERA SARDAR KHAN MAHIL</t>
  </si>
  <si>
    <t>GPS sardar Mahal</t>
  </si>
  <si>
    <t>Sardar Mahal</t>
  </si>
  <si>
    <t>Muhammad Najeeb Ur Rehman</t>
  </si>
  <si>
    <t>GGPS MOTTON KHURD</t>
  </si>
  <si>
    <t>P. O sarkalan village matan khurd</t>
  </si>
  <si>
    <t>Tallat Noureen</t>
  </si>
  <si>
    <t>GGPS KELA JAGEER</t>
  </si>
  <si>
    <t>Kela Jagir</t>
  </si>
  <si>
    <t>govt girls primary school kela jageer</t>
  </si>
  <si>
    <t>Kela Jageer</t>
  </si>
  <si>
    <t>Sughra Fatima</t>
  </si>
  <si>
    <t>GMPS CHAK NO. 45</t>
  </si>
  <si>
    <t>V.P.O. CHAK No. 45</t>
  </si>
  <si>
    <t>Bar Musa</t>
  </si>
  <si>
    <t>GPS DERA MUHAMMAD KHAN</t>
  </si>
  <si>
    <t>Dera zMuhammad Khan PO Rangpur pur Tehsil Noor pur thal khushab</t>
  </si>
  <si>
    <t>GPS CHAK NO 466 TDA</t>
  </si>
  <si>
    <t>chack no.466/T.D.A.</t>
  </si>
  <si>
    <t>Sajid Mahmood Alvi</t>
  </si>
  <si>
    <t>GGPS INAYAT PUR NO.2 KABIRWALA</t>
  </si>
  <si>
    <t>Inayat Pur Post office Haji Pur Tehsil Kabirwala</t>
  </si>
  <si>
    <t>Ianayat Pur</t>
  </si>
  <si>
    <t>Moonganwala</t>
  </si>
  <si>
    <t>GPS BASTI SARDAR KHAN</t>
  </si>
  <si>
    <t>basti Sardar Khan, teh. James pur, disst. rajanpur</t>
  </si>
  <si>
    <t>Basti Sardar Khan</t>
  </si>
  <si>
    <t>GPS CHAK NO 365 TDA</t>
  </si>
  <si>
    <t>365/TDA</t>
  </si>
  <si>
    <t>Chak no. 365/TDA</t>
  </si>
  <si>
    <t>GPS CHAK NO.52/DB (E)</t>
  </si>
  <si>
    <t>chak # 52/DB</t>
  </si>
  <si>
    <t>52/DB</t>
  </si>
  <si>
    <t>Chak # 117/DB</t>
  </si>
  <si>
    <t>GGCMS CHAK NO. 73/A</t>
  </si>
  <si>
    <t>Chak 73/A</t>
  </si>
  <si>
    <t>GGCMS chak 73/A</t>
  </si>
  <si>
    <t>Abida perveen</t>
  </si>
  <si>
    <t>47470</t>
  </si>
  <si>
    <t>51573</t>
  </si>
  <si>
    <t>GGPS BASTI BALOCHAN P/O MALKA HANS</t>
  </si>
  <si>
    <t>Arazi Shaho</t>
  </si>
  <si>
    <t>pull nor por basti balochan</t>
  </si>
  <si>
    <t>Salma Zulifqar</t>
  </si>
  <si>
    <t>GPS CHAK 253 GB I</t>
  </si>
  <si>
    <t>TTSINGH</t>
  </si>
  <si>
    <t>chak no 253GB</t>
  </si>
  <si>
    <t>Chak No 253GB</t>
  </si>
  <si>
    <t>Chak No 251GB</t>
  </si>
  <si>
    <t>GGES 123/10-R QADEEM, JAHANIAN</t>
  </si>
  <si>
    <t>Jahnia</t>
  </si>
  <si>
    <t>12310rold</t>
  </si>
  <si>
    <t>12310r</t>
  </si>
  <si>
    <t>13610r</t>
  </si>
  <si>
    <t>UZMA GHAFFAR</t>
  </si>
  <si>
    <t>GES ASIF ABAD</t>
  </si>
  <si>
    <t>Rakh Mari</t>
  </si>
  <si>
    <t>rakh mari asif abad shikar pur &amp; distric rajan put</t>
  </si>
  <si>
    <t>22778</t>
  </si>
  <si>
    <t>GPS MODEL BEGHA MAL</t>
  </si>
  <si>
    <t>Sui Wehar</t>
  </si>
  <si>
    <t>moza sui wehar, p/o musafir khana</t>
  </si>
  <si>
    <t>Begha Mall</t>
  </si>
  <si>
    <t>Naima Hameed</t>
  </si>
  <si>
    <t>GPS CHAK NO 212 JB WEST</t>
  </si>
  <si>
    <t>Chak No 212 JB West Chiniot</t>
  </si>
  <si>
    <t>Chak No 212 JBn West Tehsil Bhowana Chiniot</t>
  </si>
  <si>
    <t>Chak No 203 JB Baloana</t>
  </si>
  <si>
    <t>GPS SHAHJAHAN P.O SAHUKA</t>
  </si>
  <si>
    <t>Shah Jahan</t>
  </si>
  <si>
    <t>miza shah jahan, p/o sahuka tehsil burewala, district vehari</t>
  </si>
  <si>
    <t>Ali Abbass</t>
  </si>
  <si>
    <t>GPS MAHAR</t>
  </si>
  <si>
    <t>Chaly Wahin</t>
  </si>
  <si>
    <t>jamalpur</t>
  </si>
  <si>
    <t>GGPS DINPUR KHURD</t>
  </si>
  <si>
    <t>Din Pur Khurd</t>
  </si>
  <si>
    <t>din pur khurd</t>
  </si>
  <si>
    <t>Skg No 1</t>
  </si>
  <si>
    <t>Shazia Ghulam Rasool</t>
  </si>
  <si>
    <t>GPS TALAGANG NO. 3</t>
  </si>
  <si>
    <t>Near Old Bus Stand Talagang City</t>
  </si>
  <si>
    <t>Talagang West</t>
  </si>
  <si>
    <t>Hafiz Muhammad Ijaz</t>
  </si>
  <si>
    <t>27975</t>
  </si>
  <si>
    <t>GPS DERA TAJ DIN</t>
  </si>
  <si>
    <t>Dera Taj Din</t>
  </si>
  <si>
    <t>GPS DERA TAJ DIN SAHNA MBDIN</t>
  </si>
  <si>
    <t>Farhat Nasim</t>
  </si>
  <si>
    <t>38481</t>
  </si>
  <si>
    <t>GGES 384/WB</t>
  </si>
  <si>
    <t>GGES384/wb Tehsil dunyapur District lodhran</t>
  </si>
  <si>
    <t>Emal Arooj</t>
  </si>
  <si>
    <t>28924</t>
  </si>
  <si>
    <t>GGPS KOT MANGA</t>
  </si>
  <si>
    <t>GGPS kot manga</t>
  </si>
  <si>
    <t>Mundaki</t>
  </si>
  <si>
    <t>Naida Shafiq</t>
  </si>
  <si>
    <t>GPS BASTI MAHARAN</t>
  </si>
  <si>
    <t>damar wala janoobi 1</t>
  </si>
  <si>
    <t>basti maharan damar wala janobi tehsil alipur</t>
  </si>
  <si>
    <t>basti maharan</t>
  </si>
  <si>
    <t>GPS CHAK 166/P</t>
  </si>
  <si>
    <t>166/p</t>
  </si>
  <si>
    <t>chak 166/p</t>
  </si>
  <si>
    <t>MC- Sadiqabad</t>
  </si>
  <si>
    <t>Teachers contribution</t>
  </si>
  <si>
    <t>53768</t>
  </si>
  <si>
    <t>GGES 32/1-AL</t>
  </si>
  <si>
    <t>32/1-AL</t>
  </si>
  <si>
    <t>33/1-AL</t>
  </si>
  <si>
    <t>GPS NO.2 ASIAN WALA</t>
  </si>
  <si>
    <t>Assianwala district sargodha</t>
  </si>
  <si>
    <t>50 N B</t>
  </si>
  <si>
    <t>Chanda Younas</t>
  </si>
  <si>
    <t>GES LUND</t>
  </si>
  <si>
    <t>lund</t>
  </si>
  <si>
    <t>vpo lund</t>
  </si>
  <si>
    <t>dhurnal</t>
  </si>
  <si>
    <t>17202</t>
  </si>
  <si>
    <t>GMPS OJLA KHURD</t>
  </si>
  <si>
    <t>oujla khurd teh wazirabad district gujranwala</t>
  </si>
  <si>
    <t>Oujla Khurd</t>
  </si>
  <si>
    <t>Madiha Kousar</t>
  </si>
  <si>
    <t>GPS BAREEN WALA</t>
  </si>
  <si>
    <t>Basti Bareen Wala mouza Thathi Sameja Teh &amp; Dist Lodhran</t>
  </si>
  <si>
    <t>Bareen Wala</t>
  </si>
  <si>
    <t>GGPS CHAH HAFIZ WALA NEAR NEW STADIUM</t>
  </si>
  <si>
    <t>GGPS chah hafiz wala near new multan cricket stadium</t>
  </si>
  <si>
    <t>Chah Hafiz Wala</t>
  </si>
  <si>
    <t>GPS GHANGANAN WALI PIPLAN</t>
  </si>
  <si>
    <t>Wandhi ghangnawali</t>
  </si>
  <si>
    <t>GPS KOT FAZAL</t>
  </si>
  <si>
    <t>Kot  Fazal</t>
  </si>
  <si>
    <t>Village Kot Fazal p/o Vanike Tarar Teh/Disst Hafizabad</t>
  </si>
  <si>
    <t>Kot  ishaq</t>
  </si>
  <si>
    <t>Noaman Riaz</t>
  </si>
  <si>
    <t>47518</t>
  </si>
  <si>
    <t>GGPS JAWIA PANWAR</t>
  </si>
  <si>
    <t>Jawia Panwar</t>
  </si>
  <si>
    <t>GES JUGMAL</t>
  </si>
  <si>
    <t>mouza jugmal uc sabaywala</t>
  </si>
  <si>
    <t>Sabah Wala</t>
  </si>
  <si>
    <t>Hayat Mohammad</t>
  </si>
  <si>
    <t>GES BUCH P/O KHOKHAR</t>
  </si>
  <si>
    <t>Buch</t>
  </si>
  <si>
    <t>Basti wa Moza Buch  p/o Khokhar</t>
  </si>
  <si>
    <t>47247</t>
  </si>
  <si>
    <t>GMPS HUSSAIN KHAN NO 1</t>
  </si>
  <si>
    <t>Hussain Khan 1</t>
  </si>
  <si>
    <t>HUSSAIN KHAN 1 TEHSIL BHOWANA DISTRICT CHINIOT</t>
  </si>
  <si>
    <t>Nadia Sajjad</t>
  </si>
  <si>
    <t>33151</t>
  </si>
  <si>
    <t>GGPS DULCHI WALA</t>
  </si>
  <si>
    <t>Dulchi Wala</t>
  </si>
  <si>
    <t>dulchi wala po box morekhunda</t>
  </si>
  <si>
    <t>Sunbal Mulazim</t>
  </si>
  <si>
    <t>GPS BASTI QADOO KHAN</t>
  </si>
  <si>
    <t>KOTLA HUSSAIN DOAM</t>
  </si>
  <si>
    <t>Basti Talihi Wala Kotla Hussain II</t>
  </si>
  <si>
    <t>Talihi Wala</t>
  </si>
  <si>
    <t>49747</t>
  </si>
  <si>
    <t>GMPS BASTI ABDUL GHAFOOR</t>
  </si>
  <si>
    <t>Murad Machi</t>
  </si>
  <si>
    <t>Basti Abdulghafoor</t>
  </si>
  <si>
    <t>Zaib Un Nisa  Qudsia</t>
  </si>
  <si>
    <t>47264</t>
  </si>
  <si>
    <t>48063</t>
  </si>
  <si>
    <t>GHS CHAK NO.19 SB</t>
  </si>
  <si>
    <t>19 SB</t>
  </si>
  <si>
    <t>VPO 19 SB TEHSIL KOTMOMIN DISTRICT SARGODHA</t>
  </si>
  <si>
    <t>. 19 SB</t>
  </si>
  <si>
    <t>GES DOULA MEHAR CHAND</t>
  </si>
  <si>
    <t>Doula Mehr Chand</t>
  </si>
  <si>
    <t>Fareed Pur Suhag</t>
  </si>
  <si>
    <t>23932</t>
  </si>
  <si>
    <t>GGPS CHAK NO.114 SB</t>
  </si>
  <si>
    <t>chak no 114 S.B</t>
  </si>
  <si>
    <t>114SB</t>
  </si>
  <si>
    <t>113SB</t>
  </si>
  <si>
    <t>Shazia Unbreen</t>
  </si>
  <si>
    <t>51516</t>
  </si>
  <si>
    <t>GPS JAFAR ALI SHAH PO MALKA HANS</t>
  </si>
  <si>
    <t>Chak Jafar Ali Shah</t>
  </si>
  <si>
    <t>chak jafar Ali shah</t>
  </si>
  <si>
    <t>Jafar Ali Shah</t>
  </si>
  <si>
    <t>Hasham Ali</t>
  </si>
  <si>
    <t>37151</t>
  </si>
  <si>
    <t>GPS 68/10-R, P/O 70/10-R, KHANEWAL</t>
  </si>
  <si>
    <t>68/10.R</t>
  </si>
  <si>
    <t>Chak no 68/10.r KHANEWAL</t>
  </si>
  <si>
    <t>Chak no 68/10.R kwl</t>
  </si>
  <si>
    <t>70/10.R arianagar kwl</t>
  </si>
  <si>
    <t>Yaqub Israel</t>
  </si>
  <si>
    <t>GGES CHAK 321 JB SIAO WAL</t>
  </si>
  <si>
    <t>Seowal</t>
  </si>
  <si>
    <t>g .g.e/s 321 jb seowal .t.t. singh</t>
  </si>
  <si>
    <t>Nazima Abdul Ghafoor</t>
  </si>
  <si>
    <t>54876</t>
  </si>
  <si>
    <t>GGPS BOSAL SUKHA</t>
  </si>
  <si>
    <t>ggps bosal sukha</t>
  </si>
  <si>
    <t>Munnaza Batool</t>
  </si>
  <si>
    <t>47276</t>
  </si>
  <si>
    <t>GGPS CHAK MUNGARI</t>
  </si>
  <si>
    <t>Chak mungeri</t>
  </si>
  <si>
    <t>karimabad colony muhammad pur</t>
  </si>
  <si>
    <t>Mohammad pur</t>
  </si>
  <si>
    <t>Rahila Ijaz</t>
  </si>
  <si>
    <t>47278</t>
  </si>
  <si>
    <t>53655</t>
  </si>
  <si>
    <t>GPS CHAK NO. 19/1-AL</t>
  </si>
  <si>
    <t>19/1- AL</t>
  </si>
  <si>
    <t>chak no 19 1-AL</t>
  </si>
  <si>
    <t>19/1-AL</t>
  </si>
  <si>
    <t>6755</t>
  </si>
  <si>
    <t>33624</t>
  </si>
  <si>
    <t>GES NEW MULTAN NO. 3 BLOCK V MULTAN</t>
  </si>
  <si>
    <t>V-Block New Multan</t>
  </si>
  <si>
    <t>Muhammad Hussain Tahir Warraich</t>
  </si>
  <si>
    <t>GPS BHALLAH NO. 2</t>
  </si>
  <si>
    <t>Bhalla Chakwal</t>
  </si>
  <si>
    <t>GGPS MONI DAN SINGH</t>
  </si>
  <si>
    <t>Mohni dhan singh</t>
  </si>
  <si>
    <t>Qaim Pur Ghangi</t>
  </si>
  <si>
    <t>Sajida Qutab U Din</t>
  </si>
  <si>
    <t>GPS NIZAM WALA MOUZA NOSHAHERA NASHIB</t>
  </si>
  <si>
    <t>Basti Hans Mouza Noshehra Nasheeb</t>
  </si>
  <si>
    <t>Basti Hans</t>
  </si>
  <si>
    <t>GHS KHAWAJA ABAD</t>
  </si>
  <si>
    <t>KHAWAJA ABAD</t>
  </si>
  <si>
    <t>KHAWAJA ABAD, P/o JHAWARIAN, TEHSIL SHAHPUR, DISTRICT SARGODHA</t>
  </si>
  <si>
    <t>Malik Sajjad Nawaz</t>
  </si>
  <si>
    <t>GPS DANI DEHRA</t>
  </si>
  <si>
    <t>Dani Dehra P/O Dani Dehra tehsil Sohawa</t>
  </si>
  <si>
    <t>Dani Dehara</t>
  </si>
  <si>
    <t>GPS KOT WASAVA SINGH WALA</t>
  </si>
  <si>
    <t>kot wasawa singh</t>
  </si>
  <si>
    <t>GPS kot wasawa singh</t>
  </si>
  <si>
    <t>Muhammad Mubeen</t>
  </si>
  <si>
    <t>GGPS LUDDAY WALA P.O LITTEN</t>
  </si>
  <si>
    <t>Ludday wala Mankera Bhakkar</t>
  </si>
  <si>
    <t>Karlo Wala</t>
  </si>
  <si>
    <t>Arif bibi</t>
  </si>
  <si>
    <t>44307</t>
  </si>
  <si>
    <t>HussainAbad</t>
  </si>
  <si>
    <t>VPO Munara tehsil kallar kahar  district chakwal</t>
  </si>
  <si>
    <t>Qaisar Farooq</t>
  </si>
  <si>
    <t>47294</t>
  </si>
  <si>
    <t>GGPS JAMAL KHAIL</t>
  </si>
  <si>
    <t>Pellowains</t>
  </si>
  <si>
    <t>peelo wains</t>
  </si>
  <si>
    <t>Peelo wains</t>
  </si>
  <si>
    <t>GGES RAHMAT PURA</t>
  </si>
  <si>
    <t>Rehmat Pura</t>
  </si>
  <si>
    <t>GGES Rehmat Pura</t>
  </si>
  <si>
    <t>GES MURALA</t>
  </si>
  <si>
    <t>v.p.o.Murala</t>
  </si>
  <si>
    <t>GGCMP CHAK NO.1/DNB (A)</t>
  </si>
  <si>
    <t>GMPS chak  1-A/dnb</t>
  </si>
  <si>
    <t>chak 1-A/DNB</t>
  </si>
  <si>
    <t>6 dnb</t>
  </si>
  <si>
    <t>Zunaira Saif</t>
  </si>
  <si>
    <t>GPS BASTI SHER GHAR</t>
  </si>
  <si>
    <t>Toba Rehman Shah</t>
  </si>
  <si>
    <t>chak sher garh distt.BWN</t>
  </si>
  <si>
    <t>35698</t>
  </si>
  <si>
    <t>GPS KOTLI JUNAID PO SARDAR JHANDIR</t>
  </si>
  <si>
    <t>gps KotliJunaid teh.mailsi dist.vehari</t>
  </si>
  <si>
    <t>GPS BAIT CHEEN WALA</t>
  </si>
  <si>
    <t>bait Cheen Wala</t>
  </si>
  <si>
    <t>Basti Mazari</t>
  </si>
  <si>
    <t>47311</t>
  </si>
  <si>
    <t>GES TIBBI SOHAGAN</t>
  </si>
  <si>
    <t>Mouza Chandrani East Tehsil &amp; District Bahawalpur</t>
  </si>
  <si>
    <t>Muhammad Ayaz Qasim</t>
  </si>
  <si>
    <t>47312</t>
  </si>
  <si>
    <t>13077</t>
  </si>
  <si>
    <t>GES QAISER GHAZLANI</t>
  </si>
  <si>
    <t>Qaisar Ghazlani</t>
  </si>
  <si>
    <t>mouza qaisar ghazlani jatoi</t>
  </si>
  <si>
    <t>Muhammad Ajmal Makwal</t>
  </si>
  <si>
    <t>GGCMS BEDANA GHARBI</t>
  </si>
  <si>
    <t>Bedana</t>
  </si>
  <si>
    <t>GG CMS BEDANA GARBI</t>
  </si>
  <si>
    <t>Hsp Old</t>
  </si>
  <si>
    <t>54579</t>
  </si>
  <si>
    <t>47316</t>
  </si>
  <si>
    <t>GGPS CHAK NO 491 JB KASHMIRIAN</t>
  </si>
  <si>
    <t>Chak #491</t>
  </si>
  <si>
    <t>chak#491jb Tehsil shorkot district jhang</t>
  </si>
  <si>
    <t>Chak#491</t>
  </si>
  <si>
    <t>Chayain Wala</t>
  </si>
  <si>
    <t>44907</t>
  </si>
  <si>
    <t>GPS JANDAN WALA NO.3</t>
  </si>
  <si>
    <t>P/O Jandanwala tehsil kuloor kot distt bhakkar</t>
  </si>
  <si>
    <t>Nosherwan</t>
  </si>
  <si>
    <t>GMPS 11/8-AR TULAMBA</t>
  </si>
  <si>
    <t>11/8AR</t>
  </si>
  <si>
    <t>chak No:11/8AR , Tehsil: Mian channu, District khanewal</t>
  </si>
  <si>
    <t>43206</t>
  </si>
  <si>
    <t>47326</t>
  </si>
  <si>
    <t>8879</t>
  </si>
  <si>
    <t>GPS NAABINA</t>
  </si>
  <si>
    <t>BASTI NABINA, P/O TIBBI QAISRANI, U/C PANJGRAIN</t>
  </si>
  <si>
    <t>BASTI NABINA</t>
  </si>
  <si>
    <t>PANGRAIN</t>
  </si>
  <si>
    <t>Hidayat Ullah</t>
  </si>
  <si>
    <t>GGPS DASKA NO. 3</t>
  </si>
  <si>
    <t>haji pura daska</t>
  </si>
  <si>
    <t>GPS CHAK NO 435/6-R</t>
  </si>
  <si>
    <t>435/6-R</t>
  </si>
  <si>
    <t>Chak No.435/6-R Post Office Chak No.433/6-R Tehsil Haroonabad District Bahawalnagar</t>
  </si>
  <si>
    <t>47331</t>
  </si>
  <si>
    <t>GGPS BHIRRI CHATHA</t>
  </si>
  <si>
    <t>Bhirri chattha</t>
  </si>
  <si>
    <t>Aloud dink Kalan</t>
  </si>
  <si>
    <t>Adeela Arshad</t>
  </si>
  <si>
    <t>47332</t>
  </si>
  <si>
    <t>GGPS FREEDA AANA</t>
  </si>
  <si>
    <t>Fareed Aana</t>
  </si>
  <si>
    <t>village Fareed aana PO warburton</t>
  </si>
  <si>
    <t>Shreen Jhangar</t>
  </si>
  <si>
    <t>Shazia Parveen Arif</t>
  </si>
  <si>
    <t>GGPS DHOK DALI</t>
  </si>
  <si>
    <t>Dk Dali</t>
  </si>
  <si>
    <t>ggps dk dali</t>
  </si>
  <si>
    <t>50852</t>
  </si>
  <si>
    <t>GPS DURS USMAN</t>
  </si>
  <si>
    <t>Meer Hassan</t>
  </si>
  <si>
    <t>GMPS DOKHUHA</t>
  </si>
  <si>
    <t>Dokhuha</t>
  </si>
  <si>
    <t>dokhuha</t>
  </si>
  <si>
    <t>48426</t>
  </si>
  <si>
    <t>GMPS SAID PUR UTMAN</t>
  </si>
  <si>
    <t>Said Pur Utman</t>
  </si>
  <si>
    <t>Chak Mubarik</t>
  </si>
  <si>
    <t>M Akhtar Ali</t>
  </si>
  <si>
    <t>14205</t>
  </si>
  <si>
    <t>GMPS TAHIR ABAD</t>
  </si>
  <si>
    <t>RAJANPUR SHARQI</t>
  </si>
  <si>
    <t>CHOWK ALLAH ABAD AQILPUR ROAD RAJANPUR</t>
  </si>
  <si>
    <t>Fatima Zahra</t>
  </si>
  <si>
    <t>GPS LEELA PUR</t>
  </si>
  <si>
    <t>Leela Pur</t>
  </si>
  <si>
    <t>leela pur lahore</t>
  </si>
  <si>
    <t>GGPS PATAFIAN</t>
  </si>
  <si>
    <t>basti Patafian khan Pur</t>
  </si>
  <si>
    <t>Patafian</t>
  </si>
  <si>
    <t>Deen Pur Shreef</t>
  </si>
  <si>
    <t>GPS AHMED ABAD GHARBI</t>
  </si>
  <si>
    <t>Ahmed Abad Gharbi Tibbi Mianwali</t>
  </si>
  <si>
    <t>Ahmed Abad Gharbi</t>
  </si>
  <si>
    <t>47355</t>
  </si>
  <si>
    <t>50190</t>
  </si>
  <si>
    <t>GES  62/12-L</t>
  </si>
  <si>
    <t>Chak No 62/12-L</t>
  </si>
  <si>
    <t>Rizwan Zahid</t>
  </si>
  <si>
    <t>29894</t>
  </si>
  <si>
    <t>GGCMES BHASEEN CHAK NO. 47</t>
  </si>
  <si>
    <t>Bhaseen Chak No 47</t>
  </si>
  <si>
    <t>Bhaseenchk 47</t>
  </si>
  <si>
    <t>Najma Muzammal</t>
  </si>
  <si>
    <t>GPS MOMAN KALAN</t>
  </si>
  <si>
    <t>Shahbaz  Mehmood</t>
  </si>
  <si>
    <t>47359</t>
  </si>
  <si>
    <t>26279</t>
  </si>
  <si>
    <t>GGPS PONDORI FAZAL</t>
  </si>
  <si>
    <t>Pondori Fazal</t>
  </si>
  <si>
    <t>pandori fazal</t>
  </si>
  <si>
    <t>Monawar Parveenn</t>
  </si>
  <si>
    <t>47360</t>
  </si>
  <si>
    <t>GES BASTI SEEKAR</t>
  </si>
  <si>
    <t>Seekar</t>
  </si>
  <si>
    <t>Basti and Mouza Seekar, Kahror Pacca, District Lodhran.</t>
  </si>
  <si>
    <t>37838</t>
  </si>
  <si>
    <t>GMPS THATHA NO.2 JAHANIAN</t>
  </si>
  <si>
    <t>thatha jadeed</t>
  </si>
  <si>
    <t>Thatha Jadeed</t>
  </si>
  <si>
    <t>Thatha S Abad</t>
  </si>
  <si>
    <t>Ashra Hashim</t>
  </si>
  <si>
    <t>47362</t>
  </si>
  <si>
    <t>GGPS ALHAN</t>
  </si>
  <si>
    <t>Alhan</t>
  </si>
  <si>
    <t>vill.Alhan post off qadirabad teh.phalia distt.m.b.din</t>
  </si>
  <si>
    <t>33101</t>
  </si>
  <si>
    <t>GGPS CHAK RASOOL PUR</t>
  </si>
  <si>
    <t>Chak Rasool Pur</t>
  </si>
  <si>
    <t>GGPS CHAK RASOOL PUR PO CHUND BHARWANA TEH AND DIST JHANG</t>
  </si>
  <si>
    <t>Munira Bibi</t>
  </si>
  <si>
    <t>47524</t>
  </si>
  <si>
    <t>GGES BARI MINHASAN</t>
  </si>
  <si>
    <t>Bari minhasan</t>
  </si>
  <si>
    <t>Bari</t>
  </si>
  <si>
    <t>Shahida Hassan</t>
  </si>
  <si>
    <t>GES MANGA VILLAGE</t>
  </si>
  <si>
    <t>Qila Sammay ka Manga Tehsil Raiwind District Lahore</t>
  </si>
  <si>
    <t>Muhammah Ilyas</t>
  </si>
  <si>
    <t>GPS TANZEEM CHAK NO.5/BC (E)</t>
  </si>
  <si>
    <t>Chak no.5 bc East</t>
  </si>
  <si>
    <t>Basti Bhian Chak 5 Bc</t>
  </si>
  <si>
    <t>Rao Muhammad Arshad</t>
  </si>
  <si>
    <t>52182</t>
  </si>
  <si>
    <t>GGPS CHAK NO.78 EB</t>
  </si>
  <si>
    <t>78 EB</t>
  </si>
  <si>
    <t>chak no 78 EB</t>
  </si>
  <si>
    <t>78 Eb</t>
  </si>
  <si>
    <t>86 Eb</t>
  </si>
  <si>
    <t>40380</t>
  </si>
  <si>
    <t>46416</t>
  </si>
  <si>
    <t>GPS AWANA WALA (NEW SCHOOL)</t>
  </si>
  <si>
    <t>Awana Wala Dakhli Mehmood Shaheed</t>
  </si>
  <si>
    <t>awana wala(new school) noor pur thal</t>
  </si>
  <si>
    <t>Masud Elahi</t>
  </si>
  <si>
    <t>47532</t>
  </si>
  <si>
    <t>GGPS CHAK 4/54</t>
  </si>
  <si>
    <t>Chak No 4/54</t>
  </si>
  <si>
    <t>Chak no 4/54 post office bucheki, tehsil and district Nankana sahib</t>
  </si>
  <si>
    <t>Chak 4/54</t>
  </si>
  <si>
    <t>GGPS KHICHI</t>
  </si>
  <si>
    <t>govet girls primry school khichi  post office wanbhachra tasil zila mianwali</t>
  </si>
  <si>
    <t>AMINA ARZOO</t>
  </si>
  <si>
    <t>GGPS CHAK NO.45/A</t>
  </si>
  <si>
    <t>Chak No 45 A</t>
  </si>
  <si>
    <t>g.g.p.school chak no. 45 a</t>
  </si>
  <si>
    <t>Chak 45</t>
  </si>
  <si>
    <t>Rubina Sheerin</t>
  </si>
  <si>
    <t>47537</t>
  </si>
  <si>
    <t>GPS DADIAN WALA</t>
  </si>
  <si>
    <t>Versi Wahin</t>
  </si>
  <si>
    <t>GPS Dadian Wala MOUZA versi wahin MAILSI Vehari</t>
  </si>
  <si>
    <t>Dadian Wala</t>
  </si>
  <si>
    <t>Warsi Wahin</t>
  </si>
  <si>
    <t>WASEEM ABBAS</t>
  </si>
  <si>
    <t>38470</t>
  </si>
  <si>
    <t>GPS SAHIB LAKHO</t>
  </si>
  <si>
    <t>Sahib Lakho</t>
  </si>
  <si>
    <t>Shumaila Shafqat</t>
  </si>
  <si>
    <t>33913</t>
  </si>
  <si>
    <t>GGPS RASOOL PUR MARI</t>
  </si>
  <si>
    <t>GGPS Rasool Pur Mari</t>
  </si>
  <si>
    <t>GPS CHAK NO 420/TDA</t>
  </si>
  <si>
    <t>chak no420/tda</t>
  </si>
  <si>
    <t>420/tda</t>
  </si>
  <si>
    <t>ishfaq ahmad</t>
  </si>
  <si>
    <t>GPS CHAK NO.151 NB TIWANA WALA</t>
  </si>
  <si>
    <t>Chak No 151 NB</t>
  </si>
  <si>
    <t>chak no 151nb Tiwana Wala</t>
  </si>
  <si>
    <t>Chak No 151NB tiwana Wala</t>
  </si>
  <si>
    <t>Chak 152NB</t>
  </si>
  <si>
    <t>Turab Tariq</t>
  </si>
  <si>
    <t>GES CHAK NO.70/DB</t>
  </si>
  <si>
    <t>70db</t>
  </si>
  <si>
    <t>chak no 70db yazman</t>
  </si>
  <si>
    <t>Dera Garbi</t>
  </si>
  <si>
    <t>Alla a bad colony,  d. g. khan</t>
  </si>
  <si>
    <t>Dera gazi Khan</t>
  </si>
  <si>
    <t>GPS MODEL WAHI QADIR DINA</t>
  </si>
  <si>
    <t>Tibi Izat</t>
  </si>
  <si>
    <t>Muhabat pur basti</t>
  </si>
  <si>
    <t>Muhabat Pur</t>
  </si>
  <si>
    <t>Nighat Hameed Qureshi</t>
  </si>
  <si>
    <t>GPS GARHI SULTAN SHAH</t>
  </si>
  <si>
    <t>GPS Garhi Sultan Shah, Dajal Road Chah Chit Wala, Jampur Distt Rajanpur</t>
  </si>
  <si>
    <t>viilage $ po noorpur tehsil kallar kahar distt# chakwal</t>
  </si>
  <si>
    <t>GMPS WASSUWAL</t>
  </si>
  <si>
    <t>Wasoowal</t>
  </si>
  <si>
    <t>wasoowal</t>
  </si>
  <si>
    <t>Sidra Mukhtar</t>
  </si>
  <si>
    <t>GPS RAI GULL WALA</t>
  </si>
  <si>
    <t>Nawa Kot</t>
  </si>
  <si>
    <t>chah jany  wala moza nawa kot</t>
  </si>
  <si>
    <t>Chah Jany Wala</t>
  </si>
  <si>
    <t>25003</t>
  </si>
  <si>
    <t>GGHS CHAK NO.67/ML</t>
  </si>
  <si>
    <t>Chak no 67 ML Tehsil Mankera District Bhakkar</t>
  </si>
  <si>
    <t>67ML</t>
  </si>
  <si>
    <t>HALEMA SADIA</t>
  </si>
  <si>
    <t>GGPS KHARBAN</t>
  </si>
  <si>
    <t>Khurban</t>
  </si>
  <si>
    <t>khurban teh pindi bhattian</t>
  </si>
  <si>
    <t>47561</t>
  </si>
  <si>
    <t>GGES MUSLIM COLONY</t>
  </si>
  <si>
    <t>Muslim colony bahawalnagar</t>
  </si>
  <si>
    <t>GES 16/V, KHANEWAL</t>
  </si>
  <si>
    <t>Chak No 16/V</t>
  </si>
  <si>
    <t>Chak No 16/V, Tehsil and Distt Khanewal.</t>
  </si>
  <si>
    <t>Ferhad Hussain</t>
  </si>
  <si>
    <t>GPS CHAK NO. 249/EB</t>
  </si>
  <si>
    <t>Chakno 249 EB</t>
  </si>
  <si>
    <t>CHAK NO 249 E B TEH:BURE WALA DIST:VEHARI</t>
  </si>
  <si>
    <t>Chak No 249 E B</t>
  </si>
  <si>
    <t>247 E B</t>
  </si>
  <si>
    <t>36969</t>
  </si>
  <si>
    <t>36184</t>
  </si>
  <si>
    <t>GPS CHAK NO.47/WB</t>
  </si>
  <si>
    <t>47wb</t>
  </si>
  <si>
    <t>Chak no. 47wb vehari</t>
  </si>
  <si>
    <t>Chak No 53wb</t>
  </si>
  <si>
    <t>SAEED U DIN</t>
  </si>
  <si>
    <t>47569</t>
  </si>
  <si>
    <t>GPS NICHAN THAL</t>
  </si>
  <si>
    <t>GPS NICHAN THAL Mauza Kundal Khokhran Tehsil Ahmad pur  Sial</t>
  </si>
  <si>
    <t>Jabir  Ali Shahid</t>
  </si>
  <si>
    <t>35908</t>
  </si>
  <si>
    <t>47571</t>
  </si>
  <si>
    <t>GES PANJA</t>
  </si>
  <si>
    <t>punja teh&amp;disst khushab</t>
  </si>
  <si>
    <t>Mitha Tiwana Junobi</t>
  </si>
  <si>
    <t>GPS KAYALA</t>
  </si>
  <si>
    <t>TM Khan</t>
  </si>
  <si>
    <t>Dhoke kayala TM Khan tehsil Talagang</t>
  </si>
  <si>
    <t>TM khan</t>
  </si>
  <si>
    <t>GGPS TALLA WALA</t>
  </si>
  <si>
    <t>jetha Bhutta Tala walla</t>
  </si>
  <si>
    <t>52295</t>
  </si>
  <si>
    <t>GGPS MC KOT RUKAN DIN KHAN</t>
  </si>
  <si>
    <t>Shah Anyat Colony khara Road kasur</t>
  </si>
  <si>
    <t>Shah Anyat Colony</t>
  </si>
  <si>
    <t>Rabia Abdul Aziz</t>
  </si>
  <si>
    <t>GPS HOSI HERAJ, ABDUL HAKIM</t>
  </si>
  <si>
    <t>Hossi Heraj</t>
  </si>
  <si>
    <t>Mouza hossi heraj P/O kot Islam</t>
  </si>
  <si>
    <t>Kashif Murtaza</t>
  </si>
  <si>
    <t>GPS KOT KAMEER</t>
  </si>
  <si>
    <t>Kot Kameer</t>
  </si>
  <si>
    <t>village kot kameer p.o box vanikay tarar tehsil and dist hafizabad</t>
  </si>
  <si>
    <t>GMPS LAL KHAN DHUDI</t>
  </si>
  <si>
    <t>Lal KHAN Dhudi</t>
  </si>
  <si>
    <t>lal khan dhudi</t>
  </si>
  <si>
    <t>Lal Khan Dhudi</t>
  </si>
  <si>
    <t>Gulnaz</t>
  </si>
  <si>
    <t>GHS BAGHIANA KALAN</t>
  </si>
  <si>
    <t>baghiana kalan</t>
  </si>
  <si>
    <t>govt high school baghiana kalan</t>
  </si>
  <si>
    <t>MIAN SHAFQAT HABIB</t>
  </si>
  <si>
    <t>GES FATEH PUR NO 1</t>
  </si>
  <si>
    <t>MC Fatehpur</t>
  </si>
  <si>
    <t>WARD NO. 8 FATEH PUR</t>
  </si>
  <si>
    <t>41307</t>
  </si>
  <si>
    <t>21147</t>
  </si>
  <si>
    <t>GMPS OUJLA KALAN</t>
  </si>
  <si>
    <t>ojla Kalan</t>
  </si>
  <si>
    <t>ojla kalan</t>
  </si>
  <si>
    <t>Ojla Kalan</t>
  </si>
  <si>
    <t>Madiha Ashfaq</t>
  </si>
  <si>
    <t>44189</t>
  </si>
  <si>
    <t>GES SEHTHI</t>
  </si>
  <si>
    <t>village sethi post office noorpur teh. kallar kahar distt. chakwal</t>
  </si>
  <si>
    <t>GPS KHANPUR QAZI</t>
  </si>
  <si>
    <t>Jai</t>
  </si>
  <si>
    <t>Chah gariyan wala, moza jai, p /o khan pur qazi, tehsil shujabad, district multan</t>
  </si>
  <si>
    <t>Gariyan Wala</t>
  </si>
  <si>
    <t>Chak Rs</t>
  </si>
  <si>
    <t>GMES DHARAM KOT</t>
  </si>
  <si>
    <t>Dharamkot</t>
  </si>
  <si>
    <t>Govt E/S dharamkot</t>
  </si>
  <si>
    <t>Fouzia Shareef</t>
  </si>
  <si>
    <t>GGES CHAK NO.11/DNB</t>
  </si>
  <si>
    <t>11/Dnb</t>
  </si>
  <si>
    <t>chak no 11/Dnb Tehsil yazman Disst BWP</t>
  </si>
  <si>
    <t>Chak  No11/Dnb</t>
  </si>
  <si>
    <t>Chak No17/Dnb</t>
  </si>
  <si>
    <t>Maria Mushtaq</t>
  </si>
  <si>
    <t>GGPS RAM KALI NEAR BAHAWALPUR BYPASS</t>
  </si>
  <si>
    <t>Basti Ramkali near Bahawalpur Bypass Multan</t>
  </si>
  <si>
    <t>GES ALI SHAH</t>
  </si>
  <si>
    <t>basti ali shah tehsil jatoi distric muzaffargarh</t>
  </si>
  <si>
    <t>Asghar Hussain</t>
  </si>
  <si>
    <t>GGHS THATHA KHERO MUTUMAL</t>
  </si>
  <si>
    <t>thatha</t>
  </si>
  <si>
    <t>thatha khairio</t>
  </si>
  <si>
    <t>thatha khairo</t>
  </si>
  <si>
    <t>GPS SHAH BAIG</t>
  </si>
  <si>
    <t>Shah baig</t>
  </si>
  <si>
    <t>moza shah baig p/o mianwali quresian rahim yar khan</t>
  </si>
  <si>
    <t>Basti Abdullah Khan</t>
  </si>
  <si>
    <t>Karim Bukhsh</t>
  </si>
  <si>
    <t>GPS MOCHI WALA NO 4</t>
  </si>
  <si>
    <t>Maoza Ghous abad, Tehsil Kot Chutta, Distt DGKhan</t>
  </si>
  <si>
    <t>38022</t>
  </si>
  <si>
    <t>GES YOUSAF WALA P/O QURESHI WALA</t>
  </si>
  <si>
    <t>yousafwala pugalwari p/o Qureshiwala teh&amp;dist Lodhran</t>
  </si>
  <si>
    <t>Muhammad Waseem Abbas</t>
  </si>
  <si>
    <t>Kotla Sayd Khan</t>
  </si>
  <si>
    <t>GPS  FAIZ ABAD</t>
  </si>
  <si>
    <t>Basti Hassan Shah</t>
  </si>
  <si>
    <t>GPS ALLAH BAKHSH WALA</t>
  </si>
  <si>
    <t>Panah Khral Sharqi</t>
  </si>
  <si>
    <t>moza panah khral sharqi 172 TDA</t>
  </si>
  <si>
    <t>38594</t>
  </si>
  <si>
    <t>GPS MC KOT MURAD KHAN KASUR</t>
  </si>
  <si>
    <t>Muhammad Javeed</t>
  </si>
  <si>
    <t>GGPS BASTI MUHAMMAD QASIM CHAK NO.157/NP</t>
  </si>
  <si>
    <t>jinnah colony 157/np chani goth</t>
  </si>
  <si>
    <t>38467</t>
  </si>
  <si>
    <t>GGES 359/WB</t>
  </si>
  <si>
    <t>tehsil dunipur distrct lodhran chk nmber 359/wb</t>
  </si>
  <si>
    <t>Chk Number360/wb</t>
  </si>
  <si>
    <t>Sadia Banoo</t>
  </si>
  <si>
    <t>GGPS 6/4-L</t>
  </si>
  <si>
    <t>ggps 6/4L</t>
  </si>
  <si>
    <t>Chak No 44/2L</t>
  </si>
  <si>
    <t>Sana Ilyas</t>
  </si>
  <si>
    <t>23402</t>
  </si>
  <si>
    <t>GGPS LAMMAH</t>
  </si>
  <si>
    <t>Lamma</t>
  </si>
  <si>
    <t>vill &amp; p-o Lamma Teh kharian Distt Gujrat</t>
  </si>
  <si>
    <t>Mussarat Asghar</t>
  </si>
  <si>
    <t>47783</t>
  </si>
  <si>
    <t>GPS GODIAN WALA PIPLAN MIANWALI</t>
  </si>
  <si>
    <t>GMPS SALEH MEHAY POST BOX NAWAB PUR</t>
  </si>
  <si>
    <t>Salah Mahay</t>
  </si>
  <si>
    <t>Basti Salah Mahag P/o Nawab Pur</t>
  </si>
  <si>
    <t>GGPS AWANA WALA</t>
  </si>
  <si>
    <t>awanwla</t>
  </si>
  <si>
    <t>Kaluaanwala</t>
  </si>
  <si>
    <t>GES CHAK 5/FW</t>
  </si>
  <si>
    <t>Chak no. 5 / fw tehsil chishtian district Bahawalnagar.</t>
  </si>
  <si>
    <t>GPS REHMAT ALI AMIN ABAD</t>
  </si>
  <si>
    <t>FAIZAHMAD</t>
  </si>
  <si>
    <t>GGPS DARMAN NO. 2</t>
  </si>
  <si>
    <t>nargis parveen</t>
  </si>
  <si>
    <t>47307</t>
  </si>
  <si>
    <t>GES CHAK NO.74 NB</t>
  </si>
  <si>
    <t>Chak No 74 NB</t>
  </si>
  <si>
    <t>GES Chak No. 74 NB</t>
  </si>
  <si>
    <t>Chak No 67/A NB</t>
  </si>
  <si>
    <t>Sharoon Rashid</t>
  </si>
  <si>
    <t>GMPS CHAK NO 196 JB JIVAN KA</t>
  </si>
  <si>
    <t>Chak No 195jb</t>
  </si>
  <si>
    <t>Chak no 196 Jiven Ka</t>
  </si>
  <si>
    <t>Chak No 196 Jiven Kay</t>
  </si>
  <si>
    <t>Chak#195jb Bhalo</t>
  </si>
  <si>
    <t>Hafiz Mazhar Ali</t>
  </si>
  <si>
    <t>GGPS KHAIRPUR DAHA</t>
  </si>
  <si>
    <t>basti khair pur daha tehsil Ahmad pur east</t>
  </si>
  <si>
    <t>54174</t>
  </si>
  <si>
    <t>GPS CHAK NO. 17/MB</t>
  </si>
  <si>
    <t>Chak no 17-mb</t>
  </si>
  <si>
    <t>Chak no. 17-mb</t>
  </si>
  <si>
    <t>Chak no17-mb</t>
  </si>
  <si>
    <t>Aziz ur rehman</t>
  </si>
  <si>
    <t>18328</t>
  </si>
  <si>
    <t>GES FATEH PUR PARITY</t>
  </si>
  <si>
    <t>Fateh Pur Parity</t>
  </si>
  <si>
    <t>fateh pur parity. tehsil a.p sial jhang</t>
  </si>
  <si>
    <t>Najam Ul Hassan Khan</t>
  </si>
  <si>
    <t>48651</t>
  </si>
  <si>
    <t>17065</t>
  </si>
  <si>
    <t>47133</t>
  </si>
  <si>
    <t>GMPS AMIR KHAN WALA</t>
  </si>
  <si>
    <t>Kamer Pka 6</t>
  </si>
  <si>
    <t>Wanda ameerkhanwala</t>
  </si>
  <si>
    <t>Ameerkhanwala</t>
  </si>
  <si>
    <t>Kamr Pka</t>
  </si>
  <si>
    <t>GGPS KOT JALIAN</t>
  </si>
  <si>
    <t>kot jalain .m.b.din</t>
  </si>
  <si>
    <t>Kot Jalian</t>
  </si>
  <si>
    <t>Pinidi Bahuuddin</t>
  </si>
  <si>
    <t>Dur e Shehwar Naqvi</t>
  </si>
  <si>
    <t>36391</t>
  </si>
  <si>
    <t>GGPS LAPHI</t>
  </si>
  <si>
    <t>VPO laphi tehsil kallar kahar district chakwal</t>
  </si>
  <si>
    <t>Sehrish Mehreen</t>
  </si>
  <si>
    <t>GGPS ROHAY WALA</t>
  </si>
  <si>
    <t>Rohay Wal</t>
  </si>
  <si>
    <t>Rohay wal</t>
  </si>
  <si>
    <t>Tasneem Asghar</t>
  </si>
  <si>
    <t>37988</t>
  </si>
  <si>
    <t>GPS PIPLY WALA</t>
  </si>
  <si>
    <t>Basti Pipli wala Moza sumra Lodhran</t>
  </si>
  <si>
    <t>Ghaffar Ahmad</t>
  </si>
  <si>
    <t>GPS CHAH FAIZ ULLAH KHAN WALA</t>
  </si>
  <si>
    <t>chah faiz ullah khan wala</t>
  </si>
  <si>
    <t>Ada Faiz Ullah Khan</t>
  </si>
  <si>
    <t>GGPS DERA JAMU PIPLIWALA</t>
  </si>
  <si>
    <t>Govt Girls Primary School Village Dera jamu pipliwala Post office Head Khanki Wazirabad</t>
  </si>
  <si>
    <t>Dera Jamu Pipliwala</t>
  </si>
  <si>
    <t>Miss Mehnaz Riffat</t>
  </si>
  <si>
    <t>35503</t>
  </si>
  <si>
    <t>GPS MOZA MANSOOR SHAH</t>
  </si>
  <si>
    <t>Mansoor Shah</t>
  </si>
  <si>
    <t>Moza Mansoor Shah</t>
  </si>
  <si>
    <t>Muhammad Saleem Shah Khagga</t>
  </si>
  <si>
    <t>47151</t>
  </si>
  <si>
    <t>43928</t>
  </si>
  <si>
    <t>GGPS CHOOI</t>
  </si>
  <si>
    <t>Dhoke Chooi</t>
  </si>
  <si>
    <t>Dhoke chooi post office lawa Tehsil Lawa</t>
  </si>
  <si>
    <t>47152</t>
  </si>
  <si>
    <t>GGPS HAJI BUDHA KHAN</t>
  </si>
  <si>
    <t>Ggps haji bhudha khan markaz khan bela tehseel liaqatpur dist. rahimyar khan</t>
  </si>
  <si>
    <t>Haji Bhudha Khan</t>
  </si>
  <si>
    <t>Munaza Tehseen Robi</t>
  </si>
  <si>
    <t>GES KHAERA KALUKA</t>
  </si>
  <si>
    <t>Kherakaluka Muhammad Ali Kaluka</t>
  </si>
  <si>
    <t>moza khera kalo ka Minchinabad</t>
  </si>
  <si>
    <t>Kherakaluka</t>
  </si>
  <si>
    <t>GGPS MC DASKA KALAN</t>
  </si>
  <si>
    <t>Nisbat road daska</t>
  </si>
  <si>
    <t>GPS BASTI QASAI</t>
  </si>
  <si>
    <t>GPS, Basti Qasai</t>
  </si>
  <si>
    <t>basti bhatti</t>
  </si>
  <si>
    <t>GGPS ARSLAN WALA</t>
  </si>
  <si>
    <t>TIBBA MEHARBAN SHAH -FEMALE</t>
  </si>
  <si>
    <t>Tibbah Mehrban</t>
  </si>
  <si>
    <t>ggps Arslan Wala</t>
  </si>
  <si>
    <t>Arslanwala</t>
  </si>
  <si>
    <t>Tibbah Mehrban Shah</t>
  </si>
  <si>
    <t>27753</t>
  </si>
  <si>
    <t>GPS HAVELI MAHLEY KHAN DAKHLI GUNNIAN</t>
  </si>
  <si>
    <t>Haveli Mahley Khan</t>
  </si>
  <si>
    <t>vpo Gunnian Tehsil Malakwal District Mandi Bahauddin</t>
  </si>
  <si>
    <t>Gunnian</t>
  </si>
  <si>
    <t>Moazam Ali</t>
  </si>
  <si>
    <t>GPS ZARI COLLEGE</t>
  </si>
  <si>
    <t>33-D</t>
  </si>
  <si>
    <t>GPS Zari college Rahim Yar Khan</t>
  </si>
  <si>
    <t>Muhammad Ehsan Khan</t>
  </si>
  <si>
    <t>GPS GARHI ABDULLAH</t>
  </si>
  <si>
    <t>GPS GHARI ABDULLAH TEHSIL PINDI BHATTIAN DISTRICT HAFIZABAD</t>
  </si>
  <si>
    <t>Khurum Churera</t>
  </si>
  <si>
    <t>M SARWAR</t>
  </si>
  <si>
    <t>GPS MANGA MANDI</t>
  </si>
  <si>
    <t>Adil Town</t>
  </si>
  <si>
    <t>adil town manga</t>
  </si>
  <si>
    <t>WAHEED SAJJAD</t>
  </si>
  <si>
    <t>GPS 8 SP</t>
  </si>
  <si>
    <t>8/SP</t>
  </si>
  <si>
    <t>chak 8 sp</t>
  </si>
  <si>
    <t>Chak 8 SP</t>
  </si>
  <si>
    <t>Mosay Wall</t>
  </si>
  <si>
    <t>Anees Ur Rehman</t>
  </si>
  <si>
    <t>GGMPS DARKHAN WALA</t>
  </si>
  <si>
    <t>BastiDarkhan wala Muaza Noorpur UC Ghousabad</t>
  </si>
  <si>
    <t>Rehana Afzal</t>
  </si>
  <si>
    <t>47179</t>
  </si>
  <si>
    <t>39036</t>
  </si>
  <si>
    <t>GPS KOT ZAINDI</t>
  </si>
  <si>
    <t>kot salabat tehsil fateh jang distt attock</t>
  </si>
  <si>
    <t>jabbi kasran</t>
  </si>
  <si>
    <t>Sakhawat Ali Khan</t>
  </si>
  <si>
    <t>36666</t>
  </si>
  <si>
    <t>GGES 22 GHAGH, ABDUL HAKIM</t>
  </si>
  <si>
    <t>22ghagh</t>
  </si>
  <si>
    <t>ggms 22 ghagh</t>
  </si>
  <si>
    <t>22 Ghagh</t>
  </si>
  <si>
    <t>9ghagh</t>
  </si>
  <si>
    <t>GUL  NASREEN</t>
  </si>
  <si>
    <t>50711</t>
  </si>
  <si>
    <t>49200</t>
  </si>
  <si>
    <t>GGES WIG</t>
  </si>
  <si>
    <t>GGE/S WIG TEH.MANKERA DISS.BHAKKAR</t>
  </si>
  <si>
    <t>Wig Sadar</t>
  </si>
  <si>
    <t>53681</t>
  </si>
  <si>
    <t>GPS CHAK NO 27/1.AL</t>
  </si>
  <si>
    <t>27/1AL</t>
  </si>
  <si>
    <t>Chak No .27.1.A.L</t>
  </si>
  <si>
    <t>27/ 1AL</t>
  </si>
  <si>
    <t>Abid Farooq</t>
  </si>
  <si>
    <t>GPS KACHA CHOHAN</t>
  </si>
  <si>
    <t>Basti aman ullah khan mazari</t>
  </si>
  <si>
    <t>Basti Aman Ullah Khan</t>
  </si>
  <si>
    <t>GMPS 49/15-L, MIAN CHANNU</t>
  </si>
  <si>
    <t>49/15</t>
  </si>
  <si>
    <t>chak no 49.15</t>
  </si>
  <si>
    <t>120/15</t>
  </si>
  <si>
    <t>Azra Ramzan</t>
  </si>
  <si>
    <t>52781</t>
  </si>
  <si>
    <t>GGES KHANWALI</t>
  </si>
  <si>
    <t>Village and postoffice Khanwali teh and Distt Gujrat</t>
  </si>
  <si>
    <t>52626</t>
  </si>
  <si>
    <t>GGPS CHAK JANOOBI NO 2</t>
  </si>
  <si>
    <t>Chake Shamali</t>
  </si>
  <si>
    <t>chake janoobi no 2  chah nawab wala</t>
  </si>
  <si>
    <t>Nawab Shah</t>
  </si>
  <si>
    <t>Khadija Beghum</t>
  </si>
  <si>
    <t>GPS DHOK GUJRAN MISRIAL</t>
  </si>
  <si>
    <t>GPS Dhoke Gujran Misrial</t>
  </si>
  <si>
    <t>Dhoke Gujran Misrial</t>
  </si>
  <si>
    <t>GES CHAK NO.5/BC</t>
  </si>
  <si>
    <t>Chak 5/bc</t>
  </si>
  <si>
    <t>Govt.Elementary school chak 5bc</t>
  </si>
  <si>
    <t>Chak 5bc</t>
  </si>
  <si>
    <t>vpo Alipur Teh Sohawa Distt Jhelum</t>
  </si>
  <si>
    <t>47211</t>
  </si>
  <si>
    <t>GES BASTI SIKHANI</t>
  </si>
  <si>
    <t>BASTI SIKHANI, P/O NUTKANI, U/C PANJGRAIN</t>
  </si>
  <si>
    <t>47212</t>
  </si>
  <si>
    <t>52006</t>
  </si>
  <si>
    <t>GGPS JEVAN SHAH</t>
  </si>
  <si>
    <t>JEVAN SHAH  Tehsil Arifwala Wala distt ppn</t>
  </si>
  <si>
    <t>19281</t>
  </si>
  <si>
    <t>GGES CHAK NO. 14 FW</t>
  </si>
  <si>
    <t>Sonay Wala</t>
  </si>
  <si>
    <t>chak no 14 fw , p o 10 fw , teh chishtian , distt bahawalnagar</t>
  </si>
  <si>
    <t>14 Fw</t>
  </si>
  <si>
    <t>GPS SHAHDAD PATHAN</t>
  </si>
  <si>
    <t>basti shahdad pathan</t>
  </si>
  <si>
    <t>Bsti Shahdad Pathan</t>
  </si>
  <si>
    <t>Old Hsp</t>
  </si>
  <si>
    <t>Amara Rehmat</t>
  </si>
  <si>
    <t>GPS BEHLOLA</t>
  </si>
  <si>
    <t>Behlola</t>
  </si>
  <si>
    <t>p/o  City sialkot</t>
  </si>
  <si>
    <t>44268</t>
  </si>
  <si>
    <t>GGPS THOA HUMAUN</t>
  </si>
  <si>
    <t>Thoha Humayun</t>
  </si>
  <si>
    <t>VPO Thoha Hamayun tehsil kallar kahar district chakwal</t>
  </si>
  <si>
    <t>Najaf Zahrah</t>
  </si>
  <si>
    <t>GPS JUGHIAN KARNALIN</t>
  </si>
  <si>
    <t>Jhugian Karnalian</t>
  </si>
  <si>
    <t>Jhuggian Karnalian chak no 175 ,tehsil Shahkot district Nankana</t>
  </si>
  <si>
    <t>Muhammad Kashif Iqbal</t>
  </si>
  <si>
    <t>GES MARI BHAGOO KHAN</t>
  </si>
  <si>
    <t>Mari bhagoo khan, Tehsil Kahror Pacca, District Lodhran.</t>
  </si>
  <si>
    <t>47222</t>
  </si>
  <si>
    <t>GES 116/12-L</t>
  </si>
  <si>
    <t>chak no 116/12.L</t>
  </si>
  <si>
    <t>chak no 116/12.L kassowal</t>
  </si>
  <si>
    <t>chak no 118/12.L</t>
  </si>
  <si>
    <t>MUHAMMAD ALI  ARSALAN</t>
  </si>
  <si>
    <t>GGPS ZAHIR PEER</t>
  </si>
  <si>
    <t>Amamo Arain</t>
  </si>
  <si>
    <t>GGPS Zahir Peer</t>
  </si>
  <si>
    <t>Zahir Peer</t>
  </si>
  <si>
    <t>Kousar Shabeer</t>
  </si>
  <si>
    <t>GPS CHHAINT</t>
  </si>
  <si>
    <t>Chaint</t>
  </si>
  <si>
    <t>Village chaint Kotli Sattian</t>
  </si>
  <si>
    <t>Nyla Ahmed</t>
  </si>
  <si>
    <t>37769</t>
  </si>
  <si>
    <t>GGES 137/10-R, JAHANIAN</t>
  </si>
  <si>
    <t>137/10r</t>
  </si>
  <si>
    <t>chak no 137/10r jahania khanewal</t>
  </si>
  <si>
    <t>137/10R</t>
  </si>
  <si>
    <t>136//10R</t>
  </si>
  <si>
    <t>Sophia Ilyas</t>
  </si>
  <si>
    <t>29825</t>
  </si>
  <si>
    <t>GGCMS MUNDAY KI CHAK NO. 34</t>
  </si>
  <si>
    <t>Mundayki Ki 34</t>
  </si>
  <si>
    <t>Naroki Maja</t>
  </si>
  <si>
    <t>24844</t>
  </si>
  <si>
    <t>GPS SADDAR DIN WALA</t>
  </si>
  <si>
    <t>P/O DAILY NAMDAR TEH:K.kot DIST:BHAKKAR</t>
  </si>
  <si>
    <t>SADAR DIN WALA</t>
  </si>
  <si>
    <t>Daily NAMDAR</t>
  </si>
  <si>
    <t>MUHAMMAD MEHRBAN</t>
  </si>
  <si>
    <t>GMPS MALI WALL</t>
  </si>
  <si>
    <t>Kramer Mushani</t>
  </si>
  <si>
    <t>wanda maliwal</t>
  </si>
  <si>
    <t>Kamer Mushani</t>
  </si>
  <si>
    <t>GGES KOT GORA</t>
  </si>
  <si>
    <t>post office kot Gora TENSILE AND District hafizabad</t>
  </si>
  <si>
    <t>Sacar Kalan</t>
  </si>
  <si>
    <t>Tasneem akhter</t>
  </si>
  <si>
    <t>GMPS KHUSAR</t>
  </si>
  <si>
    <t>47708</t>
  </si>
  <si>
    <t>GGPS TALUKARAN WALA</t>
  </si>
  <si>
    <t>MUSAKHEL</t>
  </si>
  <si>
    <t>Wandha Talukrana wala Tehsil and District Mianwali</t>
  </si>
  <si>
    <t>Talukranwala</t>
  </si>
  <si>
    <t>MUSAKHEL 2</t>
  </si>
  <si>
    <t>RAFIA LATIF</t>
  </si>
  <si>
    <t>26267</t>
  </si>
  <si>
    <t>GGPS ANTOWALI</t>
  </si>
  <si>
    <t>Antowali</t>
  </si>
  <si>
    <t>Sabeela Sardar</t>
  </si>
  <si>
    <t>GPS CHAK NO 86/5-R</t>
  </si>
  <si>
    <t>Chak No86/5r</t>
  </si>
  <si>
    <t>Chak no 86/5r Allama Iqbal nagar HND</t>
  </si>
  <si>
    <t>Chak No 86/5r Allama Iqbal Nagar HND</t>
  </si>
  <si>
    <t>Chak No86/5r Allama Iqbal Nagar</t>
  </si>
  <si>
    <t>35476</t>
  </si>
  <si>
    <t>GGES CHAK NO.146 EB</t>
  </si>
  <si>
    <t>chak No 146/EB burewala</t>
  </si>
  <si>
    <t>146/EB</t>
  </si>
  <si>
    <t>Samina Sadaf</t>
  </si>
  <si>
    <t>GGES KOHLU</t>
  </si>
  <si>
    <t>Koulo</t>
  </si>
  <si>
    <t>govt. girls elementary school kaka koulo tehsil wazirabad</t>
  </si>
  <si>
    <t>GPS CHAH MOHAMMAD KHAN WALA</t>
  </si>
  <si>
    <t>Chaha muhammad khan wala</t>
  </si>
  <si>
    <t>Chah Muhammad Khan Wala</t>
  </si>
  <si>
    <t>Tibba Mehar Ban Shah</t>
  </si>
  <si>
    <t>Shair Abbas</t>
  </si>
  <si>
    <t>GGES LUKHMIR DHUDI</t>
  </si>
  <si>
    <t>Jalwala road roday wali kaat</t>
  </si>
  <si>
    <t>Roday Wali Kaat</t>
  </si>
  <si>
    <t>irfana tabassum</t>
  </si>
  <si>
    <t>54379</t>
  </si>
  <si>
    <t>GPS 468/TDA</t>
  </si>
  <si>
    <t>Chak no 468/tda</t>
  </si>
  <si>
    <t>Chak No 468/tda</t>
  </si>
  <si>
    <t>11646</t>
  </si>
  <si>
    <t>GGPS NIKKA KEILA</t>
  </si>
  <si>
    <t>Nikka Kaila</t>
  </si>
  <si>
    <t>village nikka kaila p.o. Mitranwali.</t>
  </si>
  <si>
    <t>Humara Rafiq</t>
  </si>
  <si>
    <t>54223</t>
  </si>
  <si>
    <t>GPS CHAK NO. 237/9-R NORTH</t>
  </si>
  <si>
    <t>237/9r</t>
  </si>
  <si>
    <t>chak 237/9R tehsil fort abbas</t>
  </si>
  <si>
    <t>Chak 237/9R N</t>
  </si>
  <si>
    <t>36305</t>
  </si>
  <si>
    <t>GGPS PALALA SYEDAN</t>
  </si>
  <si>
    <t>Palala Syedan</t>
  </si>
  <si>
    <t>GGPS  palala syedan</t>
  </si>
  <si>
    <t>GPS DHORI LUKOO</t>
  </si>
  <si>
    <t>VPO LUKKU TEHSIL AND DISTRICT KHUSHAB</t>
  </si>
  <si>
    <t>GPS CHAK NO. 28</t>
  </si>
  <si>
    <t>Chak 28</t>
  </si>
  <si>
    <t>chak 28 tahsel malakwal dstrict mandi bahu din</t>
  </si>
  <si>
    <t>Mona Sydan</t>
  </si>
  <si>
    <t>Ram Ji Lal</t>
  </si>
  <si>
    <t>42002</t>
  </si>
  <si>
    <t>GGPS TATRAL</t>
  </si>
  <si>
    <t>village p.o tatral</t>
  </si>
  <si>
    <t>Zahra Andleeb</t>
  </si>
  <si>
    <t>kot  boota singh</t>
  </si>
  <si>
    <t>shoukat ali awan</t>
  </si>
  <si>
    <t>34017</t>
  </si>
  <si>
    <t>GPS RASHEED PURA P/O MOUZA KHANPUR QAZIAN TEH. SHUJA ABAD</t>
  </si>
  <si>
    <t>khan pur qazian</t>
  </si>
  <si>
    <t>rasheed pura chowk naseeron wala shujabad multan</t>
  </si>
  <si>
    <t>daira pur</t>
  </si>
  <si>
    <t>Muhammad Saqib</t>
  </si>
  <si>
    <t>38001</t>
  </si>
  <si>
    <t>GPS BATTAH SADAT</t>
  </si>
  <si>
    <t>Bhatta  Sadat  Lodhran</t>
  </si>
  <si>
    <t>Bhatta  Saadat</t>
  </si>
  <si>
    <t>ghulam nazik abbas</t>
  </si>
  <si>
    <t>GGPS ABBAS ARBI</t>
  </si>
  <si>
    <t>Basti khoora khoo moza Abbas Arbi ahmad pur east</t>
  </si>
  <si>
    <t>Khoora Khoo</t>
  </si>
  <si>
    <t>Khuda Bakshmahar</t>
  </si>
  <si>
    <t>Sana Samreen</t>
  </si>
  <si>
    <t>GGES BAHAR BORANA</t>
  </si>
  <si>
    <t>Baharborana</t>
  </si>
  <si>
    <t>gge/s bahar borana khanqa sharef</t>
  </si>
  <si>
    <t>Khanqa Sharif</t>
  </si>
  <si>
    <t>Salma Jabeen</t>
  </si>
  <si>
    <t>47743</t>
  </si>
  <si>
    <t>GPS RAKH QADIRA</t>
  </si>
  <si>
    <t>Qadira</t>
  </si>
  <si>
    <t>Post office Umer kot UC Gianmal Tehsile Rojhan</t>
  </si>
  <si>
    <t>Basti Liaqat Balachani</t>
  </si>
  <si>
    <t>Gianmal</t>
  </si>
  <si>
    <t>Sadeeq Ahmad</t>
  </si>
  <si>
    <t>GGPS BASTI GHULAM MUHAMMAD</t>
  </si>
  <si>
    <t>CHANNAR</t>
  </si>
  <si>
    <t>Mahreen Naz</t>
  </si>
  <si>
    <t>GGES CHAK NO. 7/4-L</t>
  </si>
  <si>
    <t>Chk No 7/4L</t>
  </si>
  <si>
    <t>GGES 7/4L Okara</t>
  </si>
  <si>
    <t>Chak No 7/4L</t>
  </si>
  <si>
    <t>9/4l</t>
  </si>
  <si>
    <t>18372</t>
  </si>
  <si>
    <t>GMPS KABIR WALA JANOOBI</t>
  </si>
  <si>
    <t>Douluana</t>
  </si>
  <si>
    <t>chah Abbas wala</t>
  </si>
  <si>
    <t>Amna Sahar</t>
  </si>
  <si>
    <t>16956</t>
  </si>
  <si>
    <t>GGES WAH WALA</t>
  </si>
  <si>
    <t>GGES wah wala near chungi no.23 jhang</t>
  </si>
  <si>
    <t>Wah Wala</t>
  </si>
  <si>
    <t>20209</t>
  </si>
  <si>
    <t>47758</t>
  </si>
  <si>
    <t>GMPS RATTO WALI</t>
  </si>
  <si>
    <t>Village Rattowali po Khanki head Tehsil Wazirabad District Gujranwala Pakistan</t>
  </si>
  <si>
    <t>RATTOWALI</t>
  </si>
  <si>
    <t>Ifza Ghazanfar</t>
  </si>
  <si>
    <t>GES CHHIMA</t>
  </si>
  <si>
    <t>Chhimman</t>
  </si>
  <si>
    <t>Village Chhimman Post Office Tapyala Tehsil Kharian Distt Gujrat</t>
  </si>
  <si>
    <t>Arbab Mumtaz Dar</t>
  </si>
  <si>
    <t>GPS CHAK NO.56/DB (B)</t>
  </si>
  <si>
    <t>chack no 56 DB yazman</t>
  </si>
  <si>
    <t>56 D B</t>
  </si>
  <si>
    <t>Kashif Ali Kashif</t>
  </si>
  <si>
    <t>28226</t>
  </si>
  <si>
    <t>GES CHAK JEEWAN</t>
  </si>
  <si>
    <t>Chak Jeewan</t>
  </si>
  <si>
    <t>Chak jeewan Tehsil Phalia District Mandi Bahauddin</t>
  </si>
  <si>
    <t>Mansha Ullah</t>
  </si>
  <si>
    <t>47766</t>
  </si>
  <si>
    <t>GGPS 18-A/WM</t>
  </si>
  <si>
    <t>18A/WM</t>
  </si>
  <si>
    <t>GGPS 18.A/W.M Tukra</t>
  </si>
  <si>
    <t>Murad K Khatia</t>
  </si>
  <si>
    <t>Farah Ghafoor</t>
  </si>
  <si>
    <t>GGPS NIAZ PUR</t>
  </si>
  <si>
    <t>Niaz Pur</t>
  </si>
  <si>
    <t>GGPS Niaz Pur</t>
  </si>
  <si>
    <t>Shabana Yasmeen</t>
  </si>
  <si>
    <t>51707</t>
  </si>
  <si>
    <t>GPS ALAM MEHTEKA  PO PAKPATTAN</t>
  </si>
  <si>
    <t>Alimmehteka</t>
  </si>
  <si>
    <t>alim mehteka</t>
  </si>
  <si>
    <t>Musay Wall</t>
  </si>
  <si>
    <t>qamar shahzad</t>
  </si>
  <si>
    <t>GPS CHARRAT</t>
  </si>
  <si>
    <t>Charrat</t>
  </si>
  <si>
    <t>village &amp; post office charrat tensil fateh jang district attock</t>
  </si>
  <si>
    <t>GGPS KOTLA RAJANPUR</t>
  </si>
  <si>
    <t>near machi dara rajanpur</t>
  </si>
  <si>
    <t>Irsa Ihsan</t>
  </si>
  <si>
    <t>GPS 51 KB</t>
  </si>
  <si>
    <t>51/K.B</t>
  </si>
  <si>
    <t>Sayed Zafar Hussain</t>
  </si>
  <si>
    <t>GPS CHAK 75/NP</t>
  </si>
  <si>
    <t>Chak 75NP</t>
  </si>
  <si>
    <t>GPS CHAK 75NP</t>
  </si>
  <si>
    <t>42531</t>
  </si>
  <si>
    <t>GPS CHAKE BAGWAL</t>
  </si>
  <si>
    <t>Chak Rajgan</t>
  </si>
  <si>
    <t>GPS Chak bagwal</t>
  </si>
  <si>
    <t>Chak Bagwal</t>
  </si>
  <si>
    <t>Jamila  Nawaz</t>
  </si>
  <si>
    <t>44250</t>
  </si>
  <si>
    <t>GPS NAGRI</t>
  </si>
  <si>
    <t>Vpo,Noor poor sethi</t>
  </si>
  <si>
    <t>Nagri  sethi</t>
  </si>
  <si>
    <t>GES BUBIA KHURAD</t>
  </si>
  <si>
    <t>Babia Khurd</t>
  </si>
  <si>
    <t>babia Khurd</t>
  </si>
  <si>
    <t>Hafiz Muhammad Dawood  Faisal</t>
  </si>
  <si>
    <t>GGPS HAFEEZ ABAD WARD NO. 2</t>
  </si>
  <si>
    <t>ward no 5 karor</t>
  </si>
  <si>
    <t>26479</t>
  </si>
  <si>
    <t>GGPS MANDI KHAIL</t>
  </si>
  <si>
    <t>Village Mundi khail,tehsil shakargarh,District Narowal,post Office kanjror</t>
  </si>
  <si>
    <t>Mundi Khail</t>
  </si>
  <si>
    <t>Kotli Bary Khan</t>
  </si>
  <si>
    <t>Shamiala Iqbal</t>
  </si>
  <si>
    <t>37177</t>
  </si>
  <si>
    <t>GPS 81-82/10-R, KHANEWAL</t>
  </si>
  <si>
    <t>Chak 8182/10R</t>
  </si>
  <si>
    <t>81-82/10-R</t>
  </si>
  <si>
    <t>GGES BUTTA SINGH WALA, KABIRWALA</t>
  </si>
  <si>
    <t>3 kassi syedan wali mouza boota singh wala</t>
  </si>
  <si>
    <t>3 Kassi Syedan Wali</t>
  </si>
  <si>
    <t>19809</t>
  </si>
  <si>
    <t>GGPS RIAZ WALA</t>
  </si>
  <si>
    <t>Thatha Muhammad Shah</t>
  </si>
  <si>
    <t>Riazwala T.M shah teshil Bhowana distt chiniot</t>
  </si>
  <si>
    <t>Riaz Wala</t>
  </si>
  <si>
    <t>47801</t>
  </si>
  <si>
    <t>38223</t>
  </si>
  <si>
    <t>GES MUHAMMAD SAI</t>
  </si>
  <si>
    <t>Muhammad Saee</t>
  </si>
  <si>
    <t>P/O Rind jadah Tehsil Kahror Pacca District Lodhran</t>
  </si>
  <si>
    <t>Gahi Muhammar</t>
  </si>
  <si>
    <t>MUHAMMAD MOHSIN WAHEED</t>
  </si>
  <si>
    <t>GGPS KOT RANDAHWA</t>
  </si>
  <si>
    <t>Kot Randhawa</t>
  </si>
  <si>
    <t>village kot randhawa p/o Chak Sada teh&amp;dist gujrat</t>
  </si>
  <si>
    <t>Farhat Zaman</t>
  </si>
  <si>
    <t>52141</t>
  </si>
  <si>
    <t>GGPS 85 EB POST OFFICE QABOOLA</t>
  </si>
  <si>
    <t>govt.G.P.school 85 E.B tehseel Arifwala distic Pakpttan</t>
  </si>
  <si>
    <t>85 Eb</t>
  </si>
  <si>
    <t>83 Eb</t>
  </si>
  <si>
    <t>GMPS DERA SAI MUHAMMAD (KHAI)</t>
  </si>
  <si>
    <t>Govt modal primary school dara saimuhammad khai</t>
  </si>
  <si>
    <t>Shazia Tasneem</t>
  </si>
  <si>
    <t>GGES MUSTAFA (SAW) CAMPUS, WAHI SHAH MUHAMMAD NOORPUR NAURANGA</t>
  </si>
  <si>
    <t>basti ganj-e-mochian, malik model form, noorpur</t>
  </si>
  <si>
    <t>Ganj-e-mochian</t>
  </si>
  <si>
    <t>Tayyaba Khalid</t>
  </si>
  <si>
    <t>27474</t>
  </si>
  <si>
    <t>GPS CHAH HAKIM WALA</t>
  </si>
  <si>
    <t>Chah Hakim Wala</t>
  </si>
  <si>
    <t>Zualfqar Aslam</t>
  </si>
  <si>
    <t>GPS PIR BAKHSH KHAS</t>
  </si>
  <si>
    <t>chak peer buxsh</t>
  </si>
  <si>
    <t>chak peer buxsh khas tehseel rojhan district rajanpur</t>
  </si>
  <si>
    <t>thull nawab</t>
  </si>
  <si>
    <t>sabzani</t>
  </si>
  <si>
    <t>GGPS BASTI DHORAN</t>
  </si>
  <si>
    <t>Basti Dhoran moza gulan lar</t>
  </si>
  <si>
    <t>Basti Dhoran</t>
  </si>
  <si>
    <t>GPS CHAK NO. 325 TDA</t>
  </si>
  <si>
    <t>Chak No 325</t>
  </si>
  <si>
    <t>chak no 325 dist layyah tehsil choubara</t>
  </si>
  <si>
    <t>Chak No 325TDA</t>
  </si>
  <si>
    <t>Aamar  Mushtaq</t>
  </si>
  <si>
    <t>GES CHAK 166/7-R WEST</t>
  </si>
  <si>
    <t>Chak 166/7R West</t>
  </si>
  <si>
    <t>chak no.166/7r.w fortabbas bahawalnagar</t>
  </si>
  <si>
    <t>166/7R West</t>
  </si>
  <si>
    <t>47828</t>
  </si>
  <si>
    <t>GGES 10/1-AL</t>
  </si>
  <si>
    <t>GGES10/1AL</t>
  </si>
  <si>
    <t>Asma Mushtaq</t>
  </si>
  <si>
    <t>47592</t>
  </si>
  <si>
    <t>GGPS KOT BALLIAN</t>
  </si>
  <si>
    <t>GGPS kot belian</t>
  </si>
  <si>
    <t>GGES MOOLWAL</t>
  </si>
  <si>
    <t>Moolwal</t>
  </si>
  <si>
    <t>vpo moolwal teh &amp; distt chakwal</t>
  </si>
  <si>
    <t>RUKHSANA YASMEEN</t>
  </si>
  <si>
    <t>GPS DERA MEHROU</t>
  </si>
  <si>
    <t>Deera Mehrou</t>
  </si>
  <si>
    <t>raheem kali massa kotha tehsil kehror pecca disst lodhran</t>
  </si>
  <si>
    <t>Raheem Kali</t>
  </si>
  <si>
    <t>GGPS QAZI TAHIR SAHEED</t>
  </si>
  <si>
    <t>basti  ali bux lar bangla nawan kot</t>
  </si>
  <si>
    <t>Basti Ali Bus Lar</t>
  </si>
  <si>
    <t>GGPS HAMEED ABAD</t>
  </si>
  <si>
    <t>GGPS Hameedabad</t>
  </si>
  <si>
    <t>Basti Qadir Pur</t>
  </si>
  <si>
    <t>Shehrzad Ameen Ghouri</t>
  </si>
  <si>
    <t>GGPS MC 6-G, OLD KHANEWAL</t>
  </si>
  <si>
    <t>Daha Chowk Old Khanewal</t>
  </si>
  <si>
    <t>MC Old Khanewal</t>
  </si>
  <si>
    <t>GGES CHAK NO.113 NB</t>
  </si>
  <si>
    <t>Chak113nb</t>
  </si>
  <si>
    <t>111nb</t>
  </si>
  <si>
    <t>27084</t>
  </si>
  <si>
    <t>GMPS CHANI SULTAN</t>
  </si>
  <si>
    <t>Chani Sultan</t>
  </si>
  <si>
    <t>channi Sultan p/o Qadirabad colony Tehsil &amp; District Hafizabad</t>
  </si>
  <si>
    <t>Chani sultan</t>
  </si>
  <si>
    <t>Afeefa Nasir</t>
  </si>
  <si>
    <t>GPS CHAK NO.263/EB NO.1</t>
  </si>
  <si>
    <t>LARANWALA</t>
  </si>
  <si>
    <t>CHAK NO 263/E.B BUREWALA</t>
  </si>
  <si>
    <t>263/E.B</t>
  </si>
  <si>
    <t>265/E.B</t>
  </si>
  <si>
    <t>51427</t>
  </si>
  <si>
    <t>GPS MARI ANB</t>
  </si>
  <si>
    <t>Mari Anb</t>
  </si>
  <si>
    <t>mari anb</t>
  </si>
  <si>
    <t>30363</t>
  </si>
  <si>
    <t>GPS BANGLA HUNJRAI</t>
  </si>
  <si>
    <t>Hunjrai Mustaqil Hunjrai Mustaqil Sharqi</t>
  </si>
  <si>
    <t>chah israan wala Moza hunjrai Mustaqil Sharqi post office Ahsan Pur tehsil kot addu district muzaffargarh</t>
  </si>
  <si>
    <t>Chah Israan wala</t>
  </si>
  <si>
    <t>GGPS NITTAN KHELAN WALA</t>
  </si>
  <si>
    <t>Wandha nittan khelan wala</t>
  </si>
  <si>
    <t>Ghazi Khel</t>
  </si>
  <si>
    <t>Sidra Aziz</t>
  </si>
  <si>
    <t>GGPS JAGGAT SINGH</t>
  </si>
  <si>
    <t>Jaggat Singh</t>
  </si>
  <si>
    <t>Jaggat singh</t>
  </si>
  <si>
    <t>Saheefa Aslam</t>
  </si>
  <si>
    <t>GPS NAWAN CHAK P/O MATOTLI</t>
  </si>
  <si>
    <t>Nawan Chak p/o Matotli Shujabad</t>
  </si>
  <si>
    <t>Mohin Pur</t>
  </si>
  <si>
    <t>GGPS 119/13-AL</t>
  </si>
  <si>
    <t>119/13al</t>
  </si>
  <si>
    <t>GGCMS ADHIKOT</t>
  </si>
  <si>
    <t>Adhi kot thesil noor pur thal district khushab</t>
  </si>
  <si>
    <t>48342</t>
  </si>
  <si>
    <t>GGPS THATHA CHANDU KALAN</t>
  </si>
  <si>
    <t>Thatta Chandu Kalan</t>
  </si>
  <si>
    <t>GGPS Thatta Chandu Kalan Tehsil Lalian District Chiniot</t>
  </si>
  <si>
    <t>Thatt Chandu Kalan</t>
  </si>
  <si>
    <t>Kawin Wala</t>
  </si>
  <si>
    <t>40766</t>
  </si>
  <si>
    <t>GGPS PARI SKINDRIAL</t>
  </si>
  <si>
    <t>karonta</t>
  </si>
  <si>
    <t>pari skindrial p.o ghadraim tehsil sohwa district jhelum</t>
  </si>
  <si>
    <t>Pari Skindial</t>
  </si>
  <si>
    <t>Pail Bnney Khan</t>
  </si>
  <si>
    <t>Safina Nawaz</t>
  </si>
  <si>
    <t>GPS DERA FEROZ HAMDI</t>
  </si>
  <si>
    <t>mohalah Meer Hamid Tiwana mitha tiwana</t>
  </si>
  <si>
    <t>GES ISHRI SING WALA</t>
  </si>
  <si>
    <t>ishri sing wala</t>
  </si>
  <si>
    <t>village ishri sing wala</t>
  </si>
  <si>
    <t>GGPS BASTI ARIF</t>
  </si>
  <si>
    <t>basti Tinda basti Arif post o office jatoi m.garh</t>
  </si>
  <si>
    <t>Basti Tinda</t>
  </si>
  <si>
    <t>Jhalarien</t>
  </si>
  <si>
    <t>Zainab Ramzan</t>
  </si>
  <si>
    <t>16321</t>
  </si>
  <si>
    <t>GPS 195 GB I</t>
  </si>
  <si>
    <t>Chak no 195 GB</t>
  </si>
  <si>
    <t>195 GB</t>
  </si>
  <si>
    <t>Chak no 193 GB S</t>
  </si>
  <si>
    <t>Nadeem Arshad</t>
  </si>
  <si>
    <t>GGPS 24/4-L</t>
  </si>
  <si>
    <t>24/4L</t>
  </si>
  <si>
    <t>Rural 24\4l okara</t>
  </si>
  <si>
    <t>Rural 244l</t>
  </si>
  <si>
    <t>Okara Cantt</t>
  </si>
  <si>
    <t>Fozia Akbar</t>
  </si>
  <si>
    <t>48355</t>
  </si>
  <si>
    <t>26246</t>
  </si>
  <si>
    <t>GGPS FAISAL TOWN</t>
  </si>
  <si>
    <t>mullah faisal town skg</t>
  </si>
  <si>
    <t>Faisal Town Skg</t>
  </si>
  <si>
    <t>Shakargh No 2</t>
  </si>
  <si>
    <t>Hafiza Zahida Parveen</t>
  </si>
  <si>
    <t>48356</t>
  </si>
  <si>
    <t>GPS MIAN ISA</t>
  </si>
  <si>
    <t>main essa</t>
  </si>
  <si>
    <t>Main Easa</t>
  </si>
  <si>
    <t>GPS PATTI DRIGH JADEED</t>
  </si>
  <si>
    <t>Matoi</t>
  </si>
  <si>
    <t>Basti Mehdi shah maoza matoi khan garh tehsil and district Muzaffargarh.</t>
  </si>
  <si>
    <t>Basti Mehdi Shah</t>
  </si>
  <si>
    <t>Amjad Nadeem</t>
  </si>
  <si>
    <t>GES 22 GHAGH, P/O 25 PUL, ABDUL HAKIM</t>
  </si>
  <si>
    <t>22 Gh</t>
  </si>
  <si>
    <t>CHAK NO 22-Gh TEHSIL KABIRWALA DISTRICT KHENAWAL</t>
  </si>
  <si>
    <t>Chak No 22-Gh</t>
  </si>
  <si>
    <t>Chak No. 9- GH</t>
  </si>
  <si>
    <t>ghulam abbas arshad</t>
  </si>
  <si>
    <t>GGES DHIR PIR MUHAMMAD</t>
  </si>
  <si>
    <t>Dhair Muhammad</t>
  </si>
  <si>
    <t>GGES Dhair Pir Muhammad</t>
  </si>
  <si>
    <t>Dhair Pir Muhammad</t>
  </si>
  <si>
    <t>Blangan</t>
  </si>
  <si>
    <t>Shamsa Riaz</t>
  </si>
  <si>
    <t>26718</t>
  </si>
  <si>
    <t>GGPS JANDRAN</t>
  </si>
  <si>
    <t>jandran</t>
  </si>
  <si>
    <t>Bhtyan Dewan</t>
  </si>
  <si>
    <t>Imrana Firdous</t>
  </si>
  <si>
    <t>43183</t>
  </si>
  <si>
    <t>GGES RABAL</t>
  </si>
  <si>
    <t>village rabal post office rabal teh &amp; distt Chakwal</t>
  </si>
  <si>
    <t>GMPS CHAK NO. 115/M</t>
  </si>
  <si>
    <t>115 M</t>
  </si>
  <si>
    <t>115/m</t>
  </si>
  <si>
    <t>Amen Mustafa</t>
  </si>
  <si>
    <t>GPS BAHAREIN WALI</t>
  </si>
  <si>
    <t>basti Baharay Wali  azmat  pur</t>
  </si>
  <si>
    <t>Basti Baharay Wali</t>
  </si>
  <si>
    <t>GGES 35 EB</t>
  </si>
  <si>
    <t>35eb</t>
  </si>
  <si>
    <t>g.g m/s 35 e.b arifwala dist pakpattan</t>
  </si>
  <si>
    <t>35 Eb</t>
  </si>
  <si>
    <t>75 Eb</t>
  </si>
  <si>
    <t>Shagufta Rasheed</t>
  </si>
  <si>
    <t>GMMS CHAK NO 65 NP</t>
  </si>
  <si>
    <t>65NP</t>
  </si>
  <si>
    <t>65NP p/o shikhwahan</t>
  </si>
  <si>
    <t>BOLAQIWALI</t>
  </si>
  <si>
    <t>GPS BASAL</t>
  </si>
  <si>
    <t>Rizwana Begum</t>
  </si>
  <si>
    <t>GPS CHAK NO 73/A</t>
  </si>
  <si>
    <t>CHAK 73/A</t>
  </si>
  <si>
    <t>CHAK no.73/A</t>
  </si>
  <si>
    <t>AMEER PUR</t>
  </si>
  <si>
    <t>GES 214/9-R</t>
  </si>
  <si>
    <t>214-9R</t>
  </si>
  <si>
    <t>chak no 214-9R fortabbas</t>
  </si>
  <si>
    <t>Chak 213-9R</t>
  </si>
  <si>
    <t>Azhar Hussain Tatla</t>
  </si>
  <si>
    <t>GPS FATEH PUR NO 2</t>
  </si>
  <si>
    <t>Chak No 249/TDA</t>
  </si>
  <si>
    <t>Azam Road Fateh Pur</t>
  </si>
  <si>
    <t>249/TDA</t>
  </si>
  <si>
    <t>Usman Wali Muhammad</t>
  </si>
  <si>
    <t>GGPS NO. 3 MALAKWAL</t>
  </si>
  <si>
    <t>mohallah sabri malakwal tehsil malakwal district m.b.din</t>
  </si>
  <si>
    <t>farzana kousar</t>
  </si>
  <si>
    <t>GPS CHAK NO 142 TDA</t>
  </si>
  <si>
    <t>chak no 142</t>
  </si>
  <si>
    <t>GPS BAHNI KALSAN</t>
  </si>
  <si>
    <t>Dhab said Muhammad muhammad</t>
  </si>
  <si>
    <t>moza dhab said Muhammad bheni kalsan</t>
  </si>
  <si>
    <t>Bheni kalsan</t>
  </si>
  <si>
    <t>Umer Khetab</t>
  </si>
  <si>
    <t>GMES THATHI SHAH MUHAMMAD</t>
  </si>
  <si>
    <t>Thathi shah mohammad</t>
  </si>
  <si>
    <t>Thathi shah mohammad post off.qadirabad teh.phalia distt.m.b.din</t>
  </si>
  <si>
    <t>Qadrabd</t>
  </si>
  <si>
    <t>Maryam Shahzadi</t>
  </si>
  <si>
    <t>48394</t>
  </si>
  <si>
    <t>GPS BASTI KHAIR MUHAMMAD WALA</t>
  </si>
  <si>
    <t>Chailly Wahin</t>
  </si>
  <si>
    <t>Basti Khair Muhammad Wala kahror Pacca Lodhran</t>
  </si>
  <si>
    <t>Basti Khair Muhammad Wala</t>
  </si>
  <si>
    <t>Chaillay Wahin</t>
  </si>
  <si>
    <t>Muhammad Islam Javid</t>
  </si>
  <si>
    <t>GGES BASTI MALIK FAROOQ</t>
  </si>
  <si>
    <t>basti malik farooq</t>
  </si>
  <si>
    <t>Basti Malik Farooq</t>
  </si>
  <si>
    <t>GGMES HAJI KAMAND</t>
  </si>
  <si>
    <t>P/O Jhoke utra  Moza Haji Kamand</t>
  </si>
  <si>
    <t>Jhoke utra</t>
  </si>
  <si>
    <t>48402</t>
  </si>
  <si>
    <t>33633</t>
  </si>
  <si>
    <t>GES BHAKAL BHER P/O GULZAR PUR</t>
  </si>
  <si>
    <t>Bhakal Bher</t>
  </si>
  <si>
    <t>GES Bhakal Bher p/o gulzar pur purana duniya pur Multan</t>
  </si>
  <si>
    <t>Asif Saeed</t>
  </si>
  <si>
    <t>27111</t>
  </si>
  <si>
    <t>GGCMS QADIR ABAD COLONY</t>
  </si>
  <si>
    <t>qadiraad colony distict hafizabad</t>
  </si>
  <si>
    <t>S00ianwala</t>
  </si>
  <si>
    <t>Nazia malik</t>
  </si>
  <si>
    <t>GPS DHOK MOUND</t>
  </si>
  <si>
    <t>Shrah Bahadur</t>
  </si>
  <si>
    <t>viilage dhoke mound tehsil fateh jang attock</t>
  </si>
  <si>
    <t>Dhoke Mond</t>
  </si>
  <si>
    <t>40796</t>
  </si>
  <si>
    <t>GMPS AKREELA</t>
  </si>
  <si>
    <t>Akrila teh sohawa</t>
  </si>
  <si>
    <t>Akrila</t>
  </si>
  <si>
    <t>Rovehaza Begum</t>
  </si>
  <si>
    <t>GGCMS TAJ PUR SANDILA MULTAN</t>
  </si>
  <si>
    <t>Bathay Wala</t>
  </si>
  <si>
    <t>G C M school taj pur sandila</t>
  </si>
  <si>
    <t>Binda Sandila</t>
  </si>
  <si>
    <t>Nighat zahra</t>
  </si>
  <si>
    <t>13132</t>
  </si>
  <si>
    <t>GPS KOT MISRI</t>
  </si>
  <si>
    <t>Kot Misri</t>
  </si>
  <si>
    <t>kot misri</t>
  </si>
  <si>
    <t>353wb</t>
  </si>
  <si>
    <t>GPS IBRAHIM KAMBOH</t>
  </si>
  <si>
    <t>basti. ibrahim   kamboh</t>
  </si>
  <si>
    <t>GPS CHAK NO. 215/EB</t>
  </si>
  <si>
    <t>chak no 215eb</t>
  </si>
  <si>
    <t>19972</t>
  </si>
  <si>
    <t>48420</t>
  </si>
  <si>
    <t>28776</t>
  </si>
  <si>
    <t>GPS BASTI FOUJIAN</t>
  </si>
  <si>
    <t>ellahabad chunian road</t>
  </si>
  <si>
    <t>38011</t>
  </si>
  <si>
    <t>GPS NOOR PUR MOUZA KAMAL PUR</t>
  </si>
  <si>
    <t>Kamal Pur Jatyal</t>
  </si>
  <si>
    <t>Basti Noor pur Mouza Jamal Pur Jatyal Lodhran</t>
  </si>
  <si>
    <t>GPS CHUNI JUNBI BEHAL</t>
  </si>
  <si>
    <t>Choni janubi Dager</t>
  </si>
  <si>
    <t>Choni janubi dager behal tehsil and District Bhakkar</t>
  </si>
  <si>
    <t>Choni janubi</t>
  </si>
  <si>
    <t>51525</t>
  </si>
  <si>
    <t>11709</t>
  </si>
  <si>
    <t>GPS WALOO WALA</t>
  </si>
  <si>
    <t>Basti Waloo Wala chak no 153/ML tehsil kot-addu</t>
  </si>
  <si>
    <t>Basti Waloo Wala</t>
  </si>
  <si>
    <t>46054</t>
  </si>
  <si>
    <t>GGPS RAKH MITHA TIWANA CANAL COLONY</t>
  </si>
  <si>
    <t>Govt.Girls.Primary School Rakh Mitha Tiwana Khushab</t>
  </si>
  <si>
    <t>Samina Qasmi</t>
  </si>
  <si>
    <t>33437</t>
  </si>
  <si>
    <t>GPS MIR PUR BAR</t>
  </si>
  <si>
    <t>Meerpur Chak#87rb</t>
  </si>
  <si>
    <t>MIR PUR BAR CHAK # 87</t>
  </si>
  <si>
    <t>MIR PUR BAR</t>
  </si>
  <si>
    <t>KOT NIZM DIN</t>
  </si>
  <si>
    <t>Tehseen Raza</t>
  </si>
  <si>
    <t>48551</t>
  </si>
  <si>
    <t>53433</t>
  </si>
  <si>
    <t>GGPS TABROOQ</t>
  </si>
  <si>
    <t>Tabrooq</t>
  </si>
  <si>
    <t>Military farm Khyber okara</t>
  </si>
  <si>
    <t>Military Farm</t>
  </si>
  <si>
    <t>Rida Tanveer</t>
  </si>
  <si>
    <t>48951</t>
  </si>
  <si>
    <t>GPS RASHEED KHAN WALA</t>
  </si>
  <si>
    <t>kacha pattal</t>
  </si>
  <si>
    <t>chah prohay wala kacha pattal kot adu</t>
  </si>
  <si>
    <t>perhoay wala</t>
  </si>
  <si>
    <t>Haroon Rasheed Khan</t>
  </si>
  <si>
    <t>48953</t>
  </si>
  <si>
    <t>GGPS ACHH</t>
  </si>
  <si>
    <t>Teh Kharian Dist Gujrat  village &amp; p/O Achh</t>
  </si>
  <si>
    <t>43546</t>
  </si>
  <si>
    <t>48954</t>
  </si>
  <si>
    <t>GES FAREED SANDILAY WALA</t>
  </si>
  <si>
    <t>nawan Sandila wala mouza khairay wala</t>
  </si>
  <si>
    <t>Nawan Sandila Wala</t>
  </si>
  <si>
    <t>GPS CHAK 327 GB II</t>
  </si>
  <si>
    <t>CHAK NO 327 G B</t>
  </si>
  <si>
    <t>Shorkot cantt</t>
  </si>
  <si>
    <t>Chak No 327 GB</t>
  </si>
  <si>
    <t>GHS MANGAT NEECHA</t>
  </si>
  <si>
    <t>mangat neecha hafizabad</t>
  </si>
  <si>
    <t>GGPS CHAK NO. 200/P</t>
  </si>
  <si>
    <t>Chak no.200/p sadiq abad</t>
  </si>
  <si>
    <t>Chak No 200/p</t>
  </si>
  <si>
    <t>GPS CHAK NO 18/G</t>
  </si>
  <si>
    <t>Chak 18/g</t>
  </si>
  <si>
    <t>chak #18g tehsil chishtian district bahawalnagar</t>
  </si>
  <si>
    <t>42/f</t>
  </si>
  <si>
    <t>water supplies</t>
  </si>
  <si>
    <t>GPS SHER WALI</t>
  </si>
  <si>
    <t>Basti sher wali near UC Bair band teh.Jatoi M.garh</t>
  </si>
  <si>
    <t>Sher Wali</t>
  </si>
  <si>
    <t>Bair Band 2</t>
  </si>
  <si>
    <t>48966</t>
  </si>
  <si>
    <t>GPS DHEEDO WALI</t>
  </si>
  <si>
    <t>Mundekigoraya</t>
  </si>
  <si>
    <t>GPS CHAK 57/3 TUKRA</t>
  </si>
  <si>
    <t>57/3 TUKRA</t>
  </si>
  <si>
    <t>chak 57/3 TUKRA</t>
  </si>
  <si>
    <t>48971</t>
  </si>
  <si>
    <t>GES DHOK GULBAZ KHEL MASAN CITY</t>
  </si>
  <si>
    <t>Dhok Gulbaz Khel,  P/O Chakrala, Tehsil &amp; District Mianwali</t>
  </si>
  <si>
    <t>Dhok Gulbaz Khel</t>
  </si>
  <si>
    <t>48976</t>
  </si>
  <si>
    <t>GES BAREY WALA, KABIRWALA</t>
  </si>
  <si>
    <t>Barey Wala</t>
  </si>
  <si>
    <t>mouza barey wala kabirwala</t>
  </si>
  <si>
    <t>Naeem Iqbal</t>
  </si>
  <si>
    <t>GPS ARSHAD ABAD DURHI GONDEL</t>
  </si>
  <si>
    <t>GPS  arshadabad Moza dori Gondal  Teh A.P. sial  jhang</t>
  </si>
  <si>
    <t>48978</t>
  </si>
  <si>
    <t>GGES BASTI SHARIF</t>
  </si>
  <si>
    <t>Amman Garrh</t>
  </si>
  <si>
    <t>GGES BASTI SHARIF Mouza Amman garrh</t>
  </si>
  <si>
    <t>Rasool Abad</t>
  </si>
  <si>
    <t>GGHS CHAK NO. 26</t>
  </si>
  <si>
    <t>Chak 26</t>
  </si>
  <si>
    <t>Gghs chak26 the malakwal dust M. B. Din</t>
  </si>
  <si>
    <t>Mrs Khalida Rao</t>
  </si>
  <si>
    <t>16553</t>
  </si>
  <si>
    <t>GPS CHAK 246 GB NORTH</t>
  </si>
  <si>
    <t>Chak No 246 Gb Partabpura</t>
  </si>
  <si>
    <t>chak no  246 GB N partabpura</t>
  </si>
  <si>
    <t>Chak No 246 GB N</t>
  </si>
  <si>
    <t>Chak No 245 GB</t>
  </si>
  <si>
    <t>GGES CHAK NO.35/DNB</t>
  </si>
  <si>
    <t>Chak No 35/DNB Head Rajkan</t>
  </si>
  <si>
    <t>Chak No 35/DNB</t>
  </si>
  <si>
    <t>Shumaila Arshad</t>
  </si>
  <si>
    <t>50391</t>
  </si>
  <si>
    <t>GPS 57/12-L BARA</t>
  </si>
  <si>
    <t>57/12L Bara</t>
  </si>
  <si>
    <t>chak no 57/12L bara</t>
  </si>
  <si>
    <t>GGPS 79 / EB NO.2 KORAN WALI BASTI P.O 69 EB</t>
  </si>
  <si>
    <t>79Eb</t>
  </si>
  <si>
    <t>79eb basti koran p o box 69 eb</t>
  </si>
  <si>
    <t>79Eb BASTI KORAN</t>
  </si>
  <si>
    <t>GPS BAROT</t>
  </si>
  <si>
    <t>Basti Hayat khan Balhora</t>
  </si>
  <si>
    <t>Basti Hayat Khan Balhora</t>
  </si>
  <si>
    <t>Mohammed Nawaz Nadim</t>
  </si>
  <si>
    <t>20386</t>
  </si>
  <si>
    <t>GMPS THATHA RAHMOON</t>
  </si>
  <si>
    <t>Thatta Rehmoon</t>
  </si>
  <si>
    <t>Gmps thatta rehmoon  moza Thatta rehmun</t>
  </si>
  <si>
    <t>Thatta rehmoon</t>
  </si>
  <si>
    <t>47608</t>
  </si>
  <si>
    <t>GGPS BASTI GHARIB ABAD</t>
  </si>
  <si>
    <t>basti Gareeb Abad</t>
  </si>
  <si>
    <t>basti gareeb abad</t>
  </si>
  <si>
    <t>Basti Gareeb Abad</t>
  </si>
  <si>
    <t>Sajida Razzaq</t>
  </si>
  <si>
    <t>GGPS BHUTTA WALA CHAH BHUTTA WALA DHANOT</t>
  </si>
  <si>
    <t>Dhanot</t>
  </si>
  <si>
    <t>govt girls pirmry school bhuttay wala</t>
  </si>
  <si>
    <t>Cha Bhuttay Wala</t>
  </si>
  <si>
    <t>Robeena Anjum</t>
  </si>
  <si>
    <t>23827</t>
  </si>
  <si>
    <t>GGPS CM MITRANWALI</t>
  </si>
  <si>
    <t>GGCM School mitranwali</t>
  </si>
  <si>
    <t>GGPS NOSHERA JANGLE RAKH</t>
  </si>
  <si>
    <t>Noshera Jungle Rakh</t>
  </si>
  <si>
    <t>noshera jungle rakh</t>
  </si>
  <si>
    <t>Lalaamersing</t>
  </si>
  <si>
    <t>Salma Rasheed</t>
  </si>
  <si>
    <t>38999</t>
  </si>
  <si>
    <t>GPS SOUK</t>
  </si>
  <si>
    <t>Souk</t>
  </si>
  <si>
    <t>Village Souk Post Office Fateh Jang Tehsil Fateh Jang district Attock</t>
  </si>
  <si>
    <t>Shah-rae-Saadullah</t>
  </si>
  <si>
    <t>23410</t>
  </si>
  <si>
    <t>GGPS MC NO. 2 KARIM PURA LALAMUSA</t>
  </si>
  <si>
    <t>kareem.pura lalamusa</t>
  </si>
  <si>
    <t>Asia Tanvveer</t>
  </si>
  <si>
    <t>GGPS CHAK 63/4-R</t>
  </si>
  <si>
    <t>Qaisra Rani</t>
  </si>
  <si>
    <t>GPS TURANGI</t>
  </si>
  <si>
    <t>village tourangi gharbi p/o tola Bangi khel,tehsil esa khel,district mianwali</t>
  </si>
  <si>
    <t>Tourangi Ghrbi</t>
  </si>
  <si>
    <t>GGPS CHAK NO.13 ML</t>
  </si>
  <si>
    <t>13 Ml</t>
  </si>
  <si>
    <t>Chak num 13 m.l tehsil piplan distt mianw</t>
  </si>
  <si>
    <t>22746</t>
  </si>
  <si>
    <t>47621</t>
  </si>
  <si>
    <t>GPS CHAK NO. 18/MB</t>
  </si>
  <si>
    <t>18 Mb</t>
  </si>
  <si>
    <t>chak No18mb tehsil noor pur district khushab</t>
  </si>
  <si>
    <t>Chak No18mb</t>
  </si>
  <si>
    <t>Muhammad Farooq Anwar</t>
  </si>
  <si>
    <t>GGPS NARBAN</t>
  </si>
  <si>
    <t>Basti Nirban Hasilpur</t>
  </si>
  <si>
    <t>Basti Nirban</t>
  </si>
  <si>
    <t>Old Hasilpur 23</t>
  </si>
  <si>
    <t>sumera khatoon</t>
  </si>
  <si>
    <t>GPS SHIDANI</t>
  </si>
  <si>
    <t>Shidani</t>
  </si>
  <si>
    <t>basti rasheed abad</t>
  </si>
  <si>
    <t>Ghaus abad</t>
  </si>
  <si>
    <t>GMPS  QAZI BAQAR WALA</t>
  </si>
  <si>
    <t>Qazi Baqir wala Muslim Kot Bhakkar</t>
  </si>
  <si>
    <t>Shamshad Akram</t>
  </si>
  <si>
    <t>13396</t>
  </si>
  <si>
    <t>GGPS WAHI HUSSAIN NO.1</t>
  </si>
  <si>
    <t>Daaq Khana noorpur basti wahi hussain</t>
  </si>
  <si>
    <t>8807</t>
  </si>
  <si>
    <t>GES BASTI AZEEM</t>
  </si>
  <si>
    <t>JALAL KHAN</t>
  </si>
  <si>
    <t>BASTI AZEEM, P/O TIBBI QAISRANI, U/C PANJGRAIN</t>
  </si>
  <si>
    <t>BASTI AZEEM</t>
  </si>
  <si>
    <t>GGPS CHAK NO 300 TDA</t>
  </si>
  <si>
    <t>Chak No 300/TDA</t>
  </si>
  <si>
    <t>chak no 300/tda</t>
  </si>
  <si>
    <t>300/TDA</t>
  </si>
  <si>
    <t>Habiba Zain</t>
  </si>
  <si>
    <t>GMPS CHAK NO. 249 JB</t>
  </si>
  <si>
    <t>Sayad Wala</t>
  </si>
  <si>
    <t>Chak no 249 JB</t>
  </si>
  <si>
    <t>Ambreen Asghar</t>
  </si>
  <si>
    <t>15730</t>
  </si>
  <si>
    <t>GGPS MANORIAN</t>
  </si>
  <si>
    <t>Manorian</t>
  </si>
  <si>
    <t>khalida farzana</t>
  </si>
  <si>
    <t>27481</t>
  </si>
  <si>
    <t>GPS KHURRAM LODHI</t>
  </si>
  <si>
    <t>Khurram Lodhi</t>
  </si>
  <si>
    <t>GPS khurram lodhi p/o Thalli Goraya Teh Pindy Bhattian(HFD)</t>
  </si>
  <si>
    <t>GPS CHAK NO. 431 TDA</t>
  </si>
  <si>
    <t>chak No 431</t>
  </si>
  <si>
    <t>GGES MEERAN PUR SHUMALI</t>
  </si>
  <si>
    <t>meeranpur shumali post office hajipur</t>
  </si>
  <si>
    <t>GPS CHAK NO. 32 WEST</t>
  </si>
  <si>
    <t>ROSHAN CHOUHAN</t>
  </si>
  <si>
    <t>GGPS CHOKERA NO. 2 P/O TEHI</t>
  </si>
  <si>
    <t>vpo tahi</t>
  </si>
  <si>
    <t>Irfana Yasmin</t>
  </si>
  <si>
    <t>35738</t>
  </si>
  <si>
    <t>45495</t>
  </si>
  <si>
    <t>GGPS ZOHRANI WALA</t>
  </si>
  <si>
    <t>zohrani wala p, o duley wala tehsil darya Khan</t>
  </si>
  <si>
    <t>Zohrani wala</t>
  </si>
  <si>
    <t>GMPS HARBENS PURA</t>
  </si>
  <si>
    <t>village chak no 9 Harbanspura , teh MKW, distt M.B. DIN</t>
  </si>
  <si>
    <t>GGPS DANDKA</t>
  </si>
  <si>
    <t>Village Dandka post Office Saida Sharif Tehsil Phalia District M. B.Din</t>
  </si>
  <si>
    <t>GHS BHAGSAR</t>
  </si>
  <si>
    <t>Bhagsar</t>
  </si>
  <si>
    <t>bhagsar p/o umarkot district rajanpur</t>
  </si>
  <si>
    <t>Sabzani</t>
  </si>
  <si>
    <t>Muhammad Iqbal Rais</t>
  </si>
  <si>
    <t>GGES MUNIR ABAD</t>
  </si>
  <si>
    <t>durigondal</t>
  </si>
  <si>
    <t>dak khana sharifabad</t>
  </si>
  <si>
    <t>munirabad</t>
  </si>
  <si>
    <t>7247</t>
  </si>
  <si>
    <t>GPS ARRYIAN</t>
  </si>
  <si>
    <t>ARAIYAN</t>
  </si>
  <si>
    <t>ARAIYAN MAIN BAZAR NEAR JAMIA MASJID</t>
  </si>
  <si>
    <t>26081</t>
  </si>
  <si>
    <t>GPS CHAK 250 GB</t>
  </si>
  <si>
    <t>Chak Non250 Gb</t>
  </si>
  <si>
    <t>chak no 250 g.b</t>
  </si>
  <si>
    <t>Chak No 250gb</t>
  </si>
  <si>
    <t>Chak No 251 Gb</t>
  </si>
  <si>
    <t>29710</t>
  </si>
  <si>
    <t>GGPS GUJAR KOT</t>
  </si>
  <si>
    <t>Gujjarkot</t>
  </si>
  <si>
    <t>gujjarkot</t>
  </si>
  <si>
    <t>balqees bano</t>
  </si>
  <si>
    <t>GPS KATTAIN WALA 167/RB</t>
  </si>
  <si>
    <t>Kattian Wala</t>
  </si>
  <si>
    <t>chak no.167 kattian wala</t>
  </si>
  <si>
    <t>Faiz Meeran</t>
  </si>
  <si>
    <t>47671</t>
  </si>
  <si>
    <t>GPS MAST PUR QADEEM, P/O MOUZA MAST PUR, KABIRWALA</t>
  </si>
  <si>
    <t>Mast Piur</t>
  </si>
  <si>
    <t>chah Hayat Wala Mouza  mast pur</t>
  </si>
  <si>
    <t>Bilawal Pur</t>
  </si>
  <si>
    <t>basti chak bandi daak khana kotsamaba district Rahim yar khan</t>
  </si>
  <si>
    <t>gul wish</t>
  </si>
  <si>
    <t>47673</t>
  </si>
  <si>
    <t>GES DULLEY KEY MAHAR</t>
  </si>
  <si>
    <t>Dullayky Mahar</t>
  </si>
  <si>
    <t>dullay ky mahar</t>
  </si>
  <si>
    <t>Dullay Ky Mahar</t>
  </si>
  <si>
    <t>GGES UCHARI</t>
  </si>
  <si>
    <t>Govt girls elementary school uchhri</t>
  </si>
  <si>
    <t>Tahira Ahmed</t>
  </si>
  <si>
    <t>GGES BHAIAN KAPOOR</t>
  </si>
  <si>
    <t>Bhiankapoor</t>
  </si>
  <si>
    <t>Govt girls Elementary School Bhiankapoor</t>
  </si>
  <si>
    <t>Ghorala</t>
  </si>
  <si>
    <t>Sarwat Yasmeen</t>
  </si>
  <si>
    <t>GGPS GAREY WALA MULTAN</t>
  </si>
  <si>
    <t>Binda Sindela</t>
  </si>
  <si>
    <t>GGPS Basti Gary wala suraj meyani multan</t>
  </si>
  <si>
    <t>Nishat Perveen</t>
  </si>
  <si>
    <t>GGPS NIZAM ABAD, KHANEWAL</t>
  </si>
  <si>
    <t>GGPS Nizamabad Khanewal</t>
  </si>
  <si>
    <t>RUKHSANA KAUSAR</t>
  </si>
  <si>
    <t>GPS MAMNA</t>
  </si>
  <si>
    <t>Mamna</t>
  </si>
  <si>
    <t>Touheed Nagar Mamna teh &amp; distt. Hafizabad</t>
  </si>
  <si>
    <t>Touheed Nagar</t>
  </si>
  <si>
    <t>Malik Fiaz Ahmed</t>
  </si>
  <si>
    <t>26774</t>
  </si>
  <si>
    <t>38511</t>
  </si>
  <si>
    <t>GPS CHAK NO 107 ML</t>
  </si>
  <si>
    <t>Chak no.107ml</t>
  </si>
  <si>
    <t>Chak No.107ml  fateh pur</t>
  </si>
  <si>
    <t>Chak No.107ml</t>
  </si>
  <si>
    <t>GGES USMAN KORIA</t>
  </si>
  <si>
    <t>usman koria</t>
  </si>
  <si>
    <t>gghs duble shift usman koria m garh</t>
  </si>
  <si>
    <t>salbia zenab</t>
  </si>
  <si>
    <t>GPS 7 KB</t>
  </si>
  <si>
    <t>7kb</t>
  </si>
  <si>
    <t>Chak no 7 KB Post Office Kalyana Tehsil and District Pakpattan</t>
  </si>
  <si>
    <t>Athar MAHMOOD</t>
  </si>
  <si>
    <t>44221</t>
  </si>
  <si>
    <t>GPS GHUNNU WALA</t>
  </si>
  <si>
    <t>Village Ghunnuwala P.O.Bharpur Tehsil Kallar Kahar Distt Chakwal.</t>
  </si>
  <si>
    <t>Ghunnuwala</t>
  </si>
  <si>
    <t>Shehneela Azeem</t>
  </si>
  <si>
    <t>7931</t>
  </si>
  <si>
    <t>GGPS 50/4R</t>
  </si>
  <si>
    <t>50/4R</t>
  </si>
  <si>
    <t>50/4-r South</t>
  </si>
  <si>
    <t>39030</t>
  </si>
  <si>
    <t>GPS PERO SHAHI</t>
  </si>
  <si>
    <t>Peroshahi</t>
  </si>
  <si>
    <t>Vill Peroshahi Teh Fatah Jang Distt Attock</t>
  </si>
  <si>
    <t>Gohar Iman</t>
  </si>
  <si>
    <t>52806</t>
  </si>
  <si>
    <t>GGPS CHAK NO.14</t>
  </si>
  <si>
    <t>Chak no 14</t>
  </si>
  <si>
    <t>p/o chak no 14</t>
  </si>
  <si>
    <t>Kaneez kausar</t>
  </si>
  <si>
    <t>GGPS 37 EB</t>
  </si>
  <si>
    <t>Chak No 37/eb</t>
  </si>
  <si>
    <t>chak no. 37 /eb Arifwala. distt Pakpattan.</t>
  </si>
  <si>
    <t>Chak No 75 Eb</t>
  </si>
  <si>
    <t>Sana Zubair</t>
  </si>
  <si>
    <t>GES INAYAT ALI</t>
  </si>
  <si>
    <t>Ali Pur Kanju</t>
  </si>
  <si>
    <t>basti Anayat Ali</t>
  </si>
  <si>
    <t>Anayat Ali</t>
  </si>
  <si>
    <t>M Tahir Khan</t>
  </si>
  <si>
    <t>GPS BAIT BATE WALA</t>
  </si>
  <si>
    <t>u/c bait wala mauza bait bate wala no.67 tehsil. kot chutta district dgkhan</t>
  </si>
  <si>
    <t>Bait Bate</t>
  </si>
  <si>
    <t>Muhammad Imran Maher</t>
  </si>
  <si>
    <t>38708</t>
  </si>
  <si>
    <t>GGPS HAFIZ NAWAZ WALA</t>
  </si>
  <si>
    <t>hafiz nawaz wala</t>
  </si>
  <si>
    <t>GGCMS KALOOR SHARIF</t>
  </si>
  <si>
    <t>p.o kallur sharif</t>
  </si>
  <si>
    <t>GGPS DHOK HASOO PO DHODA</t>
  </si>
  <si>
    <t>Chachiyan</t>
  </si>
  <si>
    <t>village dhoke hassu p/o dhoda tehsil and district chakwal</t>
  </si>
  <si>
    <t>Uzma Bilquees</t>
  </si>
  <si>
    <t>36654</t>
  </si>
  <si>
    <t>GGPS TARBIAT PUR</t>
  </si>
  <si>
    <t>Terbiat Pur</t>
  </si>
  <si>
    <t>GGPS Terbiat pur bahawal pur road near pir ismail darbar</t>
  </si>
  <si>
    <t>Peeran Wala</t>
  </si>
  <si>
    <t>Mahvash Sohara</t>
  </si>
  <si>
    <t>GGPS MITHAN KOT NO. 2</t>
  </si>
  <si>
    <t>Near town committe kot Mithan</t>
  </si>
  <si>
    <t>Kotmithan</t>
  </si>
  <si>
    <t>49006</t>
  </si>
  <si>
    <t>17441</t>
  </si>
  <si>
    <t>GGCMS PUMP ZULFIQAR</t>
  </si>
  <si>
    <t>Mighiyana</t>
  </si>
  <si>
    <t>chack kacha moza mighiyana</t>
  </si>
  <si>
    <t>Chack Kacha</t>
  </si>
  <si>
    <t>Anjum Ara</t>
  </si>
  <si>
    <t>GGPS CHORASTA MIAN KHAN</t>
  </si>
  <si>
    <t>Nehr Wali Abadi</t>
  </si>
  <si>
    <t>ggps chorasta mian khan nehr wali abadi</t>
  </si>
  <si>
    <t>Chorasta Mian Khan</t>
  </si>
  <si>
    <t>Anam Yasin</t>
  </si>
  <si>
    <t>GMMS 55 TUKRA</t>
  </si>
  <si>
    <t>chack 55 tukra kamalia</t>
  </si>
  <si>
    <t>55 Tukra</t>
  </si>
  <si>
    <t>661/2gb Kamalia</t>
  </si>
  <si>
    <t>shafqat ali</t>
  </si>
  <si>
    <t>GPS NEEL KOT NEEL KOT BOSAN ROAD MULTAN</t>
  </si>
  <si>
    <t>Neelkot</t>
  </si>
  <si>
    <t>Sabzar Colony, Neelkot Bosan Road Multan</t>
  </si>
  <si>
    <t>GHS PIR ASHAB</t>
  </si>
  <si>
    <t>Peer Aashab P/o Razai Shah Shumali Tehsile &amp; District Bhakkar</t>
  </si>
  <si>
    <t>Peer Aashab</t>
  </si>
  <si>
    <t>GPS CHAK 308 GB</t>
  </si>
  <si>
    <t>Chak 308 GB</t>
  </si>
  <si>
    <t>Chak 333 GB</t>
  </si>
  <si>
    <t>GGES CHANGO WALI</t>
  </si>
  <si>
    <t>Changowli</t>
  </si>
  <si>
    <t>changowali</t>
  </si>
  <si>
    <t>Changowali</t>
  </si>
  <si>
    <t>Shaista Rani</t>
  </si>
  <si>
    <t>GPS CHAK NO 85/5-R (W)</t>
  </si>
  <si>
    <t>85/5R</t>
  </si>
  <si>
    <t>Chak No. 85/5R, Tehsil Haroonabad District Bahawalnagar</t>
  </si>
  <si>
    <t>41334</t>
  </si>
  <si>
    <t>GPS TOLO WALA</t>
  </si>
  <si>
    <t>Tolo Wala</t>
  </si>
  <si>
    <t>village tolo wala</t>
  </si>
  <si>
    <t>Shaikh Amad</t>
  </si>
  <si>
    <t>Zeeshan Shoukat</t>
  </si>
  <si>
    <t>GPS KHAJJI WALA No.1</t>
  </si>
  <si>
    <t>Basti Khajji Wala p/o Noqabilwah tehsil Kahror pakka Lodhran</t>
  </si>
  <si>
    <t>Abdul Razaq Dogar</t>
  </si>
  <si>
    <t>48201</t>
  </si>
  <si>
    <t>GPS RAHMOKA</t>
  </si>
  <si>
    <t>Basti Rahmonka Moza Rahmonka PO Mandi Sadiq Gunj Tehsil Minchinabad Distt. Bahawal Nagar</t>
  </si>
  <si>
    <t>Basti RAHMONKA</t>
  </si>
  <si>
    <t>4947</t>
  </si>
  <si>
    <t>GGPS MOLVIAN WALA</t>
  </si>
  <si>
    <t>Oulak Sindhu</t>
  </si>
  <si>
    <t>moza oulak Sindhu basti molvian Wala</t>
  </si>
  <si>
    <t>Molvian Wala</t>
  </si>
  <si>
    <t>Choperhattah</t>
  </si>
  <si>
    <t>49739</t>
  </si>
  <si>
    <t>GPS CHAK NO. 243/TDA</t>
  </si>
  <si>
    <t>Chakra No 243 A/TDA</t>
  </si>
  <si>
    <t>Chakra No. 243 A /TDA Fathepur tehsil karor district layyah</t>
  </si>
  <si>
    <t>Chak No 243A Tda</t>
  </si>
  <si>
    <t>Qumer Zaman</t>
  </si>
  <si>
    <t>27791</t>
  </si>
  <si>
    <t>GMPS MAHAL</t>
  </si>
  <si>
    <t>mehl Village</t>
  </si>
  <si>
    <t>Mehl</t>
  </si>
  <si>
    <t>Mirza Muhammad Nauman Khalid</t>
  </si>
  <si>
    <t>28394</t>
  </si>
  <si>
    <t>48207</t>
  </si>
  <si>
    <t>52578</t>
  </si>
  <si>
    <t>GPS CHAK KHARAK SINGH</t>
  </si>
  <si>
    <t>Khark Singh</t>
  </si>
  <si>
    <t>Chak khark singh</t>
  </si>
  <si>
    <t>28909</t>
  </si>
  <si>
    <t>GPS SHAFI MUHAMMAD</t>
  </si>
  <si>
    <t>mauza Mari post office shikar pur</t>
  </si>
  <si>
    <t>Basti Shafi Muhammad</t>
  </si>
  <si>
    <t>ShikarPur</t>
  </si>
  <si>
    <t>GPS CHAK NO.98/6-R</t>
  </si>
  <si>
    <t>Govt primary school chak no 98/6.R</t>
  </si>
  <si>
    <t>Chak 98/6R</t>
  </si>
  <si>
    <t>GGPS 307 WB</t>
  </si>
  <si>
    <t>chk307/wb dunyapur</t>
  </si>
  <si>
    <t>Chak No307/Wb</t>
  </si>
  <si>
    <t>Sultan Ayub</t>
  </si>
  <si>
    <t>Nighat Rehana</t>
  </si>
  <si>
    <t>rang pur kasur</t>
  </si>
  <si>
    <t>Nomana Shabir</t>
  </si>
  <si>
    <t>17855</t>
  </si>
  <si>
    <t>GPS ALLAH DAWAYA LAR</t>
  </si>
  <si>
    <t>Jagmal</t>
  </si>
  <si>
    <t>basti bhatti wala mouza jagmal sabay wala jatoi</t>
  </si>
  <si>
    <t>Sabay Wala</t>
  </si>
  <si>
    <t>52025</t>
  </si>
  <si>
    <t>GGPS 33 EB</t>
  </si>
  <si>
    <t>Chak No 33/eb</t>
  </si>
  <si>
    <t>chak no 33E.B Arifwala distt Pakpattan</t>
  </si>
  <si>
    <t>Head Quarter 75/eb</t>
  </si>
  <si>
    <t>45951</t>
  </si>
  <si>
    <t>GGPS BUTTAY WALA</t>
  </si>
  <si>
    <t>Buttay wala</t>
  </si>
  <si>
    <t>buttay wala</t>
  </si>
  <si>
    <t>Afshan Ahmad</t>
  </si>
  <si>
    <t>GPS CHAK 298 GB</t>
  </si>
  <si>
    <t>298/gb</t>
  </si>
  <si>
    <t>chak no. 298/gb toba tek singh</t>
  </si>
  <si>
    <t>296/gb</t>
  </si>
  <si>
    <t>Muhammad Ramzan Anjum</t>
  </si>
  <si>
    <t>23196</t>
  </si>
  <si>
    <t>GMPS DAHLL KHAIR</t>
  </si>
  <si>
    <t>Dhall Ghair</t>
  </si>
  <si>
    <t>village Dhall Ghair,p/o sehna,tehsil Kharian,distt Gujrat</t>
  </si>
  <si>
    <t>Sarwat Nazir</t>
  </si>
  <si>
    <t>kapri wala zainpur</t>
  </si>
  <si>
    <t>Kabeerpur</t>
  </si>
  <si>
    <t>Sara Khalid Khan</t>
  </si>
  <si>
    <t>GPS CHANDIA</t>
  </si>
  <si>
    <t>Basti Jam Ghulam Hassan pahore</t>
  </si>
  <si>
    <t>Basti Jam Ghulam Hassan Pahore</t>
  </si>
  <si>
    <t>GGPS 54 WB</t>
  </si>
  <si>
    <t>54/wb</t>
  </si>
  <si>
    <t>54wb</t>
  </si>
  <si>
    <t>50/wb</t>
  </si>
  <si>
    <t>Gulshan Rani</t>
  </si>
  <si>
    <t>GPS CHAK NO.88/DB (N)</t>
  </si>
  <si>
    <t>Latan Shaghar</t>
  </si>
  <si>
    <t>88db north yazman</t>
  </si>
  <si>
    <t>Chak 88 Db</t>
  </si>
  <si>
    <t>GGPS CHAK NO.46/JADEED</t>
  </si>
  <si>
    <t>Chak 46/AJadeed</t>
  </si>
  <si>
    <t>Chak no.46/A jadeed</t>
  </si>
  <si>
    <t>46/A Jadeed</t>
  </si>
  <si>
    <t>GPS CHAK NO 479 TDA</t>
  </si>
  <si>
    <t>chak no 479/tda</t>
  </si>
  <si>
    <t>Chak No 479/tda</t>
  </si>
  <si>
    <t>GES WATTA KHEL</t>
  </si>
  <si>
    <t>Watts Khel</t>
  </si>
  <si>
    <t>watta khel mianwali</t>
  </si>
  <si>
    <t>Aziz Ullah Khan</t>
  </si>
  <si>
    <t>48245</t>
  </si>
  <si>
    <t>44496</t>
  </si>
  <si>
    <t>GPS JHAKKARR</t>
  </si>
  <si>
    <t>Jhakkar</t>
  </si>
  <si>
    <t>government primary school jhakkar</t>
  </si>
  <si>
    <t>Mc Bhakkar</t>
  </si>
  <si>
    <t>Asad Mahmood</t>
  </si>
  <si>
    <t>GGPS DHENDIAN WALA</t>
  </si>
  <si>
    <t>ggps dhendianwala</t>
  </si>
  <si>
    <t>Dhendianwala</t>
  </si>
  <si>
    <t>Pka Kamar Mushani</t>
  </si>
  <si>
    <t>GGPS CHAK NO. 79/NP</t>
  </si>
  <si>
    <t>Chak 79np</t>
  </si>
  <si>
    <t>chak 79np near laal garh</t>
  </si>
  <si>
    <t>Ayesha Komal</t>
  </si>
  <si>
    <t>GPS NEW PLOT GOJRA ST. NO. 4 W-17</t>
  </si>
  <si>
    <t>New plot, street no. 4 w-17 ,Gojra</t>
  </si>
  <si>
    <t>GPS 10 SP PAKPATTAN</t>
  </si>
  <si>
    <t>10/SP</t>
  </si>
  <si>
    <t>Chak # 10/sp post office 8/sp Tehsil and District Pakpattan</t>
  </si>
  <si>
    <t>Hafiz Muhammad Waqas Akhtar</t>
  </si>
  <si>
    <t>9059</t>
  </si>
  <si>
    <t>GPS BAIT CHUNER</t>
  </si>
  <si>
    <t>phagan maral</t>
  </si>
  <si>
    <t>bait channar</t>
  </si>
  <si>
    <t>kalo wala</t>
  </si>
  <si>
    <t>FARIAL MAHEEN</t>
  </si>
  <si>
    <t>40943</t>
  </si>
  <si>
    <t>GES BASTI JAM ELLAHI BUX CHACHAR</t>
  </si>
  <si>
    <t>Basti Jaam Ellahi Bux Chachar saleemabad uc bangla hidayat tehsil Rojhan</t>
  </si>
  <si>
    <t>BASTI CHACHRAN</t>
  </si>
  <si>
    <t>GHULAM GHOUS</t>
  </si>
  <si>
    <t>GPS CHAK NO 58 / WB</t>
  </si>
  <si>
    <t>Chak no 58/wb Vehari</t>
  </si>
  <si>
    <t>GMPS CHAK NO.19B ML</t>
  </si>
  <si>
    <t>19BML</t>
  </si>
  <si>
    <t>19BML Tehsil Piplan District Mianwali</t>
  </si>
  <si>
    <t>GES TARAT</t>
  </si>
  <si>
    <t>Yaki wali</t>
  </si>
  <si>
    <t>Multan road chandr bhan nala</t>
  </si>
  <si>
    <t>Tarat</t>
  </si>
  <si>
    <t>GPS THATTI MARRAN</t>
  </si>
  <si>
    <t>Thatti Marran</t>
  </si>
  <si>
    <t>thatti marran teh phalia m b din</t>
  </si>
  <si>
    <t>Khamb</t>
  </si>
  <si>
    <t>GMPS GHALIAN</t>
  </si>
  <si>
    <t>Faiza Zia</t>
  </si>
  <si>
    <t>18894</t>
  </si>
  <si>
    <t>Changan Wali</t>
  </si>
  <si>
    <t>village changan wali sain di post office jalal pur jattan  tehseel disst. gujrat</t>
  </si>
  <si>
    <t>Changan Wali Shamali</t>
  </si>
  <si>
    <t>Jamshaid Muhiuddin</t>
  </si>
  <si>
    <t>water pump of nearby Masjid</t>
  </si>
  <si>
    <t>GGES CHAK NO. 7</t>
  </si>
  <si>
    <t>Chak no 7aheeranwala district mandibahauldin</t>
  </si>
  <si>
    <t>GPS CHAK 308/HR NORTH</t>
  </si>
  <si>
    <t>308/HR</t>
  </si>
  <si>
    <t>chak#308/H.R   N</t>
  </si>
  <si>
    <t>Chak#308/hr n</t>
  </si>
  <si>
    <t>chak 311/hr</t>
  </si>
  <si>
    <t>muhammad imran</t>
  </si>
  <si>
    <t>Shamila iftkikhar</t>
  </si>
  <si>
    <t>48284</t>
  </si>
  <si>
    <t>GPS DAIRA PUR NO. 2 SHUJA ABAD</t>
  </si>
  <si>
    <t>Jhok Jakharan Wali,Mauza Daira Pur,Tehsil Shujjabad,distt Multan.</t>
  </si>
  <si>
    <t>Jhok Jakharan wali</t>
  </si>
  <si>
    <t>GGPS BHAROT</t>
  </si>
  <si>
    <t>Bharot</t>
  </si>
  <si>
    <t>village bharot p.o rariala teh kharain dist Gujrat</t>
  </si>
  <si>
    <t>Bharat</t>
  </si>
  <si>
    <t>Jameela Shamim</t>
  </si>
  <si>
    <t>Gaps basti punjab markz faridia</t>
  </si>
  <si>
    <t>Tahir Colony</t>
  </si>
  <si>
    <t>Mc Mithan Kot</t>
  </si>
  <si>
    <t>Rashda sultan</t>
  </si>
  <si>
    <t>GGPS JOHAR COLONY</t>
  </si>
  <si>
    <t>Cobthan</t>
  </si>
  <si>
    <t>GGPS street no 1 johar colony sadikabad</t>
  </si>
  <si>
    <t>Mewati Basti Johar Colony</t>
  </si>
  <si>
    <t>Tallat Ali</t>
  </si>
  <si>
    <t>7852</t>
  </si>
  <si>
    <t>48292</t>
  </si>
  <si>
    <t>GPS MASSU SHAH</t>
  </si>
  <si>
    <t>Basti Masso Shah kotla lal shah po shaher sultan tehsil jatoi (m garh)</t>
  </si>
  <si>
    <t>Masso Shah</t>
  </si>
  <si>
    <t>48293</t>
  </si>
  <si>
    <t>GPS SHADADAN</t>
  </si>
  <si>
    <t>Govt. Primary School Shadadan village &amp; p.o.  panja distt.khushab</t>
  </si>
  <si>
    <t>Panja</t>
  </si>
  <si>
    <t>Mitha Tiwana Janoobi</t>
  </si>
  <si>
    <t>Shafique ur Rehman khan</t>
  </si>
  <si>
    <t>GPS AADIL WALA</t>
  </si>
  <si>
    <t>basti ahmad khan</t>
  </si>
  <si>
    <t>48299</t>
  </si>
  <si>
    <t>GGPS MALKANI</t>
  </si>
  <si>
    <t>malkani</t>
  </si>
  <si>
    <t>GGES CHIMMON</t>
  </si>
  <si>
    <t>gges chimmon</t>
  </si>
  <si>
    <t>34727</t>
  </si>
  <si>
    <t>GMPS BIKHRI</t>
  </si>
  <si>
    <t>Bikhri</t>
  </si>
  <si>
    <t>GMPS bikhri muzafrabad post office ismaeel abab tahseel or district multan</t>
  </si>
  <si>
    <t>Binda sandeela</t>
  </si>
  <si>
    <t>Musarat  Perveen</t>
  </si>
  <si>
    <t>48304</t>
  </si>
  <si>
    <t>GES CHAK 258 GB</t>
  </si>
  <si>
    <t>258GB</t>
  </si>
  <si>
    <t>256GB</t>
  </si>
  <si>
    <t>Wasim Abbas</t>
  </si>
  <si>
    <t>GPS CHAK NO. 26 M GHARBI</t>
  </si>
  <si>
    <t>Chak 26M</t>
  </si>
  <si>
    <t>26M west tehsil duniyapur district lodhran</t>
  </si>
  <si>
    <t>26M</t>
  </si>
  <si>
    <t>Muhammad Dilshad</t>
  </si>
  <si>
    <t>19298</t>
  </si>
  <si>
    <t>GES MOUZA KOHAL KHURD</t>
  </si>
  <si>
    <t>Chak NO 103 GB Mouza Khol Khurd</t>
  </si>
  <si>
    <t>Chak NO 103 GB</t>
  </si>
  <si>
    <t>Chak no 319gb</t>
  </si>
  <si>
    <t>AAMIR MAHMOOD</t>
  </si>
  <si>
    <t>GPS CHAK NO. 120 TDA DARBAR</t>
  </si>
  <si>
    <t>Chak No 120TDA</t>
  </si>
  <si>
    <t>120 TDA</t>
  </si>
  <si>
    <t>48313</t>
  </si>
  <si>
    <t>GHS TIBBA NAINA KAJUN</t>
  </si>
  <si>
    <t>Ghs tibba naina tehsil kallor kot district Bhakkar</t>
  </si>
  <si>
    <t>Tibba Naina</t>
  </si>
  <si>
    <t>Kanjan Dagar</t>
  </si>
  <si>
    <t>Sakha ullah</t>
  </si>
  <si>
    <t>GGPS MALIAN WALA</t>
  </si>
  <si>
    <t>MALIAN-WALA</t>
  </si>
  <si>
    <t>p.o.box malian wala</t>
  </si>
  <si>
    <t>Malian Wala</t>
  </si>
  <si>
    <t>Bamban Wala</t>
  </si>
  <si>
    <t>aniqa jamil</t>
  </si>
  <si>
    <t>GES DHAK</t>
  </si>
  <si>
    <t>dhak</t>
  </si>
  <si>
    <t>GPS ASGHAR ABAD CHAK NO. 123/A TDA</t>
  </si>
  <si>
    <t>Basti Kukar wala Chak No. 123A/TDA Layyah</t>
  </si>
  <si>
    <t>GGPS CHAK 518 GB</t>
  </si>
  <si>
    <t>518 G B</t>
  </si>
  <si>
    <t>Chk# 518 G B</t>
  </si>
  <si>
    <t>GPS CHAK NO.65 WB</t>
  </si>
  <si>
    <t>65WB</t>
  </si>
  <si>
    <t>65WB Vehari</t>
  </si>
  <si>
    <t>63WB</t>
  </si>
  <si>
    <t>25625</t>
  </si>
  <si>
    <t>GGPS CHAK NO. 85/NP</t>
  </si>
  <si>
    <t>85/NP</t>
  </si>
  <si>
    <t>Chack 85/NP</t>
  </si>
  <si>
    <t>Tibbi Gull</t>
  </si>
  <si>
    <t>Amjad Naseem</t>
  </si>
  <si>
    <t>39960</t>
  </si>
  <si>
    <t>13424</t>
  </si>
  <si>
    <t>GPS QASIM ABAD</t>
  </si>
  <si>
    <t>Rasoolpur Tehsil Jampur District Rajanpur</t>
  </si>
  <si>
    <t>ALLAHABADGharbi</t>
  </si>
  <si>
    <t>GMPS CHAK KALLAR AWAL</t>
  </si>
  <si>
    <t>Basti kallar mithankot</t>
  </si>
  <si>
    <t>Basti Kallar</t>
  </si>
  <si>
    <t>GGPS CHAK NO.14/DNB (S)</t>
  </si>
  <si>
    <t>Chak No14/dnb S</t>
  </si>
  <si>
    <t>chak no.14/dnb s teh.yazman distt.bwp</t>
  </si>
  <si>
    <t>Chak No 14/dnb S</t>
  </si>
  <si>
    <t>17/dnb</t>
  </si>
  <si>
    <t>Asifa Rafique</t>
  </si>
  <si>
    <t>48817</t>
  </si>
  <si>
    <t>Lalo Naich</t>
  </si>
  <si>
    <t>Basti Chachran Moza Lol Naich Chani Goth</t>
  </si>
  <si>
    <t>GGES DAWAR</t>
  </si>
  <si>
    <t>Dawar post office Chenab Ngr tehsil Lalian district chiniot</t>
  </si>
  <si>
    <t>Rashda Alam</t>
  </si>
  <si>
    <t>6519</t>
  </si>
  <si>
    <t>GGPS LINE PARK CHAKWAL</t>
  </si>
  <si>
    <t>ggps line park chakwal</t>
  </si>
  <si>
    <t>yasmin akthar khan</t>
  </si>
  <si>
    <t>GPS 86 EB ARIF WALA</t>
  </si>
  <si>
    <t>86 eb</t>
  </si>
  <si>
    <t>Tariq Habib</t>
  </si>
  <si>
    <t>GPS SHEIKHAN WALA</t>
  </si>
  <si>
    <t>Tri Khel Kacha</t>
  </si>
  <si>
    <t>po nauranga disstric mianwali</t>
  </si>
  <si>
    <t>Bashir Khan</t>
  </si>
  <si>
    <t>GGPS BASTI LANGAH</t>
  </si>
  <si>
    <t>BaqirShah Shumali</t>
  </si>
  <si>
    <t>Basti Lal Wala</t>
  </si>
  <si>
    <t>53425</t>
  </si>
  <si>
    <t>GMPS 29/4.L</t>
  </si>
  <si>
    <t>29/4L</t>
  </si>
  <si>
    <t>Saeeda Zaffar</t>
  </si>
  <si>
    <t>27859</t>
  </si>
  <si>
    <t>GGPS HAVELI GUJJAR PURA</t>
  </si>
  <si>
    <t>ggps gujjarpura p/o mona depot teh malakwal dist mandi bahauddin</t>
  </si>
  <si>
    <t>GHS 89/6-R</t>
  </si>
  <si>
    <t>Chak No 89/6-R</t>
  </si>
  <si>
    <t>GHS 89/6-R, SAHIWAL</t>
  </si>
  <si>
    <t>Chak 89/6-R</t>
  </si>
  <si>
    <t>ABDUL RAZZAQ ZAHID</t>
  </si>
  <si>
    <t>GMPS TARVANIAN WALA</t>
  </si>
  <si>
    <t>Tarvanianwala</t>
  </si>
  <si>
    <t>Travanianwala</t>
  </si>
  <si>
    <t>GGES CHAKWALIAN TALAGANG</t>
  </si>
  <si>
    <t>Chakwalian</t>
  </si>
  <si>
    <t>village and post office chakwalian</t>
  </si>
  <si>
    <t>Nakka Kahot</t>
  </si>
  <si>
    <t>Romana Sadia</t>
  </si>
  <si>
    <t>51653</t>
  </si>
  <si>
    <t>GPS BASTI NASEER SHARQI</t>
  </si>
  <si>
    <t>basti naseer</t>
  </si>
  <si>
    <t>GGPS DARBAAR TAHIR FAQEER KACHI MANDI</t>
  </si>
  <si>
    <t>Chaudhry</t>
  </si>
  <si>
    <t>darbar Tahir faqeer kachi mandi</t>
  </si>
  <si>
    <t>Lqp city</t>
  </si>
  <si>
    <t>GGCMS 345/WB</t>
  </si>
  <si>
    <t>345/wb</t>
  </si>
  <si>
    <t>Chak No. 345/WB Tehsil Dunya pur District Lodhran</t>
  </si>
  <si>
    <t>Shabana Mumtaz</t>
  </si>
  <si>
    <t>GGPS JHANBI WAHIN</t>
  </si>
  <si>
    <t>Jahnbiwahin</t>
  </si>
  <si>
    <t>GGPS Jhanbiwahin</t>
  </si>
  <si>
    <t>Jaladi Wahin</t>
  </si>
  <si>
    <t>Shahpurphul</t>
  </si>
  <si>
    <t>Fozia Chakori</t>
  </si>
  <si>
    <t>GPS CHAK NO. 496 TDA</t>
  </si>
  <si>
    <t>Sher gerh</t>
  </si>
  <si>
    <t>496 TDA</t>
  </si>
  <si>
    <t>Sher Gerh</t>
  </si>
  <si>
    <t>48844</t>
  </si>
  <si>
    <t>GPS KOTHI WALA</t>
  </si>
  <si>
    <t>Doulloana  Gharbi</t>
  </si>
  <si>
    <t>chah Kothi Walla moza doulloana gharbi p/o same tehsil Ahmad pur sial district jhang</t>
  </si>
  <si>
    <t>Doulloana gharbi Chan Kothi walla</t>
  </si>
  <si>
    <t>Iqbal Hussain Khan</t>
  </si>
  <si>
    <t>GGPS DARBAR ZAHIR PIR MULTAN</t>
  </si>
  <si>
    <t>Munchi Wala</t>
  </si>
  <si>
    <t>G g p/s darbar Zahir pir</t>
  </si>
  <si>
    <t>44264</t>
  </si>
  <si>
    <t>GGPS NAWAN  BASTI MITHU</t>
  </si>
  <si>
    <t>MARHA - FEMALE</t>
  </si>
  <si>
    <t>GGPS Nawan Chak</t>
  </si>
  <si>
    <t>Mohinpur Sharki</t>
  </si>
  <si>
    <t>Maira Gul</t>
  </si>
  <si>
    <t>17284</t>
  </si>
  <si>
    <t>Moza Murad Wala PO khaas Mandi Shah Jewana</t>
  </si>
  <si>
    <t>26361</t>
  </si>
  <si>
    <t>GGPS BAGGA MADAN</t>
  </si>
  <si>
    <t>Bagga Madan</t>
  </si>
  <si>
    <t>govt.girls primary school Bagga Madan Noorkot road Shakargarh</t>
  </si>
  <si>
    <t>Mangri</t>
  </si>
  <si>
    <t>Safreen Akhter</t>
  </si>
  <si>
    <t>GGPS WARAR NASHAIB</t>
  </si>
  <si>
    <t>warar nashaib</t>
  </si>
  <si>
    <t>ggps warar nashaib</t>
  </si>
  <si>
    <t>shazia naheed</t>
  </si>
  <si>
    <t>GPS CHOONI JANUBI</t>
  </si>
  <si>
    <t>Chooni janubi</t>
  </si>
  <si>
    <t>Chooni Janubi</t>
  </si>
  <si>
    <t>48870</t>
  </si>
  <si>
    <t>GPS BANAIR KOCHA SHARIF BANAIR</t>
  </si>
  <si>
    <t>Kocha Sharif P/O Rikhi More</t>
  </si>
  <si>
    <t>Kocha Sharif</t>
  </si>
  <si>
    <t>GGPS QABOOL WALA</t>
  </si>
  <si>
    <t>Bakshan Aryian</t>
  </si>
  <si>
    <t>basti Qabool Wala post office Kot Samaba district Rahim Yar Khan</t>
  </si>
  <si>
    <t>Tibbi Gul Muhammad Muhammad</t>
  </si>
  <si>
    <t>GGES KHAN WALA</t>
  </si>
  <si>
    <t>Kalluwan Wala</t>
  </si>
  <si>
    <t>p/o awana wala village khano wala teh.esa khel wainwali</t>
  </si>
  <si>
    <t>Khano Wala</t>
  </si>
  <si>
    <t>Shazia Batool</t>
  </si>
  <si>
    <t>GHS GADOLA</t>
  </si>
  <si>
    <t>GADOLA DAGGAR</t>
  </si>
  <si>
    <t>Near U.C Gadola Bhakkar</t>
  </si>
  <si>
    <t>ZAKA ULLAH KHAN NIAZI</t>
  </si>
  <si>
    <t>48879</t>
  </si>
  <si>
    <t>14103</t>
  </si>
  <si>
    <t>GGPS RATTAN THAIR</t>
  </si>
  <si>
    <t>BASTI RATAN THAIR</t>
  </si>
  <si>
    <t>48881</t>
  </si>
  <si>
    <t>GPS CHAK NO 299 HR</t>
  </si>
  <si>
    <t>chak 299/HR fort abbas, bahawalnagar</t>
  </si>
  <si>
    <t>299/HR</t>
  </si>
  <si>
    <t>48882</t>
  </si>
  <si>
    <t>GGPS SHAHZAD MODEL FARM</t>
  </si>
  <si>
    <t>WARD NO 6 M/C ROJHAN</t>
  </si>
  <si>
    <t>WARD NO 6</t>
  </si>
  <si>
    <t>MC ROJHAN</t>
  </si>
  <si>
    <t>Robina Saeed</t>
  </si>
  <si>
    <t>buy water</t>
  </si>
  <si>
    <t>GES HERCHOKI</t>
  </si>
  <si>
    <t>Hercho Ki</t>
  </si>
  <si>
    <t>Hercho Ki tehsil Chunian district Kasur</t>
  </si>
  <si>
    <t>51006</t>
  </si>
  <si>
    <t>48885</t>
  </si>
  <si>
    <t>GGES DHAN SINGH</t>
  </si>
  <si>
    <t>GGMElementry School Dhan Singh Tehsil Minchin abad</t>
  </si>
  <si>
    <t>Dhan Singj</t>
  </si>
  <si>
    <t>Qaimpur Jhangi</t>
  </si>
  <si>
    <t>GPS DAB</t>
  </si>
  <si>
    <t>village dab</t>
  </si>
  <si>
    <t>Ali Waqar</t>
  </si>
  <si>
    <t>GGES CHAK BAGH WALA DNB</t>
  </si>
  <si>
    <t>GGES BAGHWALA DNB</t>
  </si>
  <si>
    <t>Baghwala DNB</t>
  </si>
  <si>
    <t>ASIA ZAFAR</t>
  </si>
  <si>
    <t>27836</t>
  </si>
  <si>
    <t>GGES HEAD FAQURIAN</t>
  </si>
  <si>
    <t>Head Faqirian</t>
  </si>
  <si>
    <t>Nabila Liaqat</t>
  </si>
  <si>
    <t>48892</t>
  </si>
  <si>
    <t>28078</t>
  </si>
  <si>
    <t>GGPS MONG SHUMALI</t>
  </si>
  <si>
    <t>v&amp;p.o mong teh&amp;distt mandi Baha ud din</t>
  </si>
  <si>
    <t>Mong Shumali</t>
  </si>
  <si>
    <t>GES MITHA TIWANA</t>
  </si>
  <si>
    <t>GES Mohallah Awana wala Mitha Tiwana</t>
  </si>
  <si>
    <t>MUHAMMAD AKHTAR KHAN</t>
  </si>
  <si>
    <t>48894</t>
  </si>
  <si>
    <t>GPS CHAK 153 GB</t>
  </si>
  <si>
    <t>Chak 153gb</t>
  </si>
  <si>
    <t>chak no153gb</t>
  </si>
  <si>
    <t>Chak153gb</t>
  </si>
  <si>
    <t>Abbas Ali Khan</t>
  </si>
  <si>
    <t>GGPS KOT MANGU</t>
  </si>
  <si>
    <t>Kot Mangu</t>
  </si>
  <si>
    <t>kot mangu post office dinga</t>
  </si>
  <si>
    <t>Ambreen</t>
  </si>
  <si>
    <t>GPS MEHAR ABAD PIR MAHAL</t>
  </si>
  <si>
    <t>GPS meharabad pirmahal</t>
  </si>
  <si>
    <t>MC Pirmahal</t>
  </si>
  <si>
    <t>GPS CHAK NO.36/3-R</t>
  </si>
  <si>
    <t>36/3r</t>
  </si>
  <si>
    <t>chak no.36/3r</t>
  </si>
  <si>
    <t>Habib  Anwar</t>
  </si>
  <si>
    <t>water cooler for distance</t>
  </si>
  <si>
    <t>GPS HAJAN MURAD</t>
  </si>
  <si>
    <t>Nawan shumali</t>
  </si>
  <si>
    <t>basti hajan murad choti zareen kot chutta dera ghazi khan</t>
  </si>
  <si>
    <t>Basti hajan Murad</t>
  </si>
  <si>
    <t>48904</t>
  </si>
  <si>
    <t>GPS 169A/9L</t>
  </si>
  <si>
    <t>G.P.S chak#169A/9.L</t>
  </si>
  <si>
    <t>Chak#169A/9L</t>
  </si>
  <si>
    <t>Asif Rasool</t>
  </si>
  <si>
    <t>GGPS BASTI THUL P/O JHOKE VAINCE MULTAN</t>
  </si>
  <si>
    <t>Ran Lab dariya</t>
  </si>
  <si>
    <t>GGPS BASTI THULL</t>
  </si>
  <si>
    <t>Basti Thull</t>
  </si>
  <si>
    <t>kiran Saeed</t>
  </si>
  <si>
    <t>GGPS MADINA NO.2</t>
  </si>
  <si>
    <t>Madina syedan</t>
  </si>
  <si>
    <t>Shamas Tahira</t>
  </si>
  <si>
    <t>GGES CHAK NO. 114/M</t>
  </si>
  <si>
    <t>Chak 114/M</t>
  </si>
  <si>
    <t>chack 114/M post office adfah pull murad teh chishtian distt bwn</t>
  </si>
  <si>
    <t>Chack114/ M</t>
  </si>
  <si>
    <t>Chak 112/M</t>
  </si>
  <si>
    <t>Zobia Javid</t>
  </si>
  <si>
    <t>49031</t>
  </si>
  <si>
    <t>GHS CMR OKARA</t>
  </si>
  <si>
    <t>opposite press club okara</t>
  </si>
  <si>
    <t>Malik Ghulam Fareed</t>
  </si>
  <si>
    <t>GPS BASIRA QADEEM</t>
  </si>
  <si>
    <t>baseera qadeem near uc office baseera p/o Laskaniwala</t>
  </si>
  <si>
    <t>49035</t>
  </si>
  <si>
    <t>GMMS PEERAN BHUTTAN</t>
  </si>
  <si>
    <t>Basti Chijju</t>
  </si>
  <si>
    <t>Zeshan Iqbal</t>
  </si>
  <si>
    <t>GGES BASTI ARIF</t>
  </si>
  <si>
    <t>khan wala</t>
  </si>
  <si>
    <t>govt girls elementary school basti arif mouza khan wala</t>
  </si>
  <si>
    <t>kotla gamun</t>
  </si>
  <si>
    <t>Zubaida Begam</t>
  </si>
  <si>
    <t>9638</t>
  </si>
  <si>
    <t>GPS CHAK NO 447 TDA</t>
  </si>
  <si>
    <t>Chak No 447</t>
  </si>
  <si>
    <t>Chak no 447tda</t>
  </si>
  <si>
    <t>447 Tda</t>
  </si>
  <si>
    <t>mc Choubara</t>
  </si>
  <si>
    <t>Zargham Abbsas</t>
  </si>
  <si>
    <t>GPS SEEDFORM 43 WB</t>
  </si>
  <si>
    <t>Seedfarm</t>
  </si>
  <si>
    <t>GPS seedfarm 43 WB Vehari</t>
  </si>
  <si>
    <t>43/WB Vehari</t>
  </si>
  <si>
    <t>53/WB</t>
  </si>
  <si>
    <t>Syed Abid Hussain Shah</t>
  </si>
  <si>
    <t>GPS CHAK 297 GB</t>
  </si>
  <si>
    <t>Mahal Pur</t>
  </si>
  <si>
    <t>Chak 297 GB. Teh. and Distt. Toba Tek Singh</t>
  </si>
  <si>
    <t>Chak 297 GB</t>
  </si>
  <si>
    <t>CHAK 196 GB</t>
  </si>
  <si>
    <t>HAFIZ MUBASHER ALI</t>
  </si>
  <si>
    <t>GES BHAHO GHASIT PUR</t>
  </si>
  <si>
    <t>Bhau Ghaseet</t>
  </si>
  <si>
    <t>bhau ghaseet pur kharian gujrat</t>
  </si>
  <si>
    <t>Bhau Ghaset Pur</t>
  </si>
  <si>
    <t>Bhau Ghaseet Pur</t>
  </si>
  <si>
    <t>Muhammad Hayat Javed</t>
  </si>
  <si>
    <t>49043</t>
  </si>
  <si>
    <t>GPS CHAK KAMBOH PO PAKPATTAN</t>
  </si>
  <si>
    <t>Aabadi Ismailabad</t>
  </si>
  <si>
    <t>CHAK 40/sp post office 39/sp Pakpattan</t>
  </si>
  <si>
    <t>GPS PEER PIHAI PO BANI AFGHAN</t>
  </si>
  <si>
    <t>Peer Pihai</t>
  </si>
  <si>
    <t>peer pihai post office bani afgan mianwali</t>
  </si>
  <si>
    <t>Muhammad Kareem Nawaz Khan</t>
  </si>
  <si>
    <t>34205</t>
  </si>
  <si>
    <t>GPS 7 MARLA SCHEME SHUJABAD</t>
  </si>
  <si>
    <t>7 marla schkeem khoja</t>
  </si>
  <si>
    <t>GGPS SURHALI</t>
  </si>
  <si>
    <t>Surhali</t>
  </si>
  <si>
    <t>ggps surhali</t>
  </si>
  <si>
    <t>Taslim Kausar</t>
  </si>
  <si>
    <t>18343</t>
  </si>
  <si>
    <t>GPS JAIVIAN</t>
  </si>
  <si>
    <t>GES JAIVAIN(up graded) Markaz Garh MahrajaTehsil Ahmad Pur SIAL Jhang</t>
  </si>
  <si>
    <t>Khizar Abbass Shah</t>
  </si>
  <si>
    <t>GGES SADULLAH PUR</t>
  </si>
  <si>
    <t>Sadullahpur</t>
  </si>
  <si>
    <t>village and post office Sadullahpur</t>
  </si>
  <si>
    <t>50796</t>
  </si>
  <si>
    <t>GGPS RAHIM KOT</t>
  </si>
  <si>
    <t>Rahim Kot</t>
  </si>
  <si>
    <t>29393</t>
  </si>
  <si>
    <t>50263</t>
  </si>
  <si>
    <t>GGES 120/13-AL</t>
  </si>
  <si>
    <t>CHAK NO,. 120/13AL TEHSILE CHICHAWATNI</t>
  </si>
  <si>
    <t>120/13AL</t>
  </si>
  <si>
    <t>Nazish Noreen</t>
  </si>
  <si>
    <t>GPS MOUZA LANGAH</t>
  </si>
  <si>
    <t>moza Langah Tehsil Kamalia</t>
  </si>
  <si>
    <t>Azmat Shah-Qadir Baksh</t>
  </si>
  <si>
    <t>49057</t>
  </si>
  <si>
    <t>GGPS JINDO WALA</t>
  </si>
  <si>
    <t>FatehPur Janobi</t>
  </si>
  <si>
    <t>Government girls primary school jindo wala</t>
  </si>
  <si>
    <t>Jindo Wala</t>
  </si>
  <si>
    <t>GGPS KOT ZULFAQAR ALI</t>
  </si>
  <si>
    <t>Kot Zulifqar Ali</t>
  </si>
  <si>
    <t>Post Office mao mubarak school kot zulifqar basti koshi muhammad</t>
  </si>
  <si>
    <t>Basti Koshi Muhammad</t>
  </si>
  <si>
    <t>Fariha Haider</t>
  </si>
  <si>
    <t>20096</t>
  </si>
  <si>
    <t>49062</t>
  </si>
  <si>
    <t>GGES SONA DAHA</t>
  </si>
  <si>
    <t>Daha</t>
  </si>
  <si>
    <t>GGE/S SONA DAHA</t>
  </si>
  <si>
    <t>Basti SonaDaha</t>
  </si>
  <si>
    <t>38347</t>
  </si>
  <si>
    <t>GMES HASEL WALA P.O HASIL WALA</t>
  </si>
  <si>
    <t>Pai Wagnan</t>
  </si>
  <si>
    <t>basti hasil wala moza pai Wagnan</t>
  </si>
  <si>
    <t>Hasilwala</t>
  </si>
  <si>
    <t>Nasirudin wahin</t>
  </si>
  <si>
    <t>Chak Hathyar</t>
  </si>
  <si>
    <t>rojhan</t>
  </si>
  <si>
    <t>Basti Taj Muhammad</t>
  </si>
  <si>
    <t>Shahwali</t>
  </si>
  <si>
    <t>Shaista Ejaz</t>
  </si>
  <si>
    <t>47750</t>
  </si>
  <si>
    <t>GES HUSSAIN WALA BHAKRA</t>
  </si>
  <si>
    <t>GES Hussain wala Bhakra</t>
  </si>
  <si>
    <t>Mohammad Hussain</t>
  </si>
  <si>
    <t>32664</t>
  </si>
  <si>
    <t>GES CHAK 9/62 BARA GHAR</t>
  </si>
  <si>
    <t>chak no 9/62 p/o chak no 8/60 teh/distt nankana sahib</t>
  </si>
  <si>
    <t>chak haider abad</t>
  </si>
  <si>
    <t>MUHAMMAD AMJAD ALI KHAN</t>
  </si>
  <si>
    <t>49076</t>
  </si>
  <si>
    <t>GPS BHAGO WALI</t>
  </si>
  <si>
    <t>bhagowali p/o ahmed abad teh _pasrur dist _sialkot</t>
  </si>
  <si>
    <t>GPS CHAK NO 304 TDA</t>
  </si>
  <si>
    <t>chakno304/tda</t>
  </si>
  <si>
    <t>Maqsod Nagar</t>
  </si>
  <si>
    <t>Chakno306/Tda</t>
  </si>
  <si>
    <t>50661</t>
  </si>
  <si>
    <t>49080</t>
  </si>
  <si>
    <t>GES BASE RAFIQUE</t>
  </si>
  <si>
    <t>GES PAF Base Rafiqui tehsil pirmahal T.T.Singh</t>
  </si>
  <si>
    <t>PAF base Rafiqui</t>
  </si>
  <si>
    <t>chak no 326gb</t>
  </si>
  <si>
    <t>322229</t>
  </si>
  <si>
    <t>52876</t>
  </si>
  <si>
    <t>GES HAFEEZ NAGAR</t>
  </si>
  <si>
    <t>P/O box Basti Hafeez Nagar post office Rasool pur teh..jampur dist  rajanour</t>
  </si>
  <si>
    <t>Hafeez Nagar</t>
  </si>
  <si>
    <t>ALLAHABAD SHARQI</t>
  </si>
  <si>
    <t>52609</t>
  </si>
  <si>
    <t>GPS CHAK NO.44-D</t>
  </si>
  <si>
    <t>44/D</t>
  </si>
  <si>
    <t>GPS 44/D</t>
  </si>
  <si>
    <t>Mohsan Hassen</t>
  </si>
  <si>
    <t>26889</t>
  </si>
  <si>
    <t>GHS NO. 2 MADINA COLONY HAFIZABAD</t>
  </si>
  <si>
    <t>MOHALLAH MADINA COLONY PARK ROAD HAFIZABAD</t>
  </si>
  <si>
    <t>MADINAL COLONY</t>
  </si>
  <si>
    <t>CITY HAFIZABAD</t>
  </si>
  <si>
    <t>123488</t>
  </si>
  <si>
    <t>GGES HASSAN</t>
  </si>
  <si>
    <t>V.P.O Hassan, D/T M.B.Din.</t>
  </si>
  <si>
    <t>Hafiza Samra Yasmin</t>
  </si>
  <si>
    <t>GPS TALAB WALA</t>
  </si>
  <si>
    <t>exchange road muhalla talab Wala chuninan</t>
  </si>
  <si>
    <t>Chuninan City</t>
  </si>
  <si>
    <t>Mc Chuninan</t>
  </si>
  <si>
    <t>Saleem Usman</t>
  </si>
  <si>
    <t>filter water by rickshaw</t>
  </si>
  <si>
    <t>GPS 25 PULL ABDUL HAKIM</t>
  </si>
  <si>
    <t>25 Ghagh</t>
  </si>
  <si>
    <t>Tehsil kabirwala Jinnah colony 25 Ghagh.</t>
  </si>
  <si>
    <t>GPS KOTLA GHULAM SHAH</t>
  </si>
  <si>
    <t>gps kotlaghulam shah</t>
  </si>
  <si>
    <t>Langer Wah</t>
  </si>
  <si>
    <t>GPS KOT BALOCHAN</t>
  </si>
  <si>
    <t>Kot Balochan</t>
  </si>
  <si>
    <t>GPS DUNGA BUNGA (JHANEY WALA)</t>
  </si>
  <si>
    <t>jahany wala donga bonga</t>
  </si>
  <si>
    <t>GGES KOTLA SHER MUHAMMAD</t>
  </si>
  <si>
    <t>Kotla sher Mohmmad</t>
  </si>
  <si>
    <t>government girls  e/s kotla sher mohmmad</t>
  </si>
  <si>
    <t>Kotla Sher Mohmmad</t>
  </si>
  <si>
    <t>49105</t>
  </si>
  <si>
    <t>GGPS CHAK NO.133/TDA (DERA ALLAH YAR)</t>
  </si>
  <si>
    <t>GGPS 133</t>
  </si>
  <si>
    <t>chock azam rural</t>
  </si>
  <si>
    <t>GPS TIBBA</t>
  </si>
  <si>
    <t>basti alluwala moza gabbar</t>
  </si>
  <si>
    <t>Alluwala</t>
  </si>
  <si>
    <t>Gabbar arain</t>
  </si>
  <si>
    <t>GPS CHAK 167/7-R WEST</t>
  </si>
  <si>
    <t>CHAK No 167/7r  West</t>
  </si>
  <si>
    <t>CHAK no 16/7r west tehsil fort Abbas dist.BWN</t>
  </si>
  <si>
    <t>167/7r West</t>
  </si>
  <si>
    <t>167/7R West</t>
  </si>
  <si>
    <t>Muhammad  Naeem  Asghar</t>
  </si>
  <si>
    <t>GGPS TITAR PUR</t>
  </si>
  <si>
    <t>Titter Pur</t>
  </si>
  <si>
    <t>ggps titter pur</t>
  </si>
  <si>
    <t>Saeeda Bano</t>
  </si>
  <si>
    <t>GPS KOT ASSA SINGH</t>
  </si>
  <si>
    <t>Kandhu Khara</t>
  </si>
  <si>
    <t>Gps kot Assa Singh</t>
  </si>
  <si>
    <t>Kot Assa Singh</t>
  </si>
  <si>
    <t>Shaukat ali</t>
  </si>
  <si>
    <t>GPS BASTI JHAK</t>
  </si>
  <si>
    <t>Kacha Bhutah</t>
  </si>
  <si>
    <t>Basti Jhak</t>
  </si>
  <si>
    <t>GGPS BASTI HAQNAWAZ BHANGOO</t>
  </si>
  <si>
    <t>bhangoo</t>
  </si>
  <si>
    <t>Chan boote wala moza bhangoo</t>
  </si>
  <si>
    <t>bhangoo moza</t>
  </si>
  <si>
    <t>jannat khatoon</t>
  </si>
  <si>
    <t>24195</t>
  </si>
  <si>
    <t>GGPS KAT ALLAH YAR</t>
  </si>
  <si>
    <t>Kat Allah Yar</t>
  </si>
  <si>
    <t>Nathan Walla</t>
  </si>
  <si>
    <t>Ishrat Sarwar</t>
  </si>
  <si>
    <t>48093</t>
  </si>
  <si>
    <t>19286</t>
  </si>
  <si>
    <t>GES CHAK 296 GB</t>
  </si>
  <si>
    <t>Chak no 296gb tts</t>
  </si>
  <si>
    <t>48095</t>
  </si>
  <si>
    <t>39534</t>
  </si>
  <si>
    <t>GPS SAGHRI NO.02</t>
  </si>
  <si>
    <t>vpo saghri Teh jand district attock</t>
  </si>
  <si>
    <t>GPS 335 EB</t>
  </si>
  <si>
    <t>Chak no 335/EB</t>
  </si>
  <si>
    <t>Chak No 335/EB</t>
  </si>
  <si>
    <t>GMPS BONGA SURKHRU</t>
  </si>
  <si>
    <t>Bunga Surkhuru</t>
  </si>
  <si>
    <t>Bunga Surkhuru Tehsil Bhera District Sargodha</t>
  </si>
  <si>
    <t>Muhammad Sarfraz Khan</t>
  </si>
  <si>
    <t>38246</t>
  </si>
  <si>
    <t>GPS CHELAY WAHIN</t>
  </si>
  <si>
    <t>Chelay Wahin,Tehsil Kahror Pacca,District Lodhran</t>
  </si>
  <si>
    <t>Muhammad Muttqeen</t>
  </si>
  <si>
    <t>GMPS THATTA HARIAN NO. 2</t>
  </si>
  <si>
    <t>Thatha Harian P/O Kul Tehsil Lalian District Chiniot</t>
  </si>
  <si>
    <t>Thatha Harian</t>
  </si>
  <si>
    <t>GPS KUNG WALA</t>
  </si>
  <si>
    <t>Araen</t>
  </si>
  <si>
    <t>Patti Araen</t>
  </si>
  <si>
    <t>Liqat Ali</t>
  </si>
  <si>
    <t>GES CHAK 705 GB</t>
  </si>
  <si>
    <t>chak no 705 gb teh kamalia toba tek singh</t>
  </si>
  <si>
    <t>Chak No 705 Gb</t>
  </si>
  <si>
    <t>Uc 661/ 2 Gb</t>
  </si>
  <si>
    <t>Khalid Ahmad</t>
  </si>
  <si>
    <t>GPS BASTI HAQ NAWAZ</t>
  </si>
  <si>
    <t>First Wah</t>
  </si>
  <si>
    <t>GPS basti haq nawaz</t>
  </si>
  <si>
    <t>Mari Sheikh Shjra</t>
  </si>
  <si>
    <t>Muhammad Moazzam</t>
  </si>
  <si>
    <t>Basti Fareed  Abad, Near Sarwar Wala Muzaffargarh</t>
  </si>
  <si>
    <t>48112</t>
  </si>
  <si>
    <t>54512</t>
  </si>
  <si>
    <t>GGMPS SHER SING WALA</t>
  </si>
  <si>
    <t>Chak No 7rb</t>
  </si>
  <si>
    <t>sher singh wala chack no 07 teh.safdar abad dist.sheikhupura</t>
  </si>
  <si>
    <t>Shair Singh Wala Chak No 7</t>
  </si>
  <si>
    <t>49859</t>
  </si>
  <si>
    <t>GHS MUHAMMAD WALA SHAHPUR</t>
  </si>
  <si>
    <t>GHS MUHAMMAD WALA SHAHPUR  TEHSIL SAHIWAL SARGODHA</t>
  </si>
  <si>
    <t>48116</t>
  </si>
  <si>
    <t>32753</t>
  </si>
  <si>
    <t>GPS SADIQ ABAD BUCHEKI</t>
  </si>
  <si>
    <t>Mohalla Sadiq Abad Bucheki Tehsil and District Nankana Sahib</t>
  </si>
  <si>
    <t>Kamran Joyia</t>
  </si>
  <si>
    <t>GES PHAMRA JAGIR</t>
  </si>
  <si>
    <t>phamra jagir</t>
  </si>
  <si>
    <t>government boys elementry school phamra jagir</t>
  </si>
  <si>
    <t>Amjad Ali Khan</t>
  </si>
  <si>
    <t>GMPS CHAK NO.49</t>
  </si>
  <si>
    <t>Chak No 49</t>
  </si>
  <si>
    <t>Gmpschool chak 49</t>
  </si>
  <si>
    <t>Pindirawan</t>
  </si>
  <si>
    <t>7326</t>
  </si>
  <si>
    <t>GPS MASJID LANGAR WALI</t>
  </si>
  <si>
    <t>Hakeem wali,P/o nari, tehsil Taunsa sharif.</t>
  </si>
  <si>
    <t>Langar Wali</t>
  </si>
  <si>
    <t>Ahad Bakhsh</t>
  </si>
  <si>
    <t>34015</t>
  </si>
  <si>
    <t>GPS DAIRA PUR NO. 3 SHUJA ABAD</t>
  </si>
  <si>
    <t>chah bahishti wala daira pur teh.shujabad distt.Multan</t>
  </si>
  <si>
    <t>Bahishti Wala</t>
  </si>
  <si>
    <t>GPS CHAK NO 197 JB EAST</t>
  </si>
  <si>
    <t>Chak No.197 jb East Teshil Bhowana Disst Chiniot</t>
  </si>
  <si>
    <t>Chak No 197 JB East</t>
  </si>
  <si>
    <t>200 jb Nasrana</t>
  </si>
  <si>
    <t>GPS NOOR ULLAH</t>
  </si>
  <si>
    <t>Govt. Primary School Noorullah</t>
  </si>
  <si>
    <t>Mauza Noorullah</t>
  </si>
  <si>
    <t>48128</t>
  </si>
  <si>
    <t>43538</t>
  </si>
  <si>
    <t>GGES WARAY</t>
  </si>
  <si>
    <t>Waray</t>
  </si>
  <si>
    <t>vpo munday village waray tehsil District chakwal</t>
  </si>
  <si>
    <t>Warray</t>
  </si>
  <si>
    <t>48133</t>
  </si>
  <si>
    <t>GGES MC 3-G, KHANEWAL</t>
  </si>
  <si>
    <t>near allied bank chak shahana raod kwl</t>
  </si>
  <si>
    <t>Kwl City</t>
  </si>
  <si>
    <t>Safia Bibi H T</t>
  </si>
  <si>
    <t>GMPS BHONAN WALI</t>
  </si>
  <si>
    <t>Bhonawali</t>
  </si>
  <si>
    <t>Village Bhonawali P.o.Box Begowala Teh. Daska District Sialkot</t>
  </si>
  <si>
    <t>BHONAWALI</t>
  </si>
  <si>
    <t>SHAMSA ANWAR</t>
  </si>
  <si>
    <t>GGPS TABQRAH</t>
  </si>
  <si>
    <t>Tabqarah</t>
  </si>
  <si>
    <t>Moza Tabqarah</t>
  </si>
  <si>
    <t>Memoona Akbar</t>
  </si>
  <si>
    <t>GGPS DHOK FATAR SHAL</t>
  </si>
  <si>
    <t>Dk Fattershal</t>
  </si>
  <si>
    <t>vpo mogla tech talagng distt chkwal</t>
  </si>
  <si>
    <t>dhoular</t>
  </si>
  <si>
    <t>48139</t>
  </si>
  <si>
    <t>29565</t>
  </si>
  <si>
    <t>GPS MAHMOOD PURA BHALA</t>
  </si>
  <si>
    <t>Basti baba faiz shah sahari road kasur</t>
  </si>
  <si>
    <t>Basti Baba Faiz Shah Sahari Road Kasur</t>
  </si>
  <si>
    <t>Nizam Pura Kasur</t>
  </si>
  <si>
    <t>51446</t>
  </si>
  <si>
    <t>GES KARAM PUR PO PAKPATTAN</t>
  </si>
  <si>
    <t>Karam Pur Bhatti</t>
  </si>
  <si>
    <t>karam pur bhatti</t>
  </si>
  <si>
    <t>Ansar Javed Naz</t>
  </si>
  <si>
    <t>GMPS CHAK 98 JB II CHOUTI KOHALI</t>
  </si>
  <si>
    <t>367 Jb</t>
  </si>
  <si>
    <t>GMPS chak 98 JB ll chouti kohali gojra</t>
  </si>
  <si>
    <t>Chak 98 J B ll</t>
  </si>
  <si>
    <t>Chak 367 JB</t>
  </si>
  <si>
    <t>Nabila  Akram</t>
  </si>
  <si>
    <t>GPS MIR HAZAR KHAN</t>
  </si>
  <si>
    <t>Warrian Wala</t>
  </si>
  <si>
    <t>P/o Mir Hazar Khan</t>
  </si>
  <si>
    <t>Sohail Ur Rehman</t>
  </si>
  <si>
    <t>49683</t>
  </si>
  <si>
    <t>GGES CHAK NO.136 SB</t>
  </si>
  <si>
    <t>Chak #136 Sb</t>
  </si>
  <si>
    <t>chak # 136 sb</t>
  </si>
  <si>
    <t>Chak#136sb</t>
  </si>
  <si>
    <t>48145</t>
  </si>
  <si>
    <t>GPS CHAK NO 426 B TDA</t>
  </si>
  <si>
    <t>chak No  426B /TDA Tehsil Layyah</t>
  </si>
  <si>
    <t>426B/ TDA</t>
  </si>
  <si>
    <t>33865</t>
  </si>
  <si>
    <t>GGPS MC QADEER ABAD MULTAN</t>
  </si>
  <si>
    <t>Qadeera Abad</t>
  </si>
  <si>
    <t>Govt.MC Grils Primary School Qadeera abad</t>
  </si>
  <si>
    <t>42979</t>
  </si>
  <si>
    <t>GPS BASTI AMEER SHAH</t>
  </si>
  <si>
    <t>basti Ameer shah mouza pattal sharqi tehsil kot addu</t>
  </si>
  <si>
    <t>GES CHAK NO. 35 H/DNB</t>
  </si>
  <si>
    <t>Head Rajkan</t>
  </si>
  <si>
    <t>GES 35 H/DNB madina colony head rajkan</t>
  </si>
  <si>
    <t>GMPS JHAGGAR</t>
  </si>
  <si>
    <t>basti jhaggar</t>
  </si>
  <si>
    <t>jhaggar</t>
  </si>
  <si>
    <t>Shagufta Husnain</t>
  </si>
  <si>
    <t>GGPS CHOHALI</t>
  </si>
  <si>
    <t>Chohali</t>
  </si>
  <si>
    <t>GGPS Chohali</t>
  </si>
  <si>
    <t>Rupochack</t>
  </si>
  <si>
    <t>Nafeesa Tahira</t>
  </si>
  <si>
    <t>GGPS PAKKAY WALA</t>
  </si>
  <si>
    <t>Mutfarqa</t>
  </si>
  <si>
    <t>Backside Civil Hospital Rai Colony</t>
  </si>
  <si>
    <t>Ali Pur City</t>
  </si>
  <si>
    <t>Maria Habib</t>
  </si>
  <si>
    <t>47738</t>
  </si>
  <si>
    <t>GES VAVNA WALA JANUBI</t>
  </si>
  <si>
    <t>Vavana wala Janubi</t>
  </si>
  <si>
    <t>Vavana Walla</t>
  </si>
  <si>
    <t>GES HARWAN</t>
  </si>
  <si>
    <t>Jarahi Stop Adyala Road Rawalpindi</t>
  </si>
  <si>
    <t>GES THIR CHAK</t>
  </si>
  <si>
    <t>Thir Chak</t>
  </si>
  <si>
    <t>GES Thir Chak P.O Tehsil Kallar Kahar Distt. Chakwal</t>
  </si>
  <si>
    <t>40019</t>
  </si>
  <si>
    <t>GGPS DOGAR</t>
  </si>
  <si>
    <t>Dogar</t>
  </si>
  <si>
    <t>village Dogar p/o pindi umra tehsil shakargarh District Narowal</t>
  </si>
  <si>
    <t>48167</t>
  </si>
  <si>
    <t>GPS JATTI BAHADAR 771 GB II</t>
  </si>
  <si>
    <t>Chak 771 GB</t>
  </si>
  <si>
    <t>chak no 771 gb pirmahal toba tek singh</t>
  </si>
  <si>
    <t>Saeed  Ahmad</t>
  </si>
  <si>
    <t>15978</t>
  </si>
  <si>
    <t>48168</t>
  </si>
  <si>
    <t>GMPS KOT SATTAR SHARQI</t>
  </si>
  <si>
    <t>Kot Star Sharqi</t>
  </si>
  <si>
    <t>p.o &amp; village kot star sharqi tehsil Phalia district mandibahudin</t>
  </si>
  <si>
    <t>GMPS TAHI</t>
  </si>
  <si>
    <t>govt.model primary school tahi</t>
  </si>
  <si>
    <t>Zamurd Akhtar</t>
  </si>
  <si>
    <t>48176</t>
  </si>
  <si>
    <t>28751</t>
  </si>
  <si>
    <t>GPS REHMAN PURA CHANGA MANGA</t>
  </si>
  <si>
    <t>GPS Rehman pura Changa Manga</t>
  </si>
  <si>
    <t>Rehman Pura Changa Manga Changa Manga</t>
  </si>
  <si>
    <t>GMPS SULTAN PURA</t>
  </si>
  <si>
    <t>47089</t>
  </si>
  <si>
    <t>48180</t>
  </si>
  <si>
    <t>GGES KOREY WALA</t>
  </si>
  <si>
    <t>Koray Wala Lodhran City</t>
  </si>
  <si>
    <t>koray wala</t>
  </si>
  <si>
    <t>Yasmin Siddique</t>
  </si>
  <si>
    <t>GGCMES CHAK NO 331 HR</t>
  </si>
  <si>
    <t>331/HR Marot</t>
  </si>
  <si>
    <t>Saher Fatima Ramzan</t>
  </si>
  <si>
    <t>48186</t>
  </si>
  <si>
    <t>GES CHAK NO. 14/GD RAZA ABAD</t>
  </si>
  <si>
    <t>14GD Raza Abad</t>
  </si>
  <si>
    <t>14gd raza abad okara</t>
  </si>
  <si>
    <t>Allah Yaar Asif</t>
  </si>
  <si>
    <t>GGES JAMO BOLA</t>
  </si>
  <si>
    <t>jamo bola</t>
  </si>
  <si>
    <t>vill jamobola teh &amp; dist gujrat</t>
  </si>
  <si>
    <t>jamobola</t>
  </si>
  <si>
    <t>ghakhra</t>
  </si>
  <si>
    <t>Rafia Ejaz</t>
  </si>
  <si>
    <t>18954</t>
  </si>
  <si>
    <t>9721</t>
  </si>
  <si>
    <t>GGPS CHAK NO 331 TDA</t>
  </si>
  <si>
    <t>331/tda</t>
  </si>
  <si>
    <t>331tda</t>
  </si>
  <si>
    <t>Najma Tasleem</t>
  </si>
  <si>
    <t>GPS CHAK 59 GB I</t>
  </si>
  <si>
    <t>59 G B</t>
  </si>
  <si>
    <t>chak no 59 g b</t>
  </si>
  <si>
    <t>Chak No 59 G B</t>
  </si>
  <si>
    <t>Chak No 61 G B</t>
  </si>
  <si>
    <t>Abdul Guhffar</t>
  </si>
  <si>
    <t>GPS GHULAMOON ARAIN</t>
  </si>
  <si>
    <t>Ghulamoun Arain</t>
  </si>
  <si>
    <t>mouza ghulamoun arain.p/o noor pur.bwp</t>
  </si>
  <si>
    <t>Gouth Mehrab</t>
  </si>
  <si>
    <t>Ahsan ul Haq</t>
  </si>
  <si>
    <t>40649</t>
  </si>
  <si>
    <t>GPS RASILA KHURD</t>
  </si>
  <si>
    <t>Raseela Khurd</t>
  </si>
  <si>
    <t>GPS Raseela Khurd</t>
  </si>
  <si>
    <t>ABDUL BASIT MEHMOOD KAYANI</t>
  </si>
  <si>
    <t>Water Supply onnection</t>
  </si>
  <si>
    <t>GES CHAK 340 GB</t>
  </si>
  <si>
    <t>PUL NAGRA-MALE</t>
  </si>
  <si>
    <t>CHAK NO 340 GB</t>
  </si>
  <si>
    <t>CHAK NO 517 GB</t>
  </si>
  <si>
    <t>46806</t>
  </si>
  <si>
    <t>GPS HINDAL KHEL</t>
  </si>
  <si>
    <t>govt. p/s Hindalkhel   Sultan khel  isakhel</t>
  </si>
  <si>
    <t>6546</t>
  </si>
  <si>
    <t>vpo dk jhanda</t>
  </si>
  <si>
    <t>Dk Jhanda</t>
  </si>
  <si>
    <t>T M KHAN</t>
  </si>
  <si>
    <t>Salma Safdar</t>
  </si>
  <si>
    <t>34944</t>
  </si>
  <si>
    <t>GPS DERA HAJI HANIF</t>
  </si>
  <si>
    <t>Dera Haji Hanif, Joharabad More, Sandral</t>
  </si>
  <si>
    <t>Bhai Khan</t>
  </si>
  <si>
    <t>GES DULLAH BHUDERA</t>
  </si>
  <si>
    <t>dullah bhadera</t>
  </si>
  <si>
    <t>Hafiz Mansoor Saber</t>
  </si>
  <si>
    <t>37133</t>
  </si>
  <si>
    <t>GGES 27/10-R, KACHA KHUH</t>
  </si>
  <si>
    <t>27/10R kacha khuh district khanewal</t>
  </si>
  <si>
    <t>Farhat Kulsoom</t>
  </si>
  <si>
    <t>Buchiwala</t>
  </si>
  <si>
    <t>basti lashkarani noor abad</t>
  </si>
  <si>
    <t>Noor Abad</t>
  </si>
  <si>
    <t>Asad Mehmood anjam</t>
  </si>
  <si>
    <t>51845</t>
  </si>
  <si>
    <t>GGES 351 EB</t>
  </si>
  <si>
    <t>351/EB ARIFWALA</t>
  </si>
  <si>
    <t>Shahida Tasneem</t>
  </si>
  <si>
    <t>38355</t>
  </si>
  <si>
    <t>GGPS KUND AHMAD ASSAR</t>
  </si>
  <si>
    <t>kund ahmad assar kehroor pacca lodhran</t>
  </si>
  <si>
    <t>Kund Ahmad Assar</t>
  </si>
  <si>
    <t>Munazza Jabeen</t>
  </si>
  <si>
    <t>GGPS DERA GADHIAN</t>
  </si>
  <si>
    <t>Jandialasherkhan</t>
  </si>
  <si>
    <t>dera gadian</t>
  </si>
  <si>
    <t>Dera Gadian</t>
  </si>
  <si>
    <t>Razia Ashiq</t>
  </si>
  <si>
    <t>GGPS ADLANA DHUDDI</t>
  </si>
  <si>
    <t>Adlana Dhuddi</t>
  </si>
  <si>
    <t>Adlana Dhuddi P/O Laleka Tehsil Minchin Abad District Bahawalnagar</t>
  </si>
  <si>
    <t>GPS CHAK NO.53 SB</t>
  </si>
  <si>
    <t>Chak 53 Sb</t>
  </si>
  <si>
    <t>chak 53sb</t>
  </si>
  <si>
    <t>Chak 53sb</t>
  </si>
  <si>
    <t>Haroon Abdullah</t>
  </si>
  <si>
    <t>GGPS BHANGO WALA</t>
  </si>
  <si>
    <t>Bhango Wala</t>
  </si>
  <si>
    <t>bhangoo Wala. Tesil chunian aDist Kasur</t>
  </si>
  <si>
    <t>Bango Wala</t>
  </si>
  <si>
    <t>Samina Noreen</t>
  </si>
  <si>
    <t>GMPS GHANAY WALA</t>
  </si>
  <si>
    <t>Ro gehny wala po dabb tehsil piplan district mianwali</t>
  </si>
  <si>
    <t>Gehny Wala</t>
  </si>
  <si>
    <t>Rasheeda Naz</t>
  </si>
  <si>
    <t>48672</t>
  </si>
  <si>
    <t>GGPS CHAK NO. 116 ML</t>
  </si>
  <si>
    <t>116ml</t>
  </si>
  <si>
    <t>chak no 116 ml kot adu</t>
  </si>
  <si>
    <t>Chak 116ml</t>
  </si>
  <si>
    <t>518 Tda</t>
  </si>
  <si>
    <t>Qurat ul ain Chishti</t>
  </si>
  <si>
    <t>48675</t>
  </si>
  <si>
    <t>GES CHAK 122/6-R</t>
  </si>
  <si>
    <t>122/6R</t>
  </si>
  <si>
    <t>chak no 122/6 R Faqirwali Teh HND</t>
  </si>
  <si>
    <t>122/6 R</t>
  </si>
  <si>
    <t>101/6 R</t>
  </si>
  <si>
    <t>GPS KANWARA</t>
  </si>
  <si>
    <t>Basti kanwara post office choubara tehsil choubara district layyah</t>
  </si>
  <si>
    <t>Basti Kanwara</t>
  </si>
  <si>
    <t>27846</t>
  </si>
  <si>
    <t>GGES GARH QAIM</t>
  </si>
  <si>
    <t>Garhqaim</t>
  </si>
  <si>
    <t>tehseel. malakwal.dist.M.B.DIN.P/O MONA DEPOT</t>
  </si>
  <si>
    <t>Ume Kalsum</t>
  </si>
  <si>
    <t>38405</t>
  </si>
  <si>
    <t>GPS KAND WALA</t>
  </si>
  <si>
    <t>kund Ahmad Hassan Rana Wahin</t>
  </si>
  <si>
    <t>Kund Ahmad Hassan</t>
  </si>
  <si>
    <t>48959</t>
  </si>
  <si>
    <t>GPS BASTI VEHANI</t>
  </si>
  <si>
    <t>Gps Basti Vehani P/O kot Sabzal teh Sadiq Abad Markz Kot Sabzal</t>
  </si>
  <si>
    <t>Basti Satti Da Laya</t>
  </si>
  <si>
    <t>48686</t>
  </si>
  <si>
    <t>34393</t>
  </si>
  <si>
    <t>GPS KOT WASU RAM BASTI PIRAY WALA</t>
  </si>
  <si>
    <t>peary wala mor mouza madina</t>
  </si>
  <si>
    <t>Peary Wala</t>
  </si>
  <si>
    <t>Panjkoha</t>
  </si>
  <si>
    <t>Riaz Bashir</t>
  </si>
  <si>
    <t>48687</t>
  </si>
  <si>
    <t>GGPS DHOK JHALAR</t>
  </si>
  <si>
    <t>Dhok Jhallar</t>
  </si>
  <si>
    <t>vpo jasial teh talagang ditt chakwal</t>
  </si>
  <si>
    <t>Ulfat Yasmin</t>
  </si>
  <si>
    <t>GPS DERA KHUDA YAR RATIAL</t>
  </si>
  <si>
    <t>Dera Khuda Yar Ratyal ,Punja Sharif</t>
  </si>
  <si>
    <t>Mitha Tiwana Janubu</t>
  </si>
  <si>
    <t>GPS CHAK NO.108/DNB</t>
  </si>
  <si>
    <t>Chak no108/DNB</t>
  </si>
  <si>
    <t>Gps108 dnb</t>
  </si>
  <si>
    <t>Chak No 108</t>
  </si>
  <si>
    <t>51349</t>
  </si>
  <si>
    <t>GPS PIRA BALUCH</t>
  </si>
  <si>
    <t>pira balouch</t>
  </si>
  <si>
    <t>Basti pira balouch tehsil khanpur District Rahimyar khan</t>
  </si>
  <si>
    <t>Dhandgagri</t>
  </si>
  <si>
    <t>Aamir khalil</t>
  </si>
  <si>
    <t>GPS KHAIRA HUNKANI</t>
  </si>
  <si>
    <t>basti catcher shikarpur</t>
  </si>
  <si>
    <t>basti chacher</t>
  </si>
  <si>
    <t>shikarpur</t>
  </si>
  <si>
    <t>27088</t>
  </si>
  <si>
    <t>GGES SOOIAN WALA</t>
  </si>
  <si>
    <t>POST OFFICE QADIRABAD COLONY VILLAGE SOOIANWALA</t>
  </si>
  <si>
    <t>SOOIANWALA</t>
  </si>
  <si>
    <t>GGES CHAK 155 GB</t>
  </si>
  <si>
    <t>155gb</t>
  </si>
  <si>
    <t>gges 155gb</t>
  </si>
  <si>
    <t>154gb</t>
  </si>
  <si>
    <t>Amina Aziz</t>
  </si>
  <si>
    <t>GES BAHTAR</t>
  </si>
  <si>
    <t>V AND P/O Bahtar</t>
  </si>
  <si>
    <t>BAHTAR</t>
  </si>
  <si>
    <t>Riasat Ali Malik</t>
  </si>
  <si>
    <t>GGPS BLOCK NO.9 KHANEWAL</t>
  </si>
  <si>
    <t>greeb abad</t>
  </si>
  <si>
    <t>Aneela Erum</t>
  </si>
  <si>
    <t>GGPS BASTI HAZARI</t>
  </si>
  <si>
    <t>Hazari</t>
  </si>
  <si>
    <t>Basti hazari tehsil jatoi district muzaffargarh</t>
  </si>
  <si>
    <t>Beelay Wals</t>
  </si>
  <si>
    <t>Zahida Wahid</t>
  </si>
  <si>
    <t>48706</t>
  </si>
  <si>
    <t>49687</t>
  </si>
  <si>
    <t>GGHS CHAK NO.117 SB</t>
  </si>
  <si>
    <t>gghs Chak no 117 SB</t>
  </si>
  <si>
    <t>Shah Bano Maken</t>
  </si>
  <si>
    <t>GPS CHAK NO. 49/NP GUJAR PANUH</t>
  </si>
  <si>
    <t>GBPS 49/ NP Gujjar panuh markaz Taj Garh p/o Iqbsl Abad RYK</t>
  </si>
  <si>
    <t>Basti Gujjar Panuh</t>
  </si>
  <si>
    <t>GGPS CHAK 44/A QADEEM</t>
  </si>
  <si>
    <t>44/Q</t>
  </si>
  <si>
    <t>Night Yasmeen</t>
  </si>
  <si>
    <t>48714</t>
  </si>
  <si>
    <t>GPS QAZI GALIB</t>
  </si>
  <si>
    <t>Qazi Ghalib</t>
  </si>
  <si>
    <t>Mouza Qazi Ghalib</t>
  </si>
  <si>
    <t>762 Sindhlianwali</t>
  </si>
  <si>
    <t>Ashiq Ali Sabir</t>
  </si>
  <si>
    <t>19479</t>
  </si>
  <si>
    <t>GPS CHAK 266 GB</t>
  </si>
  <si>
    <t>chak no 266 GB khokharan Wala tehsil&amp;district toba tek  singh</t>
  </si>
  <si>
    <t>Chak No 266 Gb</t>
  </si>
  <si>
    <t>Kot Kithran</t>
  </si>
  <si>
    <t>Hafiz Ullah Khan</t>
  </si>
  <si>
    <t>26082</t>
  </si>
  <si>
    <t>GPS SUKHO CHAK</t>
  </si>
  <si>
    <t>GPS Sukho Chak</t>
  </si>
  <si>
    <t>Muhammad Ziauddin Siddiqui</t>
  </si>
  <si>
    <t>GES BEGUM DA KOT</t>
  </si>
  <si>
    <t>begum da kot</t>
  </si>
  <si>
    <t>Begum Da Kot</t>
  </si>
  <si>
    <t>Muhammad Younas Shah</t>
  </si>
  <si>
    <t>45734</t>
  </si>
  <si>
    <t>53823</t>
  </si>
  <si>
    <t>GPS MAHALAM KHURD</t>
  </si>
  <si>
    <t>Mahlam Khurd</t>
  </si>
  <si>
    <t>Mahalam khurd</t>
  </si>
  <si>
    <t>GPS DHABBI</t>
  </si>
  <si>
    <t>Dhabbi</t>
  </si>
  <si>
    <t>dhabbi</t>
  </si>
  <si>
    <t>Phulan Toli</t>
  </si>
  <si>
    <t>GMPS CHAK NO 12 DB HERNOLI</t>
  </si>
  <si>
    <t>village chak No. 12db</t>
  </si>
  <si>
    <t>Chak No 12 DB</t>
  </si>
  <si>
    <t>BUSHRA REHMAN</t>
  </si>
  <si>
    <t>48736</t>
  </si>
  <si>
    <t>GMPS JANTI WALA</t>
  </si>
  <si>
    <t>Jantiwala</t>
  </si>
  <si>
    <t>gmps jantiwala</t>
  </si>
  <si>
    <t>Paka Kamar Mishani</t>
  </si>
  <si>
    <t>GES LOWER PIPAL KHALSANA</t>
  </si>
  <si>
    <t>Pipal Khalsana</t>
  </si>
  <si>
    <t>pipal khalsana the Minchin abad</t>
  </si>
  <si>
    <t>Peer Ghir</t>
  </si>
  <si>
    <t>Muhammad maqsood mughal</t>
  </si>
  <si>
    <t>48972</t>
  </si>
  <si>
    <t>GPS NO. 1 CHAK NO.41 SB</t>
  </si>
  <si>
    <t>41 SB</t>
  </si>
  <si>
    <t>CHAK NO41 SB</t>
  </si>
  <si>
    <t>Chak 41 SB</t>
  </si>
  <si>
    <t>Naeemullah</t>
  </si>
  <si>
    <t>Basti meranpur daak khana khaas marha muzaffar garh</t>
  </si>
  <si>
    <t>Usmankoria</t>
  </si>
  <si>
    <t>Saira Mariam</t>
  </si>
  <si>
    <t>GPS BASTI PUNRAN</t>
  </si>
  <si>
    <t>Imamoon Arain</t>
  </si>
  <si>
    <t>Basti Punran, Moza imamoon araein, Tehsil Ahmadpur East</t>
  </si>
  <si>
    <t>GES SAJHU WAL</t>
  </si>
  <si>
    <t>Sajhowal</t>
  </si>
  <si>
    <t>sajhowal jhang</t>
  </si>
  <si>
    <t>32082</t>
  </si>
  <si>
    <t>GGPS BASTI CHANDIA</t>
  </si>
  <si>
    <t>Basti Chandia, Maoza Gabbar Arrain Tehsil Alipur, District Muzaffargarh</t>
  </si>
  <si>
    <t>Sadia Hameed</t>
  </si>
  <si>
    <t>GPS MODEL CHAK NO.3/DNB OLD</t>
  </si>
  <si>
    <t>3dnb</t>
  </si>
  <si>
    <t>3 dnb</t>
  </si>
  <si>
    <t>3 Dnb</t>
  </si>
  <si>
    <t>6dnb</t>
  </si>
  <si>
    <t>SHAZIA TALAT</t>
  </si>
  <si>
    <t>GPS GHENA LAR MOUZA GHOTIA</t>
  </si>
  <si>
    <t>Ghotia</t>
  </si>
  <si>
    <t>Basti ghotia Tehsil khan pur</t>
  </si>
  <si>
    <t>m.arshad</t>
  </si>
  <si>
    <t>GGES CHAK NO. 122/M</t>
  </si>
  <si>
    <t>122/m</t>
  </si>
  <si>
    <t>check 122M tehsil ctn district bwn</t>
  </si>
  <si>
    <t>122M</t>
  </si>
  <si>
    <t>Waheeda  Kouser</t>
  </si>
  <si>
    <t>GGPS TIBBI WALA CHAH TIBBI WALA KEHROR PACCA</t>
  </si>
  <si>
    <t>Bahwl Garh</t>
  </si>
  <si>
    <t>basti qurashi wala</t>
  </si>
  <si>
    <t>Bahawl Garh</t>
  </si>
  <si>
    <t>Shehla Saddieque</t>
  </si>
  <si>
    <t>GPS CHAK NO 83/5-R</t>
  </si>
  <si>
    <t>83-5R</t>
  </si>
  <si>
    <t>GPS 83-5R</t>
  </si>
  <si>
    <t>86-5R</t>
  </si>
  <si>
    <t>Rana Imtiaz Ahmad</t>
  </si>
  <si>
    <t>38656</t>
  </si>
  <si>
    <t>GGPS 325 WB</t>
  </si>
  <si>
    <t>325wb</t>
  </si>
  <si>
    <t>Chak# 342/wb</t>
  </si>
  <si>
    <t>Shumila Akram</t>
  </si>
  <si>
    <t>34376</t>
  </si>
  <si>
    <t>GPS KHERA ABAD JADID</t>
  </si>
  <si>
    <t>Khera Abad</t>
  </si>
  <si>
    <t>Chah lamy wala mouza khera abad</t>
  </si>
  <si>
    <t>GES SHADIWAL</t>
  </si>
  <si>
    <t>main bazar shadiwal</t>
  </si>
  <si>
    <t>Mehmoodkey Shadiwal</t>
  </si>
  <si>
    <t>Abdul Aleem Tahir</t>
  </si>
  <si>
    <t>29572</t>
  </si>
  <si>
    <t>GPS NAGAR AMAN PURA</t>
  </si>
  <si>
    <t>Nagar Aman Pura</t>
  </si>
  <si>
    <t>nagar aman pura kasur</t>
  </si>
  <si>
    <t>Zahid Mubeen Ali Anjum</t>
  </si>
  <si>
    <t>GGES MOCHI PURA BAHAWALNAGAR</t>
  </si>
  <si>
    <t>MOCHIPURA BAHAWALNAGAR</t>
  </si>
  <si>
    <t>Islam Nagr</t>
  </si>
  <si>
    <t>Baldia  BWN</t>
  </si>
  <si>
    <t>28190</t>
  </si>
  <si>
    <t>GPS BOKHARA</t>
  </si>
  <si>
    <t>Gps bokhara</t>
  </si>
  <si>
    <t>Umaid Ali Shah</t>
  </si>
  <si>
    <t>Nayyar Abbas</t>
  </si>
  <si>
    <t>48778</t>
  </si>
  <si>
    <t>GES SHAHADAT KUNDLA, ABDUL HAKIM</t>
  </si>
  <si>
    <t>Shahadat Kundla</t>
  </si>
  <si>
    <t>Moza Shahadat Kundla Nazd Shakh Madina Abdul Hakim</t>
  </si>
  <si>
    <t>130157</t>
  </si>
  <si>
    <t>19052</t>
  </si>
  <si>
    <t>GPS PATTI SARKAR NO.1 P/O 5/AH, KHANEWAL</t>
  </si>
  <si>
    <t>Patti Sarkar #1</t>
  </si>
  <si>
    <t>ada Bloch's wala patti sarkar 1</t>
  </si>
  <si>
    <t>15115</t>
  </si>
  <si>
    <t>GPS CHAK NO 33 NP</t>
  </si>
  <si>
    <t>basti kot paracha</t>
  </si>
  <si>
    <t>Kot Sanjer Khan</t>
  </si>
  <si>
    <t>MUHAMMAD AKBAR WASIM</t>
  </si>
  <si>
    <t>19146</t>
  </si>
  <si>
    <t>Doulloana Gharbi</t>
  </si>
  <si>
    <t>chah ahmad wala Moza doulloana</t>
  </si>
  <si>
    <t>IRSHAD HUSSAIN KHAN</t>
  </si>
  <si>
    <t>9782</t>
  </si>
  <si>
    <t>GPS CHAK NO. 480 TDA</t>
  </si>
  <si>
    <t>chak no 480 t.d.a.</t>
  </si>
  <si>
    <t>Chak No480 Tda</t>
  </si>
  <si>
    <t>GGPS 111/7-R</t>
  </si>
  <si>
    <t>Chak No111/7R</t>
  </si>
  <si>
    <t>GGPS111/7R</t>
  </si>
  <si>
    <t>Chak No 111/7R</t>
  </si>
  <si>
    <t>GGPS BATARAY NO.2</t>
  </si>
  <si>
    <t>Bataray</t>
  </si>
  <si>
    <t>bataray</t>
  </si>
  <si>
    <t>Saghar Kalan</t>
  </si>
  <si>
    <t>48332</t>
  </si>
  <si>
    <t>GGPS CHAK NO. 3/A TOOR NAGAR</t>
  </si>
  <si>
    <t>Chak 3/A</t>
  </si>
  <si>
    <t>GGPS Chak 3/A Toor Nagar</t>
  </si>
  <si>
    <t>Chak 3/A Toor Nagar</t>
  </si>
  <si>
    <t>Shaista Jamil</t>
  </si>
  <si>
    <t>GES SABAL PUR</t>
  </si>
  <si>
    <t>Village Sabal Pur P/0 &amp; Teh. Pasrur Distt. Sialkkot</t>
  </si>
  <si>
    <t>Ata Nazar Muhayudin</t>
  </si>
  <si>
    <t>GGCMS CHAK NO. 18/MR MULTAN SADDAR</t>
  </si>
  <si>
    <t>CHAK 18 MR, OLD DUNYA PUR ROAD MULTAN P/O SAME</t>
  </si>
  <si>
    <t>SADIA SAEED</t>
  </si>
  <si>
    <t>GPS ANAR WALA BASTI</t>
  </si>
  <si>
    <t>Vehnival Thal</t>
  </si>
  <si>
    <t>basti anar wala moza vehniwal thal</t>
  </si>
  <si>
    <t>Anar Wala</t>
  </si>
  <si>
    <t>GPS CHAK NO 108/NP</t>
  </si>
  <si>
    <t>Chak 108/np</t>
  </si>
  <si>
    <t>chak no 108/NP ,tehsil khanpur distt rahim yar khan</t>
  </si>
  <si>
    <t>Chak No 108-NP</t>
  </si>
  <si>
    <t>GGPS TAHIR KALAN NO. 2</t>
  </si>
  <si>
    <t>Tahir Kalan</t>
  </si>
  <si>
    <t>tahir kalan p/o basirpur tehsil depalpur district okara</t>
  </si>
  <si>
    <t>Marof</t>
  </si>
  <si>
    <t>Kousar Prveen</t>
  </si>
  <si>
    <t>GGHS CHAK NO. 107 SB</t>
  </si>
  <si>
    <t>chak no 107 sb sgd</t>
  </si>
  <si>
    <t>Chak No 107 Sb Sgd</t>
  </si>
  <si>
    <t>107 Sb</t>
  </si>
  <si>
    <t>Sameela John</t>
  </si>
  <si>
    <t>GGPS PEER SIKANDAR</t>
  </si>
  <si>
    <t>Takht mahal</t>
  </si>
  <si>
    <t>GGPS peer sikandar basti jamaal pura</t>
  </si>
  <si>
    <t>Jamaal pura</t>
  </si>
  <si>
    <t>Sanatey ka</t>
  </si>
  <si>
    <t>GPS BILAWAL BOHARH</t>
  </si>
  <si>
    <t>Darkhast Jamal Khan Gharbi #1</t>
  </si>
  <si>
    <t>Darkhast Jamal khan Gharbi # 1</t>
  </si>
  <si>
    <t>GGPS UCH GILANI NO.2</t>
  </si>
  <si>
    <t>akbar town uch sharif</t>
  </si>
  <si>
    <t>Uch City</t>
  </si>
  <si>
    <t>Zareena Kausar</t>
  </si>
  <si>
    <t>GPS CHAK 12/A</t>
  </si>
  <si>
    <t>Chak 12/A</t>
  </si>
  <si>
    <t>Chak 12a</t>
  </si>
  <si>
    <t>Chak 10a</t>
  </si>
  <si>
    <t>Zafar  Ullah</t>
  </si>
  <si>
    <t>GPS KOT ADU NO. 3</t>
  </si>
  <si>
    <t>ward no. 4 chah punhoo wala kot addu</t>
  </si>
  <si>
    <t>Muhammad Siddique Khan</t>
  </si>
  <si>
    <t>GGPS SOHRAB WALA</t>
  </si>
  <si>
    <t>BALLO KHEL-FEMALE</t>
  </si>
  <si>
    <t>sohrabwala</t>
  </si>
  <si>
    <t>Safder Begum</t>
  </si>
  <si>
    <t>38056</t>
  </si>
  <si>
    <t>gps sherpur lodhran</t>
  </si>
  <si>
    <t>GPS  MERA WALA BANGLA</t>
  </si>
  <si>
    <t>meran wala bangla jinah town</t>
  </si>
  <si>
    <t>Meran Wala Bagla Jinmah Abadi</t>
  </si>
  <si>
    <t>Chak No 6 Jb</t>
  </si>
  <si>
    <t>MUHAMMAD SAEED AULAKH</t>
  </si>
  <si>
    <t>GPS PEER HUSSIAN ABAD BASTI NOOR HASSAN</t>
  </si>
  <si>
    <t>Peer Hussian Abad</t>
  </si>
  <si>
    <t>basti noor hassan khan peer hussian abad</t>
  </si>
  <si>
    <t>Noor Hassan Khan</t>
  </si>
  <si>
    <t>Ghari Dhodho</t>
  </si>
  <si>
    <t>GGES RAI KALAN</t>
  </si>
  <si>
    <t>Rai kalan</t>
  </si>
  <si>
    <t>Village rai kalan teh and distt kasur</t>
  </si>
  <si>
    <t>Rai Kalan</t>
  </si>
  <si>
    <t>maria ali</t>
  </si>
  <si>
    <t>14303</t>
  </si>
  <si>
    <t>GES BASTI MAKORA</t>
  </si>
  <si>
    <t>Basti Abdul rehman adv</t>
  </si>
  <si>
    <t>Syed Aleem Hussain Shah</t>
  </si>
  <si>
    <t>50455</t>
  </si>
  <si>
    <t>GPS 73-A/12-L</t>
  </si>
  <si>
    <t>73A/12L</t>
  </si>
  <si>
    <t>Chak no 73A /12.L</t>
  </si>
  <si>
    <t>50649</t>
  </si>
  <si>
    <t>GGPS BASTI RAEES USMAN</t>
  </si>
  <si>
    <t>Gull Muhammad  Laar</t>
  </si>
  <si>
    <t>G.G.P.S.Rais Usman basti Salar Laar,Gull Muhammad Laar,Pacca laran</t>
  </si>
  <si>
    <t>Basti Salar Laar</t>
  </si>
  <si>
    <t>GGPS BEERBUL SAKHAIRIAN WALI</t>
  </si>
  <si>
    <t>Beer Bal</t>
  </si>
  <si>
    <t>chak beer bal sukairian wala</t>
  </si>
  <si>
    <t>11929</t>
  </si>
  <si>
    <t>GGPS TIBBI LAK WALA</t>
  </si>
  <si>
    <t>basti tibi luck wali</t>
  </si>
  <si>
    <t>Basti Tibi Luck Wali</t>
  </si>
  <si>
    <t>FOZIA MALIK</t>
  </si>
  <si>
    <t>14355</t>
  </si>
  <si>
    <t>GPS KIN</t>
  </si>
  <si>
    <t>kin khas</t>
  </si>
  <si>
    <t>Basti Looni Mouza Shahnal, Tehsile and District Lodhran</t>
  </si>
  <si>
    <t>47949</t>
  </si>
  <si>
    <t>GMPS MUHAMMADIAN WALA</t>
  </si>
  <si>
    <t>Mohamdianwala</t>
  </si>
  <si>
    <t>Muhammdian Wala</t>
  </si>
  <si>
    <t>Zeba Batool</t>
  </si>
  <si>
    <t>GPS CHAK NO. 330 TDA</t>
  </si>
  <si>
    <t>Sumra thal</t>
  </si>
  <si>
    <t>chak no 330/tda tehsil choubra distt layyah</t>
  </si>
  <si>
    <t>330/tda</t>
  </si>
  <si>
    <t>Jamal chapri</t>
  </si>
  <si>
    <t>49990</t>
  </si>
  <si>
    <t>Jhahney Wala</t>
  </si>
  <si>
    <t>Basti Saiyan wali,Dunga Bunga Bahawalnagar</t>
  </si>
  <si>
    <t>Basti Saiyan Wali</t>
  </si>
  <si>
    <t>Khaitraan Wala</t>
  </si>
  <si>
    <t>GMPS CHAK 140/M</t>
  </si>
  <si>
    <t>chak no 140/M</t>
  </si>
  <si>
    <t>Shafaq Sitara</t>
  </si>
  <si>
    <t>38305</t>
  </si>
  <si>
    <t>GGPS HUMBLE WALA</t>
  </si>
  <si>
    <t>Humble Wala</t>
  </si>
  <si>
    <t>basti humble wala</t>
  </si>
  <si>
    <t>Gahimammar</t>
  </si>
  <si>
    <t>Saima Jamshaid</t>
  </si>
  <si>
    <t>52403</t>
  </si>
  <si>
    <t>GPS QALANDER PAK HUJRA</t>
  </si>
  <si>
    <t>gp/school qalander pak phalai wala darbar</t>
  </si>
  <si>
    <t>Phalai Wala Darbar</t>
  </si>
  <si>
    <t>Hujra City</t>
  </si>
  <si>
    <t>Ismail Shaheen</t>
  </si>
  <si>
    <t>42407</t>
  </si>
  <si>
    <t>GGPS CHAK NO. 274/TDA</t>
  </si>
  <si>
    <t>Kury Wala</t>
  </si>
  <si>
    <t>Chak no 274</t>
  </si>
  <si>
    <t>Rubina Haider</t>
  </si>
  <si>
    <t>GPS CHAK 53/A</t>
  </si>
  <si>
    <t>Chak 53/A</t>
  </si>
  <si>
    <t>GPS Chak 53/A Teh, liaquat pur Distt. Rahim Yar khan</t>
  </si>
  <si>
    <t>50002</t>
  </si>
  <si>
    <t>GPS 377 GB</t>
  </si>
  <si>
    <t>Chak Phithrana Bhudheka</t>
  </si>
  <si>
    <t>GPS 377 GB tehsil jaranwala dist. fsd</t>
  </si>
  <si>
    <t>377 GB</t>
  </si>
  <si>
    <t>Sami Di Jhok</t>
  </si>
  <si>
    <t>KASHIF NAVEED</t>
  </si>
  <si>
    <t>50006</t>
  </si>
  <si>
    <t>GPS CHAK NO. 4/M</t>
  </si>
  <si>
    <t>Chack No 4/m</t>
  </si>
  <si>
    <t>chack number 4/m teshil Dunya pur district lodhran</t>
  </si>
  <si>
    <t>38201</t>
  </si>
  <si>
    <t>GPS DERA UMER HAYAT KHAN WALA</t>
  </si>
  <si>
    <t>Mochh Pakka</t>
  </si>
  <si>
    <t>dera umer hayat, sawance mor</t>
  </si>
  <si>
    <t>50012</t>
  </si>
  <si>
    <t>GGPS BAHAWALPUR GHALWAN</t>
  </si>
  <si>
    <t>basti bwp ghalwan post office hataiji</t>
  </si>
  <si>
    <t>GGES BANIAN</t>
  </si>
  <si>
    <t>kakrali</t>
  </si>
  <si>
    <t>village post office banian</t>
  </si>
  <si>
    <t>banian</t>
  </si>
  <si>
    <t>bazurgawal</t>
  </si>
  <si>
    <t>Aimen Fatima</t>
  </si>
  <si>
    <t>32766</t>
  </si>
  <si>
    <t>GHS PAKISTAN HUSSAIN AGAHI</t>
  </si>
  <si>
    <t>KHULAASI LINE</t>
  </si>
  <si>
    <t>GHS PAKISTAN, HITTAR ROAD, HUSSAIN AGAHI, MULTAN</t>
  </si>
  <si>
    <t>SHAHGARDEZ</t>
  </si>
  <si>
    <t>BAZAR UMAR E FAROOQ</t>
  </si>
  <si>
    <t>sajjad hussain khan</t>
  </si>
  <si>
    <t>GMPS GHAZI WAL</t>
  </si>
  <si>
    <t>GHAZI WAL</t>
  </si>
  <si>
    <t>Nasri Wala Road Ghazi Wal P/O Kammar Mushani Tehsil Isa khel district Mianwali</t>
  </si>
  <si>
    <t>TANI KHEL</t>
  </si>
  <si>
    <t>Rifat Bi Bi</t>
  </si>
  <si>
    <t>29041</t>
  </si>
  <si>
    <t>GPS 309 EB</t>
  </si>
  <si>
    <t>Chak no 309 /E.B</t>
  </si>
  <si>
    <t>Chak No 309/EB</t>
  </si>
  <si>
    <t>Chak No 305/EB</t>
  </si>
  <si>
    <t>31848</t>
  </si>
  <si>
    <t>40473</t>
  </si>
  <si>
    <t>GGPS SHAH ALI</t>
  </si>
  <si>
    <t>Basti Shah Ali</t>
  </si>
  <si>
    <t>p/o basti shah ali tehsil kot chutta district dera ghazi khan</t>
  </si>
  <si>
    <t>Shaiwana Khan</t>
  </si>
  <si>
    <t>GPS CHAK NO.328 TDA NO.1</t>
  </si>
  <si>
    <t>Chak No 328/TDA</t>
  </si>
  <si>
    <t>Chak No.328/TDA Tehseil Chaubara Disstt. Layyah</t>
  </si>
  <si>
    <t>GPS MITHA MERANI</t>
  </si>
  <si>
    <t>GPS Mitha Mirani</t>
  </si>
  <si>
    <t>M NAWAZ</t>
  </si>
  <si>
    <t>GPS KUMB</t>
  </si>
  <si>
    <t>basti ameer abad kot sabzal</t>
  </si>
  <si>
    <t>Ameer Abad</t>
  </si>
  <si>
    <t>50032</t>
  </si>
  <si>
    <t>29093</t>
  </si>
  <si>
    <t>GES BHEDIAN KALAN</t>
  </si>
  <si>
    <t>post office khas bhedian kalan tehsil and district kasur</t>
  </si>
  <si>
    <t>bhedian kalan</t>
  </si>
  <si>
    <t>GMPS CHAK NO. 176 MURAD ALAF (SOUTH)</t>
  </si>
  <si>
    <t>Chak No 176 M A</t>
  </si>
  <si>
    <t>Gmps 176ma</t>
  </si>
  <si>
    <t>Chak No 176ma</t>
  </si>
  <si>
    <t>Chak No 177m</t>
  </si>
  <si>
    <t>GGES KHAYYAN</t>
  </si>
  <si>
    <t>Khayyan</t>
  </si>
  <si>
    <t>vpo khayyan</t>
  </si>
  <si>
    <t>Ranseekey</t>
  </si>
  <si>
    <t>Nyla Abbas</t>
  </si>
  <si>
    <t>GPS SEERAY WALA</t>
  </si>
  <si>
    <t>Moza khudai basti SEERAY WALA</t>
  </si>
  <si>
    <t>SEERAY WALA</t>
  </si>
  <si>
    <t>Muhammad Amir Kaleem</t>
  </si>
  <si>
    <t>50036</t>
  </si>
  <si>
    <t>GMPS CHAK NO 70/4-R CHAKKI WALA</t>
  </si>
  <si>
    <t>70/4R chakki</t>
  </si>
  <si>
    <t>Chak 70/4R chakki wala</t>
  </si>
  <si>
    <t>7/4R chakkki</t>
  </si>
  <si>
    <t>Abida Safdar</t>
  </si>
  <si>
    <t>8675</t>
  </si>
  <si>
    <t>GPS JAMAL MUHAMMAD NAICH</t>
  </si>
  <si>
    <t>Basti jamal M Naich</t>
  </si>
  <si>
    <t>Jamal M Naich</t>
  </si>
  <si>
    <t>Hafiz Muhammad Awais Aslam</t>
  </si>
  <si>
    <t>GGPS GAJANA</t>
  </si>
  <si>
    <t>GMPS GAJYANA</t>
  </si>
  <si>
    <t>Gajyana</t>
  </si>
  <si>
    <t>Ayesha rehman</t>
  </si>
  <si>
    <t>GPS CHAK NO 13 DB P/O CHAK NO 15 DB</t>
  </si>
  <si>
    <t>Chak No13db</t>
  </si>
  <si>
    <t>chak no 13 db</t>
  </si>
  <si>
    <t>8789</t>
  </si>
  <si>
    <t>GHS BIROT</t>
  </si>
  <si>
    <t>Birot Mandwani Tribal Area</t>
  </si>
  <si>
    <t>ABDUL SATTAR ADNAN</t>
  </si>
  <si>
    <t>GES BASTI PAKKA</t>
  </si>
  <si>
    <t>basti pakka ali pur kanju tehsile kehror pakka district lodhran</t>
  </si>
  <si>
    <t>Basti Pakka</t>
  </si>
  <si>
    <t>Abdul Raheem Shahin</t>
  </si>
  <si>
    <t>52310</t>
  </si>
  <si>
    <t>GGES CHAK GANDA SINGH</t>
  </si>
  <si>
    <t>Asad Ullah Garh</t>
  </si>
  <si>
    <t>GGES chak Ganda Singh</t>
  </si>
  <si>
    <t>Nazia Gul</t>
  </si>
  <si>
    <t>GGPS DODHAY</t>
  </si>
  <si>
    <t>Dodhay</t>
  </si>
  <si>
    <t>dodhay</t>
  </si>
  <si>
    <t>Khiaray Kalan</t>
  </si>
  <si>
    <t>Farwa- Sharafat</t>
  </si>
  <si>
    <t>GPS 89/9-L</t>
  </si>
  <si>
    <t>89/9l</t>
  </si>
  <si>
    <t>johar town sahiwal</t>
  </si>
  <si>
    <t>M Bashir</t>
  </si>
  <si>
    <t>50052</t>
  </si>
  <si>
    <t>GPS DHARUGGI</t>
  </si>
  <si>
    <t>Dharugigi</t>
  </si>
  <si>
    <t>VPO Dharuggi District &amp; Tehsil Chakwal</t>
  </si>
  <si>
    <t>Shujat Amin</t>
  </si>
  <si>
    <t>50054</t>
  </si>
  <si>
    <t>GMPS MALIK PUR</t>
  </si>
  <si>
    <t>basti malikpur</t>
  </si>
  <si>
    <t>Aisha Kanwal</t>
  </si>
  <si>
    <t>50056</t>
  </si>
  <si>
    <t>GGHS CHAKI FAIQ</t>
  </si>
  <si>
    <t>Khakis Khurd</t>
  </si>
  <si>
    <t>chakki Faiq</t>
  </si>
  <si>
    <t>Chaki faiq</t>
  </si>
  <si>
    <t>Akbar Maria Nehal</t>
  </si>
  <si>
    <t>Hina Umbreen</t>
  </si>
  <si>
    <t>50057</t>
  </si>
  <si>
    <t>Basti Malik Kaloo Ghouri Mouza Sultanpur TehsilAhmedpur Dist Bahawalpur</t>
  </si>
  <si>
    <t>Basti Sirdar kaloo  Ghouri</t>
  </si>
  <si>
    <t>47558</t>
  </si>
  <si>
    <t>GGPS DERAH ALAM KHAN WALA</t>
  </si>
  <si>
    <t>ada khaja abad shareef tehsil n district mianwali</t>
  </si>
  <si>
    <t>Khaja Abad Shareef</t>
  </si>
  <si>
    <t>9697</t>
  </si>
  <si>
    <t>GPS PATTI SUMRA JANUBI</t>
  </si>
  <si>
    <t>Patti Sumra Junbi</t>
  </si>
  <si>
    <t>Sumra Janubi choubara</t>
  </si>
  <si>
    <t>Details Wanna Wala</t>
  </si>
  <si>
    <t>Faiz ur rehman</t>
  </si>
  <si>
    <t>GPS ZIA-UL-ULOOM MOHALLA HAFIZABAD</t>
  </si>
  <si>
    <t>muzafar colony, Mouza mari noon, Shujabad</t>
  </si>
  <si>
    <t>Muzafar Colony</t>
  </si>
  <si>
    <t>53891</t>
  </si>
  <si>
    <t>GPS LANJIWAR</t>
  </si>
  <si>
    <t>basti Mahmood Kot moza lanjiwar</t>
  </si>
  <si>
    <t>Muhammad Makki Shah</t>
  </si>
  <si>
    <t>32066</t>
  </si>
  <si>
    <t>GPS KOT SAITHAN SKP</t>
  </si>
  <si>
    <t>Kot Saithan Farooqabad Sheikhupura</t>
  </si>
  <si>
    <t>Kot Saithan</t>
  </si>
  <si>
    <t>GGES CHAK NO 134 MURAD</t>
  </si>
  <si>
    <t>15865</t>
  </si>
  <si>
    <t>GPS THATHA</t>
  </si>
  <si>
    <t>Danwani</t>
  </si>
  <si>
    <t>thath</t>
  </si>
  <si>
    <t>Thath</t>
  </si>
  <si>
    <t>GGPS ABBAS WALA</t>
  </si>
  <si>
    <t>ggps new abbas wala sohya thal kot sultan Layyah</t>
  </si>
  <si>
    <t>Ladhi Wala</t>
  </si>
  <si>
    <t>Sonhara Wasava</t>
  </si>
  <si>
    <t>Sabahat Gull</t>
  </si>
  <si>
    <t>GGHS CHAK NO.55 NB</t>
  </si>
  <si>
    <t>Jhal Chakian</t>
  </si>
  <si>
    <t>chak no 55nb tehsil sargodha</t>
  </si>
  <si>
    <t>55nb</t>
  </si>
  <si>
    <t>Samreen Akhtar</t>
  </si>
  <si>
    <t>18299</t>
  </si>
  <si>
    <t>50083</t>
  </si>
  <si>
    <t>38367</t>
  </si>
  <si>
    <t>GGPS QURESHI WALA NO.2 KEHROR PACCA</t>
  </si>
  <si>
    <t>pahiwala burhanpur kahror pacca</t>
  </si>
  <si>
    <t>Pahiwala</t>
  </si>
  <si>
    <t>Mahvish Nawaz</t>
  </si>
  <si>
    <t>GPS HOUSING COLONY CHICHAWATNI</t>
  </si>
  <si>
    <t>HAJI WALLI MUHAMMAD ROAD HOUSING COLONY CHICHAWATNI DISTRICT SAHIWAL</t>
  </si>
  <si>
    <t>URBAN AREA  2ND</t>
  </si>
  <si>
    <t>50458</t>
  </si>
  <si>
    <t>GES CHAK 82/5-R</t>
  </si>
  <si>
    <t>50088</t>
  </si>
  <si>
    <t>22197</t>
  </si>
  <si>
    <t>GES IKHLAS GARH</t>
  </si>
  <si>
    <t>ikhlas garh</t>
  </si>
  <si>
    <t>GGPS BURJ KHURD</t>
  </si>
  <si>
    <t>burj Khurd</t>
  </si>
  <si>
    <t>burj khurd Ganda Singh</t>
  </si>
  <si>
    <t>sanda Chistana</t>
  </si>
  <si>
    <t>Asia Rifat</t>
  </si>
  <si>
    <t>16275</t>
  </si>
  <si>
    <t>GMPS BASTI GHULAM NABI</t>
  </si>
  <si>
    <t>Loonwala</t>
  </si>
  <si>
    <t>GMPS basti Ghulam Nabi</t>
  </si>
  <si>
    <t>Jamal Dain Arian</t>
  </si>
  <si>
    <t>ghulam Sakeena</t>
  </si>
  <si>
    <t>GPS SUBHAY WALA</t>
  </si>
  <si>
    <t>wraich Wala khairy Wala Choubara layyah</t>
  </si>
  <si>
    <t>Wraich Wala</t>
  </si>
  <si>
    <t>Abdul Shifaq</t>
  </si>
  <si>
    <t>17089</t>
  </si>
  <si>
    <t>GPS SHEIKH CHOHAR</t>
  </si>
  <si>
    <t>Sheikh chuhar</t>
  </si>
  <si>
    <t>sheikh chuhar jhang</t>
  </si>
  <si>
    <t>Waseem Ullah Mansha</t>
  </si>
  <si>
    <t>chah Hussain wala Patti daya  chockha</t>
  </si>
  <si>
    <t>Patti Daya  Chockha</t>
  </si>
  <si>
    <t>GES BASTI MALANA</t>
  </si>
  <si>
    <t>24063</t>
  </si>
  <si>
    <t>GGHS KALAS WALA</t>
  </si>
  <si>
    <t>GOVT GIRLS HIGH SCHOOL KALASWALA, TEHSIL PASRUR, DISTRICT SIALKOT</t>
  </si>
  <si>
    <t>Shamshad Bano</t>
  </si>
  <si>
    <t>GES RAKH PAKPATTAN</t>
  </si>
  <si>
    <t>Bari Rakh Pakpattan</t>
  </si>
  <si>
    <t>40753</t>
  </si>
  <si>
    <t>36608</t>
  </si>
  <si>
    <t>GES 13 GHAGH, P/O 25 PUL, ABDUL HAKIM</t>
  </si>
  <si>
    <t>13 Ghagh</t>
  </si>
  <si>
    <t>chack no 13 ghagh tehsil kabirwala</t>
  </si>
  <si>
    <t>Dirkhana</t>
  </si>
  <si>
    <t>GES CHAK NO. 192/7-R</t>
  </si>
  <si>
    <t>192/7R tehsil haroon abad</t>
  </si>
  <si>
    <t>42427</t>
  </si>
  <si>
    <t>GPS BAIT MOAZIZ-UD-DIN</t>
  </si>
  <si>
    <t>Chanab Rasool Pur</t>
  </si>
  <si>
    <t>basti Qayyoum a abad</t>
  </si>
  <si>
    <t>Bati Qayyoum A Abad</t>
  </si>
  <si>
    <t>49876</t>
  </si>
  <si>
    <t>GPS SIRI RAM PURA</t>
  </si>
  <si>
    <t>Siri Ram Pura</t>
  </si>
  <si>
    <t>Siri ram pura</t>
  </si>
  <si>
    <t>Shabaz Pur</t>
  </si>
  <si>
    <t>Allah  Ditta</t>
  </si>
  <si>
    <t>49877</t>
  </si>
  <si>
    <t>50982</t>
  </si>
  <si>
    <t>GPS 48/GD</t>
  </si>
  <si>
    <t>48 GD</t>
  </si>
  <si>
    <t>32140</t>
  </si>
  <si>
    <t>GPS 348/WB</t>
  </si>
  <si>
    <t>348/wb</t>
  </si>
  <si>
    <t>chak no. 348/w.b tehsil dunyapur distt. lodhran</t>
  </si>
  <si>
    <t>Muhammad Usman Ashraf</t>
  </si>
  <si>
    <t>49882</t>
  </si>
  <si>
    <t>BASTI BAGHWALA</t>
  </si>
  <si>
    <t>GHS MUD RAJBANA</t>
  </si>
  <si>
    <t>MUD RAJBANA</t>
  </si>
  <si>
    <t>P/O MUD RAJBANA, MOUZA MUD RAJBANA, TEHSIL AHMAD PUR SIAL, JHANG.</t>
  </si>
  <si>
    <t>KAZIM ALI JAVED</t>
  </si>
  <si>
    <t>GPS DOULAT PUR</t>
  </si>
  <si>
    <t>basti doulatpur</t>
  </si>
  <si>
    <t>Nusrat wala karor</t>
  </si>
  <si>
    <t>49892</t>
  </si>
  <si>
    <t>34425</t>
  </si>
  <si>
    <t>GES CHAK 11-FAIZ P/O BASTI MALOOK</t>
  </si>
  <si>
    <t>11/ Faiz</t>
  </si>
  <si>
    <t>GES11/ faiz</t>
  </si>
  <si>
    <t>Basti Malook</t>
  </si>
  <si>
    <t>GGES GAHI MUMAR</t>
  </si>
  <si>
    <t>Gahi Mammar</t>
  </si>
  <si>
    <t>GGES Gahi Mammar</t>
  </si>
  <si>
    <t>Abida Zahoor</t>
  </si>
  <si>
    <t>49898</t>
  </si>
  <si>
    <t>28263</t>
  </si>
  <si>
    <t>GPS KOT SHER MUHAMMAD</t>
  </si>
  <si>
    <t>vop kot sher muhammad</t>
  </si>
  <si>
    <t>Asmat ullah</t>
  </si>
  <si>
    <t>49899</t>
  </si>
  <si>
    <t>GGPS KHOJAY WALA</t>
  </si>
  <si>
    <t>Khai Chuck Soam</t>
  </si>
  <si>
    <t>mouza khai chuck soam chah khojay wala</t>
  </si>
  <si>
    <t>Chah Khojay Wala</t>
  </si>
  <si>
    <t>Patal</t>
  </si>
  <si>
    <t>Rabia Majeed</t>
  </si>
  <si>
    <t>GGES MAWAZ WALA</t>
  </si>
  <si>
    <t>Mawaz Wala, Mochh</t>
  </si>
  <si>
    <t>Mawaz Wala</t>
  </si>
  <si>
    <t>Rizwana Nosheen</t>
  </si>
  <si>
    <t>GPS KOTLA KHAN LAR</t>
  </si>
  <si>
    <t>basti jam pari tanwari tranda muhammad panah</t>
  </si>
  <si>
    <t>jam pariah tanwari</t>
  </si>
  <si>
    <t>tranda muhammad panah</t>
  </si>
  <si>
    <t>fiaz ahmad saqib</t>
  </si>
  <si>
    <t>47945</t>
  </si>
  <si>
    <t>GMES CHAK NO. 11 ML</t>
  </si>
  <si>
    <t>Chak No 11ml</t>
  </si>
  <si>
    <t>chak no 11ml tehsil piplan district mianwali</t>
  </si>
  <si>
    <t>GGHS KARUNTA</t>
  </si>
  <si>
    <t>GGHS karounta</t>
  </si>
  <si>
    <t>Ghazala Riaz</t>
  </si>
  <si>
    <t>250246</t>
  </si>
  <si>
    <t>39724</t>
  </si>
  <si>
    <t>GGPS TORANG ABAD</t>
  </si>
  <si>
    <t>Nara Tarf Nara</t>
  </si>
  <si>
    <t>vpo chhab mohala torangabad tehsil jand district attock.</t>
  </si>
  <si>
    <t>GPS CHAK NO. 460 TDA</t>
  </si>
  <si>
    <t>chack no 460/TDA LAYYAH</t>
  </si>
  <si>
    <t>Chack No 460/TDA</t>
  </si>
  <si>
    <t>Muhammad Anayatullah</t>
  </si>
  <si>
    <t>GPS CHAK NO. 316 TDA</t>
  </si>
  <si>
    <t>chak no 316 tda tehsile  choubara district layyah</t>
  </si>
  <si>
    <t>Chak No 316TDA</t>
  </si>
  <si>
    <t>48560</t>
  </si>
  <si>
    <t>GES WARYAM</t>
  </si>
  <si>
    <t>Burraywala</t>
  </si>
  <si>
    <t>basti waryam</t>
  </si>
  <si>
    <t>Bastiwaryam</t>
  </si>
  <si>
    <t>burray wala</t>
  </si>
  <si>
    <t>GMPS THATTA PANAH</t>
  </si>
  <si>
    <t>Thatta panah</t>
  </si>
  <si>
    <t>Allowdin K Kalan</t>
  </si>
  <si>
    <t>sumera tabassum</t>
  </si>
  <si>
    <t>GPS CHAK NO 76/4-R</t>
  </si>
  <si>
    <t>76/4.r</t>
  </si>
  <si>
    <t>Raees Ahmed</t>
  </si>
  <si>
    <t>48565</t>
  </si>
  <si>
    <t>GPS DOLLAY WALA</t>
  </si>
  <si>
    <t>Dollay Wala</t>
  </si>
  <si>
    <t>dollay wala</t>
  </si>
  <si>
    <t>Sheikh Umad</t>
  </si>
  <si>
    <t>Abdur Rashid Khan</t>
  </si>
  <si>
    <t>GES 107 WB</t>
  </si>
  <si>
    <t>Chak No 107 Wb</t>
  </si>
  <si>
    <t>GES 107 wb Mailsi , Vehari</t>
  </si>
  <si>
    <t>107 WB</t>
  </si>
  <si>
    <t>69 WB</t>
  </si>
  <si>
    <t>GPS RAIKH WALA</t>
  </si>
  <si>
    <t>Basti  Malana</t>
  </si>
  <si>
    <t>basti chheena</t>
  </si>
  <si>
    <t>Basti chheena</t>
  </si>
  <si>
    <t>Muhammad Arshad  Head T</t>
  </si>
  <si>
    <t>48569</t>
  </si>
  <si>
    <t>GES BHOJOWAL</t>
  </si>
  <si>
    <t>Bhojowal</t>
  </si>
  <si>
    <t>Muhammad Azmat Ullah</t>
  </si>
  <si>
    <t>48570</t>
  </si>
  <si>
    <t>GPS CHAK NO.187/7-R</t>
  </si>
  <si>
    <t>Chak No 187/7R</t>
  </si>
  <si>
    <t>Munawar Hussian</t>
  </si>
  <si>
    <t>GES FARKH PUR KOHNA</t>
  </si>
  <si>
    <t>Farkhpur</t>
  </si>
  <si>
    <t>gps farkh pur post off.qadirabad teh.phalia distt.m.b.din</t>
  </si>
  <si>
    <t>Farkh Pur</t>
  </si>
  <si>
    <t>Syed Javed Asghar</t>
  </si>
  <si>
    <t>GPS CHAK NO. 55/WB</t>
  </si>
  <si>
    <t>55/wb</t>
  </si>
  <si>
    <t>chack no. 55/wb vehari</t>
  </si>
  <si>
    <t>53/wb</t>
  </si>
  <si>
    <t>37118</t>
  </si>
  <si>
    <t>GGES 88/10-R, KHANEWAL</t>
  </si>
  <si>
    <t>chak No 88/10.R Khanewal</t>
  </si>
  <si>
    <t>48583</t>
  </si>
  <si>
    <t>38357</t>
  </si>
  <si>
    <t>GGPS HERDOO THAHEEM</t>
  </si>
  <si>
    <t>Herdoothaheem</t>
  </si>
  <si>
    <t>g.g.p.s herdoothaheem post office ameerpursadat</t>
  </si>
  <si>
    <t>Ameerpursadat</t>
  </si>
  <si>
    <t>Sumaira Saleem Qaiser</t>
  </si>
  <si>
    <t>bakhshan arain</t>
  </si>
  <si>
    <t>basti gagran</t>
  </si>
  <si>
    <t>tibi gull muhammad</t>
  </si>
  <si>
    <t>jameel hussain</t>
  </si>
  <si>
    <t>GGPS BASTI ASIF ALI KHAN</t>
  </si>
  <si>
    <t>dori gondal</t>
  </si>
  <si>
    <t>basti asif ali khan</t>
  </si>
  <si>
    <t>Shuguftah Anbreen</t>
  </si>
  <si>
    <t>16289</t>
  </si>
  <si>
    <t>39217</t>
  </si>
  <si>
    <t>GPS JHANG</t>
  </si>
  <si>
    <t>village po jhang</t>
  </si>
  <si>
    <t>TALLAT MASOOD</t>
  </si>
  <si>
    <t>GES KAMIL LAR</t>
  </si>
  <si>
    <t>Kamil lar</t>
  </si>
  <si>
    <t>Moza Kamil Lar</t>
  </si>
  <si>
    <t>Deepak kumar</t>
  </si>
  <si>
    <t>GGPS JHEENDAR KALAN</t>
  </si>
  <si>
    <t>post office karianwala village jinder kalan</t>
  </si>
  <si>
    <t>Mubashra Rizwan</t>
  </si>
  <si>
    <t>38501</t>
  </si>
  <si>
    <t>GPS 337/WB</t>
  </si>
  <si>
    <t>P/OQutab Pur teh Dunya Pur lodhran</t>
  </si>
  <si>
    <t>Chak No 337/wb</t>
  </si>
  <si>
    <t>Muhammad Adnan Majeed</t>
  </si>
  <si>
    <t>34126</t>
  </si>
  <si>
    <t>GGPS GUL WALA SHUJABAD DISTT. MULTAN</t>
  </si>
  <si>
    <t>Basti mithu</t>
  </si>
  <si>
    <t>chah gull wala Moza basti mithu tehsel shujaabad</t>
  </si>
  <si>
    <t>Naveed Afshan</t>
  </si>
  <si>
    <t>GGPS MEHR SHAH WALA</t>
  </si>
  <si>
    <t>Meher shah wala</t>
  </si>
  <si>
    <t>Meher Shah Wala</t>
  </si>
  <si>
    <t>GPS NAWAZ ABAD NO 1</t>
  </si>
  <si>
    <t>42493</t>
  </si>
  <si>
    <t>41876</t>
  </si>
  <si>
    <t>48604</t>
  </si>
  <si>
    <t>52737</t>
  </si>
  <si>
    <t>GGPS SHAM DIN WAGHRA</t>
  </si>
  <si>
    <t>Wahgra</t>
  </si>
  <si>
    <t>Sham Din Wahgra Tehsile Depalpur District Okara</t>
  </si>
  <si>
    <t>Sham Din Wahgr</t>
  </si>
  <si>
    <t>48607</t>
  </si>
  <si>
    <t>Rojhan</t>
  </si>
  <si>
    <t>Basti Naseer khan Rojhan</t>
  </si>
  <si>
    <t>Naila Ejaz</t>
  </si>
  <si>
    <t>GPS JANDRAN</t>
  </si>
  <si>
    <t>JANDRAN</t>
  </si>
  <si>
    <t>GGES DARGHI PUR</t>
  </si>
  <si>
    <t>Dargahi Pur</t>
  </si>
  <si>
    <t>Chak #760</t>
  </si>
  <si>
    <t>43722</t>
  </si>
  <si>
    <t>GGES TARAGGAR P.O TARRAGAT TEH., TALAGANG</t>
  </si>
  <si>
    <t>Taraggar</t>
  </si>
  <si>
    <t>GGES Taraggar</t>
  </si>
  <si>
    <t>Smana Kousar</t>
  </si>
  <si>
    <t>48617</t>
  </si>
  <si>
    <t>GGPS CHAK NO.132 TDA (SHAFI GARWAN)</t>
  </si>
  <si>
    <t>chak no.132/tda</t>
  </si>
  <si>
    <t>chak no.132/tda dera shafi gurwan</t>
  </si>
  <si>
    <t>132/tda</t>
  </si>
  <si>
    <t>chowk azam rural</t>
  </si>
  <si>
    <t>Najma Naheed Durrani</t>
  </si>
  <si>
    <t>27995</t>
  </si>
  <si>
    <t>GPS DERA HASHAM KHAN</t>
  </si>
  <si>
    <t>Khamb Khurd</t>
  </si>
  <si>
    <t>Dera Hashim Khan p o khamb khurd</t>
  </si>
  <si>
    <t>28519</t>
  </si>
  <si>
    <t>48619</t>
  </si>
  <si>
    <t>GPS BASTI KHAIR SHAH</t>
  </si>
  <si>
    <t>Laskaniwala</t>
  </si>
  <si>
    <t>Basti Khair shah</t>
  </si>
  <si>
    <t>Basti Khair Shah</t>
  </si>
  <si>
    <t>48625</t>
  </si>
  <si>
    <t>GGES HALLAH SYEDAN</t>
  </si>
  <si>
    <t>Hallah Syedan</t>
  </si>
  <si>
    <t>hallah syedan p/o bara ghar</t>
  </si>
  <si>
    <t>Uzma Jafar</t>
  </si>
  <si>
    <t>25553</t>
  </si>
  <si>
    <t>48627</t>
  </si>
  <si>
    <t>GHS JERO RATIAL</t>
  </si>
  <si>
    <t>Vpo jero ratial, Tehsil Gujar Khan, Distt rawalpindi</t>
  </si>
  <si>
    <t>Jeroratial</t>
  </si>
  <si>
    <t>Raja shah nawaz</t>
  </si>
  <si>
    <t>GPS CHAK NO 16/G A</t>
  </si>
  <si>
    <t>16/G</t>
  </si>
  <si>
    <t>Chak no.16/GA Chishtian</t>
  </si>
  <si>
    <t>16/G A</t>
  </si>
  <si>
    <t>Chak 42/F</t>
  </si>
  <si>
    <t>48632</t>
  </si>
  <si>
    <t>GPS BEHER WAL KHURD</t>
  </si>
  <si>
    <t>BEHAR WAL KHURD</t>
  </si>
  <si>
    <t>BEHAR WAL KHURD TEHSIL CHUNIAN</t>
  </si>
  <si>
    <t>BEHAR WAL Khurd KHURD</t>
  </si>
  <si>
    <t>KHANDU KHARA</t>
  </si>
  <si>
    <t>Waseem Abbas</t>
  </si>
  <si>
    <t>GGPS SARHALI KHRUD</t>
  </si>
  <si>
    <t>Ggps Sarhali khurd</t>
  </si>
  <si>
    <t>Sakhali Khurd</t>
  </si>
  <si>
    <t>GGES CHAK NO.106 NB</t>
  </si>
  <si>
    <t>Chak No 106 Nb Sargodha</t>
  </si>
  <si>
    <t>chak no 106 nb sargodha</t>
  </si>
  <si>
    <t>Chak No 97 Nb Sargodha</t>
  </si>
  <si>
    <t>Ayesha Hussain</t>
  </si>
  <si>
    <t>48641</t>
  </si>
  <si>
    <t>GMPS BASTI NOOR MUHAMMAD</t>
  </si>
  <si>
    <t>Basti Noor Muhammad</t>
  </si>
  <si>
    <t>BASTI NOOR MUHAMMAD mouza raqba naseer uc noor pur machi wala</t>
  </si>
  <si>
    <t>Noor Muhamad</t>
  </si>
  <si>
    <t>Noor Pur Machi Wala</t>
  </si>
  <si>
    <t>Syeda Sehrish Gillani</t>
  </si>
  <si>
    <t>48642</t>
  </si>
  <si>
    <t>52201</t>
  </si>
  <si>
    <t>GGPS 28/KB</t>
  </si>
  <si>
    <t>Check No 28/kb</t>
  </si>
  <si>
    <t>28 kb</t>
  </si>
  <si>
    <t>28kb</t>
  </si>
  <si>
    <t>JAMMU BODLA</t>
  </si>
  <si>
    <t>Hafiza Qaria Asifa</t>
  </si>
  <si>
    <t>GGPS BASTI MAKWAL</t>
  </si>
  <si>
    <t>basti mithay wala</t>
  </si>
  <si>
    <t>Bair bund</t>
  </si>
  <si>
    <t>GPS TANZEEM AHMAD YAR TANVARI</t>
  </si>
  <si>
    <t>Ahmad Year Tanwari</t>
  </si>
  <si>
    <t>basti jam kareem bux Mouza Ahmad yar tanwari Tahsil liaquat pur district Rahim year khan</t>
  </si>
  <si>
    <t>27051</t>
  </si>
  <si>
    <t>GGPS JAGGAN WALA</t>
  </si>
  <si>
    <t>jagganwala</t>
  </si>
  <si>
    <t>Qila Ramkaur</t>
  </si>
  <si>
    <t>Farkhnda Nazar</t>
  </si>
  <si>
    <t>36606</t>
  </si>
  <si>
    <t>GES DARA MEHRAM DARA, ABDUL HAKIM</t>
  </si>
  <si>
    <t>Dara mahram</t>
  </si>
  <si>
    <t>Muhammad Abdul Hameed Shahid</t>
  </si>
  <si>
    <t>39672</t>
  </si>
  <si>
    <t>GMPS DHOK FATEH (JABBA)</t>
  </si>
  <si>
    <t>UC Jaba Teh Jand Dist Attock</t>
  </si>
  <si>
    <t>Dhok Fateh</t>
  </si>
  <si>
    <t>50840</t>
  </si>
  <si>
    <t>GPS MC BRANCH B SAHIWAL</t>
  </si>
  <si>
    <t>jinnah road sahiwal</t>
  </si>
  <si>
    <t>Tariq mahmood</t>
  </si>
  <si>
    <t>48650</t>
  </si>
  <si>
    <t>GPS KOTLA GHULAM</t>
  </si>
  <si>
    <t>Kotla Ghulam</t>
  </si>
  <si>
    <t>Gps kotla ghulam</t>
  </si>
  <si>
    <t>kotla ghulsm</t>
  </si>
  <si>
    <t>Aali wala</t>
  </si>
  <si>
    <t>GPS ARABIC AMEEN NAGAR</t>
  </si>
  <si>
    <t>Basti Ameen Nagar Mouza Khair Pur Daha</t>
  </si>
  <si>
    <t>GPS CANAL COLONY MITHA TIWANA</t>
  </si>
  <si>
    <t>Canal colony Mitha tiwana</t>
  </si>
  <si>
    <t>Muhammad Irfan Khan</t>
  </si>
  <si>
    <t>48656</t>
  </si>
  <si>
    <t>GMPS DHOONA WALA</t>
  </si>
  <si>
    <t>6DB</t>
  </si>
  <si>
    <t>GMPS Dhoona wala</t>
  </si>
  <si>
    <t>DHOONAWALA</t>
  </si>
  <si>
    <t>Manzooran Perveen</t>
  </si>
  <si>
    <t>48658</t>
  </si>
  <si>
    <t>GPS MUADDAB DOLAT PUR</t>
  </si>
  <si>
    <t>Nae Abadi chak dolat pur tehsil minchanabad</t>
  </si>
  <si>
    <t>Muhammad Fazalurrahman</t>
  </si>
  <si>
    <t>36883</t>
  </si>
  <si>
    <t>GPS PANJ GRAIN BAJWA</t>
  </si>
  <si>
    <t>Panj Grain Bajwa</t>
  </si>
  <si>
    <t>Village: Panj Grain Bajwa; Tehsil: Pasrur; District: Sialkot;</t>
  </si>
  <si>
    <t>Muhammad Shabbir Jahangir</t>
  </si>
  <si>
    <t>48661</t>
  </si>
  <si>
    <t>GMPS MUHAMMADI RAN WALI</t>
  </si>
  <si>
    <t>post office nawanbaigraj</t>
  </si>
  <si>
    <t>MUHAMMADi Ran WALi</t>
  </si>
  <si>
    <t>Salem Akhtar</t>
  </si>
  <si>
    <t>GPS 22 SP</t>
  </si>
  <si>
    <t>22/sp</t>
  </si>
  <si>
    <t>22/sp pakpattan</t>
  </si>
  <si>
    <t>Ihsan Ul Haq</t>
  </si>
  <si>
    <t>48664</t>
  </si>
  <si>
    <t>GGPS CHARHAT SINGH</t>
  </si>
  <si>
    <t>Charhat Singh near burj llyas khan</t>
  </si>
  <si>
    <t>Shazia khushi</t>
  </si>
  <si>
    <t>50485</t>
  </si>
  <si>
    <t>GGCMES 17/11-L</t>
  </si>
  <si>
    <t>17/11l</t>
  </si>
  <si>
    <t>17/11.L</t>
  </si>
  <si>
    <t>23/11l</t>
  </si>
  <si>
    <t>Safia Majeed</t>
  </si>
  <si>
    <t>GGPS JAVIEN WALA</t>
  </si>
  <si>
    <t>basti javien Wala, mauza sadhan wali, p /o basira, tehsil &amp; district muzaffar garh</t>
  </si>
  <si>
    <t>Javien Wala</t>
  </si>
  <si>
    <t>Sadia Gulzar</t>
  </si>
  <si>
    <t>49902</t>
  </si>
  <si>
    <t>GGPS CHAK NO. 90/NP</t>
  </si>
  <si>
    <t>chak 90 np</t>
  </si>
  <si>
    <t>GHS CHAK NO.187/WB</t>
  </si>
  <si>
    <t>chak 188wb mailsi</t>
  </si>
  <si>
    <t>Chak No 187Wb</t>
  </si>
  <si>
    <t>Shafi Muhammad</t>
  </si>
  <si>
    <t>GPS BASTI HAJI QUTAB DIN</t>
  </si>
  <si>
    <t>Muhammad Pur Ganga</t>
  </si>
  <si>
    <t>Basti.haji qutub din, adda yousaf abad</t>
  </si>
  <si>
    <t>Basti Haji Qutub Din</t>
  </si>
  <si>
    <t>Muhammad Pur  Qureshian</t>
  </si>
  <si>
    <t>26489</t>
  </si>
  <si>
    <t>12646</t>
  </si>
  <si>
    <t>GPS SHABBIR NADIR WALA</t>
  </si>
  <si>
    <t>kallan Shah</t>
  </si>
  <si>
    <t>basti sonarey wala mouza kallan shah p/o darien t/d muzaffargerh</t>
  </si>
  <si>
    <t>Sonarey Wala</t>
  </si>
  <si>
    <t>usman Koria</t>
  </si>
  <si>
    <t>Shahid Hussain Shah</t>
  </si>
  <si>
    <t>GGPS BHUTTO COLONY</t>
  </si>
  <si>
    <t>Bhutto Colony</t>
  </si>
  <si>
    <t>Bhutto colony</t>
  </si>
  <si>
    <t>GPS SHAH SAID BULHOO</t>
  </si>
  <si>
    <t>Shah Said Bulhoo</t>
  </si>
  <si>
    <t>VPO Shah Said Bulhoo</t>
  </si>
  <si>
    <t>Muhammad Riasat</t>
  </si>
  <si>
    <t>49912</t>
  </si>
  <si>
    <t>GGES JORA HITHAR</t>
  </si>
  <si>
    <t>Gohar Hittar</t>
  </si>
  <si>
    <t>Ruby Tahira</t>
  </si>
  <si>
    <t>49918</t>
  </si>
  <si>
    <t>GGPS JODHA RAM</t>
  </si>
  <si>
    <t>Pepalwala</t>
  </si>
  <si>
    <t>jodha ram duniapur</t>
  </si>
  <si>
    <t>Jodharam</t>
  </si>
  <si>
    <t>Chack355/ W B</t>
  </si>
  <si>
    <t>Gulnaz Ansari</t>
  </si>
  <si>
    <t>GGES 111/M</t>
  </si>
  <si>
    <t>Chak No.111/M P/O 112/N</t>
  </si>
  <si>
    <t>Qamar Ashraf</t>
  </si>
  <si>
    <t>GPS CHAK NO. 347-A TDA</t>
  </si>
  <si>
    <t>Chak No347/tda</t>
  </si>
  <si>
    <t>gps.347/tda choubara layyah</t>
  </si>
  <si>
    <t>Tahir Javed</t>
  </si>
  <si>
    <t>GES CHAK 95/6-R</t>
  </si>
  <si>
    <t>Chak 95-6R</t>
  </si>
  <si>
    <t>95/6.R</t>
  </si>
  <si>
    <t>95/6R</t>
  </si>
  <si>
    <t>Ehsan Ghani</t>
  </si>
  <si>
    <t>49927</t>
  </si>
  <si>
    <t>GES MUSA KHATANA</t>
  </si>
  <si>
    <t>Village. Musa khatana,p/o Nagrianwala, teh &amp; dist. Gujrat</t>
  </si>
  <si>
    <t>Musa khatana</t>
  </si>
  <si>
    <t>Arshad Mehmood  Toor</t>
  </si>
  <si>
    <t>33430</t>
  </si>
  <si>
    <t>GPS GULISTAN COLONY</t>
  </si>
  <si>
    <t>Gulistan Colony shahkot</t>
  </si>
  <si>
    <t>kari wala</t>
  </si>
  <si>
    <t>18452</t>
  </si>
  <si>
    <t>GGES JALL SHUMALI</t>
  </si>
  <si>
    <t>jall shumali tehsil piplan district mianwali</t>
  </si>
  <si>
    <t>49937</t>
  </si>
  <si>
    <t>7014</t>
  </si>
  <si>
    <t>GPS CHAK NO 169/P</t>
  </si>
  <si>
    <t>Chandrami</t>
  </si>
  <si>
    <t>chack no 169p</t>
  </si>
  <si>
    <t>Chak No 169/p</t>
  </si>
  <si>
    <t>Muhmmad Amjid</t>
  </si>
  <si>
    <t>water suplu</t>
  </si>
  <si>
    <t>Basti Khoyan moza sumra</t>
  </si>
  <si>
    <t>Basti Khoyan</t>
  </si>
  <si>
    <t>sumra</t>
  </si>
  <si>
    <t>GGPS DERA GANDWAL</t>
  </si>
  <si>
    <t>ggp/s dera gundwal</t>
  </si>
  <si>
    <t>Dera Gundwal</t>
  </si>
  <si>
    <t>GGPS GIDOO WAHI</t>
  </si>
  <si>
    <t>Hasuwala</t>
  </si>
  <si>
    <t>ggps guduwahi basti latifabad</t>
  </si>
  <si>
    <t>Guduwahi</t>
  </si>
  <si>
    <t>Irshad Anyat</t>
  </si>
  <si>
    <t>GES CHAK NO. 5/3-R</t>
  </si>
  <si>
    <t>chak no 5/3_R Ahmad pur sial Jhang</t>
  </si>
  <si>
    <t>Chak 5/3R</t>
  </si>
  <si>
    <t>36674</t>
  </si>
  <si>
    <t>GGES 10/D, ABDUL HAKIM</t>
  </si>
  <si>
    <t>Shiekhupura</t>
  </si>
  <si>
    <t>gge s 10d</t>
  </si>
  <si>
    <t>Daduaana</t>
  </si>
  <si>
    <t>8469</t>
  </si>
  <si>
    <t>GPS THOL ALLOO</t>
  </si>
  <si>
    <t>BAKHAR WAH GARBI</t>
  </si>
  <si>
    <t>BASTI JOGIANI THOL ALLOO</t>
  </si>
  <si>
    <t>THOL ALLOO</t>
  </si>
  <si>
    <t>52139</t>
  </si>
  <si>
    <t>GGPS 79/EB-I ARIFWALA</t>
  </si>
  <si>
    <t>79/eb</t>
  </si>
  <si>
    <t>GGPS 79/eb-1 Arifwala District Pakpattan</t>
  </si>
  <si>
    <t>79/eb 1</t>
  </si>
  <si>
    <t>83/eb</t>
  </si>
  <si>
    <t>GGES JANJVANI GHARBI</t>
  </si>
  <si>
    <t>Kutki Beruni</t>
  </si>
  <si>
    <t>janjwani gharbi.   po. kotki. beruni Isakhel. Mianwali</t>
  </si>
  <si>
    <t>Janjvani Gharbi</t>
  </si>
  <si>
    <t>GGES CHAK NO. 102/TDA</t>
  </si>
  <si>
    <t>PEER SIWAG</t>
  </si>
  <si>
    <t>CHAK NO. 102/TDA PIR SIWAG TEHSIL KAROR LAL EASON DISTRICT LAYYAH.</t>
  </si>
  <si>
    <t>102/TDA</t>
  </si>
  <si>
    <t>RAJAN SHAH</t>
  </si>
  <si>
    <t>SAFIA ALTAF</t>
  </si>
  <si>
    <t>GPS GHUMTI</t>
  </si>
  <si>
    <t>Bastion gumty p/o dunga bunga</t>
  </si>
  <si>
    <t>Bastion Gumty</t>
  </si>
  <si>
    <t>MUHAMMAD AMIN MUGHAL</t>
  </si>
  <si>
    <t>GMPS KOT JHARANA</t>
  </si>
  <si>
    <t>Kot Jharana</t>
  </si>
  <si>
    <t>Kot Jharana, P/O Ahla, MB Din</t>
  </si>
  <si>
    <t>Raja Hamid Nazir</t>
  </si>
  <si>
    <t>47386</t>
  </si>
  <si>
    <t>GGPS PLAHGRAN</t>
  </si>
  <si>
    <t>village plahgran post office acch tehsil kharian distt. gujrat</t>
  </si>
  <si>
    <t>GGPS DERA GUJRAN LALKAY</t>
  </si>
  <si>
    <t>Dera Gujjran</t>
  </si>
  <si>
    <t>Dera gujjran lalkay</t>
  </si>
  <si>
    <t>Dera Gujjran Lalkey</t>
  </si>
  <si>
    <t>Muredkey Gaon</t>
  </si>
  <si>
    <t>nasreen kosar</t>
  </si>
  <si>
    <t>GPS TANZEEM MAHRAN</t>
  </si>
  <si>
    <t>Bukhtiari</t>
  </si>
  <si>
    <t>Mouza Bukhtiari, Uchsharif, Ahmadpur East, Bahawalpur</t>
  </si>
  <si>
    <t>Khawer Nazir</t>
  </si>
  <si>
    <t>47771</t>
  </si>
  <si>
    <t>GMES CHAK NO. 12 ML</t>
  </si>
  <si>
    <t>Chak  No 12 ML</t>
  </si>
  <si>
    <t>P.O Box Chak No. 12 ML, Tehsil Piplan, Distt. Mianwali</t>
  </si>
  <si>
    <t>Chak No 12 ML</t>
  </si>
  <si>
    <t>Muafia Noureen</t>
  </si>
  <si>
    <t>49532</t>
  </si>
  <si>
    <t>GPS CHAK NO.86/5-R</t>
  </si>
  <si>
    <t>Chak  86-5R</t>
  </si>
  <si>
    <t>49331</t>
  </si>
  <si>
    <t>34018</t>
  </si>
  <si>
    <t>GPS JAINDAY WALA P/O SIKINDARABAD</t>
  </si>
  <si>
    <t>Sikandarabad</t>
  </si>
  <si>
    <t>Chaha jinday wala sikandarabad Shujabad Multan</t>
  </si>
  <si>
    <t>Jinday Wala</t>
  </si>
  <si>
    <t>Rana Muhammad Aslam</t>
  </si>
  <si>
    <t>34739</t>
  </si>
  <si>
    <t>GPS WASLI WALA</t>
  </si>
  <si>
    <t>Wasli wala</t>
  </si>
  <si>
    <t>Wasli Wala</t>
  </si>
  <si>
    <t>Q P R Sharqi</t>
  </si>
  <si>
    <t>43161</t>
  </si>
  <si>
    <t>GGES MAINGEN</t>
  </si>
  <si>
    <t>GGES MAINGAN</t>
  </si>
  <si>
    <t>Rahila Nazli</t>
  </si>
  <si>
    <t>49540</t>
  </si>
  <si>
    <t>GES BASTI MOLVIAN</t>
  </si>
  <si>
    <t>Basti Molvian p/o Taj garh Rahim Yar Khan</t>
  </si>
  <si>
    <t>49541</t>
  </si>
  <si>
    <t>38399</t>
  </si>
  <si>
    <t>GGPS KOTLA MURAD ALI</t>
  </si>
  <si>
    <t>Kotla murad ali</t>
  </si>
  <si>
    <t>Nasser Di Wahin</t>
  </si>
  <si>
    <t>GGPS DHOK SULTAN</t>
  </si>
  <si>
    <t>Dhok sultan</t>
  </si>
  <si>
    <t>Village &amp; P.O, Chawli. Dhok Sultan. Thesil &amp; Dist Chakwal</t>
  </si>
  <si>
    <t>Dhok Sultan</t>
  </si>
  <si>
    <t>rashida bibi</t>
  </si>
  <si>
    <t>GGPS CHAK 675/16 GB</t>
  </si>
  <si>
    <t>Chak no 675/16gb</t>
  </si>
  <si>
    <t>675/16gb</t>
  </si>
  <si>
    <t>674/15gb</t>
  </si>
  <si>
    <t>Uzma Mukhtar</t>
  </si>
  <si>
    <t>GPS CHAK NO.126/6-R</t>
  </si>
  <si>
    <t>Chak No 126/6R</t>
  </si>
  <si>
    <t>Sadiqa Younas</t>
  </si>
  <si>
    <t>GGPS BHATTI WALA SHUJABAD</t>
  </si>
  <si>
    <t>Bangala</t>
  </si>
  <si>
    <t>GGPS Bhatti wala</t>
  </si>
  <si>
    <t>Gardaiz Pur</t>
  </si>
  <si>
    <t>GMPS CHAK NO 91/NP</t>
  </si>
  <si>
    <t>91/NP</t>
  </si>
  <si>
    <t>Chak 91/NP</t>
  </si>
  <si>
    <t>Farhat Irfan</t>
  </si>
  <si>
    <t>GGPS RAPPAR NO.1</t>
  </si>
  <si>
    <t>rappar muqam wala</t>
  </si>
  <si>
    <t>Muqam Wala</t>
  </si>
  <si>
    <t>Ruquiya Hussain</t>
  </si>
  <si>
    <t>GPS SHOUKIAN</t>
  </si>
  <si>
    <t>Sargani Nasheeb</t>
  </si>
  <si>
    <t>GPS shoukian sargani nasheeb p/o sargani teh.karor distt.layyah</t>
  </si>
  <si>
    <t>Shoukian</t>
  </si>
  <si>
    <t>GPS CHAK 53 GB II</t>
  </si>
  <si>
    <t>chak#53gb jarsnwala</t>
  </si>
  <si>
    <t>Chak # 53gb</t>
  </si>
  <si>
    <t>Chak # 55gb</t>
  </si>
  <si>
    <t>GGPS CHAK NO 322 TDA</t>
  </si>
  <si>
    <t>Chak No 322/ Tda</t>
  </si>
  <si>
    <t>chak no 322/tda</t>
  </si>
  <si>
    <t>Chak No 322/tda</t>
  </si>
  <si>
    <t>Shama Tahira</t>
  </si>
  <si>
    <t>GES CHAK NO.41 NB</t>
  </si>
  <si>
    <t>41 nb</t>
  </si>
  <si>
    <t>Chak 41 nb tehsil and district sargodha</t>
  </si>
  <si>
    <t>Chak 41 Nb</t>
  </si>
  <si>
    <t>Chak 40 Nb</t>
  </si>
  <si>
    <t>Bashir Ahmad Malik</t>
  </si>
  <si>
    <t>52868</t>
  </si>
  <si>
    <t>GGPS CHAK NO.47 D</t>
  </si>
  <si>
    <t>47_D javaya piplipahar road depalpur</t>
  </si>
  <si>
    <t>47D Javaya</t>
  </si>
  <si>
    <t>7273</t>
  </si>
  <si>
    <t>GGPS GHARI DADO</t>
  </si>
  <si>
    <t>168p balochanh</t>
  </si>
  <si>
    <t>GGPS Ghari dadoo Po Ghari beghjar</t>
  </si>
  <si>
    <t>Tibbah balochanh</t>
  </si>
  <si>
    <t>muncipal Committee</t>
  </si>
  <si>
    <t>Sana Javed</t>
  </si>
  <si>
    <t>Dur Pur</t>
  </si>
  <si>
    <t>basti attullah mouza durpur p/o tibba</t>
  </si>
  <si>
    <t>Dur Pur/Attaullah</t>
  </si>
  <si>
    <t>Manzoor Hussain Sajid</t>
  </si>
  <si>
    <t>GGPS KOT RANA</t>
  </si>
  <si>
    <t>Kot Rana</t>
  </si>
  <si>
    <t>Kot Rana markaz mandifaizabad</t>
  </si>
  <si>
    <t>Bhuchukipar</t>
  </si>
  <si>
    <t>34413</t>
  </si>
  <si>
    <t>GPS ISLAM PUR MARRAL P/O QADIR PUR LAR</t>
  </si>
  <si>
    <t>Qadirpur Lar</t>
  </si>
  <si>
    <t>JHOK wala moza Qadirpur Lar multan sadar</t>
  </si>
  <si>
    <t>JHOK wala</t>
  </si>
  <si>
    <t>49417</t>
  </si>
  <si>
    <t>GGPS TAKHA</t>
  </si>
  <si>
    <t>Takha</t>
  </si>
  <si>
    <t>Takha P/O kalsian District SKP</t>
  </si>
  <si>
    <t>Gujiana Now</t>
  </si>
  <si>
    <t>Asra Shaheen</t>
  </si>
  <si>
    <t>GPS DERA AFZAL BHAIL</t>
  </si>
  <si>
    <t>Mitha tiwana</t>
  </si>
  <si>
    <t>dera muhammad afzal bhail</t>
  </si>
  <si>
    <t>mitha tiwana derajaat</t>
  </si>
  <si>
    <t>Mitha Tiwana janoobi</t>
  </si>
  <si>
    <t>GGPS CHAK 183 GB PAKHOWAL</t>
  </si>
  <si>
    <t>Chak No 183 Gb Pakhowal</t>
  </si>
  <si>
    <t>chak no 183 gb pakhowal</t>
  </si>
  <si>
    <t>183 Gb Pakhowal</t>
  </si>
  <si>
    <t>Aneela Tabusam</t>
  </si>
  <si>
    <t>GPS CHOWK AZAM</t>
  </si>
  <si>
    <t>Basti Awan Abad CHAK no 353 TDA Faisalabad road chowk Azam</t>
  </si>
  <si>
    <t>353 TDA</t>
  </si>
  <si>
    <t>RAFAQAT ALI</t>
  </si>
  <si>
    <t>49433</t>
  </si>
  <si>
    <t>GGPS TEHAL</t>
  </si>
  <si>
    <t>vill&amp;po tehal thesil kharian distt gujrat</t>
  </si>
  <si>
    <t>Bidder marjan</t>
  </si>
  <si>
    <t>Nadia Ashraf</t>
  </si>
  <si>
    <t>GGPS CHAK AMEER</t>
  </si>
  <si>
    <t>muredka</t>
  </si>
  <si>
    <t>sardar garh fateh kot.mandi sadiq ganj road</t>
  </si>
  <si>
    <t>sardar garh</t>
  </si>
  <si>
    <t>behkanwala</t>
  </si>
  <si>
    <t>Friha iqbal</t>
  </si>
  <si>
    <t>49436</t>
  </si>
  <si>
    <t>GMPS BULAQI WALI</t>
  </si>
  <si>
    <t>Bulaqiwali</t>
  </si>
  <si>
    <t>GMPS bulaqi wali</t>
  </si>
  <si>
    <t>BulaqiwaligmailcomBulaqiwali</t>
  </si>
  <si>
    <t>Sabahat Mehboob</t>
  </si>
  <si>
    <t>49438</t>
  </si>
  <si>
    <t>47961</t>
  </si>
  <si>
    <t>Baharay wala</t>
  </si>
  <si>
    <t>Baharay Wala</t>
  </si>
  <si>
    <t>49439</t>
  </si>
  <si>
    <t>GGES AHDI</t>
  </si>
  <si>
    <t>ahdi</t>
  </si>
  <si>
    <t>Chourand</t>
  </si>
  <si>
    <t>Asima Jabeen</t>
  </si>
  <si>
    <t>GGPS DODAH ARIAN</t>
  </si>
  <si>
    <t>musa kanju</t>
  </si>
  <si>
    <t>GGPS Doda Arain</t>
  </si>
  <si>
    <t>sejha</t>
  </si>
  <si>
    <t>GPS CHAK NO.31/3-R</t>
  </si>
  <si>
    <t>31/3-r</t>
  </si>
  <si>
    <t>chak no.31/3-r post office Dahranwala tehsil haroonabad district Bahawalnagar</t>
  </si>
  <si>
    <t>GPS MOHARAN WALA</t>
  </si>
  <si>
    <t>ahamad khan wala</t>
  </si>
  <si>
    <t>Mohranwala</t>
  </si>
  <si>
    <t>Shahbazk Khail</t>
  </si>
  <si>
    <t>Abdul Hameed Khan</t>
  </si>
  <si>
    <t>GGPS JHANBI WALA SHUJABAD DISTT. MULTAN</t>
  </si>
  <si>
    <t>Satburji</t>
  </si>
  <si>
    <t>Jhanbhi wala P/o Bagrain</t>
  </si>
  <si>
    <t>JHANBHI WALA</t>
  </si>
  <si>
    <t>Sughra Malik</t>
  </si>
  <si>
    <t>GPS SAEEDIA</t>
  </si>
  <si>
    <t>GPS saeedia basti kala machi</t>
  </si>
  <si>
    <t>Basti Kala Machi</t>
  </si>
  <si>
    <t>Zafrabad</t>
  </si>
  <si>
    <t>Malik Ahmad Bakhsh</t>
  </si>
  <si>
    <t>49450</t>
  </si>
  <si>
    <t>GPS 40 GB</t>
  </si>
  <si>
    <t>Chak No 40 GB</t>
  </si>
  <si>
    <t>chak no 40 G.B post office khaas tehsil jaranwala district faisalabad</t>
  </si>
  <si>
    <t>Chak No 40GB</t>
  </si>
  <si>
    <t>Chak no 39 GB</t>
  </si>
  <si>
    <t>Arslan Masood Syed</t>
  </si>
  <si>
    <t>GHS RAKH CHUNIAN</t>
  </si>
  <si>
    <t>Near new galla mandi Hujra road chunian</t>
  </si>
  <si>
    <t>maqsood ahmad zia</t>
  </si>
  <si>
    <t>GPS CHAK NO 107 TDA</t>
  </si>
  <si>
    <t>chak no 107/tda</t>
  </si>
  <si>
    <t>Chak No 107/tda</t>
  </si>
  <si>
    <t>HafizAhmad Ali</t>
  </si>
  <si>
    <t>52647</t>
  </si>
  <si>
    <t>GGPS BHADI WAHIN KEHROR PACCA</t>
  </si>
  <si>
    <t>Bahadiwhain</t>
  </si>
  <si>
    <t>Basti kumharn moza bahadiwhn teh kahror pacca distt lodhran</t>
  </si>
  <si>
    <t>Naseer Di Whan</t>
  </si>
  <si>
    <t>GPS NOOR MANDI</t>
  </si>
  <si>
    <t>Noor Mandi</t>
  </si>
  <si>
    <t>Noor Mandi.PO.More Khunda.NNS</t>
  </si>
  <si>
    <t>GGPS CHAK NAHI</t>
  </si>
  <si>
    <t>Nahi Wala</t>
  </si>
  <si>
    <t>basti chack nahi</t>
  </si>
  <si>
    <t>GGPS JAN PURA</t>
  </si>
  <si>
    <t>Janpura</t>
  </si>
  <si>
    <t>janpura</t>
  </si>
  <si>
    <t>Snodia Iffat</t>
  </si>
  <si>
    <t>GGPS CHAK NO.176 MURAD (NORTH)</t>
  </si>
  <si>
    <t>GGPS176 M North</t>
  </si>
  <si>
    <t>chak 176 murad</t>
  </si>
  <si>
    <t>176m  North</t>
  </si>
  <si>
    <t>167 Murad</t>
  </si>
  <si>
    <t>Nahid Akram</t>
  </si>
  <si>
    <t>GGPS MEHR HASSAN WALA</t>
  </si>
  <si>
    <t>Mir hasan wala post office kotki beruni</t>
  </si>
  <si>
    <t>Mir Hasan Wala</t>
  </si>
  <si>
    <t>NASIM BIBI</t>
  </si>
  <si>
    <t>36025</t>
  </si>
  <si>
    <t>GPS BASTI ISLAM PUR</t>
  </si>
  <si>
    <t>Mubarik Pur</t>
  </si>
  <si>
    <t>Gps basri Islam pur ,arkaz basti malook, multan saddar</t>
  </si>
  <si>
    <t>Islam pur</t>
  </si>
  <si>
    <t>Khan Maroof Hussain Mirani</t>
  </si>
  <si>
    <t>GPS BASTI PANOOHAN</t>
  </si>
  <si>
    <t>Kotla gamoon</t>
  </si>
  <si>
    <t>basti dakhna  muza &amp;p/o Kotla gamoon jatoi muzaffargarh</t>
  </si>
  <si>
    <t>Basti dakhna</t>
  </si>
  <si>
    <t>Malik Kaleem Ullah</t>
  </si>
  <si>
    <t>GPS BASTI MARRAH</t>
  </si>
  <si>
    <t>Basti Murrah P/O Nutkani tehsil taunsa distt dg khan</t>
  </si>
  <si>
    <t>Basti Murrah</t>
  </si>
  <si>
    <t>Jalo Wali</t>
  </si>
  <si>
    <t>GPS BAKHSHAY SATTAR WALA</t>
  </si>
  <si>
    <t>chah bakhshy sattar wala u.c nwankot tehsil choubara</t>
  </si>
  <si>
    <t>Bakhshay Sattar</t>
  </si>
  <si>
    <t>23352</t>
  </si>
  <si>
    <t>GGPS SAPRA</t>
  </si>
  <si>
    <t>sapra</t>
  </si>
  <si>
    <t>village sapra. p.o chokar kalan. khrian , Gujarat</t>
  </si>
  <si>
    <t>haji Muhammad</t>
  </si>
  <si>
    <t>Farheen Munir</t>
  </si>
  <si>
    <t>38524</t>
  </si>
  <si>
    <t>GPS LADHA BOHAR</t>
  </si>
  <si>
    <t>ladha bohar dunyapur lodhran</t>
  </si>
  <si>
    <t>Sadaqat Shaheen Rao</t>
  </si>
  <si>
    <t>49486</t>
  </si>
  <si>
    <t>GES ISMAEEL CHACHAR</t>
  </si>
  <si>
    <t>ISMAIL CHACHAR CHACHAR CHACHAR</t>
  </si>
  <si>
    <t>ISMAEEL CHACHER KOTSABZAL SADIQABAD RAHIM YAR KHAN</t>
  </si>
  <si>
    <t>ISMAEEL CHACHER</t>
  </si>
  <si>
    <t>SYED TANVEER RAZA</t>
  </si>
  <si>
    <t>43748</t>
  </si>
  <si>
    <t>GPS DHOK CHHAJI P/O TAMMAN</t>
  </si>
  <si>
    <t>DK Chajji</t>
  </si>
  <si>
    <t>Hameed Ullah Khan</t>
  </si>
  <si>
    <t>14051</t>
  </si>
  <si>
    <t>GGPS DOST PURA</t>
  </si>
  <si>
    <t>ggps dost pura</t>
  </si>
  <si>
    <t>Shamsa Naheed</t>
  </si>
  <si>
    <t>25089</t>
  </si>
  <si>
    <t>52441</t>
  </si>
  <si>
    <t>GPS KOT KAMAL DIN</t>
  </si>
  <si>
    <t>Bhookan</t>
  </si>
  <si>
    <t>kot kamal din center dakhli bhukan post office hujra. teh. depalpur dist. okara</t>
  </si>
  <si>
    <t>Kot Kamal Din</t>
  </si>
  <si>
    <t>Phulrawan</t>
  </si>
  <si>
    <t>GPS MARI SHOUQ SHAH</t>
  </si>
  <si>
    <t>Mari shouq shah</t>
  </si>
  <si>
    <t>49504</t>
  </si>
  <si>
    <t>GGPS ABADI AHMAD KHAN</t>
  </si>
  <si>
    <t>dinga sial nazd check post TOBA road jhang</t>
  </si>
  <si>
    <t>SHAINA ALTAF RAO</t>
  </si>
  <si>
    <t>49546</t>
  </si>
  <si>
    <t>GMMS DARA SANATEKA</t>
  </si>
  <si>
    <t>Dara Sanateka</t>
  </si>
  <si>
    <t>village dara sanateka p.o Rampura teh/distt Bahawalnagar</t>
  </si>
  <si>
    <t>49547</t>
  </si>
  <si>
    <t>43759</t>
  </si>
  <si>
    <t>Dk Fateh Shah</t>
  </si>
  <si>
    <t>v&amp; Po Dk Fateh Shah Teh Talagang Distt Chakwal</t>
  </si>
  <si>
    <t>GES 382/WB</t>
  </si>
  <si>
    <t>CHAK NO 382/WB</t>
  </si>
  <si>
    <t>CHAK NO 382/WB TEHSIL DUNYA PUR DISTRICT LODHRAN</t>
  </si>
  <si>
    <t>MUHAMMAD AAMIR MAHMOOD</t>
  </si>
  <si>
    <t>27512</t>
  </si>
  <si>
    <t>49553</t>
  </si>
  <si>
    <t>GPS KACHI PACKI</t>
  </si>
  <si>
    <t>Basti sair wala p/o Rukan wali Tehsil Jatoi dist M Garh</t>
  </si>
  <si>
    <t>Mahr Hassan Mahmood</t>
  </si>
  <si>
    <t>GPS GALA SHAHEEDAN DASKA</t>
  </si>
  <si>
    <t>GPS Galla shaheedan daska</t>
  </si>
  <si>
    <t>GGPS DOLLO WALL</t>
  </si>
  <si>
    <t>Dollowal</t>
  </si>
  <si>
    <t>chak dollowal tehsil depalpur district okara</t>
  </si>
  <si>
    <t>5492</t>
  </si>
  <si>
    <t>6679</t>
  </si>
  <si>
    <t>49314</t>
  </si>
  <si>
    <t>GGPS KOT MORA 109-NB</t>
  </si>
  <si>
    <t>109 Nb Ktot  mora</t>
  </si>
  <si>
    <t>chak 109 nb ktot mora</t>
  </si>
  <si>
    <t>109 Nb Kot Mora</t>
  </si>
  <si>
    <t>103 Nb</t>
  </si>
  <si>
    <t>Waheeda Bibi</t>
  </si>
  <si>
    <t>38064</t>
  </si>
  <si>
    <t>GGPS MAHESH WALA LAI WAHIN LODHRAN</t>
  </si>
  <si>
    <t>Lai Wahan</t>
  </si>
  <si>
    <t>maheish wala lai  whan</t>
  </si>
  <si>
    <t>Maheish Wala</t>
  </si>
  <si>
    <t>Dera Jund</t>
  </si>
  <si>
    <t>RABIA ATTA</t>
  </si>
  <si>
    <t>23153</t>
  </si>
  <si>
    <t>dhing</t>
  </si>
  <si>
    <t>vil dhing,p/o lamma the kharian dis gujrat</t>
  </si>
  <si>
    <t>Tanzeela Tabasum</t>
  </si>
  <si>
    <t>49567</t>
  </si>
  <si>
    <t>29369</t>
  </si>
  <si>
    <t>GGPS NAND KA TAKIA</t>
  </si>
  <si>
    <t>Nand ka Takia</t>
  </si>
  <si>
    <t>Herdosahari</t>
  </si>
  <si>
    <t>Saima Ishfaq</t>
  </si>
  <si>
    <t>GPS MEOWAL</t>
  </si>
  <si>
    <t>Meonwal</t>
  </si>
  <si>
    <t>Village meonwal</t>
  </si>
  <si>
    <t>Mohammad Sajid</t>
  </si>
  <si>
    <t>GGES CHAK NO. 521/TDA</t>
  </si>
  <si>
    <t>521 Tda</t>
  </si>
  <si>
    <t>GGES chak no 521tda</t>
  </si>
  <si>
    <t>Chak No 521tda</t>
  </si>
  <si>
    <t>11443</t>
  </si>
  <si>
    <t>GGPS BASTI DEAT</t>
  </si>
  <si>
    <t>basti allahwali</t>
  </si>
  <si>
    <t>Allahwali</t>
  </si>
  <si>
    <t>49575</t>
  </si>
  <si>
    <t>17045</t>
  </si>
  <si>
    <t>GPS CHAK NO 270 JB SOUTH</t>
  </si>
  <si>
    <t>Chak No 270 south</t>
  </si>
  <si>
    <t>Chak  No 270 South</t>
  </si>
  <si>
    <t>dildar</t>
  </si>
  <si>
    <t>49578</t>
  </si>
  <si>
    <t>GPS CHAK NO.148-A TDA</t>
  </si>
  <si>
    <t>CHAK NO 148-A/TDA LAYYAH</t>
  </si>
  <si>
    <t>Chak No.148/TDA Balowala Layyah</t>
  </si>
  <si>
    <t>Balowala</t>
  </si>
  <si>
    <t>Sajjad Iqbal</t>
  </si>
  <si>
    <t>14384</t>
  </si>
  <si>
    <t>GPS SHAH DOST</t>
  </si>
  <si>
    <t>Chak Danvani</t>
  </si>
  <si>
    <t>Soon Miani Rojhan</t>
  </si>
  <si>
    <t>Basti Dhani Bux Khan</t>
  </si>
  <si>
    <t>Shehzad Goher</t>
  </si>
  <si>
    <t>GGPS CHAK NO.339/EB</t>
  </si>
  <si>
    <t>chak#339/eb Arifwala District  pakpattan</t>
  </si>
  <si>
    <t>Chak#339/eb</t>
  </si>
  <si>
    <t>Hafza Ammara</t>
  </si>
  <si>
    <t>GGES KOTLI AFGHANAN</t>
  </si>
  <si>
    <t>Kotli Afghanan</t>
  </si>
  <si>
    <t>GGES Kotli Afghanan</t>
  </si>
  <si>
    <t>Mariam Fatima</t>
  </si>
  <si>
    <t>GPS 5-MARLA SCHEME JAMMU WALA</t>
  </si>
  <si>
    <t>Jamujat</t>
  </si>
  <si>
    <t>Government primary school 5 Marla schem jamujat</t>
  </si>
  <si>
    <t>Gorran Wala</t>
  </si>
  <si>
    <t>Muhammad Rawal</t>
  </si>
  <si>
    <t>53069</t>
  </si>
  <si>
    <t>49269</t>
  </si>
  <si>
    <t>GPS EID GAH DUNGA BUNGA</t>
  </si>
  <si>
    <t>eid gah dunga bunga</t>
  </si>
  <si>
    <t>49272</t>
  </si>
  <si>
    <t>GMPS ROHI WALA</t>
  </si>
  <si>
    <t>Rohiwala</t>
  </si>
  <si>
    <t>rohi wala</t>
  </si>
  <si>
    <t>Rohi Wala</t>
  </si>
  <si>
    <t>Toshiba Kanwal</t>
  </si>
  <si>
    <t>GMMS CHAK NO. 227-A/TDA</t>
  </si>
  <si>
    <t>Chak No 227A/TDA</t>
  </si>
  <si>
    <t>chak no227A/TDA fatehpur tehsil karor district Layyah</t>
  </si>
  <si>
    <t>GPS BHANGRAN WALA</t>
  </si>
  <si>
    <t>Bhangaranwala</t>
  </si>
  <si>
    <t>village bhangaranwala post office karianwala district /tehsil gujrat</t>
  </si>
  <si>
    <t>Sumaira Kousar</t>
  </si>
  <si>
    <t>47080</t>
  </si>
  <si>
    <t>GES DANDI</t>
  </si>
  <si>
    <t>VPO  DANDI</t>
  </si>
  <si>
    <t>Zia Ud Din Shah</t>
  </si>
  <si>
    <t>297292</t>
  </si>
  <si>
    <t>GGPS DERA MARKA</t>
  </si>
  <si>
    <t>Wern</t>
  </si>
  <si>
    <t>GGPS Dera Marka khoo moza wern</t>
  </si>
  <si>
    <t>Dera Marka Khoo</t>
  </si>
  <si>
    <t>Maryam Ejaz</t>
  </si>
  <si>
    <t>49285</t>
  </si>
  <si>
    <t>7248</t>
  </si>
  <si>
    <t>GPS CHAK NO. 42 NP</t>
  </si>
  <si>
    <t>Govt.ps chak 42 np basti haji gull Muhammad</t>
  </si>
  <si>
    <t>Basti Haji Gull Muhammad</t>
  </si>
  <si>
    <t>Muhammad Humair</t>
  </si>
  <si>
    <t>GPS CHAK THAKRA</t>
  </si>
  <si>
    <t>THAKRA</t>
  </si>
  <si>
    <t>HAVALI LALHA</t>
  </si>
  <si>
    <t>SMUNDRI</t>
  </si>
  <si>
    <t>49288</t>
  </si>
  <si>
    <t>GPS JATOI ROAD</t>
  </si>
  <si>
    <t>Muradpoor</t>
  </si>
  <si>
    <t>Basti ghazi nizam shaher sultan</t>
  </si>
  <si>
    <t>Ghazi Nizam</t>
  </si>
  <si>
    <t>Fiaz Hussain Bhatti</t>
  </si>
  <si>
    <t>GGPS RATANY WALA</t>
  </si>
  <si>
    <t>Ratnay Wala P/O khudian khas kasur</t>
  </si>
  <si>
    <t>Uzma Rashid</t>
  </si>
  <si>
    <t>GGES PIR DARBAR NO 1 MULTAN</t>
  </si>
  <si>
    <t>Sultan Pur HAMAR</t>
  </si>
  <si>
    <t>GGES Peer Darbar markez Shershah</t>
  </si>
  <si>
    <t>BASTI Talab</t>
  </si>
  <si>
    <t>Ghazala Inayat</t>
  </si>
  <si>
    <t>49291</t>
  </si>
  <si>
    <t>GMPS PINDI KHOKHRAN</t>
  </si>
  <si>
    <t>Pindi Khokhran</t>
  </si>
  <si>
    <t>village Pindi khokhran,teh kharian,disttt.Gujrat</t>
  </si>
  <si>
    <t>GPS DARKHAN WALA MOZO BAND ALI PUR</t>
  </si>
  <si>
    <t>band ali Pur</t>
  </si>
  <si>
    <t>moza band ali pur basti darkhan wala lodhran</t>
  </si>
  <si>
    <t>sadullah pur</t>
  </si>
  <si>
    <t>49296</t>
  </si>
  <si>
    <t>GPS CHAH BARIAN WALA</t>
  </si>
  <si>
    <t>Chah Berian Wala</t>
  </si>
  <si>
    <t>chah Berian wala pakpattan sharif</t>
  </si>
  <si>
    <t>50203</t>
  </si>
  <si>
    <t>GES  65/12-L</t>
  </si>
  <si>
    <t>Chak no 65/12L</t>
  </si>
  <si>
    <t>Saleem Mehmood</t>
  </si>
  <si>
    <t>51234</t>
  </si>
  <si>
    <t>GGPS 121/9-L</t>
  </si>
  <si>
    <t>121/9-L SAHIWAL</t>
  </si>
  <si>
    <t>CHAK NO 121/9-L KAMIR-A SAHIWAL</t>
  </si>
  <si>
    <t>UMME SALMA</t>
  </si>
  <si>
    <t>28218</t>
  </si>
  <si>
    <t>GES BAHRI</t>
  </si>
  <si>
    <t>Bahri</t>
  </si>
  <si>
    <t>vpo bahri teh.phalia distt.m.b din</t>
  </si>
  <si>
    <t>49305</t>
  </si>
  <si>
    <t>GGPS CHAK NO 310 TDA</t>
  </si>
  <si>
    <t>chak 310</t>
  </si>
  <si>
    <t>GGPS chak 310/TDA Choubara</t>
  </si>
  <si>
    <t>310/TDA</t>
  </si>
  <si>
    <t>Aulakh Thal kalan</t>
  </si>
  <si>
    <t>Nighat Gul</t>
  </si>
  <si>
    <t>GGHS DHEERNKE LALKE</t>
  </si>
  <si>
    <t>Dherenke Mirdadke</t>
  </si>
  <si>
    <t>GGHS Dherenke Lalke, Hafizabad.</t>
  </si>
  <si>
    <t>Shadia Parveen</t>
  </si>
  <si>
    <t>49308</t>
  </si>
  <si>
    <t>35983</t>
  </si>
  <si>
    <t>GPS DOKOTA P.O DOKOTA</t>
  </si>
  <si>
    <t>Koat Malik</t>
  </si>
  <si>
    <t>koat Malik Dokota</t>
  </si>
  <si>
    <t>Laal Sagoo</t>
  </si>
  <si>
    <t>Itrat Shahzad Khan</t>
  </si>
  <si>
    <t>GGES MANDA KHEL</t>
  </si>
  <si>
    <t>mandakhel.tehsil Isakhel.district mianwali</t>
  </si>
  <si>
    <t>Tehseen Ghafoor</t>
  </si>
  <si>
    <t>49313</t>
  </si>
  <si>
    <t>48883</t>
  </si>
  <si>
    <t>GGES LALO WALI</t>
  </si>
  <si>
    <t>Lalu  Wali</t>
  </si>
  <si>
    <t>g g e  s  lalu wali</t>
  </si>
  <si>
    <t>Lulu  Wali</t>
  </si>
  <si>
    <t>Lulu  Wall</t>
  </si>
  <si>
    <t>Raheela Mumtaz</t>
  </si>
  <si>
    <t>GPS SONI</t>
  </si>
  <si>
    <t>gps basti soni p/o chak abbas tehsil and district rahimyar khan</t>
  </si>
  <si>
    <t>Tajgarh</t>
  </si>
  <si>
    <t>34082</t>
  </si>
  <si>
    <t>GGES BANGALA MORE BASTI BANGALA MORE</t>
  </si>
  <si>
    <t>gardaiz Pour</t>
  </si>
  <si>
    <t>GGES Bangala more</t>
  </si>
  <si>
    <t>bangala more</t>
  </si>
  <si>
    <t>Amna Hazoor</t>
  </si>
  <si>
    <t>49316</t>
  </si>
  <si>
    <t>GPS CHAK NO. 135/1-L</t>
  </si>
  <si>
    <t>135/1L</t>
  </si>
  <si>
    <t>GPS 135/1L CHAK 135/1L KHAN PUR DISTRICT. RAHIM YAR KHAN</t>
  </si>
  <si>
    <t>Chak 135/1L</t>
  </si>
  <si>
    <t>BHATTA SHEIKHAN</t>
  </si>
  <si>
    <t>49322</t>
  </si>
  <si>
    <t>GPS DERA NOOR DIN</t>
  </si>
  <si>
    <t>Dera Noor Din</t>
  </si>
  <si>
    <t>Dera Noor Din farooq Abad</t>
  </si>
  <si>
    <t>28148</t>
  </si>
  <si>
    <t>GGPS MC DERA ROSHAN MBDIN</t>
  </si>
  <si>
    <t>Deraroshan</t>
  </si>
  <si>
    <t>dera roshan</t>
  </si>
  <si>
    <t>Dera Roshan</t>
  </si>
  <si>
    <t>23369</t>
  </si>
  <si>
    <t>GES NAWAN KOT CHAK NO. 79/RB</t>
  </si>
  <si>
    <t>SAFDARABAD-IV - MALE</t>
  </si>
  <si>
    <t>Nawan Kot 79rb</t>
  </si>
  <si>
    <t>nawan kot chak #79 rb, tensil safdarabad, dist SKP</t>
  </si>
  <si>
    <t>GGPS NEBHAO WALA</t>
  </si>
  <si>
    <t>Rupper</t>
  </si>
  <si>
    <t>G.G.P.S.Nibhao wala Basti Shadi pur</t>
  </si>
  <si>
    <t>49333</t>
  </si>
  <si>
    <t>GES 81 EB</t>
  </si>
  <si>
    <t>Chak No 81 EB</t>
  </si>
  <si>
    <t>GES 81 E.B Arifwala</t>
  </si>
  <si>
    <t>IMRAN HAIDER</t>
  </si>
  <si>
    <t>GGES KOT NAMDAR</t>
  </si>
  <si>
    <t>kot namdar tehsil and district nankana sahib</t>
  </si>
  <si>
    <t>Saima Ashraf</t>
  </si>
  <si>
    <t>49338</t>
  </si>
  <si>
    <t>GGPS DAR-UL-NASAR WEST</t>
  </si>
  <si>
    <t>Dar ul nasar west</t>
  </si>
  <si>
    <t>Dar Ul Nasar Chenab Nagar</t>
  </si>
  <si>
    <t>Dar Ul Sadar</t>
  </si>
  <si>
    <t>19198</t>
  </si>
  <si>
    <t>GMMS BASTI NAZAM DIN 667/8 GB</t>
  </si>
  <si>
    <t>667/8 gb basti nizam din pir mahal</t>
  </si>
  <si>
    <t>667/8 GB Basti Nizam Din</t>
  </si>
  <si>
    <t>GGPS KACHA PAKKA KHURD</t>
  </si>
  <si>
    <t>Kacha Pacca Khurd</t>
  </si>
  <si>
    <t>kacha pacca khurd tehsil&amp;distt kasur</t>
  </si>
  <si>
    <t>49348</t>
  </si>
  <si>
    <t>38452</t>
  </si>
  <si>
    <t>GES CHAK NO. 351/WB</t>
  </si>
  <si>
    <t>Chak No 351WB</t>
  </si>
  <si>
    <t>chak no 351 Wb dunyapur pur</t>
  </si>
  <si>
    <t>351 Wb</t>
  </si>
  <si>
    <t>Chak No 355 Wb</t>
  </si>
  <si>
    <t>Mukhtar Ali</t>
  </si>
  <si>
    <t>GPS GAMMAN WALA</t>
  </si>
  <si>
    <t>SUMRA That Janoobi</t>
  </si>
  <si>
    <t>chah gamon Wala choubara</t>
  </si>
  <si>
    <t>Chah Gujar Wala</t>
  </si>
  <si>
    <t>34381</t>
  </si>
  <si>
    <t>GPS DAD WALA BASTI DAD WALI MUTTI TAL</t>
  </si>
  <si>
    <t>Jungle Kalranwala JungleKalranwala</t>
  </si>
  <si>
    <t>chah bahaabwala  moza jungle karlanwala multan</t>
  </si>
  <si>
    <t>Chah Bahaabwala Wala</t>
  </si>
  <si>
    <t>Jungle Karlanwala</t>
  </si>
  <si>
    <t>Saleem Raza</t>
  </si>
  <si>
    <t>6736</t>
  </si>
  <si>
    <t>49354</t>
  </si>
  <si>
    <t>GPS CHAK 261 RB II</t>
  </si>
  <si>
    <t>CHAK 261 RB BHAGOWAL, FAISALABAD</t>
  </si>
  <si>
    <t>MUHAMMAD ZAHIR</t>
  </si>
  <si>
    <t>8684</t>
  </si>
  <si>
    <t>12564</t>
  </si>
  <si>
    <t>GPS RANG PUR KOHNA</t>
  </si>
  <si>
    <t>P/O Rang Pur</t>
  </si>
  <si>
    <t>Basti Maidan Wala</t>
  </si>
  <si>
    <t>15601</t>
  </si>
  <si>
    <t>GPS CHAK NO. 84-A TDA BLOCHAN</t>
  </si>
  <si>
    <t>84-A/TDA BLOCHAN</t>
  </si>
  <si>
    <t>CHAK NO.84-A/TDA BLOCHAN WALA KAROR LAYYAH</t>
  </si>
  <si>
    <t>49362</t>
  </si>
  <si>
    <t>GGHS MUHAMMDI PUR</t>
  </si>
  <si>
    <t>Muhamdi I</t>
  </si>
  <si>
    <t>GES PUNJNAD COLONY</t>
  </si>
  <si>
    <t>Bait Moezudin</t>
  </si>
  <si>
    <t>Punjnad Colony Head Punjnad Alipur</t>
  </si>
  <si>
    <t>Punjnad Colony</t>
  </si>
  <si>
    <t>Muhammad Ashiq Farid</t>
  </si>
  <si>
    <t>36735</t>
  </si>
  <si>
    <t>GPS JHALAR DAULTANA, SARAI SIDHU</t>
  </si>
  <si>
    <t>chah jhalar doltana village sarai sidhu.Tehsil kabirwala distt khanewal</t>
  </si>
  <si>
    <t>Jhalar Doltana</t>
  </si>
  <si>
    <t>Muhammad Ahsan Sharif</t>
  </si>
  <si>
    <t>36501</t>
  </si>
  <si>
    <t>GPS FAIZ WAH</t>
  </si>
  <si>
    <t>faiz wah Vehari</t>
  </si>
  <si>
    <t>Basti Bangla Fazal</t>
  </si>
  <si>
    <t>Qdir Wah</t>
  </si>
  <si>
    <t>49371</t>
  </si>
  <si>
    <t>GPS MUD GANGOO</t>
  </si>
  <si>
    <t>Mud Hassan P/o Tranda Soy Khan  Ryk</t>
  </si>
  <si>
    <t>Chuck 100/ P</t>
  </si>
  <si>
    <t>Wazeer Ahmed Asim</t>
  </si>
  <si>
    <t>49372</t>
  </si>
  <si>
    <t>GES MARKHAL PO TAMMAN</t>
  </si>
  <si>
    <t>Village Markhal Po Budhial GES Markhal</t>
  </si>
  <si>
    <t>GPS AMEER NAICH</t>
  </si>
  <si>
    <t>Chak 158/NP</t>
  </si>
  <si>
    <t>chak 158/NP Chani goth</t>
  </si>
  <si>
    <t>Chani goth</t>
  </si>
  <si>
    <t>GES MASTI WALA</t>
  </si>
  <si>
    <t>VPO Masti Wala</t>
  </si>
  <si>
    <t>Masti wala</t>
  </si>
  <si>
    <t>Gul Nawaz Khan Niazi</t>
  </si>
  <si>
    <t>10436</t>
  </si>
  <si>
    <t>GGPS FAHIM ABAD</t>
  </si>
  <si>
    <t>Paka Kamar  Mushani</t>
  </si>
  <si>
    <t>wanda mala khel kamar mushani thsel esa khel district mianwali</t>
  </si>
  <si>
    <t>Wanda Mala Khel</t>
  </si>
  <si>
    <t>Rukhsana zaman</t>
  </si>
  <si>
    <t>Raqba Dhingana</t>
  </si>
  <si>
    <t>GPS Rana Nagar Raqba Dhingana</t>
  </si>
  <si>
    <t>Bukhsh Abad</t>
  </si>
  <si>
    <t>GGPS NAZIR COLONY</t>
  </si>
  <si>
    <t>Ggps nazeer colony bwn</t>
  </si>
  <si>
    <t>Khadam Abad</t>
  </si>
  <si>
    <t>GGPS GADGOR</t>
  </si>
  <si>
    <t>Gadgur</t>
  </si>
  <si>
    <t>moza gadgor p/o qadirabad tehsil phalia dist m.b.din</t>
  </si>
  <si>
    <t>Deera Gadgor</t>
  </si>
  <si>
    <t>Zareena shaheen</t>
  </si>
  <si>
    <t>GHS KOT HUSSAN KHAN</t>
  </si>
  <si>
    <t>ghs kot hassan khan</t>
  </si>
  <si>
    <t>Laeeque Ahmad Sultani</t>
  </si>
  <si>
    <t>51334</t>
  </si>
  <si>
    <t>GES 19/SP PAKPATTAN</t>
  </si>
  <si>
    <t>19/SP</t>
  </si>
  <si>
    <t>Chak 19/SP Pakpattan</t>
  </si>
  <si>
    <t>GPS 235 EB</t>
  </si>
  <si>
    <t>235/EB</t>
  </si>
  <si>
    <t>chak#235/EB</t>
  </si>
  <si>
    <t>Iram Ramzan</t>
  </si>
  <si>
    <t>GGPS BASTI NAWAN</t>
  </si>
  <si>
    <t>basti nawan sadan wali basira</t>
  </si>
  <si>
    <t>Anbrina Sadaf</t>
  </si>
  <si>
    <t>47136</t>
  </si>
  <si>
    <t>GPS HEAD PACCA</t>
  </si>
  <si>
    <t>headpacca mianwali</t>
  </si>
  <si>
    <t>Head Pacca</t>
  </si>
  <si>
    <t>GES MC GULGASHT COLONY MULTAN</t>
  </si>
  <si>
    <t>gulashat near board office multan</t>
  </si>
  <si>
    <t>Gulgashat</t>
  </si>
  <si>
    <t>Muhammad Nadeem Hussain</t>
  </si>
  <si>
    <t>49589</t>
  </si>
  <si>
    <t>32054</t>
  </si>
  <si>
    <t>GPS GURU NANAK PURA</t>
  </si>
  <si>
    <t>Mohallah Gurunanakpura Farooqabad</t>
  </si>
  <si>
    <t>GGES AGAR KHANI BASTI MAHRAM SHUJABAD</t>
  </si>
  <si>
    <t>Agar Khani</t>
  </si>
  <si>
    <t>GGES Agar khani Basti Mehram Shujabad</t>
  </si>
  <si>
    <t>Basti Mehram</t>
  </si>
  <si>
    <t>Rukan Hati</t>
  </si>
  <si>
    <t>Naveeda Kuosar</t>
  </si>
  <si>
    <t>GPS TURHOLI, P/O HEAD SIDHNI, ABDUL HAKIM</t>
  </si>
  <si>
    <t>Traily</t>
  </si>
  <si>
    <t>Mouza Traily</t>
  </si>
  <si>
    <t>Muhammad Akmal Javid</t>
  </si>
  <si>
    <t>49592</t>
  </si>
  <si>
    <t>51558</t>
  </si>
  <si>
    <t>GPS NANAK PUR</t>
  </si>
  <si>
    <t>Nanak Pur</t>
  </si>
  <si>
    <t>chak Nanak pur</t>
  </si>
  <si>
    <t>Bung a Hayat</t>
  </si>
  <si>
    <t>Jung Sher Ali</t>
  </si>
  <si>
    <t>49594</t>
  </si>
  <si>
    <t>GGPS MUSA KAHUT</t>
  </si>
  <si>
    <t>Musa Kahut</t>
  </si>
  <si>
    <t>village Musa kahut po padshahn</t>
  </si>
  <si>
    <t>Mehwish Shaheen</t>
  </si>
  <si>
    <t>GPS CHAK NO 104/6-R</t>
  </si>
  <si>
    <t>104/6r</t>
  </si>
  <si>
    <t>chak no. 104/6r</t>
  </si>
  <si>
    <t>Sakhi Muhammad</t>
  </si>
  <si>
    <t>49596</t>
  </si>
  <si>
    <t>GHS CHAK 178 GB GHOUGHA</t>
  </si>
  <si>
    <t>Chak No 178 GB Gojra</t>
  </si>
  <si>
    <t>Chak No. 178 GB Gojra</t>
  </si>
  <si>
    <t>178 GB Gojra</t>
  </si>
  <si>
    <t>Muhammad Azhar  Saeed</t>
  </si>
  <si>
    <t>49597</t>
  </si>
  <si>
    <t>GGPS MEHNDI PUR  MULTAN</t>
  </si>
  <si>
    <t>Purana Shershah</t>
  </si>
  <si>
    <t>Govt. Girls Primary School Mehndi pur, Basti Akbar shah wala</t>
  </si>
  <si>
    <t>basti akbar shah wala</t>
  </si>
  <si>
    <t>Raheela Naheed</t>
  </si>
  <si>
    <t>49598</t>
  </si>
  <si>
    <t>GMPS KOT HAST KHAN</t>
  </si>
  <si>
    <t>village kot khan Post office bhebra</t>
  </si>
  <si>
    <t>Amina Talat</t>
  </si>
  <si>
    <t>44176</t>
  </si>
  <si>
    <t>GGPS MC E-BLOCK</t>
  </si>
  <si>
    <t>N Block</t>
  </si>
  <si>
    <t>N Block Burewala</t>
  </si>
  <si>
    <t>Dilshad Shamim</t>
  </si>
  <si>
    <t>49607</t>
  </si>
  <si>
    <t>GPS MUNSHI OTTAR</t>
  </si>
  <si>
    <t>Munshi Uttar</t>
  </si>
  <si>
    <t>mousa munshi uttar thsil minchinabad distrct bhawalngar</t>
  </si>
  <si>
    <t>Fiddai Shah</t>
  </si>
  <si>
    <t>49609</t>
  </si>
  <si>
    <t>33115</t>
  </si>
  <si>
    <t>GMPS AZEEM WALA</t>
  </si>
  <si>
    <t>Azeem wala</t>
  </si>
  <si>
    <t>Govt Modal Primary school Azeem wala</t>
  </si>
  <si>
    <t>Jogy kot</t>
  </si>
  <si>
    <t>Rehana Nazir</t>
  </si>
  <si>
    <t>GPS CHAK 74/NP</t>
  </si>
  <si>
    <t>Gps 74 np</t>
  </si>
  <si>
    <t>sonak</t>
  </si>
  <si>
    <t>muhammad ilyas mushtaq</t>
  </si>
  <si>
    <t>49612</t>
  </si>
  <si>
    <t>GPS KHARAL JAWALA</t>
  </si>
  <si>
    <t>village kharal jawala</t>
  </si>
  <si>
    <t>Muhammad Asim Ishaq</t>
  </si>
  <si>
    <t>GGES 16/11-L</t>
  </si>
  <si>
    <t>16/11-l</t>
  </si>
  <si>
    <t>chak no 16/11-l tehseel chichawatni district sahiwal</t>
  </si>
  <si>
    <t>Chak no 16/11-l</t>
  </si>
  <si>
    <t>23/11-l</t>
  </si>
  <si>
    <t>Nusrat Faheem</t>
  </si>
  <si>
    <t>15902</t>
  </si>
  <si>
    <t>49614</t>
  </si>
  <si>
    <t>38345</t>
  </si>
  <si>
    <t>GMPS KHAIR MUHAMMAD WALA</t>
  </si>
  <si>
    <t>GMPS khair Muhammad wala</t>
  </si>
  <si>
    <t>Peer Jevan</t>
  </si>
  <si>
    <t>Zubeda Khanam</t>
  </si>
  <si>
    <t>47958</t>
  </si>
  <si>
    <t>GGES HERNOLI ADDA KHAS</t>
  </si>
  <si>
    <t>Adda khass   harnoli</t>
  </si>
  <si>
    <t>Shamas Abdul Ghafoor</t>
  </si>
  <si>
    <t>GGPS LALOO NAICH</t>
  </si>
  <si>
    <t>besti khanwara lalu naich</t>
  </si>
  <si>
    <t>Nusrat batool</t>
  </si>
  <si>
    <t>GPS CHAK NO. 89/TDA</t>
  </si>
  <si>
    <t>CHAK NO 89/TDA</t>
  </si>
  <si>
    <t>Chak no 89/TDA</t>
  </si>
  <si>
    <t>89 / TDA</t>
  </si>
  <si>
    <t>GMPS BASTI HUSSAIN ABAD</t>
  </si>
  <si>
    <t>Gmps Basti Hussain abad G.M.raja</t>
  </si>
  <si>
    <t>munawar batool</t>
  </si>
  <si>
    <t>49944</t>
  </si>
  <si>
    <t>GPS WAHID BUX</t>
  </si>
  <si>
    <t>Taj Pur Mureed Wala</t>
  </si>
  <si>
    <t>basti Malik Wahid bukhsh</t>
  </si>
  <si>
    <t>Basti Malik Wahid Bukhsh</t>
  </si>
  <si>
    <t>GPS MOADIB MUD LAL</t>
  </si>
  <si>
    <t>Mud lal</t>
  </si>
  <si>
    <t>Basti mud lal</t>
  </si>
  <si>
    <t>Ahmad Ali lar</t>
  </si>
  <si>
    <t>syed Gulab Ali</t>
  </si>
  <si>
    <t>38328</t>
  </si>
  <si>
    <t>GGPS MOUZA GOAL</t>
  </si>
  <si>
    <t>Goal</t>
  </si>
  <si>
    <t>Govt Girls primary School Mouza Goal</t>
  </si>
  <si>
    <t>Basti Goal</t>
  </si>
  <si>
    <t>Tibbi Waddah</t>
  </si>
  <si>
    <t>GPS TAHIR WALI</t>
  </si>
  <si>
    <t>Basti and Moza Tahir Wali p/o Chani Goth Teh. APE Dist. BWP</t>
  </si>
  <si>
    <t>GGPS MULLAY WALA MAUZA WAINS SHUJABAD</t>
  </si>
  <si>
    <t>Khohi wains wali moza wains ggps moolay wala.</t>
  </si>
  <si>
    <t>Moolay Walla</t>
  </si>
  <si>
    <t>Bugren</t>
  </si>
  <si>
    <t>35312</t>
  </si>
  <si>
    <t>GGPS MC H-BLOCK</t>
  </si>
  <si>
    <t>Ward No 33</t>
  </si>
  <si>
    <t>GGES 380/W.B</t>
  </si>
  <si>
    <t>CHAK NO 380/WB</t>
  </si>
  <si>
    <t>GGES CHAK NO 380/WB</t>
  </si>
  <si>
    <t>MUSSARAT AZIZ</t>
  </si>
  <si>
    <t>GGPS GADRANWALA</t>
  </si>
  <si>
    <t>choranwala</t>
  </si>
  <si>
    <t>Village Gidran Wala p/o shiekhmehmood   isakhel</t>
  </si>
  <si>
    <t>Gidranwala</t>
  </si>
  <si>
    <t>GGES MUHAMMAD KHAN</t>
  </si>
  <si>
    <t>basti m nawaz khan moza Mohd khan zahir pit tehsil Kanpur</t>
  </si>
  <si>
    <t>Basti Mohammad Nawaz  Khan</t>
  </si>
  <si>
    <t>GES CHAND PUR P/O MORE KHUNDA</t>
  </si>
  <si>
    <t>Chandpur</t>
  </si>
  <si>
    <t>chandpur p/o morekhunda Tehsil&amp; District Nankana sahib</t>
  </si>
  <si>
    <t>shoaib</t>
  </si>
  <si>
    <t>GES KAHIRI</t>
  </si>
  <si>
    <t>Bait Maitla</t>
  </si>
  <si>
    <t>bait maitla tahesil district muzaffargarh garh</t>
  </si>
  <si>
    <t>Muhammad Zeeshan Qadir</t>
  </si>
  <si>
    <t>kalri</t>
  </si>
  <si>
    <t>49975</t>
  </si>
  <si>
    <t>9988</t>
  </si>
  <si>
    <t>GGES CHAK NO.263 TDA</t>
  </si>
  <si>
    <t>Shahi Dagar</t>
  </si>
  <si>
    <t>chak NO.263/TDA</t>
  </si>
  <si>
    <t>263/TDA</t>
  </si>
  <si>
    <t>Chak No112/ML</t>
  </si>
  <si>
    <t>Ponam Hadiqa</t>
  </si>
  <si>
    <t>GGPS BASTI HAQ NAWAZ</t>
  </si>
  <si>
    <t>Aswarpura</t>
  </si>
  <si>
    <t>Basti Haq nawaz</t>
  </si>
  <si>
    <t>Basti Haq Nawaza</t>
  </si>
  <si>
    <t>Noor Begum</t>
  </si>
  <si>
    <t>GPS DHEDIAN WALA</t>
  </si>
  <si>
    <t>Wandhi peer phul shah wali Paikhel Mianwali</t>
  </si>
  <si>
    <t>29594</t>
  </si>
  <si>
    <t>GGPS KOT HAJI BAGRA</t>
  </si>
  <si>
    <t>kot haji bagra</t>
  </si>
  <si>
    <t>ggps kot haji bagra</t>
  </si>
  <si>
    <t>dholan hithar</t>
  </si>
  <si>
    <t>GMPS LAKHANI</t>
  </si>
  <si>
    <t>moza lakhani city khan bela</t>
  </si>
  <si>
    <t>Shazia Tehseen</t>
  </si>
  <si>
    <t>GPS DERA BAGGI BURJI</t>
  </si>
  <si>
    <t>Bhar</t>
  </si>
  <si>
    <t>dera bugi burji sheikhupura</t>
  </si>
  <si>
    <t>Dera Buggi Burji</t>
  </si>
  <si>
    <t>Zahid Muhammad Sharif</t>
  </si>
  <si>
    <t>GPS TILOKAY WALA P/O KHOJA SHUJABAD</t>
  </si>
  <si>
    <t>Chan telokay wala muza khoja thesil shujaabad district multan</t>
  </si>
  <si>
    <t>Telokay Wala</t>
  </si>
  <si>
    <t>GPS RIZWAN ABAD</t>
  </si>
  <si>
    <t>rizwanabad hasil lar p/o chani goth east ahmed pur</t>
  </si>
  <si>
    <t>Rizwan Abad</t>
  </si>
  <si>
    <t>Mhand Sharif</t>
  </si>
  <si>
    <t>Arif Waheed</t>
  </si>
  <si>
    <t>50356</t>
  </si>
  <si>
    <t>GGPS KOT MIR HUSSAIN</t>
  </si>
  <si>
    <t>Kot Amir Hussain</t>
  </si>
  <si>
    <t>village kot amir hussain via jpj</t>
  </si>
  <si>
    <t>Autsha Safder</t>
  </si>
  <si>
    <t>50336</t>
  </si>
  <si>
    <t>50359</t>
  </si>
  <si>
    <t>GGPS CHAK 206 RB IV KHURRIANWALA</t>
  </si>
  <si>
    <t>GGPS 206 RB iv saddowala</t>
  </si>
  <si>
    <t>206 RB</t>
  </si>
  <si>
    <t>Zahida Batool</t>
  </si>
  <si>
    <t>GPS SONHANRA SHAH NO.2</t>
  </si>
  <si>
    <t>Sonhara Shah</t>
  </si>
  <si>
    <t>Basti Sonhara Shah P/O Sonhara Chandia Tehsil &amp; District Muzaffargarh</t>
  </si>
  <si>
    <t>Aali Dhah</t>
  </si>
  <si>
    <t>38318</t>
  </si>
  <si>
    <t>GGPS JALIL PUR</t>
  </si>
  <si>
    <t>Mouza Jalil Pur</t>
  </si>
  <si>
    <t>Beragi Wala Mouza Jalil pur</t>
  </si>
  <si>
    <t>Beragi Wala</t>
  </si>
  <si>
    <t>Mamona Fatima</t>
  </si>
  <si>
    <t>GPS TAJOKAY</t>
  </si>
  <si>
    <t>Tajokey</t>
  </si>
  <si>
    <t>tajokey cheema</t>
  </si>
  <si>
    <t>Tajokey Cheema</t>
  </si>
  <si>
    <t>Adamkey</t>
  </si>
  <si>
    <t>Kalsoom Arshad</t>
  </si>
  <si>
    <t>33183</t>
  </si>
  <si>
    <t>GHS DHARAM PURA</t>
  </si>
  <si>
    <t>Dharampura</t>
  </si>
  <si>
    <t>dharampura chak #11 , tensil safdarabad, district sheikhupura</t>
  </si>
  <si>
    <t>50370</t>
  </si>
  <si>
    <t>GPS RAJA ABAD</t>
  </si>
  <si>
    <t>Chak No 464 Jb</t>
  </si>
  <si>
    <t>Chak No 464 jb Raja Abad</t>
  </si>
  <si>
    <t>GGPS NO 5 DEPALPUR</t>
  </si>
  <si>
    <t>Moh Islampura</t>
  </si>
  <si>
    <t>Moh Islam pura near bus stand adda depalpur</t>
  </si>
  <si>
    <t>MC Depalpur</t>
  </si>
  <si>
    <t>Asma Iran</t>
  </si>
  <si>
    <t>43322</t>
  </si>
  <si>
    <t>GPS DHOK DABRI</t>
  </si>
  <si>
    <t>Dhoke Dabri</t>
  </si>
  <si>
    <t>vpo dhoke dabri tehsil and district chakwal</t>
  </si>
  <si>
    <t>Sanawar Mehmood</t>
  </si>
  <si>
    <t>38876</t>
  </si>
  <si>
    <t>49152</t>
  </si>
  <si>
    <t>GES NOOR AHMED</t>
  </si>
  <si>
    <t>Noor Ahmed Abad</t>
  </si>
  <si>
    <t>Basti kalewaly</t>
  </si>
  <si>
    <t>Kalewaly</t>
  </si>
  <si>
    <t>Ghari  Dhu Dhu</t>
  </si>
  <si>
    <t>Muhammed Khizar Rehman</t>
  </si>
  <si>
    <t>GPS PIAL KHURD</t>
  </si>
  <si>
    <t>Pial Khurd</t>
  </si>
  <si>
    <t>pial khurd tehsil and distt.kasur</t>
  </si>
  <si>
    <t>49156</t>
  </si>
  <si>
    <t>17459</t>
  </si>
  <si>
    <t>Mu Shian Wala</t>
  </si>
  <si>
    <t>GG p/s Tibbi wala</t>
  </si>
  <si>
    <t>Munshian Wala</t>
  </si>
  <si>
    <t>Covil Station</t>
  </si>
  <si>
    <t>GGPS NEW BASTI BANGLA SHUJABAD DISTT. MULTAN</t>
  </si>
  <si>
    <t>Ggps new basti bangala, basti gando.</t>
  </si>
  <si>
    <t>Basti Gando</t>
  </si>
  <si>
    <t>49159</t>
  </si>
  <si>
    <t>GPS CHAK 761 GB DHOTHRAN</t>
  </si>
  <si>
    <t>GPS Chak No. 761 GB Dhothran</t>
  </si>
  <si>
    <t>Chak No 761 GB</t>
  </si>
  <si>
    <t>GGES GHALWAN</t>
  </si>
  <si>
    <t>Ghalwan</t>
  </si>
  <si>
    <t>GGES Ghalwan 2 near union council office ghalwan</t>
  </si>
  <si>
    <t>GES TAHIR WALA</t>
  </si>
  <si>
    <t>government elementary school tahir wala</t>
  </si>
  <si>
    <t>Tahir Wala</t>
  </si>
  <si>
    <t>Abdul Hanan Tariq</t>
  </si>
  <si>
    <t>GGES CHHAMAL</t>
  </si>
  <si>
    <t>GGES Chhamal</t>
  </si>
  <si>
    <t>Shahpur Banghoo</t>
  </si>
  <si>
    <t>49164</t>
  </si>
  <si>
    <t>46828</t>
  </si>
  <si>
    <t>GMPS ARMATY WALA</t>
  </si>
  <si>
    <t>Armatywala bannu road isakhel</t>
  </si>
  <si>
    <t>Armatywala</t>
  </si>
  <si>
    <t>kaghlanwala</t>
  </si>
  <si>
    <t>Azadi Salamat</t>
  </si>
  <si>
    <t>GGPS CHOWK NADIR SHAHEED</t>
  </si>
  <si>
    <t>Nwain Arain</t>
  </si>
  <si>
    <t>chowk nadir shaheed</t>
  </si>
  <si>
    <t>Chowk Nadir Shaheed</t>
  </si>
  <si>
    <t>Shabnam Mushtaq</t>
  </si>
  <si>
    <t>49166</t>
  </si>
  <si>
    <t>52652</t>
  </si>
  <si>
    <t>GGCMS TIBBA TUGHRAIL</t>
  </si>
  <si>
    <t>ggcmps tibba tughrail Ahmad abad</t>
  </si>
  <si>
    <t>Samina Ali Muhammad</t>
  </si>
  <si>
    <t>GES CHAK 8/A</t>
  </si>
  <si>
    <t>chak no 8/a</t>
  </si>
  <si>
    <t>chak no 8/a tehsil liaquat pur</t>
  </si>
  <si>
    <t>chak no 10/a</t>
  </si>
  <si>
    <t>Hafiz Muhammad Attaullah</t>
  </si>
  <si>
    <t>GMPS CHAK NO. 4</t>
  </si>
  <si>
    <t>Chak4</t>
  </si>
  <si>
    <t>VPO Chak 4Noubahar Teh&amp;Distt m.b.din</t>
  </si>
  <si>
    <t>Chak 4</t>
  </si>
  <si>
    <t>49172</t>
  </si>
  <si>
    <t>GPS DERA JALANDRIAN</t>
  </si>
  <si>
    <t>Dera Jalandrian Teh / Dis Sheikhupura</t>
  </si>
  <si>
    <t>Dera Jalandrian</t>
  </si>
  <si>
    <t>Basti bakhwani moza warian wala tehsil jatoi</t>
  </si>
  <si>
    <t>Basti bakhwani</t>
  </si>
  <si>
    <t>Bait Meer Hazar</t>
  </si>
  <si>
    <t>Majida Jamil</t>
  </si>
  <si>
    <t>49174</t>
  </si>
  <si>
    <t>12337</t>
  </si>
  <si>
    <t>GPS CHAK NO. 579 TDA</t>
  </si>
  <si>
    <t>Chak No 579/tda</t>
  </si>
  <si>
    <t>chak no 579/tda</t>
  </si>
  <si>
    <t>Muhammad Saifullah</t>
  </si>
  <si>
    <t>GPS CHAK NO 347 TDA</t>
  </si>
  <si>
    <t>347 A Tda</t>
  </si>
  <si>
    <t>chak no 347 a /tda tehsil chaubara dist layyah</t>
  </si>
  <si>
    <t>347a/tda</t>
  </si>
  <si>
    <t>49178</t>
  </si>
  <si>
    <t>GPS NEW MANDHAR</t>
  </si>
  <si>
    <t>Jallowali</t>
  </si>
  <si>
    <t>49179</t>
  </si>
  <si>
    <t>GPS NAHAL CHAND</t>
  </si>
  <si>
    <t>Basti nahal Chand moza chak Chopa tehsil chishtian</t>
  </si>
  <si>
    <t>Nahal Chand</t>
  </si>
  <si>
    <t>Muhammad  Yaseen</t>
  </si>
  <si>
    <t>GPS CHAK NO. 104/ML</t>
  </si>
  <si>
    <t>Juney Wala</t>
  </si>
  <si>
    <t>chak no 104/ml p/o103/ml teh karor distt layyah.</t>
  </si>
  <si>
    <t>Chak 104/ml Dera Maken</t>
  </si>
  <si>
    <t>GPS RAJOVA</t>
  </si>
  <si>
    <t>Rajova</t>
  </si>
  <si>
    <t>rajova.tehseel phalia.dist m.b.din</t>
  </si>
  <si>
    <t>Abdul Salam Abid</t>
  </si>
  <si>
    <t>49182</t>
  </si>
  <si>
    <t>GGES NO 22/75</t>
  </si>
  <si>
    <t>Chak No22 /75</t>
  </si>
  <si>
    <t>Village Chak No.22/75,Tehsil&amp;Distt:Nankana Sahib</t>
  </si>
  <si>
    <t>Chak No22/75</t>
  </si>
  <si>
    <t>ShahBilawal</t>
  </si>
  <si>
    <t>Nazia Noor Muhammad</t>
  </si>
  <si>
    <t>GES 10 GHAGH, P/O 25 PUL, ABDUL HAKIM</t>
  </si>
  <si>
    <t>Chack No 10 Ghagh</t>
  </si>
  <si>
    <t>Abrar Hussain Asim</t>
  </si>
  <si>
    <t>33391</t>
  </si>
  <si>
    <t>GES KARI WALA CHAK 49/RB</t>
  </si>
  <si>
    <t>GPS OAD WALA</t>
  </si>
  <si>
    <t>GPS Oad wala, UC Mutfariq Chahan, Choti Zareen DGK</t>
  </si>
  <si>
    <t>Oad Wala</t>
  </si>
  <si>
    <t>49188</t>
  </si>
  <si>
    <t>GES MOHLAN KALAN</t>
  </si>
  <si>
    <t>Annokh Singh</t>
  </si>
  <si>
    <t>govt e/s Mohlan kalan bwn</t>
  </si>
  <si>
    <t>Mohlan Kalan</t>
  </si>
  <si>
    <t>Muhammad Tufail Wattoo</t>
  </si>
  <si>
    <t>GPS HABIB ULLAH JHULLAN</t>
  </si>
  <si>
    <t>KACHA MIANWALI NO2</t>
  </si>
  <si>
    <t>BASTI HABIB ULLAH JHULLAN ROJHAN</t>
  </si>
  <si>
    <t>HABIB ULLAH JHULLAN</t>
  </si>
  <si>
    <t>18429</t>
  </si>
  <si>
    <t>GMPS CHAK NO. 1/4-R</t>
  </si>
  <si>
    <t>ChakNo 1-4/R</t>
  </si>
  <si>
    <t>Qaisra parveen</t>
  </si>
  <si>
    <t>49195</t>
  </si>
  <si>
    <t>GPS MITHAN KOT NO. 1</t>
  </si>
  <si>
    <t>MC MITHAN KOT</t>
  </si>
  <si>
    <t>WARD NO.4 MITHAN KOT</t>
  </si>
  <si>
    <t>GPS CHAK NO. 98/D</t>
  </si>
  <si>
    <t>98/D</t>
  </si>
  <si>
    <t>chack98/d po Malka Hans Dist Pakpattan</t>
  </si>
  <si>
    <t>Check 96/D</t>
  </si>
  <si>
    <t>Muhammd Khalid</t>
  </si>
  <si>
    <t>13922</t>
  </si>
  <si>
    <t>44573</t>
  </si>
  <si>
    <t>GGPS SORRKUP PO NOTAK</t>
  </si>
  <si>
    <t>Sawarkup</t>
  </si>
  <si>
    <t>sawarkap post office basti bakhtawar</t>
  </si>
  <si>
    <t>Dhandlah</t>
  </si>
  <si>
    <t>Saima  Akif</t>
  </si>
  <si>
    <t>GPS DHOK HAJI</t>
  </si>
  <si>
    <t>Shah M Wali</t>
  </si>
  <si>
    <t>dhok haji p/o Ali haider pur village shah Muhammad wali</t>
  </si>
  <si>
    <t>Dhok Haji</t>
  </si>
  <si>
    <t>Jabi Shah Dilawar</t>
  </si>
  <si>
    <t>29544</t>
  </si>
  <si>
    <t>GGPS CHAH KANDLAN WALA</t>
  </si>
  <si>
    <t>chah kandlan wala</t>
  </si>
  <si>
    <t>Kandlan Wala</t>
  </si>
  <si>
    <t>Taiba Wains</t>
  </si>
  <si>
    <t>49201</t>
  </si>
  <si>
    <t>GGPS JOWAY SHAH WALA</t>
  </si>
  <si>
    <t>bsti joway shah wala moza khji wala kehror pacca</t>
  </si>
  <si>
    <t>Joway Shah Wala</t>
  </si>
  <si>
    <t>Mari Bhago</t>
  </si>
  <si>
    <t>Nabeela Aqeel</t>
  </si>
  <si>
    <t>49202</t>
  </si>
  <si>
    <t>GES NILA</t>
  </si>
  <si>
    <t>VPO Neela Tehsil snd district Chakeal</t>
  </si>
  <si>
    <t>GGES NAUSHEHRA JADEED</t>
  </si>
  <si>
    <t>NAUSHERA JADEED</t>
  </si>
  <si>
    <t>NAUSHERA JADEED P/O JANU WALA TEHSIL APE</t>
  </si>
  <si>
    <t>SUMAIRA RAZZAQ</t>
  </si>
  <si>
    <t>46560</t>
  </si>
  <si>
    <t>49207</t>
  </si>
  <si>
    <t>47943</t>
  </si>
  <si>
    <t>GMPS CHAK NO 19 ML</t>
  </si>
  <si>
    <t>Dubb</t>
  </si>
  <si>
    <t>Village 19/ML, Union Council Dubb, Tehsil Piplan District Mianwali</t>
  </si>
  <si>
    <t>19 ML</t>
  </si>
  <si>
    <t>GES 54/12-L</t>
  </si>
  <si>
    <t>CHAK # 54/12.L TEHSIL CHICHAWATANI DISTRICT SAHIWAL</t>
  </si>
  <si>
    <t>49209</t>
  </si>
  <si>
    <t>18738</t>
  </si>
  <si>
    <t>GGES ISLAM PURA GOJRA</t>
  </si>
  <si>
    <t>G.G.E/S islam pura gojra</t>
  </si>
  <si>
    <t>Naila Ghani</t>
  </si>
  <si>
    <t>49213</t>
  </si>
  <si>
    <t>GGPS CHAK 679/20 GB</t>
  </si>
  <si>
    <t>679 /20 Chunean  Wali</t>
  </si>
  <si>
    <t>chak no 679/20</t>
  </si>
  <si>
    <t>679/20</t>
  </si>
  <si>
    <t>670/11</t>
  </si>
  <si>
    <t>Mona Maqsood</t>
  </si>
  <si>
    <t>49214</t>
  </si>
  <si>
    <t>GGPS SUKHAN WALA</t>
  </si>
  <si>
    <t>sukhanana sheikhupura</t>
  </si>
  <si>
    <t>Sukhanana</t>
  </si>
  <si>
    <t>GGPS HAWELI WALA</t>
  </si>
  <si>
    <t>Thada theem</t>
  </si>
  <si>
    <t>Haveli arain nazad super chowk</t>
  </si>
  <si>
    <t>Haveli wala</t>
  </si>
  <si>
    <t>Munciple Commetti</t>
  </si>
  <si>
    <t>49217</t>
  </si>
  <si>
    <t>36181</t>
  </si>
  <si>
    <t>GES CHAK NO. 53/WB</t>
  </si>
  <si>
    <t>chak no 53wb</t>
  </si>
  <si>
    <t>GPS CHAK NO. 119 ML</t>
  </si>
  <si>
    <t>chak# 119/ML Distt. Layyah, The.Chobara</t>
  </si>
  <si>
    <t>Chak# 119/ML</t>
  </si>
  <si>
    <t>38659</t>
  </si>
  <si>
    <t>GMPS CHAK NO. 340/WB</t>
  </si>
  <si>
    <t>340 WB</t>
  </si>
  <si>
    <t>Chak 340 EB</t>
  </si>
  <si>
    <t>342 WB</t>
  </si>
  <si>
    <t>Klalsoom Akhtar</t>
  </si>
  <si>
    <t>GES CHAK 359 GB</t>
  </si>
  <si>
    <t>359 GB Singh Pura Toba</t>
  </si>
  <si>
    <t>Chak No 359 ,GB Singh Pura Toba Tek Singh</t>
  </si>
  <si>
    <t>359 GB Toba</t>
  </si>
  <si>
    <t>361 GB Daood Pur Toba</t>
  </si>
  <si>
    <t>Shaukat Ali Naz</t>
  </si>
  <si>
    <t>GPS CHAK NO 449 JB</t>
  </si>
  <si>
    <t>chak no 449 district jhang</t>
  </si>
  <si>
    <t>Chak 449 Jb</t>
  </si>
  <si>
    <t>Chak 450 Jb</t>
  </si>
  <si>
    <t>Waqas Sajid</t>
  </si>
  <si>
    <t>GPS KHIRKI WALA</t>
  </si>
  <si>
    <t>Chahudary</t>
  </si>
  <si>
    <t>basti khirki kot addu</t>
  </si>
  <si>
    <t>Basti Khirki</t>
  </si>
  <si>
    <t>Syed Muhammad Waseem Abbas</t>
  </si>
  <si>
    <t>49230</t>
  </si>
  <si>
    <t>14371</t>
  </si>
  <si>
    <t>GPS BASTI BHORA</t>
  </si>
  <si>
    <t>Belay Shah</t>
  </si>
  <si>
    <t>Basti Hagi Hussain Bukhsh Bhara</t>
  </si>
  <si>
    <t>Jahanzaib Qadir</t>
  </si>
  <si>
    <t>GPS SHOR KOT MULTAN MOZA DURANA LANGANA</t>
  </si>
  <si>
    <t>M. A. Jinnah Road Basti Shor Kot, Multan.</t>
  </si>
  <si>
    <t>GPS CHAK NO. 158/HB</t>
  </si>
  <si>
    <t>chak no. 158/7R</t>
  </si>
  <si>
    <t>49233</t>
  </si>
  <si>
    <t>GPS NOOR WANA</t>
  </si>
  <si>
    <t>Noorwana</t>
  </si>
  <si>
    <t>GPS Noorwana Khushab</t>
  </si>
  <si>
    <t>Tasawar Hussain</t>
  </si>
  <si>
    <t>GPS JHURKAL</t>
  </si>
  <si>
    <t>jharkl teh karor layyah</t>
  </si>
  <si>
    <t>GPS PEER BUX KORI</t>
  </si>
  <si>
    <t>Peer Bux Korai</t>
  </si>
  <si>
    <t>Garhi Ikthiar</t>
  </si>
  <si>
    <t>GPS ROJHANI</t>
  </si>
  <si>
    <t>Rojhani</t>
  </si>
  <si>
    <t>rojhani sakhi sarwar</t>
  </si>
  <si>
    <t>Sakhi Sarwar Gharbi</t>
  </si>
  <si>
    <t>GES GUJAR GORAYA</t>
  </si>
  <si>
    <t>Gujjar Goraya</t>
  </si>
  <si>
    <t>village gujjar goraya teh.pasrur Distt. Sialkot</t>
  </si>
  <si>
    <t>Gujjar Goraua</t>
  </si>
  <si>
    <t>Talwandi Anayat Khan</t>
  </si>
  <si>
    <t>49246</t>
  </si>
  <si>
    <t>43244</t>
  </si>
  <si>
    <t>GPS DHUMAN</t>
  </si>
  <si>
    <t>village,p/o dhumman teh/disst chakwal</t>
  </si>
  <si>
    <t>49247</t>
  </si>
  <si>
    <t>Jhugi Wala</t>
  </si>
  <si>
    <t>basti gutt dak khana khas jhugi wala tehsil jatoi district m.garh</t>
  </si>
  <si>
    <t>Basti gutt</t>
  </si>
  <si>
    <t>Saira Latif</t>
  </si>
  <si>
    <t>49248</t>
  </si>
  <si>
    <t>GMPS CHAK NO.26/A</t>
  </si>
  <si>
    <t>Chak No 26/A</t>
  </si>
  <si>
    <t>chak no 26/A</t>
  </si>
  <si>
    <t>Chak No26/A</t>
  </si>
  <si>
    <t>Mehreen Ali</t>
  </si>
  <si>
    <t>49249</t>
  </si>
  <si>
    <t>GPS CHANDRIEN</t>
  </si>
  <si>
    <t>Sharif Diwala</t>
  </si>
  <si>
    <t>basti chandrain</t>
  </si>
  <si>
    <t>Sharif Chajra</t>
  </si>
  <si>
    <t>52949</t>
  </si>
  <si>
    <t>GMMS CHAK 43 D KHURD</t>
  </si>
  <si>
    <t>Chak 43/D Khurd</t>
  </si>
  <si>
    <t>Chak no. 43/D khurd Tehsil Depalpur District Okara</t>
  </si>
  <si>
    <t>Doulowal</t>
  </si>
  <si>
    <t>GGPS BASTI MALANA</t>
  </si>
  <si>
    <t>Govt girls p/s basti malana  no 2</t>
  </si>
  <si>
    <t>Muzamil Bibi</t>
  </si>
  <si>
    <t>49256</t>
  </si>
  <si>
    <t>26292</t>
  </si>
  <si>
    <t>GGPS DARIYAN</t>
  </si>
  <si>
    <t>Dariyan</t>
  </si>
  <si>
    <t>village Dariyan</t>
  </si>
  <si>
    <t>GPS BASTI SHEIKHAN</t>
  </si>
  <si>
    <t>Kotla Kabeer</t>
  </si>
  <si>
    <t>basti shekhan kotla kabir rajan pur</t>
  </si>
  <si>
    <t>Kotla Khan  Muhammad Muhammad Mihammad</t>
  </si>
  <si>
    <t>rana kashif latif</t>
  </si>
  <si>
    <t>18456</t>
  </si>
  <si>
    <t>GGPS JAN MUHAMMAD WALA</t>
  </si>
  <si>
    <t>govt girls primary school jan  muhammad wala markaz g m raja</t>
  </si>
  <si>
    <t>Chah Karrori</t>
  </si>
  <si>
    <t>33436</t>
  </si>
  <si>
    <t>GPS NIZAM PURA DEWA SINGH WALA CHAK 38/RB</t>
  </si>
  <si>
    <t>Dewa Singh</t>
  </si>
  <si>
    <t>nizam pura deva singh chak 38 tehseel shahkot district nankana</t>
  </si>
  <si>
    <t>Nizam Pura Dewa Singh</t>
  </si>
  <si>
    <t>Abdu R Rasheed</t>
  </si>
  <si>
    <t>53415</t>
  </si>
  <si>
    <t>GPS BASTI FAIZ AHMAD BOHAR</t>
  </si>
  <si>
    <t>moza kotla nawab, Liaquat pur</t>
  </si>
  <si>
    <t>Basti Faiz Ahmed Bohar</t>
  </si>
  <si>
    <t>Kotla nawab</t>
  </si>
  <si>
    <t>GPS MAROOF SHER</t>
  </si>
  <si>
    <t>Goath Jangu</t>
  </si>
  <si>
    <t>Basti Mirali Khan Near Chak no.156/p</t>
  </si>
  <si>
    <t>Basti Mirali Khan</t>
  </si>
  <si>
    <t>Shahid Abdullah</t>
  </si>
  <si>
    <t>GPS JHALLAR SUNDER</t>
  </si>
  <si>
    <t>Jhallar Sunder</t>
  </si>
  <si>
    <t>jhallar sunder farooqbad tehil and dist sheikhupura</t>
  </si>
  <si>
    <t>Farooqabad Goan</t>
  </si>
  <si>
    <t>Zafar Ullah Khan Jamal</t>
  </si>
  <si>
    <t>50379</t>
  </si>
  <si>
    <t>GPS SANGO KHELAN WALA</t>
  </si>
  <si>
    <t>Govt primary school Sango Khelan Wala p.o chhidru</t>
  </si>
  <si>
    <t>Sango Khelan Wala</t>
  </si>
  <si>
    <t>Tahir Zaka Khan</t>
  </si>
  <si>
    <t>GPS CHAH CHOKHA WALA</t>
  </si>
  <si>
    <t>Manhan</t>
  </si>
  <si>
    <t>chah chokha mouza manhan  p/o kot addu</t>
  </si>
  <si>
    <t>GGPS BASTI KHIDMAT DIN</t>
  </si>
  <si>
    <t>Wah Machika</t>
  </si>
  <si>
    <t>wah machika basti khidmat din</t>
  </si>
  <si>
    <t>Basti Khidmat Din</t>
  </si>
  <si>
    <t>Nabila Jameel</t>
  </si>
  <si>
    <t>purchase water  f</t>
  </si>
  <si>
    <t>GPS CHAK 744 GB WEST</t>
  </si>
  <si>
    <t>744 Gb West</t>
  </si>
  <si>
    <t>744 GB west</t>
  </si>
  <si>
    <t>Zaheer Abbas Babar</t>
  </si>
  <si>
    <t>GPS CHAK NO 117 TDA</t>
  </si>
  <si>
    <t>chak #117/TDA</t>
  </si>
  <si>
    <t>117TDA</t>
  </si>
  <si>
    <t>muhammad hussain</t>
  </si>
  <si>
    <t>GGPS KHURRAM HITHAR</t>
  </si>
  <si>
    <t>KHURRAM</t>
  </si>
  <si>
    <t>KHURRAM HITHAR</t>
  </si>
  <si>
    <t>Amtal Hafiz</t>
  </si>
  <si>
    <t>GGPS 101/12-L TENDER</t>
  </si>
  <si>
    <t>101/12L Tender</t>
  </si>
  <si>
    <t>GGPS101/12L tender</t>
  </si>
  <si>
    <t>Yasmeen Sultana</t>
  </si>
  <si>
    <t>GGPS BASTI SIALAN</t>
  </si>
  <si>
    <t>Anokh Singh</t>
  </si>
  <si>
    <t>Mohla vala gala basti sialan BWN</t>
  </si>
  <si>
    <t>M Pur saeeda</t>
  </si>
  <si>
    <t>GGPS CHAK 40/A</t>
  </si>
  <si>
    <t>Chak 40/A</t>
  </si>
  <si>
    <t>ggps chak 40/A</t>
  </si>
  <si>
    <t>Chack 40 /A</t>
  </si>
  <si>
    <t>Tehseen  Ashiq</t>
  </si>
  <si>
    <t>9192</t>
  </si>
  <si>
    <t>14402</t>
  </si>
  <si>
    <t>GPS PURY WAR</t>
  </si>
  <si>
    <t>Mutfariq Mazari</t>
  </si>
  <si>
    <t>Jhandi nazd Dera Sardar Farhat Aziz Khan</t>
  </si>
  <si>
    <t>Sajad Hussain</t>
  </si>
  <si>
    <t>GPS CHAK NO.11/64</t>
  </si>
  <si>
    <t>Chak 11/ 64</t>
  </si>
  <si>
    <t>chak 11/ 64 syedwala nankana sahib</t>
  </si>
  <si>
    <t>50401</t>
  </si>
  <si>
    <t>GGPS MALI SINGH</t>
  </si>
  <si>
    <t>MALI singh</t>
  </si>
  <si>
    <t>mali singh tehsil depalpur district okara</t>
  </si>
  <si>
    <t>50403</t>
  </si>
  <si>
    <t>GGPS SHAKOORA ARAIN</t>
  </si>
  <si>
    <t>Basti Shkoora Arain, Tehsil Ahmadpur east District bahawalpur</t>
  </si>
  <si>
    <t>Basti Shkoora Arain</t>
  </si>
  <si>
    <t>mandhal</t>
  </si>
  <si>
    <t>Kouser Nawaz</t>
  </si>
  <si>
    <t>48946</t>
  </si>
  <si>
    <t>GGHS CHAK NO.74 NB</t>
  </si>
  <si>
    <t>Chak No 74nb</t>
  </si>
  <si>
    <t>GGHS chak No 74 NB Sargodha</t>
  </si>
  <si>
    <t>Chak No 67alif Nb</t>
  </si>
  <si>
    <t>Faiza Hamid</t>
  </si>
  <si>
    <t>50409</t>
  </si>
  <si>
    <t>GGES CHAK NO.88/ML</t>
  </si>
  <si>
    <t>88/ML</t>
  </si>
  <si>
    <t>chak no. 88/ML karor lal eason district layyah.</t>
  </si>
  <si>
    <t>90/mL</t>
  </si>
  <si>
    <t>sadia manzoor</t>
  </si>
  <si>
    <t>GES CHAK NO. 176 JB (De-consolidated)</t>
  </si>
  <si>
    <t>Chak No 214</t>
  </si>
  <si>
    <t>chak no. 176jb</t>
  </si>
  <si>
    <t>Chak 450jb</t>
  </si>
  <si>
    <t>GGPS 39/3-R AZAFI BASTI</t>
  </si>
  <si>
    <t>39/3 r Ab</t>
  </si>
  <si>
    <t>39/3 r ab</t>
  </si>
  <si>
    <t>23/3 r</t>
  </si>
  <si>
    <t>Sadaf Nayab Akhtar</t>
  </si>
  <si>
    <t>GGPS JAVED WALA</t>
  </si>
  <si>
    <t>Pattel Mustaqil Ghrbi</t>
  </si>
  <si>
    <t>kalli tibbi pattel mustaqil ghrbi</t>
  </si>
  <si>
    <t>Kalli Tibbi</t>
  </si>
  <si>
    <t>Pattel Ghrbi</t>
  </si>
  <si>
    <t>GGPS FAQIRAN WALA</t>
  </si>
  <si>
    <t>Chack# 149C Faqeeran Wala</t>
  </si>
  <si>
    <t>Chack # 149C /TDA Jaman Shah</t>
  </si>
  <si>
    <t>Faqeeran Wala</t>
  </si>
  <si>
    <t>Jaman  Shah</t>
  </si>
  <si>
    <t>25904</t>
  </si>
  <si>
    <t>GES WATTO</t>
  </si>
  <si>
    <t>distt.and teh. Mianwali post office Wanbhachran</t>
  </si>
  <si>
    <t>19202</t>
  </si>
  <si>
    <t>49748</t>
  </si>
  <si>
    <t>19061</t>
  </si>
  <si>
    <t>GPS CHAK 672/13 GB</t>
  </si>
  <si>
    <t>Chak No 672/13gb</t>
  </si>
  <si>
    <t>chak no 672/13 GB teh.pirmahal dist.TTSingh</t>
  </si>
  <si>
    <t>Muhammad Ashraf  zia</t>
  </si>
  <si>
    <t>46855</t>
  </si>
  <si>
    <t>GGPS NOOR MUHAMMAD CHEENRAL WALA</t>
  </si>
  <si>
    <t>Cheen Pura</t>
  </si>
  <si>
    <t>china pora</t>
  </si>
  <si>
    <t>Cheena Pura</t>
  </si>
  <si>
    <t>GES IMAM PURA CHAK NO. 89 RB</t>
  </si>
  <si>
    <t>Imampur</t>
  </si>
  <si>
    <t>Imampur  nakodar tehsil shahkot Nankana sb</t>
  </si>
  <si>
    <t>Imampur Nakodar</t>
  </si>
  <si>
    <t>Kot  Nizam Din</t>
  </si>
  <si>
    <t>Ro plant</t>
  </si>
  <si>
    <t>GES 11/11-L</t>
  </si>
  <si>
    <t>Chak No. 11/11-L</t>
  </si>
  <si>
    <t>TARIQ SAEED</t>
  </si>
  <si>
    <t>4001</t>
  </si>
  <si>
    <t>50429</t>
  </si>
  <si>
    <t>GPS ABDULLAH KHOJI</t>
  </si>
  <si>
    <t>Dhahy Wala</t>
  </si>
  <si>
    <t>basti abdullah khan moza dhahy wala chanigoth</t>
  </si>
  <si>
    <t>Chanigoth</t>
  </si>
  <si>
    <t>50434</t>
  </si>
  <si>
    <t>GGES SANDA KHANWAN</t>
  </si>
  <si>
    <t>Tatara kamil post office  usman wala</t>
  </si>
  <si>
    <t>GPS DILSHAD WALA NO 2</t>
  </si>
  <si>
    <t>Mutafarq Chahan</t>
  </si>
  <si>
    <t>dilshad Wala  P/O Choti Zareen</t>
  </si>
  <si>
    <t>Dilshad Wala</t>
  </si>
  <si>
    <t>Rajab Ali</t>
  </si>
  <si>
    <t>GHS NAURANG ABAD</t>
  </si>
  <si>
    <t>norangabad p/o sukho chak</t>
  </si>
  <si>
    <t>GPS BAHRIAN WALA</t>
  </si>
  <si>
    <t>Bahrianwala</t>
  </si>
  <si>
    <t>Govt p/s school Village Bahrianwala district &amp; tehsil sheikhupura</t>
  </si>
  <si>
    <t>GPS CHAK 109 GB I JARANWALA FSD</t>
  </si>
  <si>
    <t>Chak No 109 GB</t>
  </si>
  <si>
    <t>Chak no 109 Gb</t>
  </si>
  <si>
    <t>Chak No 109 Gb</t>
  </si>
  <si>
    <t>Chak No 112 Gb</t>
  </si>
  <si>
    <t>Abdul Jabbar Zahid</t>
  </si>
  <si>
    <t>49001</t>
  </si>
  <si>
    <t>GPS NO.2 CHAK NO.33 SB</t>
  </si>
  <si>
    <t>Chak 33 Sb Sgd</t>
  </si>
  <si>
    <t>chak No 33 Sb</t>
  </si>
  <si>
    <t>Chak No 33 Sb</t>
  </si>
  <si>
    <t>23028</t>
  </si>
  <si>
    <t>GGPS JHAGLAN WALA MOZA</t>
  </si>
  <si>
    <t>Jhaglanwala</t>
  </si>
  <si>
    <t>JHAGLANWALA  Lalian</t>
  </si>
  <si>
    <t>JHAGLANWALA</t>
  </si>
  <si>
    <t>Naseem Hussain</t>
  </si>
  <si>
    <t>GMCPS MC NO. 3 CHAKWAL</t>
  </si>
  <si>
    <t>DHOKE FEROZ</t>
  </si>
  <si>
    <t>GMCPS NO 3  DHOKE FEROZ CHAKWAL</t>
  </si>
  <si>
    <t>52442</t>
  </si>
  <si>
    <t>GPS BATTIAN</t>
  </si>
  <si>
    <t>Battain</t>
  </si>
  <si>
    <t>moza battian</t>
  </si>
  <si>
    <t>Battian</t>
  </si>
  <si>
    <t>Qila Sondha Singh</t>
  </si>
  <si>
    <t>M Abid Maqbool</t>
  </si>
  <si>
    <t>36994</t>
  </si>
  <si>
    <t>GPS LICHMAN CHOTRA, SARAI SIDHU</t>
  </si>
  <si>
    <t>Bagar Sargana</t>
  </si>
  <si>
    <t>Lichman chontra moza Bagar sargana</t>
  </si>
  <si>
    <t>Lichman Chontra</t>
  </si>
  <si>
    <t>GES ESSAY WALA SHARQI NO. 2</t>
  </si>
  <si>
    <t>Essay Wala Janobi</t>
  </si>
  <si>
    <t>sargany Wala essay Wala Janobi tehsil a.p sial district jhang</t>
  </si>
  <si>
    <t>Sargany Wala</t>
  </si>
  <si>
    <t>GGPS CHAH MALLI WALA</t>
  </si>
  <si>
    <t>Chah Mali Wala</t>
  </si>
  <si>
    <t>chah mali wala p/o khudian khas</t>
  </si>
  <si>
    <t>Farzana Ishrat</t>
  </si>
  <si>
    <t>GPS GULZAR PUR</t>
  </si>
  <si>
    <t>Gulzar pur</t>
  </si>
  <si>
    <t>Mouza Gulzar pur p.o adda zakhera dunya pur</t>
  </si>
  <si>
    <t>Chak no237/wb no237no237wno237wb</t>
  </si>
  <si>
    <t>49763</t>
  </si>
  <si>
    <t>33196</t>
  </si>
  <si>
    <t>GOVT. ASAD AZIZ SHAHEED HIGH SCHOOL KHANQAH DOGRAN</t>
  </si>
  <si>
    <t>Govt. Asad Aziz Shaheed High School Khanqah Dogran</t>
  </si>
  <si>
    <t>Inam Ul Haq</t>
  </si>
  <si>
    <t>33961</t>
  </si>
  <si>
    <t>GPS JIWAN WALA  P/O SHUJABAD</t>
  </si>
  <si>
    <t>CHAH JEVAN WALA MOUZA MIRALI WAHIN SHUJABAD</t>
  </si>
  <si>
    <t>JEVAN WALA SHUJABAD</t>
  </si>
  <si>
    <t>TODER PUR</t>
  </si>
  <si>
    <t>Muhammad shareef</t>
  </si>
  <si>
    <t>GMPS CHAK NO. 33/F</t>
  </si>
  <si>
    <t>33/F</t>
  </si>
  <si>
    <t>chak 33/f</t>
  </si>
  <si>
    <t>16957</t>
  </si>
  <si>
    <t>GES CHAK 246/P</t>
  </si>
  <si>
    <t>chak 246/p</t>
  </si>
  <si>
    <t>Chak 246/P</t>
  </si>
  <si>
    <t>Shahbaz Safdar</t>
  </si>
  <si>
    <t>GPS LONGOWAL</t>
  </si>
  <si>
    <t>Longowla</t>
  </si>
  <si>
    <t>GGPS KOT AMEER SHAH</t>
  </si>
  <si>
    <t>Kot Ameer Shah</t>
  </si>
  <si>
    <t>kot Ameer shah</t>
  </si>
  <si>
    <t>Qamar Batool</t>
  </si>
  <si>
    <t>45373</t>
  </si>
  <si>
    <t>Chas Mahmood Wala</t>
  </si>
  <si>
    <t>Mahmood Wala</t>
  </si>
  <si>
    <t>Muhammad Wasim Tariq</t>
  </si>
  <si>
    <t>GGPS KOT NEHAL SINGH</t>
  </si>
  <si>
    <t>KOT NEHAL SINGH</t>
  </si>
  <si>
    <t>KOT NEHAL SINGH, DISTRICT NANKANA SAHIB</t>
  </si>
  <si>
    <t>BUCHEKI</t>
  </si>
  <si>
    <t>Rehana Afzal Rana</t>
  </si>
  <si>
    <t>GGPS MUSA KALAN</t>
  </si>
  <si>
    <t>Mussa Kalan</t>
  </si>
  <si>
    <t>mussa kalan</t>
  </si>
  <si>
    <t>Nargis Bibi</t>
  </si>
  <si>
    <t>48147</t>
  </si>
  <si>
    <t>GPS BORA</t>
  </si>
  <si>
    <t>Bora</t>
  </si>
  <si>
    <t>Village Bora post office Gujrat District and Teh Gujat</t>
  </si>
  <si>
    <t>Chechian Shamas</t>
  </si>
  <si>
    <t>49792</t>
  </si>
  <si>
    <t>GGPS TIBBI DARKHAN WALA</t>
  </si>
  <si>
    <t>Rukan Hatti</t>
  </si>
  <si>
    <t>tibbi darkhan wali shujabad (multan)</t>
  </si>
  <si>
    <t>Tibbi Darkhan Wali</t>
  </si>
  <si>
    <t>Ameen Bibi</t>
  </si>
  <si>
    <t>49793</t>
  </si>
  <si>
    <t>GGPS USMAN KHARA</t>
  </si>
  <si>
    <t>Shoil Sing</t>
  </si>
  <si>
    <t>basti usman khara</t>
  </si>
  <si>
    <t>Usman Khara</t>
  </si>
  <si>
    <t>GES CHAK NO 102 TDA</t>
  </si>
  <si>
    <t>Daggar Sewag</t>
  </si>
  <si>
    <t>pir sewag drbar chak number 102tda</t>
  </si>
  <si>
    <t>MUHAMMAD TAUQEER ULLAH</t>
  </si>
  <si>
    <t>49797</t>
  </si>
  <si>
    <t>GGPS WANDHA MASTI KHEL</t>
  </si>
  <si>
    <t>Ganda</t>
  </si>
  <si>
    <t>ggps wandha masti khail ganda .</t>
  </si>
  <si>
    <t>Narjuis Khatoon</t>
  </si>
  <si>
    <t>49799</t>
  </si>
  <si>
    <t>GPS GOTH DARGAHI</t>
  </si>
  <si>
    <t>Goth Dargahi</t>
  </si>
  <si>
    <t>Chak 181/NP , basti jind wada mahar , mouza goth dargahi</t>
  </si>
  <si>
    <t>GES TIBBI</t>
  </si>
  <si>
    <t>Muaffer Pur Janobi</t>
  </si>
  <si>
    <t>Tibbi mianwali</t>
  </si>
  <si>
    <t>GGPS CHAK NO 161 B TDA PO 162 TDA</t>
  </si>
  <si>
    <t>GGPS 161-B</t>
  </si>
  <si>
    <t>161-B</t>
  </si>
  <si>
    <t>Qamara Yasmeen</t>
  </si>
  <si>
    <t>Darkhast Jamal Khan Shumali</t>
  </si>
  <si>
    <t>basti gull muhammad chandia</t>
  </si>
  <si>
    <t>DJK Gharbi</t>
  </si>
  <si>
    <t>Hafiz Muhammad Mosa</t>
  </si>
  <si>
    <t>Water pump and Hand pump</t>
  </si>
  <si>
    <t>GGPS SAMLAN WALA</t>
  </si>
  <si>
    <t>samlan Wala</t>
  </si>
  <si>
    <t>50805</t>
  </si>
  <si>
    <t>GPS CHAK NO 130/M</t>
  </si>
  <si>
    <t>Chak 130/M</t>
  </si>
  <si>
    <t>chak 130/m p/o 130/m tehsil chishtians district bahawal nagar</t>
  </si>
  <si>
    <t>130/M</t>
  </si>
  <si>
    <t>GPS JHUNG BILAWAL</t>
  </si>
  <si>
    <t>basti Muhammad nawab numberdar mouza Jung bilawal</t>
  </si>
  <si>
    <t>Nawab Mahar</t>
  </si>
  <si>
    <t>Sajjad Ahmad Khan</t>
  </si>
  <si>
    <t>GGPS CHABER  PO SIAGL ABAD</t>
  </si>
  <si>
    <t>Chaaber</t>
  </si>
  <si>
    <t>Village &amp;post office chaaber</t>
  </si>
  <si>
    <t>Chabber</t>
  </si>
  <si>
    <t>37852</t>
  </si>
  <si>
    <t>51390</t>
  </si>
  <si>
    <t>GPS 16/SP PO PAKPATTAN</t>
  </si>
  <si>
    <t>16/sp</t>
  </si>
  <si>
    <t>Gps 16/sp pakpattan</t>
  </si>
  <si>
    <t>Chak 17/sp</t>
  </si>
  <si>
    <t>Banaras Ali</t>
  </si>
  <si>
    <t>GES BALLA JHULLAN</t>
  </si>
  <si>
    <t>Bella Jhullan</t>
  </si>
  <si>
    <t>bella jullan moza bella jullan p.o gamani teh.ape dis.bahawal pur</t>
  </si>
  <si>
    <t>GMPS 65 EB BAKHA P/O ARIFWALA PAKPATTAN</t>
  </si>
  <si>
    <t>Chak No 65/EB Bakah</t>
  </si>
  <si>
    <t>chak#65/EB Bakha teh Arif wala distt. ppn</t>
  </si>
  <si>
    <t>Chak No 65/EB Bakha</t>
  </si>
  <si>
    <t>Chak No 69/EB</t>
  </si>
  <si>
    <t>GPS KASIR SINGH</t>
  </si>
  <si>
    <t>Kasir Singh</t>
  </si>
  <si>
    <t>Chak Sundarwali P/O Dunga Bunga</t>
  </si>
  <si>
    <t>Kishan Ghad</t>
  </si>
  <si>
    <t>GGES 74/4-R</t>
  </si>
  <si>
    <t>BURJWALA-B-FEMALE</t>
  </si>
  <si>
    <t>GGES 74/4r</t>
  </si>
  <si>
    <t>Naima Rashid</t>
  </si>
  <si>
    <t>GPS 301 EB</t>
  </si>
  <si>
    <t>301E/B</t>
  </si>
  <si>
    <t>chak Nmb 301 E/B burewala vehari</t>
  </si>
  <si>
    <t>Chak Nmb 301 E/B</t>
  </si>
  <si>
    <t>Chak Nmb 327 E/B</t>
  </si>
  <si>
    <t>MUHAMMAD IFTEKHAR</t>
  </si>
  <si>
    <t>49298</t>
  </si>
  <si>
    <t>49829</t>
  </si>
  <si>
    <t>7462</t>
  </si>
  <si>
    <t>GGPS CHAK NO. 26/NP</t>
  </si>
  <si>
    <t>Govt Girls Primary School 26/np Dak khana Khas  24/np</t>
  </si>
  <si>
    <t>26/NP</t>
  </si>
  <si>
    <t>49830</t>
  </si>
  <si>
    <t>GGPS KHAGAY WALA CHAH NAIB WALA SHUJABAD DISTT. MULTAN</t>
  </si>
  <si>
    <t>Halal Wahja</t>
  </si>
  <si>
    <t>Govt Girls primary school khagay wala chah naib wala</t>
  </si>
  <si>
    <t>Chah Naib Wala</t>
  </si>
  <si>
    <t>Qaser Pur</t>
  </si>
  <si>
    <t>Meena Malik</t>
  </si>
  <si>
    <t>57964</t>
  </si>
  <si>
    <t>23298</t>
  </si>
  <si>
    <t>GGPS RAILWAY STATION DINGA</t>
  </si>
  <si>
    <t>GGPS Railway station dinga</t>
  </si>
  <si>
    <t>Dinga-1</t>
  </si>
  <si>
    <t>Maryam Jameela</t>
  </si>
  <si>
    <t>GES CHAK NO. 96/6-R</t>
  </si>
  <si>
    <t>Faryad Ali</t>
  </si>
  <si>
    <t>37993</t>
  </si>
  <si>
    <t>GPS BASTI SARDAR WALI</t>
  </si>
  <si>
    <t>government  primary  school basti sardar wali moza kondi lodhran</t>
  </si>
  <si>
    <t>Basti Sardar Wali Lodhran</t>
  </si>
  <si>
    <t>49839</t>
  </si>
  <si>
    <t>34719</t>
  </si>
  <si>
    <t>GGPS HAMID PUR TARELI MULTAN</t>
  </si>
  <si>
    <t>Hina Naz</t>
  </si>
  <si>
    <t>49845</t>
  </si>
  <si>
    <t>47887</t>
  </si>
  <si>
    <t>GGPS AWANAN WALA</t>
  </si>
  <si>
    <t>dera awanwala near 12 db</t>
  </si>
  <si>
    <t>Rural Harnoli</t>
  </si>
  <si>
    <t>Robina Javeed</t>
  </si>
  <si>
    <t>GGPS NAHRAY WALA</t>
  </si>
  <si>
    <t>chah jeetay wala moza nawan kot tehsiel choubara distic Layyah</t>
  </si>
  <si>
    <t>Jeetay Wala</t>
  </si>
  <si>
    <t>49847</t>
  </si>
  <si>
    <t>GES SAIR WALA</t>
  </si>
  <si>
    <t>Gull Qaim Madtoi</t>
  </si>
  <si>
    <t>basti Sair wala</t>
  </si>
  <si>
    <t>Ehsan Kareem</t>
  </si>
  <si>
    <t>49850</t>
  </si>
  <si>
    <t>GPS GIDDA KHEL</t>
  </si>
  <si>
    <t>Sultan Khel gharbi</t>
  </si>
  <si>
    <t>Gidda Khel post office sultan Khel tehseel Isa Khel district Mianwali</t>
  </si>
  <si>
    <t>Gidda Khel</t>
  </si>
  <si>
    <t>10322</t>
  </si>
  <si>
    <t>GGPS CHAK NO 234 B/ TDA</t>
  </si>
  <si>
    <t>chak no.234.b</t>
  </si>
  <si>
    <t>chak no.234.B</t>
  </si>
  <si>
    <t>shoukt Abad</t>
  </si>
  <si>
    <t>23387</t>
  </si>
  <si>
    <t>GGES MITRAN PUR</t>
  </si>
  <si>
    <t>Mandifaizabad</t>
  </si>
  <si>
    <t>mithran pur mindifaizabad</t>
  </si>
  <si>
    <t>Mithran Pur</t>
  </si>
  <si>
    <t>Rukhsana Mansha</t>
  </si>
  <si>
    <t>GPS BASTI SARGANI</t>
  </si>
  <si>
    <t>basti salam khan sargani</t>
  </si>
  <si>
    <t>Basti Salam Khan Sargani</t>
  </si>
  <si>
    <t>MC Rojhan</t>
  </si>
  <si>
    <t>GPS CHAK NO 172/M</t>
  </si>
  <si>
    <t>Chak no 172/m</t>
  </si>
  <si>
    <t>Chak no 172/m teh chishtian dist Bahawalnagar</t>
  </si>
  <si>
    <t>172/m</t>
  </si>
  <si>
    <t>GPS MIANA KOT</t>
  </si>
  <si>
    <t>Gujart</t>
  </si>
  <si>
    <t>p.o musa kamala village miana kot</t>
  </si>
  <si>
    <t>Mianakot</t>
  </si>
  <si>
    <t>GGPS CHAK NO. 520 TDA</t>
  </si>
  <si>
    <t>Chak 520/TDA</t>
  </si>
  <si>
    <t>chak No 520/TDA</t>
  </si>
  <si>
    <t>Noor SHAH</t>
  </si>
  <si>
    <t>2.12704e+006</t>
  </si>
  <si>
    <t>GGPS WARD NO. 1 FAQIR WALA</t>
  </si>
  <si>
    <t>ahmed Hagar ward no 1 faqir wali</t>
  </si>
  <si>
    <t>50653</t>
  </si>
  <si>
    <t>32312</t>
  </si>
  <si>
    <t>GGPS SOHAL KALAN</t>
  </si>
  <si>
    <t>GGPS sohal kalan Ajniyawala</t>
  </si>
  <si>
    <t>Ajniyawala</t>
  </si>
  <si>
    <t>Khadija Riasat Awan</t>
  </si>
  <si>
    <t>GPS CHAK NO.173 TDA</t>
  </si>
  <si>
    <t>AMEER KLASRA SHARQI</t>
  </si>
  <si>
    <t>CHAK NO. 173 TDA</t>
  </si>
  <si>
    <t>GMPS ADA PULL KHARA</t>
  </si>
  <si>
    <t>adda pull khara</t>
  </si>
  <si>
    <t>Pull Khara</t>
  </si>
  <si>
    <t>GPS SONA RAMDANI</t>
  </si>
  <si>
    <t>Chahil Chahah</t>
  </si>
  <si>
    <t>Chah durata chahil chahan post office choti zareen</t>
  </si>
  <si>
    <t>Chah Durata</t>
  </si>
  <si>
    <t>Aziz Muhammad</t>
  </si>
  <si>
    <t>GGPS TARKHAN WALA CHAK NO. 284</t>
  </si>
  <si>
    <t>terkhanwala chak # 284</t>
  </si>
  <si>
    <t>Aneeza Shahzadi</t>
  </si>
  <si>
    <t>GGPS GHULAM MUHAMMAD</t>
  </si>
  <si>
    <t>Moza sadiqpur UC Ghooka basti gulam Muhammad</t>
  </si>
  <si>
    <t>kalsoom bi bi</t>
  </si>
  <si>
    <t>GGPS CHAK NO.124/TDA</t>
  </si>
  <si>
    <t>124tda</t>
  </si>
  <si>
    <t>Kotla Haji Sha</t>
  </si>
  <si>
    <t>GPS PAKKI BASTI</t>
  </si>
  <si>
    <t>Pakki Basti Moza goth razaP/o taranda sway khan tehsil &amp; district Rahim yar khan</t>
  </si>
  <si>
    <t>Pakki Basti</t>
  </si>
  <si>
    <t>GPS NEW BAZAR KAMALIA</t>
  </si>
  <si>
    <t>Moh.Nia Bazar kamalia</t>
  </si>
  <si>
    <t>Ward No 20</t>
  </si>
  <si>
    <t>8408</t>
  </si>
  <si>
    <t>Nawan Shomali</t>
  </si>
  <si>
    <t>kalay wala mouza nawan shomali p/o choti zareen teh.kot chutta   Distr  D.g khan.</t>
  </si>
  <si>
    <t>GES CHAK NO 268 JB</t>
  </si>
  <si>
    <t>Chak no 268 jhang</t>
  </si>
  <si>
    <t>Chak No 268</t>
  </si>
  <si>
    <t>Muti Ur Rehman</t>
  </si>
  <si>
    <t>GPS 79-1-L</t>
  </si>
  <si>
    <t>79/1L</t>
  </si>
  <si>
    <t>Chak.no.79/1L</t>
  </si>
  <si>
    <t>Shahbaz Waseem</t>
  </si>
  <si>
    <t>GGPS BASTI ALLAH WASAYA GORGACH</t>
  </si>
  <si>
    <t>sidu walla</t>
  </si>
  <si>
    <t>basti Allah wasaya gorgach</t>
  </si>
  <si>
    <t>Allah wasaya gorgach</t>
  </si>
  <si>
    <t>dashti</t>
  </si>
  <si>
    <t>Sidra Ishtiaq</t>
  </si>
  <si>
    <t>GGES QILA NOOR PUR</t>
  </si>
  <si>
    <t>Qilla noor pur</t>
  </si>
  <si>
    <t>Gges qilla noor pur p / o colouni shoukat abad distric &amp; tehsil nankana sahib</t>
  </si>
  <si>
    <t>Qilla Noor pur</t>
  </si>
  <si>
    <t>Shawana Asghar</t>
  </si>
  <si>
    <t>50689</t>
  </si>
  <si>
    <t>GGES CHAK DHANI MUHAMMAD YAR CHISHTI</t>
  </si>
  <si>
    <t>Dhani Muhammad Yar Chishti</t>
  </si>
  <si>
    <t>Dhani Muhammad  Yar Chishti</t>
  </si>
  <si>
    <t>50691</t>
  </si>
  <si>
    <t>GGPS NO.6 DEPALPUR</t>
  </si>
  <si>
    <t>GGPS no 6</t>
  </si>
  <si>
    <t>Rashida Saeed</t>
  </si>
  <si>
    <t>GGES 111 EB P.O.ARIFWALA</t>
  </si>
  <si>
    <t>Chak No111/Eb Arifwala District Pakpattan</t>
  </si>
  <si>
    <t>gges 111/e.b arifwala</t>
  </si>
  <si>
    <t>111/eb</t>
  </si>
  <si>
    <t>Tahira Nadeem</t>
  </si>
  <si>
    <t>8935</t>
  </si>
  <si>
    <t>GPS PAKI MANDI JADEED</t>
  </si>
  <si>
    <t>kumhar colony, boys college road, lqp</t>
  </si>
  <si>
    <t>17470</t>
  </si>
  <si>
    <t>GGPS GHALEY KHEL</t>
  </si>
  <si>
    <t>wandhi  ghund  wali tariqabad</t>
  </si>
  <si>
    <t>43885</t>
  </si>
  <si>
    <t>GGPS DHOK TAHLI</t>
  </si>
  <si>
    <t>Dhok Tahli</t>
  </si>
  <si>
    <t>GGPS dhoke Tahli</t>
  </si>
  <si>
    <t>Jabi S Dilawar</t>
  </si>
  <si>
    <t>Aasma Iram</t>
  </si>
  <si>
    <t>GGES CHAK NO.15 NB</t>
  </si>
  <si>
    <t>Chak 15 Nb</t>
  </si>
  <si>
    <t>GGES 15 NB bhalwal</t>
  </si>
  <si>
    <t>18 Nb</t>
  </si>
  <si>
    <t>Sara Ijaz</t>
  </si>
  <si>
    <t>GGPS TAJOWAL</t>
  </si>
  <si>
    <t>Tajowal</t>
  </si>
  <si>
    <t>vill.tajowal,p/o mirpur,teh.skg,dist.narowal</t>
  </si>
  <si>
    <t>Tamseela Rasheed</t>
  </si>
  <si>
    <t>GPS SADHAN NEKO KARA</t>
  </si>
  <si>
    <t>Sadhan Nekokara</t>
  </si>
  <si>
    <t>sadhan nekokara</t>
  </si>
  <si>
    <t>Sadhan Neko Kara</t>
  </si>
  <si>
    <t>Aamir Nadeem</t>
  </si>
  <si>
    <t>GMMS TATRAL</t>
  </si>
  <si>
    <t>village Tatral Tehseel&amp;District Chakwal</t>
  </si>
  <si>
    <t>Dub</t>
  </si>
  <si>
    <t>51504</t>
  </si>
  <si>
    <t>GPS CHAK NO. 89 /D</t>
  </si>
  <si>
    <t>89 D</t>
  </si>
  <si>
    <t>chak no 89 d teh &amp; distt. pakpattan sharif</t>
  </si>
  <si>
    <t>Chak 96 D</t>
  </si>
  <si>
    <t>Hafiz Muhammad Tayyab Farooq</t>
  </si>
  <si>
    <t>14992</t>
  </si>
  <si>
    <t>26977</t>
  </si>
  <si>
    <t>GPS BURG BHIAN</t>
  </si>
  <si>
    <t>Burg Bhian</t>
  </si>
  <si>
    <t>Village Kharak Bhattian P/o Vanike Tarar</t>
  </si>
  <si>
    <t>Aloudin Key Chattha</t>
  </si>
  <si>
    <t>50186</t>
  </si>
  <si>
    <t>GES 63-64/12-L</t>
  </si>
  <si>
    <t>63-64/13L</t>
  </si>
  <si>
    <t>chak#64/12L cci swl</t>
  </si>
  <si>
    <t>63-64/12L</t>
  </si>
  <si>
    <t>Babar Hassan Gillani</t>
  </si>
  <si>
    <t>GGES CHAK NO.5 DB</t>
  </si>
  <si>
    <t>5DB</t>
  </si>
  <si>
    <t>chack no 5db post office 3db tehsil piplan district mianwali</t>
  </si>
  <si>
    <t>Chack No 5DB</t>
  </si>
  <si>
    <t>Chack No 4DB</t>
  </si>
  <si>
    <t>Khair-un-Nisa</t>
  </si>
  <si>
    <t>GGPS ABDULLAH KHAN</t>
  </si>
  <si>
    <t>GGPS NO.2 DHAREMA</t>
  </si>
  <si>
    <t>ggps no.2 dharema</t>
  </si>
  <si>
    <t>Karishma Kanwal</t>
  </si>
  <si>
    <t>GGES NO. 1 CHAN</t>
  </si>
  <si>
    <t>gges no 1 chan tehsil noorpur thal  district khushab</t>
  </si>
  <si>
    <t>Robina Altaf</t>
  </si>
  <si>
    <t>GPS ATTA ABAD</t>
  </si>
  <si>
    <t>Inayt Pur</t>
  </si>
  <si>
    <t>Moza kalri</t>
  </si>
  <si>
    <t>Atta Abad</t>
  </si>
  <si>
    <t>Asif Shahzad</t>
  </si>
  <si>
    <t>GGES BHAIR KALYAL</t>
  </si>
  <si>
    <t>bhairkalyal</t>
  </si>
  <si>
    <t>Asma Iram</t>
  </si>
  <si>
    <t>GGPS VIROOWAL</t>
  </si>
  <si>
    <t>Viroowal</t>
  </si>
  <si>
    <t>GGPS viroowal</t>
  </si>
  <si>
    <t>Kalsan Paramal</t>
  </si>
  <si>
    <t>Shamila Rani</t>
  </si>
  <si>
    <t>49318</t>
  </si>
  <si>
    <t>GGPS CHAK NO.5 REMOUNT DEPOT</t>
  </si>
  <si>
    <t>Chak No.5 Remount Depot Sargodha</t>
  </si>
  <si>
    <t>GGPS DHOK GHAZI</t>
  </si>
  <si>
    <t>Dhok Ghazi</t>
  </si>
  <si>
    <t>vill chakqada po chakora dist chakwal</t>
  </si>
  <si>
    <t>Sobia Saghir</t>
  </si>
  <si>
    <t>5066</t>
  </si>
  <si>
    <t>44051</t>
  </si>
  <si>
    <t>GPS DHOK BHATTI DAKHLI KOT SARANG</t>
  </si>
  <si>
    <t>Dhoke Bhatti</t>
  </si>
  <si>
    <t>Dhoke Bhatti kotsarang p/o Kotsarang Tehsil Talagang Distt Chakwal</t>
  </si>
  <si>
    <t>GPS BAGH WALA QADEEM</t>
  </si>
  <si>
    <t>Esan Mahar</t>
  </si>
  <si>
    <t>basti mal wala</t>
  </si>
  <si>
    <t>Mall Wala</t>
  </si>
  <si>
    <t>54569</t>
  </si>
  <si>
    <t>GPS KOT BAKHTAWAR</t>
  </si>
  <si>
    <t>GPS DHOK SARWALI DAKHLI DHRIEK</t>
  </si>
  <si>
    <t>Dhareek</t>
  </si>
  <si>
    <t>dhok sarwali po bahter teh. fatehjung attock.</t>
  </si>
  <si>
    <t>Dhok Sarwali</t>
  </si>
  <si>
    <t>GES MC MUMTAZ ABAD MULTAN</t>
  </si>
  <si>
    <t>JUMA KHALSA</t>
  </si>
  <si>
    <t>Mumtazabad Multan</t>
  </si>
  <si>
    <t>MUMTAZABAD</t>
  </si>
  <si>
    <t>MUHAMMAD SHAHID FAROOQ KHAN</t>
  </si>
  <si>
    <t>GPS MODEL MASOOD MODEL FARM NAHAR WALI</t>
  </si>
  <si>
    <t>Naharwali</t>
  </si>
  <si>
    <t>gmps masood model farm bste chah feroz walla mouza naharwalli samma satta</t>
  </si>
  <si>
    <t>Chah Feroz Walla</t>
  </si>
  <si>
    <t>Jalalabaad</t>
  </si>
  <si>
    <t>50567</t>
  </si>
  <si>
    <t>GGES 118/12-L</t>
  </si>
  <si>
    <t>chak no.118/12.L</t>
  </si>
  <si>
    <t>20033</t>
  </si>
  <si>
    <t>GMPS CHAK 126 COLONY</t>
  </si>
  <si>
    <t>126colony</t>
  </si>
  <si>
    <t>chak no 126 colony chniot</t>
  </si>
  <si>
    <t>126colny</t>
  </si>
  <si>
    <t>Ahamadabad</t>
  </si>
  <si>
    <t>Shahida Saeed</t>
  </si>
  <si>
    <t>43689</t>
  </si>
  <si>
    <t>GES KAMAL THAEEM</t>
  </si>
  <si>
    <t>kamal thaheem</t>
  </si>
  <si>
    <t>GES KAMAL THAHEEM MOUZA KAMAL THAHEEM BHAKKAR</t>
  </si>
  <si>
    <t>183 184 tda</t>
  </si>
  <si>
    <t>Ahmad Hassan Khan</t>
  </si>
  <si>
    <t>GPS CHAPRI SAHU KHEL</t>
  </si>
  <si>
    <t>Poss Bangi Khel Sherqi</t>
  </si>
  <si>
    <t>GPS Chapri Sahu Khel</t>
  </si>
  <si>
    <t>Chapri Sahu Khel</t>
  </si>
  <si>
    <t>GES KHANOWAL</t>
  </si>
  <si>
    <t>Village &amp; P/O Khanowal Tehsil shakargarh</t>
  </si>
  <si>
    <t>30983</t>
  </si>
  <si>
    <t>GGES JINNAH ISLAMIA SANAT NAGAR</t>
  </si>
  <si>
    <t>Ganga street house no 58 sant nagar lahore</t>
  </si>
  <si>
    <t>Safia Tabassum</t>
  </si>
  <si>
    <t>35272</t>
  </si>
  <si>
    <t>GPS 471 EB</t>
  </si>
  <si>
    <t>471/eb</t>
  </si>
  <si>
    <t>447/eb</t>
  </si>
  <si>
    <t>Muhammad Javed Akbar</t>
  </si>
  <si>
    <t>50219</t>
  </si>
  <si>
    <t>33954</t>
  </si>
  <si>
    <t>GPS KHURSHID ABAD P/O SHUJABAD</t>
  </si>
  <si>
    <t>WARD NO 5</t>
  </si>
  <si>
    <t>GPS KHURSHIDABAD P/O SHUJABAD</t>
  </si>
  <si>
    <t>waqar ahmad</t>
  </si>
  <si>
    <t>GMPS 52 SP</t>
  </si>
  <si>
    <t>52sp</t>
  </si>
  <si>
    <t>52/sp</t>
  </si>
  <si>
    <t>52/Sp</t>
  </si>
  <si>
    <t>safina sarwar</t>
  </si>
  <si>
    <t>50222</t>
  </si>
  <si>
    <t>GGPS CHAK 62/4-R AB</t>
  </si>
  <si>
    <t>62/ 4R AB</t>
  </si>
  <si>
    <t>62/ 4R (AB)</t>
  </si>
  <si>
    <t>62 / 4R</t>
  </si>
  <si>
    <t>62/ 4R</t>
  </si>
  <si>
    <t>GPS TAHIR SHAHEED</t>
  </si>
  <si>
    <t>Basti imam buksh mouza kotla nawab</t>
  </si>
  <si>
    <t>Basti Imam Bukhsh</t>
  </si>
  <si>
    <t>GES CHAK NO. 471 TDA</t>
  </si>
  <si>
    <t>Chak No 471 TDA</t>
  </si>
  <si>
    <t>Mirhaan</t>
  </si>
  <si>
    <t>GES  86-A/12-L</t>
  </si>
  <si>
    <t>86-A/12-L</t>
  </si>
  <si>
    <t>90/12.L</t>
  </si>
  <si>
    <t>4291</t>
  </si>
  <si>
    <t>GGPS BONGA SAHBA</t>
  </si>
  <si>
    <t>Bonga Sahiba</t>
  </si>
  <si>
    <t>bonga sahiba</t>
  </si>
  <si>
    <t>Naghma Sultana</t>
  </si>
  <si>
    <t>38059</t>
  </si>
  <si>
    <t>GES BASTI LAL SHAH P/O BAHMENI WALA</t>
  </si>
  <si>
    <t>salsadar</t>
  </si>
  <si>
    <t>Basti khanqa wala salsadar lodhran</t>
  </si>
  <si>
    <t>khanqa wala</t>
  </si>
  <si>
    <t>Burhan pur</t>
  </si>
  <si>
    <t>Burhan pur Amir pur station  kahror pacca</t>
  </si>
  <si>
    <t>Abida Qamar</t>
  </si>
  <si>
    <t>GPS BASTI KAMALA</t>
  </si>
  <si>
    <t>basti kamala</t>
  </si>
  <si>
    <t>GPS AROOR SINGH WALA</t>
  </si>
  <si>
    <t>Arror Singh Wala</t>
  </si>
  <si>
    <t>GPS Arror Singh wala</t>
  </si>
  <si>
    <t>GGPS LAITAN TEH NANKANA</t>
  </si>
  <si>
    <t>laitan</t>
  </si>
  <si>
    <t>Mehmooda Sarwat</t>
  </si>
  <si>
    <t>29103</t>
  </si>
  <si>
    <t>GGES KOT AZAM KHAN</t>
  </si>
  <si>
    <t>kot azam khan</t>
  </si>
  <si>
    <t>GGPS CHAK NO. 45-A/MB  NATIONAL COLONY JAUHARABAD</t>
  </si>
  <si>
    <t>National Colony</t>
  </si>
  <si>
    <t>G G P School 45A/ MB no.2</t>
  </si>
  <si>
    <t>45 A/ MB</t>
  </si>
  <si>
    <t>50 /mb</t>
  </si>
  <si>
    <t>Rahat Islam</t>
  </si>
  <si>
    <t>GGPS DHUIN MUHAMMAD</t>
  </si>
  <si>
    <t>Dhuin  Muhammad</t>
  </si>
  <si>
    <t>dhuin Muhammad p/box head trim teh/dis jhang</t>
  </si>
  <si>
    <t>Dhuin Muhammad</t>
  </si>
  <si>
    <t>Mnsoorsial</t>
  </si>
  <si>
    <t>GGPS LILIANDI P/O DHUMMAN</t>
  </si>
  <si>
    <t>Lillyandi</t>
  </si>
  <si>
    <t>v lillyandi po duhman Teh&amp;Distt Chakwal</t>
  </si>
  <si>
    <t>Mehnaz Ghafoor</t>
  </si>
  <si>
    <t>GPS MANAH</t>
  </si>
  <si>
    <t>Basti and mouza Manhan Tehsil kot addu</t>
  </si>
  <si>
    <t>GGPS CHAK NO. 105/6-R AB</t>
  </si>
  <si>
    <t>105/6r Ab</t>
  </si>
  <si>
    <t>105/6r ab</t>
  </si>
  <si>
    <t>Sohaila Kousar</t>
  </si>
  <si>
    <t>GHS BANGLA ICHHA</t>
  </si>
  <si>
    <t>Kacha Mian a Wali No 2</t>
  </si>
  <si>
    <t>bangla ichha</t>
  </si>
  <si>
    <t>Bangla Iccha</t>
  </si>
  <si>
    <t>Kachamianawali</t>
  </si>
  <si>
    <t>Muhammad  Afzal Khan</t>
  </si>
  <si>
    <t>GGHSS CHAK NO.84 SB</t>
  </si>
  <si>
    <t>chak 84 sb</t>
  </si>
  <si>
    <t>Bushra Malik</t>
  </si>
  <si>
    <t>GGPS SIDDIQUE ABAD</t>
  </si>
  <si>
    <t>Vpo saddiqueabad tehsil phalia distt Mandib ahaud din</t>
  </si>
  <si>
    <t>Bhoa  Hassan</t>
  </si>
  <si>
    <t>Mahwash Habeeb</t>
  </si>
  <si>
    <t>GGPS NANGLI</t>
  </si>
  <si>
    <t>Nangli</t>
  </si>
  <si>
    <t>village nangli p/o noorkot teh skg district narowal</t>
  </si>
  <si>
    <t>Zubaida Beghum</t>
  </si>
  <si>
    <t>GPS BASTI CHAMMAN</t>
  </si>
  <si>
    <t>Gps Basti Chamman Ali pur Road muzaffar garh.</t>
  </si>
  <si>
    <t>Basti Chamman</t>
  </si>
  <si>
    <t>Aroon Joseph</t>
  </si>
  <si>
    <t>GGPS RASHID ABAD NO. 3 MOHALLAH RASHID ABAD</t>
  </si>
  <si>
    <t>Basti RasheedAbad</t>
  </si>
  <si>
    <t>Basti Rasheedabad</t>
  </si>
  <si>
    <t>M C Sdk</t>
  </si>
  <si>
    <t>Nasim Sardar</t>
  </si>
  <si>
    <t>3693</t>
  </si>
  <si>
    <t>GPS CHAK JALALPUR  P/O JALAL PUR KHAKI</t>
  </si>
  <si>
    <t>JALALPUR KHAKHI - MALE</t>
  </si>
  <si>
    <t>Jalal Pur Khakhi</t>
  </si>
  <si>
    <t>Basti qasai chak jalal pur</t>
  </si>
  <si>
    <t>Basti Qasai</t>
  </si>
  <si>
    <t>38532</t>
  </si>
  <si>
    <t>GPS MANJA KOTLA</t>
  </si>
  <si>
    <t>MANJHA KOTLA</t>
  </si>
  <si>
    <t>Mauza Manjha Kotla Teh Dunyapur District Lodhran.</t>
  </si>
  <si>
    <t>Mian Faisal Ejaz Malana</t>
  </si>
  <si>
    <t>GGPS THATHI AALAM SHAH</t>
  </si>
  <si>
    <t>Thathi Alam Shah</t>
  </si>
  <si>
    <t>head mistress, ggps, that hi Alam shah</t>
  </si>
  <si>
    <t>18302</t>
  </si>
  <si>
    <t>36911</t>
  </si>
  <si>
    <t>GGPS HASHMAT MIRALI, SARAI SIDHU</t>
  </si>
  <si>
    <t>Langri</t>
  </si>
  <si>
    <t>Basti langri hashmat mirali</t>
  </si>
  <si>
    <t>Hashmat mirali</t>
  </si>
  <si>
    <t>26350</t>
  </si>
  <si>
    <t>GGPS SIALAN</t>
  </si>
  <si>
    <t>Nawin Arian</t>
  </si>
  <si>
    <t>Gov't Girls Primary School Basti sialian</t>
  </si>
  <si>
    <t>Basti Sialian</t>
  </si>
  <si>
    <t>Amer pur</t>
  </si>
  <si>
    <t>SABIA PARVEEN</t>
  </si>
  <si>
    <t>GPS GHULAM MUHAMMAD DALANI</t>
  </si>
  <si>
    <t>soon miani</t>
  </si>
  <si>
    <t>Basti Haji Qamar Din khan</t>
  </si>
  <si>
    <t>Basti Haji Qamar Deen</t>
  </si>
  <si>
    <t>Ahmad Farooq</t>
  </si>
  <si>
    <t>36405</t>
  </si>
  <si>
    <t>GMPS 64 WB</t>
  </si>
  <si>
    <t>64wb</t>
  </si>
  <si>
    <t>chakNo 64wb</t>
  </si>
  <si>
    <t>GGHSS SEET PUR</t>
  </si>
  <si>
    <t>p/of seetpur</t>
  </si>
  <si>
    <t>Seetpur</t>
  </si>
  <si>
    <t>perveen nazer</t>
  </si>
  <si>
    <t>46040</t>
  </si>
  <si>
    <t>GGCMES CHAK NO 44 MB</t>
  </si>
  <si>
    <t>Chak No 44MB</t>
  </si>
  <si>
    <t>GGES 44 MB Khushab</t>
  </si>
  <si>
    <t>Chak No 44 MB</t>
  </si>
  <si>
    <t>Ayesha Akram</t>
  </si>
  <si>
    <t>GES CHAK NO.369-A TDA</t>
  </si>
  <si>
    <t>Rafiqaabad</t>
  </si>
  <si>
    <t>chak no 369Atda post office rafiqaabad</t>
  </si>
  <si>
    <t>369TDA</t>
  </si>
  <si>
    <t>Muhammad Salem</t>
  </si>
  <si>
    <t>50882</t>
  </si>
  <si>
    <t>GGPS SHAMMAN</t>
  </si>
  <si>
    <t>chah jaal wala moza shamman tehseel Mailsi</t>
  </si>
  <si>
    <t>Jaal Wala</t>
  </si>
  <si>
    <t>GGPS JHANDA</t>
  </si>
  <si>
    <t>village jhanda P/O kot nainan</t>
  </si>
  <si>
    <t>Aneeba Safdar</t>
  </si>
  <si>
    <t>GPS MITTI CHATAN</t>
  </si>
  <si>
    <t>Basti Mohabt wala Mouza Rukan pur</t>
  </si>
  <si>
    <t>Mitti Chatan</t>
  </si>
  <si>
    <t>GMPS CHAK NO.48 D</t>
  </si>
  <si>
    <t>Chak No 48/D</t>
  </si>
  <si>
    <t>chak#48/D</t>
  </si>
  <si>
    <t>Chak#48/D</t>
  </si>
  <si>
    <t>GPS DHARI BHATTAIN</t>
  </si>
  <si>
    <t>DHARI BHATIAN</t>
  </si>
  <si>
    <t>DHARI BHATIAN  Morekhunda</t>
  </si>
  <si>
    <t>GGPS MOHLAN WALI</t>
  </si>
  <si>
    <t>mohlan wali p o noor sar</t>
  </si>
  <si>
    <t>Mohlan Wali</t>
  </si>
  <si>
    <t>ShahnazAkhter</t>
  </si>
  <si>
    <t>GPS MALOOKA KALAN</t>
  </si>
  <si>
    <t>Malooka Kalan</t>
  </si>
  <si>
    <t>malooka kalan tehsil and distt pakpattan</t>
  </si>
  <si>
    <t>Hafiz Mazhar Farid</t>
  </si>
  <si>
    <t>13365</t>
  </si>
  <si>
    <t>govt girls high  school  Rasool pur tehsil jampur  district  rajanpur</t>
  </si>
  <si>
    <t>51854</t>
  </si>
  <si>
    <t>GPS 61/EB L- BLOCK</t>
  </si>
  <si>
    <t>61eb</t>
  </si>
  <si>
    <t>GPS  61 eb Arifwala</t>
  </si>
  <si>
    <t>GPS CHAK NO 291 TDA</t>
  </si>
  <si>
    <t>Noshera Thal Kalan</t>
  </si>
  <si>
    <t>Chak no 291/tda tehsil karor district layyah</t>
  </si>
  <si>
    <t>Chak 291</t>
  </si>
  <si>
    <t>Chak 306</t>
  </si>
  <si>
    <t>GES 28/3-R</t>
  </si>
  <si>
    <t>28/3r</t>
  </si>
  <si>
    <t>M Boota Iftikhar</t>
  </si>
  <si>
    <t>49662</t>
  </si>
  <si>
    <t>34715</t>
  </si>
  <si>
    <t>GGPS JAMHOOR</t>
  </si>
  <si>
    <t>Jamhoor</t>
  </si>
  <si>
    <t>Ggps Basti jamhoor Markaz sher shah</t>
  </si>
  <si>
    <t>Farzana Naz</t>
  </si>
  <si>
    <t>GES FAREED ABAD</t>
  </si>
  <si>
    <t>moza fareed abad tehsil Ahmad pur east district Bahawalpur</t>
  </si>
  <si>
    <t>Rashid Rafique</t>
  </si>
  <si>
    <t>49668</t>
  </si>
  <si>
    <t>GGES RUKKAN HATTI SHUJABAD</t>
  </si>
  <si>
    <t>gges rukan hatti moza rukan hatti</t>
  </si>
  <si>
    <t>Sadia Hafeez</t>
  </si>
  <si>
    <t>GGPS BASTI ARRIYAN, NAWAN SHEHR</t>
  </si>
  <si>
    <t>Charag Bella</t>
  </si>
  <si>
    <t>near sardarpur moza charag bella dakkhana s.pur</t>
  </si>
  <si>
    <t>Basti Arraiyan</t>
  </si>
  <si>
    <t>Hafiza Madiha Javed</t>
  </si>
  <si>
    <t>14512</t>
  </si>
  <si>
    <t>GPS GAOSHALA</t>
  </si>
  <si>
    <t>street 9 madni colony bwn</t>
  </si>
  <si>
    <t>47078</t>
  </si>
  <si>
    <t>GES KHAN MOHAMMAD WALA</t>
  </si>
  <si>
    <t>Moza khan Muhammad wala po Khan Muhammad wala Tehsil and district Mianwali</t>
  </si>
  <si>
    <t>Dilewali Qureshian</t>
  </si>
  <si>
    <t>Shaukat Abbas Khan</t>
  </si>
  <si>
    <t>49678</t>
  </si>
  <si>
    <t>GGES TABBI SAR</t>
  </si>
  <si>
    <t>Tabbi sar</t>
  </si>
  <si>
    <t>tabbi sar esa khel</t>
  </si>
  <si>
    <t>Tolabangi Khel</t>
  </si>
  <si>
    <t>Farwah Batool</t>
  </si>
  <si>
    <t>water tanks and govt supply</t>
  </si>
  <si>
    <t>46337</t>
  </si>
  <si>
    <t>49681</t>
  </si>
  <si>
    <t>GGES 23/11-L</t>
  </si>
  <si>
    <t>Chak No23/11-L</t>
  </si>
  <si>
    <t>chak no 23/11-L</t>
  </si>
  <si>
    <t>Chak no 23 /11-L</t>
  </si>
  <si>
    <t>Chak no 23/11-L</t>
  </si>
  <si>
    <t>Hina Parveen</t>
  </si>
  <si>
    <t>GGPS LOWANKH</t>
  </si>
  <si>
    <t>Loankh</t>
  </si>
  <si>
    <t>village loankh post office bheri khurd</t>
  </si>
  <si>
    <t>Faiza Nuzhat</t>
  </si>
  <si>
    <t>48458</t>
  </si>
  <si>
    <t>GGPS SARKAL MAIR</t>
  </si>
  <si>
    <t>Sarkal Mair</t>
  </si>
  <si>
    <t>po sarkal mair</t>
  </si>
  <si>
    <t>Samia Yasmeen</t>
  </si>
  <si>
    <t>40139</t>
  </si>
  <si>
    <t>38227</t>
  </si>
  <si>
    <t>GGES RAILWAY STATION</t>
  </si>
  <si>
    <t>Basti railway Station</t>
  </si>
  <si>
    <t>basti railway station kahror pacca</t>
  </si>
  <si>
    <t>Rabia Noshin</t>
  </si>
  <si>
    <t>GGHS CHAK 348 JB</t>
  </si>
  <si>
    <t>348 JB</t>
  </si>
  <si>
    <t>chak 348 jb tehsil gojra distt. toba tek singh</t>
  </si>
  <si>
    <t>348 Jb</t>
  </si>
  <si>
    <t>GGES CHAK NO.92 SB</t>
  </si>
  <si>
    <t>92SB</t>
  </si>
  <si>
    <t>GgEs 92SB Sargodha</t>
  </si>
  <si>
    <t>96sb</t>
  </si>
  <si>
    <t>Muneera Kausar</t>
  </si>
  <si>
    <t>33409</t>
  </si>
  <si>
    <t>GPS HALA</t>
  </si>
  <si>
    <t>Mauza hala</t>
  </si>
  <si>
    <t>Muhammad Tahir Qureshi</t>
  </si>
  <si>
    <t>20028</t>
  </si>
  <si>
    <t>13069</t>
  </si>
  <si>
    <t>GGES RAM PUR JADEED (MAHI WAL NAGAR)</t>
  </si>
  <si>
    <t>Govt. girls E/S rampur jadeed Mahi wal Nagar</t>
  </si>
  <si>
    <t>Bhand</t>
  </si>
  <si>
    <t>49703</t>
  </si>
  <si>
    <t>GPS CHAK NO.29/3-R</t>
  </si>
  <si>
    <t>Chak 29/3r</t>
  </si>
  <si>
    <t>chak29/3r HND dist BWN</t>
  </si>
  <si>
    <t>Chak29/3r</t>
  </si>
  <si>
    <t>Chak30/3r</t>
  </si>
  <si>
    <t>GGPS TIBBA ZAHIR PEER</t>
  </si>
  <si>
    <t>169p</t>
  </si>
  <si>
    <t>tibba zahir pir</t>
  </si>
  <si>
    <t>Tibba Zahir Pir</t>
  </si>
  <si>
    <t>shagufta Parveen</t>
  </si>
  <si>
    <t>GGPS NO. 1 MUSTAFA ABAD</t>
  </si>
  <si>
    <t>ameer colony Mustafa abad</t>
  </si>
  <si>
    <t>49707</t>
  </si>
  <si>
    <t>GGHS CHOBARA</t>
  </si>
  <si>
    <t>village Chobara pob chobara Tehsil Pasrur District sialkot</t>
  </si>
  <si>
    <t>GGES 107/ML</t>
  </si>
  <si>
    <t>107ml</t>
  </si>
  <si>
    <t>Muncipall Committee Fatehpur</t>
  </si>
  <si>
    <t>mussarat nazir</t>
  </si>
  <si>
    <t>Handpump waterpump</t>
  </si>
  <si>
    <t>GGES TULLAH KAMBOH</t>
  </si>
  <si>
    <t>Tullah kamboh</t>
  </si>
  <si>
    <t>Sonia Hayder</t>
  </si>
  <si>
    <t>GPS 21 MPR P/O 49/M LODHRAN</t>
  </si>
  <si>
    <t>Chk 21mpr</t>
  </si>
  <si>
    <t>chk 21mpr p.o 49m lodhran</t>
  </si>
  <si>
    <t>Chk 49m</t>
  </si>
  <si>
    <t>49716</t>
  </si>
  <si>
    <t>GPS CHAK NO.54 A SB</t>
  </si>
  <si>
    <t>54 Sb</t>
  </si>
  <si>
    <t>Chak no.54sb sargodha</t>
  </si>
  <si>
    <t>Chak 54 ASB</t>
  </si>
  <si>
    <t>GPS CHAK 11/FW KATRIAN</t>
  </si>
  <si>
    <t>Chak 11/FW</t>
  </si>
  <si>
    <t>chak 11/FW P.O chak 10/FW</t>
  </si>
  <si>
    <t>Chak 11/FW Katarian</t>
  </si>
  <si>
    <t>Muhammad Waseem Anjum</t>
  </si>
  <si>
    <t>GGPS CHAK NO 436/6-R</t>
  </si>
  <si>
    <t>436/6r</t>
  </si>
  <si>
    <t>chak no 436/6r teh HND dist.BWN</t>
  </si>
  <si>
    <t>436/6/r</t>
  </si>
  <si>
    <t>Mussart parveen</t>
  </si>
  <si>
    <t>49727</t>
  </si>
  <si>
    <t>GGPS MC NO. 1 NANKANA CITY</t>
  </si>
  <si>
    <t>NNS</t>
  </si>
  <si>
    <t>Near Muncipal Commette Nankana Sahib</t>
  </si>
  <si>
    <t>City NNS</t>
  </si>
  <si>
    <t>MC NNS</t>
  </si>
  <si>
    <t>Zahida Butt</t>
  </si>
  <si>
    <t>GGPS 461/EB BUREWALA</t>
  </si>
  <si>
    <t>461/EB</t>
  </si>
  <si>
    <t>chak 461/E.B</t>
  </si>
  <si>
    <t>Chak NO 461/EB</t>
  </si>
  <si>
    <t>Rashida Sattar</t>
  </si>
  <si>
    <t>GPS TOGHRA SHARIF</t>
  </si>
  <si>
    <t>Mari Qadir Bux Otar</t>
  </si>
  <si>
    <t>darbar togherasharif mari qadar bux bwn</t>
  </si>
  <si>
    <t>Toghera Sharif</t>
  </si>
  <si>
    <t>Mari Mian Shb</t>
  </si>
  <si>
    <t>Mohammad Abdulrazzaq</t>
  </si>
  <si>
    <t>GPS DERA GHULAM GHOUS</t>
  </si>
  <si>
    <t>Dera Ghulam Ghous</t>
  </si>
  <si>
    <t>Dera ghulam ghous ghang</t>
  </si>
  <si>
    <t>Zaka Ullah Khan</t>
  </si>
  <si>
    <t>GGPS ZAKIR ABAD HAMOKA</t>
  </si>
  <si>
    <t>village Zakirabd post office tiba qaim  din</t>
  </si>
  <si>
    <t>Wasim Akhter</t>
  </si>
  <si>
    <t>52203</t>
  </si>
  <si>
    <t>GGPS REHMANIA QABOOLA</t>
  </si>
  <si>
    <t>chak mehndi Khan road Qaboola Teh Arifwala Distt Pakpattan</t>
  </si>
  <si>
    <t>FOZIA HAFEEZ</t>
  </si>
  <si>
    <t>GPS BAHADUR PEER</t>
  </si>
  <si>
    <t>Mud mangla tehsil Khan pur distt Rahim Yar Khan</t>
  </si>
  <si>
    <t>GPS CHAK NO. 13/A</t>
  </si>
  <si>
    <t>CHAK NO. 13/A</t>
  </si>
  <si>
    <t>CHAK NO. 13/A TEHSIL LIAQUAT PUR</t>
  </si>
  <si>
    <t>CHAK NO. 25/A</t>
  </si>
  <si>
    <t>GGPS NOOR SHAH BUKHARI</t>
  </si>
  <si>
    <t>mohalla noor shah bukhari APE</t>
  </si>
  <si>
    <t>Ahmad pur city</t>
  </si>
  <si>
    <t>GES MC KAMALIA</t>
  </si>
  <si>
    <t>Mohalla dargai shah near MC kamalia</t>
  </si>
  <si>
    <t>Hammad Bashir</t>
  </si>
  <si>
    <t>GES KOT MIR HUSSAIN</t>
  </si>
  <si>
    <t>Kot Amir Hassian</t>
  </si>
  <si>
    <t>50265</t>
  </si>
  <si>
    <t>GPS AALI WALA</t>
  </si>
  <si>
    <t>Aali Wala Khas Tehsil Kot Chutta District Dera Ghazi Khan</t>
  </si>
  <si>
    <t>GGPS PEER DA KILLA</t>
  </si>
  <si>
    <t>Dhakna Gharu</t>
  </si>
  <si>
    <t>Govt girls primary school peer da killa nazar wah</t>
  </si>
  <si>
    <t>Nazar Wah</t>
  </si>
  <si>
    <t>Sadaf Salahuddin</t>
  </si>
  <si>
    <t>GPS BAKHRA</t>
  </si>
  <si>
    <t>Bakhra</t>
  </si>
  <si>
    <t>gps bakhra post office khokhar Wala teh distt layyah</t>
  </si>
  <si>
    <t>Hamad Ur Rehman</t>
  </si>
  <si>
    <t>GPS CHANAN PUNANN</t>
  </si>
  <si>
    <t>Chak 24 P</t>
  </si>
  <si>
    <t>Chak 24/p basti peer chanan punan</t>
  </si>
  <si>
    <t>Chak 24/P</t>
  </si>
  <si>
    <t>MUD BHOORA</t>
  </si>
  <si>
    <t>50286</t>
  </si>
  <si>
    <t>GGES MC NO.3 M BLOCK</t>
  </si>
  <si>
    <t>gges mc 3 m Block arifwala</t>
  </si>
  <si>
    <t>City Arifwala</t>
  </si>
  <si>
    <t>GPS DERA AMIR ABDULLAH KHAN WALA</t>
  </si>
  <si>
    <t>Dera Amir Abdullah Khanwala</t>
  </si>
  <si>
    <t>GPS dera amir abdullah khanwala katcha daud khel</t>
  </si>
  <si>
    <t>Muhammad Shoaib khalid shah</t>
  </si>
  <si>
    <t>GGPS GHULAM HASSAN KAIFI</t>
  </si>
  <si>
    <t>ggps ghulam Hassan kaifi</t>
  </si>
  <si>
    <t>Kaifi</t>
  </si>
  <si>
    <t>Kotla Dlat</t>
  </si>
  <si>
    <t>Saliha Bashir</t>
  </si>
  <si>
    <t>GGPS CHAK NO. 61/4-R (W)</t>
  </si>
  <si>
    <t>chak no 61/4r ab</t>
  </si>
  <si>
    <t>61/4r Ab</t>
  </si>
  <si>
    <t>GES BARKHUDAR</t>
  </si>
  <si>
    <t>village Barkhurdar</t>
  </si>
  <si>
    <t>Iftikhar Ahmad Dar</t>
  </si>
  <si>
    <t>50285</t>
  </si>
  <si>
    <t>GGPS DHOK MARIA AWAN</t>
  </si>
  <si>
    <t>Dhk Maira Awan</t>
  </si>
  <si>
    <t>vpo bheen</t>
  </si>
  <si>
    <t>GES CHAK SARDAR PUR SHUJABAD</t>
  </si>
  <si>
    <t>Esa wala post office allahabad shujaabad</t>
  </si>
  <si>
    <t>Shah Pur Ubbah</t>
  </si>
  <si>
    <t>50291</t>
  </si>
  <si>
    <t>GMPS RAM KALI</t>
  </si>
  <si>
    <t>adda patan wala ramkali</t>
  </si>
  <si>
    <t>49 M</t>
  </si>
  <si>
    <t>50295</t>
  </si>
  <si>
    <t>GGPS MEER SER WALA</t>
  </si>
  <si>
    <t>Chocki Masti</t>
  </si>
  <si>
    <t>GGPS meer ser wala</t>
  </si>
  <si>
    <t>Meer Sur</t>
  </si>
  <si>
    <t>GGPS JHAJHA WANA</t>
  </si>
  <si>
    <t>Jhajhwana</t>
  </si>
  <si>
    <t>GGPS Jhajhwana PO Shakargarh</t>
  </si>
  <si>
    <t>54229</t>
  </si>
  <si>
    <t>GES RAFIQ CHAK NO 208/P</t>
  </si>
  <si>
    <t>Chak no.208/p</t>
  </si>
  <si>
    <t>Chak No.208/p</t>
  </si>
  <si>
    <t>Chak No.208/P</t>
  </si>
  <si>
    <t>Chak No.173/P</t>
  </si>
  <si>
    <t>50303</t>
  </si>
  <si>
    <t>GGPS EID GAH LAYYAH</t>
  </si>
  <si>
    <t>Munaza Sagheer</t>
  </si>
  <si>
    <t>vill kalyal p/o panjdhera</t>
  </si>
  <si>
    <t>Tehreem Sarfraz</t>
  </si>
  <si>
    <t>GES ARIF WALA</t>
  </si>
  <si>
    <t>Arif wala Uc Kacha Chohan , Tehsil Rojhan District RajanPur</t>
  </si>
  <si>
    <t>Muhammad Alam Saghir</t>
  </si>
  <si>
    <t>50309</t>
  </si>
  <si>
    <t>GGPS CHHICHRAN WALI</t>
  </si>
  <si>
    <t>Chichranwali</t>
  </si>
  <si>
    <t>village chichranwali post ofc Haslanwala teh phalia dist m.b.din</t>
  </si>
  <si>
    <t>Ummae Salma</t>
  </si>
  <si>
    <t>GPS 434 GB</t>
  </si>
  <si>
    <t>chak no 434 gb tahsil jarnwala disttric fsd</t>
  </si>
  <si>
    <t>Fawad Khan</t>
  </si>
  <si>
    <t>GGPS CHAK NO 72/4-R</t>
  </si>
  <si>
    <t>72/4r</t>
  </si>
  <si>
    <t>72/4r post office haronabad tehsil haronabad dist bahawalnsgar</t>
  </si>
  <si>
    <t>33174</t>
  </si>
  <si>
    <t>GHS BHALIKAY</t>
  </si>
  <si>
    <t>BHALIKE</t>
  </si>
  <si>
    <t>BHALIKE STATION</t>
  </si>
  <si>
    <t>HAROON ALI SANDHU</t>
  </si>
  <si>
    <t>GGES CHAK NO. 115/ML</t>
  </si>
  <si>
    <t>Chak No 115/ Ml</t>
  </si>
  <si>
    <t>G.G.E/S chak no 115/Ml</t>
  </si>
  <si>
    <t>Chak No 115/Ml</t>
  </si>
  <si>
    <t>Chak No 112/Ml</t>
  </si>
  <si>
    <t>GGPS KOT ASSA SINGH</t>
  </si>
  <si>
    <t>KOT ASSA SINGH</t>
  </si>
  <si>
    <t>village KOT ASSA SINGH P/O Kalay otar Tehsil and dist. KAUSR</t>
  </si>
  <si>
    <t>Nadia Jan</t>
  </si>
  <si>
    <t>GGPS KALTERA</t>
  </si>
  <si>
    <t>Kaltera</t>
  </si>
  <si>
    <t>KALTERA p/o syedwala markaz syedwala NNS</t>
  </si>
  <si>
    <t>Nusrat jahan</t>
  </si>
  <si>
    <t>50325</t>
  </si>
  <si>
    <t>32293</t>
  </si>
  <si>
    <t>GGPS RORAN WALI</t>
  </si>
  <si>
    <t>Roranwali Farooqabad gaon, teh&amp; dist sheikhupura</t>
  </si>
  <si>
    <t>Kot Sohnda</t>
  </si>
  <si>
    <t>Madiha Riaz</t>
  </si>
  <si>
    <t>GGPS CHAK NO. 128-A TDA ABAID DEHAH</t>
  </si>
  <si>
    <t>128A/TDA abadi dahi Teh &amp; Distt Layyah</t>
  </si>
  <si>
    <t>128A/TDA</t>
  </si>
  <si>
    <t>Mandi town</t>
  </si>
  <si>
    <t>FATIMA FAREED</t>
  </si>
  <si>
    <t>51182</t>
  </si>
  <si>
    <t>GGPS ABDUR REHMAN LOLAEE</t>
  </si>
  <si>
    <t>Basti Abdul rahman kut</t>
  </si>
  <si>
    <t>Basti Abdul Rahman Kut</t>
  </si>
  <si>
    <t>Gahri Ikhtiyar Khan</t>
  </si>
  <si>
    <t>Rafia Ahmad Abbasi</t>
  </si>
  <si>
    <t>GPS RAWAL WALA MOZA QAISAR PUR SHUJABAD</t>
  </si>
  <si>
    <t>qaiserpur</t>
  </si>
  <si>
    <t>rawalwala mouza qaiserpur matotli</t>
  </si>
  <si>
    <t>Muhammad Waqas Chaudhary</t>
  </si>
  <si>
    <t>GHS URBAN AREA SAHIWAL</t>
  </si>
  <si>
    <t>old bakar mandi Sahiwal</t>
  </si>
  <si>
    <t>83/ 6 R  Swl</t>
  </si>
  <si>
    <t>Tahir Saleem S/o Khushi Muhammad</t>
  </si>
  <si>
    <t>GPS AAKI</t>
  </si>
  <si>
    <t>VPO Aaki Mandi Baha-ud-din</t>
  </si>
  <si>
    <t>GPS DHAND GAGARY</t>
  </si>
  <si>
    <t>basti diam arrian  ,Dhand gagri teh. Khan pur distt. r.y.khan</t>
  </si>
  <si>
    <t>Basti Diam Arrain</t>
  </si>
  <si>
    <t>Dhand Ggri</t>
  </si>
  <si>
    <t>Sajjad ahmad</t>
  </si>
  <si>
    <t>GGPS MOHAMMAD ALI WALA</t>
  </si>
  <si>
    <t>M Ali Wala</t>
  </si>
  <si>
    <t>District  SGD tehsil Sahiwal p/o nihang M Ali wala</t>
  </si>
  <si>
    <t>Kot Musa</t>
  </si>
  <si>
    <t>54215</t>
  </si>
  <si>
    <t>GPS SHORKOT SHARQI</t>
  </si>
  <si>
    <t>moh, qurashianwala shorkot city</t>
  </si>
  <si>
    <t>Moh Qurashianwala</t>
  </si>
  <si>
    <t>M C Shorkot City</t>
  </si>
  <si>
    <t>GPS KOTLA NAWAB</t>
  </si>
  <si>
    <t>government boys primary school kotla nawab tehsil lap distt ryk</t>
  </si>
  <si>
    <t>23415</t>
  </si>
  <si>
    <t>GGPS CHOHAN KHURD</t>
  </si>
  <si>
    <t>Chohan Khurd</t>
  </si>
  <si>
    <t>Village Chohan Khurd,  Lalamusa Tehsil Kharian Distt Gujrat</t>
  </si>
  <si>
    <t>40464</t>
  </si>
  <si>
    <t>GGPS SAMAN WAL</t>
  </si>
  <si>
    <t>Samanwal</t>
  </si>
  <si>
    <t>V&amp;PO Samanwal tehsil Pind Dadan Khan District Jhelum</t>
  </si>
  <si>
    <t>Gehlan Hathar</t>
  </si>
  <si>
    <t>baqa pur chunian kasur</t>
  </si>
  <si>
    <t>Sanam Nazli</t>
  </si>
  <si>
    <t>27698</t>
  </si>
  <si>
    <t>GMPS SHUMHARI</t>
  </si>
  <si>
    <t>Shumhari</t>
  </si>
  <si>
    <t>v/p/0 shumhari, teh malakwal, distt m.b.din</t>
  </si>
  <si>
    <t>Harya</t>
  </si>
  <si>
    <t>GPS CHAK NO. 209 JB</t>
  </si>
  <si>
    <t>Chak No 209 JB</t>
  </si>
  <si>
    <t>Chak No 209 JB Tehsil Bhowana District Chiniot</t>
  </si>
  <si>
    <t>Chak No 210 JB</t>
  </si>
  <si>
    <t>39523</t>
  </si>
  <si>
    <t>GPS KORA</t>
  </si>
  <si>
    <t>gbps kora</t>
  </si>
  <si>
    <t>Kora</t>
  </si>
  <si>
    <t>Muhammad Tufail Khan Adil</t>
  </si>
  <si>
    <t>own arrangmnt</t>
  </si>
  <si>
    <t>45232</t>
  </si>
  <si>
    <t>GPS SAJAN WALA</t>
  </si>
  <si>
    <t>Dagarkotli</t>
  </si>
  <si>
    <t>GPS SAJAN wala markaz dagarkotli tehsil Mankera district bhakkar</t>
  </si>
  <si>
    <t>SAJAN Wala</t>
  </si>
  <si>
    <t>19166</t>
  </si>
  <si>
    <t>GGPS NO.4 GHOUSIA ABAD PIR MAHAL</t>
  </si>
  <si>
    <t>Ghousia Abad pirmahal</t>
  </si>
  <si>
    <t>Town Comittiee Pml</t>
  </si>
  <si>
    <t>Asifa Touqeer</t>
  </si>
  <si>
    <t>GES DINAN BISHNOIAN</t>
  </si>
  <si>
    <t>DINAN WALA</t>
  </si>
  <si>
    <t>DINAN BISHNOIAN BWN</t>
  </si>
  <si>
    <t>DINAN BISHNOIAN</t>
  </si>
  <si>
    <t>Mohammed Shabbir Ahmad</t>
  </si>
  <si>
    <t>GHS 82/5-L</t>
  </si>
  <si>
    <t>82/5-L</t>
  </si>
  <si>
    <t>CHAK NO. 82/5-L SAHIWAL</t>
  </si>
  <si>
    <t>CHAK NO. 73/5-L SAHIWAL</t>
  </si>
  <si>
    <t>53083</t>
  </si>
  <si>
    <t>50866</t>
  </si>
  <si>
    <t>GPS CHAH GAHLAY WALA</t>
  </si>
  <si>
    <t>Muhammadpur</t>
  </si>
  <si>
    <t>chak CHAH GEHLAY WALA moza Muhammadpur</t>
  </si>
  <si>
    <t>Chah GEHLAYWALA</t>
  </si>
  <si>
    <t>GHSS 56/5-L</t>
  </si>
  <si>
    <t>56/5-l</t>
  </si>
  <si>
    <t>chak no 56/5-l sahiwal</t>
  </si>
  <si>
    <t>51035</t>
  </si>
  <si>
    <t>GPS 157/9-L</t>
  </si>
  <si>
    <t>ChakNo157/9L</t>
  </si>
  <si>
    <t>chak no. 157/9.l</t>
  </si>
  <si>
    <t>157/9L</t>
  </si>
  <si>
    <t>Chak No. 153/9.L</t>
  </si>
  <si>
    <t>GPS BASTI ALAM HABIB</t>
  </si>
  <si>
    <t>Basti alam Habib moza jeewan shah</t>
  </si>
  <si>
    <t>Basti Alam Habib</t>
  </si>
  <si>
    <t>Dadra</t>
  </si>
  <si>
    <t>52846</t>
  </si>
  <si>
    <t>52641</t>
  </si>
  <si>
    <t>50978</t>
  </si>
  <si>
    <t>GPS 52 A-GD</t>
  </si>
  <si>
    <t>52A Gd</t>
  </si>
  <si>
    <t>chak 52 A gd</t>
  </si>
  <si>
    <t>50 Gd</t>
  </si>
  <si>
    <t>Zafar Iqbal Assi</t>
  </si>
  <si>
    <t>GPS PURBARA</t>
  </si>
  <si>
    <t>Purbera</t>
  </si>
  <si>
    <t>moza purbera</t>
  </si>
  <si>
    <t>58/AGD</t>
  </si>
  <si>
    <t>Zia Ul Allah</t>
  </si>
  <si>
    <t>51210</t>
  </si>
  <si>
    <t>GGPS 54/GD</t>
  </si>
  <si>
    <t>54GD</t>
  </si>
  <si>
    <t>Ck #54/GD</t>
  </si>
  <si>
    <t>54/GD</t>
  </si>
  <si>
    <t>GGPS 52/A GD</t>
  </si>
  <si>
    <t>Chakk52/a Gd Chakki Muzaffar Shah</t>
  </si>
  <si>
    <t>g.g p/s 52/a gd chakki muzaffar shah</t>
  </si>
  <si>
    <t>52/a Gd Chakki Muzaffar Shah</t>
  </si>
  <si>
    <t>50/gd</t>
  </si>
  <si>
    <t>Ghazala Fiaz</t>
  </si>
  <si>
    <t>51257</t>
  </si>
  <si>
    <t>GGCMS 126/9-L</t>
  </si>
  <si>
    <t>KHAWAJA ARIF-B-FEMALE</t>
  </si>
  <si>
    <t>Ggcms 126 9/L</t>
  </si>
  <si>
    <t>Ggcms126 9/L</t>
  </si>
  <si>
    <t>126 9/L</t>
  </si>
  <si>
    <t>129 9/L</t>
  </si>
  <si>
    <t>Zartash Arshad</t>
  </si>
  <si>
    <t>35345</t>
  </si>
  <si>
    <t>9354</t>
  </si>
  <si>
    <t>GGES LISHARI</t>
  </si>
  <si>
    <t>basti LISHARI</t>
  </si>
  <si>
    <t>LISHARI</t>
  </si>
  <si>
    <t>Uzma Farid</t>
  </si>
  <si>
    <t>GPS VEHOVA NO 4</t>
  </si>
  <si>
    <t>Vehia Janubi</t>
  </si>
  <si>
    <t>Basti Dannar Vehoa</t>
  </si>
  <si>
    <t>Jamshed Akhter</t>
  </si>
  <si>
    <t>GPS DAGGER WALI</t>
  </si>
  <si>
    <t>Vehova Shumali</t>
  </si>
  <si>
    <t>basti dagger wali p/o vehova</t>
  </si>
  <si>
    <t>GPS VEHOVA NO 1</t>
  </si>
  <si>
    <t>Vehoa Janobi</t>
  </si>
  <si>
    <t>p/o vehoa</t>
  </si>
  <si>
    <t>30565</t>
  </si>
  <si>
    <t>GHS MITHWAN</t>
  </si>
  <si>
    <t>mithwan</t>
  </si>
  <si>
    <t>govt boys high school mithwan tehsil trible area d g khan</t>
  </si>
  <si>
    <t>tuman qaisrani</t>
  </si>
  <si>
    <t>wATER SUPPLY MANAGED BY USER COMMITTE</t>
  </si>
  <si>
    <t>GPS VEHOVA NO 3</t>
  </si>
  <si>
    <t>Vahava</t>
  </si>
  <si>
    <t>GPS no 3 vahova</t>
  </si>
  <si>
    <t>Vahova</t>
  </si>
  <si>
    <t>Vahova Janobi</t>
  </si>
  <si>
    <t>Muhammad Sajid Ali</t>
  </si>
  <si>
    <t>52977</t>
  </si>
  <si>
    <t>GPS VEHOVA NO. 5</t>
  </si>
  <si>
    <t>Vehova Janubi</t>
  </si>
  <si>
    <t>Mohla high school Vehova</t>
  </si>
  <si>
    <t>44726</t>
  </si>
  <si>
    <t>GES BASTI BUZDAR</t>
  </si>
  <si>
    <t>Basti Buzdar tehsil taunsa district DG khan</t>
  </si>
  <si>
    <t>non govt</t>
  </si>
  <si>
    <t>52980</t>
  </si>
  <si>
    <t>GGPS SHADI KHEL</t>
  </si>
  <si>
    <t>basti shadi khail</t>
  </si>
  <si>
    <t>Basti Shadi Khail</t>
  </si>
  <si>
    <t>Zubaida ahmad</t>
  </si>
  <si>
    <t>GES MARRHA</t>
  </si>
  <si>
    <t>Marrha</t>
  </si>
  <si>
    <t>Marrha Tehsil Taunsa Sharif Distt. Dera Ghazi Khan</t>
  </si>
  <si>
    <t>Mrrha</t>
  </si>
  <si>
    <t>GPS 97/9L</t>
  </si>
  <si>
    <t>97/9L</t>
  </si>
  <si>
    <t>Chack No 97/9-L Sahiwal</t>
  </si>
  <si>
    <t>97/9-L</t>
  </si>
  <si>
    <t>Chack No 110/9-L</t>
  </si>
  <si>
    <t>Shahzaman Khan</t>
  </si>
  <si>
    <t>50662</t>
  </si>
  <si>
    <t>GHS MEHMOODIA SAHIWAL</t>
  </si>
  <si>
    <t>main g.t road near jamia rasheedia ghallah mandi sahiwal</t>
  </si>
  <si>
    <t>mahboob ahmad</t>
  </si>
  <si>
    <t>GPS 185/9-L (E)</t>
  </si>
  <si>
    <t>chak no 185/9-l east</t>
  </si>
  <si>
    <t>185/9-l East</t>
  </si>
  <si>
    <t>185/9-l West</t>
  </si>
  <si>
    <t>50769</t>
  </si>
  <si>
    <t>GES 150/9-L</t>
  </si>
  <si>
    <t>Chak No 150/9L</t>
  </si>
  <si>
    <t>chak No 150/9L sahiwal</t>
  </si>
  <si>
    <t>Chak No150/9L</t>
  </si>
  <si>
    <t>Irfan Mahmood</t>
  </si>
  <si>
    <t>50740</t>
  </si>
  <si>
    <t>GHS CHAK NO. 98/9-L</t>
  </si>
  <si>
    <t>chak no 98/9L Sahiwal</t>
  </si>
  <si>
    <t>Chak No 98/9L Sahiwal</t>
  </si>
  <si>
    <t>Chak No 110/9L</t>
  </si>
  <si>
    <t>5584</t>
  </si>
  <si>
    <t>51247</t>
  </si>
  <si>
    <t>GGPS 115/9-L</t>
  </si>
  <si>
    <t>115/9L</t>
  </si>
  <si>
    <t>chak no 115/9L</t>
  </si>
  <si>
    <t>Budh Dhaku 112/9L</t>
  </si>
  <si>
    <t>Fouzia Zainab</t>
  </si>
  <si>
    <t>53030</t>
  </si>
  <si>
    <t>GPS GALOI THATHA</t>
  </si>
  <si>
    <t>Galoi</t>
  </si>
  <si>
    <t>Thatha Galoi sahiwal</t>
  </si>
  <si>
    <t>59/Gd</t>
  </si>
  <si>
    <t>ZEESHAN ZAFAR</t>
  </si>
  <si>
    <t>GPS 71/5-L PAKKA KHOH</t>
  </si>
  <si>
    <t>71/5L</t>
  </si>
  <si>
    <t>gps 71/5L pakka khoh burjwala b district sahiwal</t>
  </si>
  <si>
    <t>71/5L Pakka Khoh</t>
  </si>
  <si>
    <t>GHS 99/9-L</t>
  </si>
  <si>
    <t>BHOOLE DI JHOK</t>
  </si>
  <si>
    <t>GOVT. HIGH SCHOOL CHAK No. 99/9-L, SAHIWAL.</t>
  </si>
  <si>
    <t>CHAK No. 99/9-L</t>
  </si>
  <si>
    <t>CHAK No. 91/9-L</t>
  </si>
  <si>
    <t>51104</t>
  </si>
  <si>
    <t>GGCMS MANZOOR COLONY</t>
  </si>
  <si>
    <t>90/9-L</t>
  </si>
  <si>
    <t>GGCMS Manzoor colony sahiwal</t>
  </si>
  <si>
    <t>88/9-L</t>
  </si>
  <si>
    <t>Eshwah Zafar</t>
  </si>
  <si>
    <t>50738</t>
  </si>
  <si>
    <t>GHS CHAK NO. 90/9-L</t>
  </si>
  <si>
    <t>90/9-L Sahiwal</t>
  </si>
  <si>
    <t>GHS 90/9-L Sahiwal</t>
  </si>
  <si>
    <t>53048</t>
  </si>
  <si>
    <t>50774</t>
  </si>
  <si>
    <t>GGES MC NO. 12 GHALLA MANDI SAHIWAL</t>
  </si>
  <si>
    <t>WARD NO 09</t>
  </si>
  <si>
    <t>GGES MC NO 12 GHALLA MANDI SAHIWAL</t>
  </si>
  <si>
    <t>GAOSHALA W #9</t>
  </si>
  <si>
    <t>19503</t>
  </si>
  <si>
    <t>50778</t>
  </si>
  <si>
    <t>govt. girls high school Muhammad pur sahiwal</t>
  </si>
  <si>
    <t>GHS 106/9-L</t>
  </si>
  <si>
    <t>Chak No 106/9-L Sahiwal</t>
  </si>
  <si>
    <t>chak no 106/9-L sahiwal</t>
  </si>
  <si>
    <t>chak no 114/9-l</t>
  </si>
  <si>
    <t>Miraj Ud Din Khalid</t>
  </si>
  <si>
    <t>53051</t>
  </si>
  <si>
    <t>51007</t>
  </si>
  <si>
    <t>GPS TIBBI JAY SINGH</t>
  </si>
  <si>
    <t>mouza tibbi jay singh Sahiwal</t>
  </si>
  <si>
    <t>Ijaz Aamir</t>
  </si>
  <si>
    <t>50799</t>
  </si>
  <si>
    <t>GGHS 73-A/5-L</t>
  </si>
  <si>
    <t>73A5L</t>
  </si>
  <si>
    <t>chak 73A.5L</t>
  </si>
  <si>
    <t>51106</t>
  </si>
  <si>
    <t>GGHS 100/9-L</t>
  </si>
  <si>
    <t>chk no 100/9L swl</t>
  </si>
  <si>
    <t>100/9L</t>
  </si>
  <si>
    <t>91/9L Achlana</t>
  </si>
  <si>
    <t>Rukhsanafaisal</t>
  </si>
  <si>
    <t>GES TULLA BULLA</t>
  </si>
  <si>
    <t>Tulla Bhulla</t>
  </si>
  <si>
    <t>chak Tulla Bhulla</t>
  </si>
  <si>
    <t>GGPS 118/9-L GHUNAH</t>
  </si>
  <si>
    <t>118/9l Ghunna</t>
  </si>
  <si>
    <t>118/9l ghunna</t>
  </si>
  <si>
    <t>119/9l</t>
  </si>
  <si>
    <t>Talat Saba</t>
  </si>
  <si>
    <t>51128</t>
  </si>
  <si>
    <t>GGPS 54/4-R</t>
  </si>
  <si>
    <t>54/4r</t>
  </si>
  <si>
    <t>chak no 54/4r</t>
  </si>
  <si>
    <t>54236</t>
  </si>
  <si>
    <t>GGES 64/4-R KALAN</t>
  </si>
  <si>
    <t>64/4 r Kalan</t>
  </si>
  <si>
    <t>chak#64/4r kalan</t>
  </si>
  <si>
    <t>66/4 r</t>
  </si>
  <si>
    <t>Khalida Yousaf</t>
  </si>
  <si>
    <t>GGES 68/4-R</t>
  </si>
  <si>
    <t>68/4-r</t>
  </si>
  <si>
    <t>69/4-r</t>
  </si>
  <si>
    <t>Nusrat Siddiq</t>
  </si>
  <si>
    <t>GPS MC BRANCH R SAHIWAL</t>
  </si>
  <si>
    <t>GPS mc R block farid town swl</t>
  </si>
  <si>
    <t>Farid Town Swl</t>
  </si>
  <si>
    <t>MUHAMMAD IMRAN KHALID</t>
  </si>
  <si>
    <t>GPS 90/6-R</t>
  </si>
  <si>
    <t>90/6R</t>
  </si>
  <si>
    <t>chak#90/6R sahiwal</t>
  </si>
  <si>
    <t>89/6R</t>
  </si>
  <si>
    <t>50735</t>
  </si>
  <si>
    <t>GHSS LABORTARY (ATTACH WIH GCET) SAHIWAL</t>
  </si>
  <si>
    <t>Govt. Lab Higher Secondary School ,(QAED) Sahiwal</t>
  </si>
  <si>
    <t>Rana Sohail Bukhtiar</t>
  </si>
  <si>
    <t>GPS 63/GD</t>
  </si>
  <si>
    <t>63/GD</t>
  </si>
  <si>
    <t>Chak 63/GD P/O 58/GD Sahiwal</t>
  </si>
  <si>
    <t>63/Gd</t>
  </si>
  <si>
    <t>50767</t>
  </si>
  <si>
    <t>GES 141/9-L</t>
  </si>
  <si>
    <t>CHAK NO 141/9L</t>
  </si>
  <si>
    <t>CHAK NO 141/9L SAHIWAL</t>
  </si>
  <si>
    <t>50862</t>
  </si>
  <si>
    <t>GPS RAJA DULLA</t>
  </si>
  <si>
    <t>raja dullu</t>
  </si>
  <si>
    <t>gps raja dullu muhammad pur sahiwal</t>
  </si>
  <si>
    <t>Raja Dullu</t>
  </si>
  <si>
    <t>bahader shah</t>
  </si>
  <si>
    <t>GPS DHUP SARRI</t>
  </si>
  <si>
    <t>Gps Dhup Sarri Markaz Muhammadpur B</t>
  </si>
  <si>
    <t>Dhup Sarri</t>
  </si>
  <si>
    <t>50858</t>
  </si>
  <si>
    <t>GPS KOT GHAZI</t>
  </si>
  <si>
    <t>GGPS NO. 4 VEHOVA</t>
  </si>
  <si>
    <t>mohila bakhai wala</t>
  </si>
  <si>
    <t>Hina khanØ­Ù†Ø§ Ø®Ø§Ù†</t>
  </si>
  <si>
    <t>190575</t>
  </si>
  <si>
    <t>49023</t>
  </si>
  <si>
    <t>51248</t>
  </si>
  <si>
    <t>GGPS 117/9-L BOHJIAN</t>
  </si>
  <si>
    <t>117/9l bhojain sahiwal</t>
  </si>
  <si>
    <t>117/9l bhojian</t>
  </si>
  <si>
    <t>112/9L bhudh dhakoo</t>
  </si>
  <si>
    <t>GPS 93/9-L</t>
  </si>
  <si>
    <t>93/9L</t>
  </si>
  <si>
    <t>Chak No 93/9L Sahiwal</t>
  </si>
  <si>
    <t>GPS GULGALLA</t>
  </si>
  <si>
    <t>Basti gulgla mouza nari shumali tehsil taunsa district dgkhan</t>
  </si>
  <si>
    <t>Basti Gulgla</t>
  </si>
  <si>
    <t>Nari Janobi</t>
  </si>
  <si>
    <t>GHS SANGAR SYEDAN</t>
  </si>
  <si>
    <t>busti Peer</t>
  </si>
  <si>
    <t>P/O: SHADAN LUND, GOVT BOYS HIGH SCHOOL SANJAR SAIDAN</t>
  </si>
  <si>
    <t>SANJAR SAIDAN</t>
  </si>
  <si>
    <t>GGPS DANNARAH</t>
  </si>
  <si>
    <t>ggps danar vehova</t>
  </si>
  <si>
    <t>Tahira Mehmooda</t>
  </si>
  <si>
    <t>GGPS SARI WAH</t>
  </si>
  <si>
    <t>basti Sari Wah Post Office Bohar tehsil taunsa sharif</t>
  </si>
  <si>
    <t>GPS BASTI PEER</t>
  </si>
  <si>
    <t>basti peer, p/o karim wala, teh. taunsa, dist. d. g. khan.</t>
  </si>
  <si>
    <t>Ghazanfar Abbas Shah</t>
  </si>
  <si>
    <t>GGPS 66/4R MOZA JHALLY</t>
  </si>
  <si>
    <t>Jhally</t>
  </si>
  <si>
    <t>66/4-R moza jhally</t>
  </si>
  <si>
    <t>52887</t>
  </si>
  <si>
    <t>GGES BOHAR NO. 2</t>
  </si>
  <si>
    <t>GGES Bohar No 2</t>
  </si>
  <si>
    <t>GHSS 120/9-L KAMEER</t>
  </si>
  <si>
    <t>120/9-L Kamir</t>
  </si>
  <si>
    <t>GHSS 120/9-L kamir</t>
  </si>
  <si>
    <t>Muncipal Committee Kamir</t>
  </si>
  <si>
    <t>MUHAMMAD IBRAHIM S/O MUHAMMAD SIDDIQUE</t>
  </si>
  <si>
    <t>196292</t>
  </si>
  <si>
    <t>52897</t>
  </si>
  <si>
    <t>GGCMS BUGHLANI</t>
  </si>
  <si>
    <t>Jat Gadi</t>
  </si>
  <si>
    <t>gg cms school bughlani</t>
  </si>
  <si>
    <t>Robina sweet daughter of Ghulam Muhammad</t>
  </si>
  <si>
    <t>GPS 189-9AL</t>
  </si>
  <si>
    <t>HARAPPA-B-MALE</t>
  </si>
  <si>
    <t>189/9-AL</t>
  </si>
  <si>
    <t>chak # 189/9-AL</t>
  </si>
  <si>
    <t>9316</t>
  </si>
  <si>
    <t>GGPS NO. 2 MANGORATHA GHARBI</t>
  </si>
  <si>
    <t>mangrotha west tehsil taunsa disst.dg khan</t>
  </si>
  <si>
    <t>Mangrotha West</t>
  </si>
  <si>
    <t>GGHSS NOOR SHAH</t>
  </si>
  <si>
    <t>town Noor Shah district sahiwal</t>
  </si>
  <si>
    <t>kaukab jabeen</t>
  </si>
  <si>
    <t>51053</t>
  </si>
  <si>
    <t>10683</t>
  </si>
  <si>
    <t>GPS LOMAR WALA</t>
  </si>
  <si>
    <t>Panah Kharal  Gherbi</t>
  </si>
  <si>
    <t>chah lomar wala basti aziz abad</t>
  </si>
  <si>
    <t>Basti Aziz Abad</t>
  </si>
  <si>
    <t>GPS 114/7-R</t>
  </si>
  <si>
    <t>Basharat Hussain</t>
  </si>
  <si>
    <t>GGES CHAK NO.32 EB</t>
  </si>
  <si>
    <t>Chak No32eb</t>
  </si>
  <si>
    <t>Govt.Girls.Middle School 32eb Arifwala Pakpattan</t>
  </si>
  <si>
    <t>Chak No 32 Eb</t>
  </si>
  <si>
    <t>Chak No 34 Eb</t>
  </si>
  <si>
    <t>GGPS MALIK AZIZ NUMBERDAR</t>
  </si>
  <si>
    <t>Aziz Numberdar</t>
  </si>
  <si>
    <t>GGES BATHI</t>
  </si>
  <si>
    <t>Samia Bano</t>
  </si>
  <si>
    <t>PIPE LINE</t>
  </si>
  <si>
    <t>GGPS CHAK NO. 522 TDA</t>
  </si>
  <si>
    <t>522TDA</t>
  </si>
  <si>
    <t>chak no 522TDA</t>
  </si>
  <si>
    <t>Syeda Urooj Fatima</t>
  </si>
  <si>
    <t>34108</t>
  </si>
  <si>
    <t>GGPS PIR BUKHSH WALA</t>
  </si>
  <si>
    <t>Ganwain</t>
  </si>
  <si>
    <t>Pir bukhsh wala moza ganwain tehsil shujabad district multan</t>
  </si>
  <si>
    <t>Pir Bukhsh Wala</t>
  </si>
  <si>
    <t>GGPS GULSHAN ABAD</t>
  </si>
  <si>
    <t>basti gulshan abad dakhana 100/p rykhan</t>
  </si>
  <si>
    <t>Shabana Ahmreen</t>
  </si>
  <si>
    <t>51070</t>
  </si>
  <si>
    <t>govt boys high school miranpur tensile rojhan, district rajanpur</t>
  </si>
  <si>
    <t>51072</t>
  </si>
  <si>
    <t>GPS NOOR JAHANIAN</t>
  </si>
  <si>
    <t>Noor Jahanian</t>
  </si>
  <si>
    <t>Gps Noor Jahanian Tehsil District Bahawl Nagar</t>
  </si>
  <si>
    <t>Maqsood Ahmad Khawar</t>
  </si>
  <si>
    <t>GGPS MC NO. 1 LAYYAH</t>
  </si>
  <si>
    <t>GGPS MC 1 LAYYAH MOH. BELLY WALA</t>
  </si>
  <si>
    <t>Moh Beely Wala</t>
  </si>
  <si>
    <t>farzana bagum</t>
  </si>
  <si>
    <t>50405</t>
  </si>
  <si>
    <t>GPS 120/13-AL  ABADI BATHA</t>
  </si>
  <si>
    <t>Chak 120/13AL Abadi Bhatta</t>
  </si>
  <si>
    <t>Chak No 120/13A l Abadi Bhatta</t>
  </si>
  <si>
    <t>Chak120/13AL Abadi Bhatta</t>
  </si>
  <si>
    <t>GPS CHAK NO. 59 NP</t>
  </si>
  <si>
    <t>Chak 59 / NP</t>
  </si>
  <si>
    <t>Basti Rind Chak no 59/NP</t>
  </si>
  <si>
    <t>Basti Rind</t>
  </si>
  <si>
    <t>GMPS KHAIR PUR SHUJABAD</t>
  </si>
  <si>
    <t>khair pur near basti marha</t>
  </si>
  <si>
    <t>51082</t>
  </si>
  <si>
    <t>GGPS AHAIR WAILA</t>
  </si>
  <si>
    <t>Mirali Wahin</t>
  </si>
  <si>
    <t>basti ahair waila  near railway line shujabad phatak  shujabad</t>
  </si>
  <si>
    <t>Ahair Waila</t>
  </si>
  <si>
    <t>Todar pur</t>
  </si>
  <si>
    <t>Raheela Mohi-yu-din</t>
  </si>
  <si>
    <t>51083</t>
  </si>
  <si>
    <t>GGMPS DUBA DURI</t>
  </si>
  <si>
    <t>duba duri</t>
  </si>
  <si>
    <t>duba duri district dgkhan</t>
  </si>
  <si>
    <t>umm-e-habiba</t>
  </si>
  <si>
    <t>51084</t>
  </si>
  <si>
    <t>GGPS GOTH HAYAT</t>
  </si>
  <si>
    <t>basti rao shabeer moza goth hayat liaquat pur</t>
  </si>
  <si>
    <t>Basti Rao Shabeer</t>
  </si>
  <si>
    <t>Fozia Qumer</t>
  </si>
  <si>
    <t>GPS HAKIM FAIZ ULLAH</t>
  </si>
  <si>
    <t>Basti akbar gandi</t>
  </si>
  <si>
    <t>30291</t>
  </si>
  <si>
    <t>GES 113 EB P/O 111 EB ARIFWALA</t>
  </si>
  <si>
    <t>Chak No. 113/EB PO  Chak No111/EB Arifwala</t>
  </si>
  <si>
    <t>113/EB</t>
  </si>
  <si>
    <t>RIZWAN UL HAQ</t>
  </si>
  <si>
    <t>33790</t>
  </si>
  <si>
    <t>GGPS KACHI PAKI</t>
  </si>
  <si>
    <t>ggpskachipaki,</t>
  </si>
  <si>
    <t>Kachi Paki</t>
  </si>
  <si>
    <t>Jahandy Wali</t>
  </si>
  <si>
    <t>54275</t>
  </si>
  <si>
    <t>GGPS CHAK NO. 53 MB</t>
  </si>
  <si>
    <t>53mb chak</t>
  </si>
  <si>
    <t>GGPS CHAK NO. 53MB</t>
  </si>
  <si>
    <t>Chak53mb</t>
  </si>
  <si>
    <t>Aisha Rashid</t>
  </si>
  <si>
    <t>GPS MOUZA MAGHRANA</t>
  </si>
  <si>
    <t>Maghrana</t>
  </si>
  <si>
    <t>Govt.boys primary school mouza maghrana</t>
  </si>
  <si>
    <t>48018</t>
  </si>
  <si>
    <t>GGHS Mustafa (SAW) Campus Kundian</t>
  </si>
  <si>
    <t>Mamoonwali</t>
  </si>
  <si>
    <t>Government girls high school Mustafa (S.A.W)campus</t>
  </si>
  <si>
    <t>50881</t>
  </si>
  <si>
    <t>GES 135/9-L</t>
  </si>
  <si>
    <t>135/9L</t>
  </si>
  <si>
    <t>CHAK NO. 135/9L</t>
  </si>
  <si>
    <t>CHAK NO. 134/9L</t>
  </si>
  <si>
    <t>Rana Khalid Rashid</t>
  </si>
  <si>
    <t>50117</t>
  </si>
  <si>
    <t>52355</t>
  </si>
  <si>
    <t>GGES DEPALPUR NO 3</t>
  </si>
  <si>
    <t>Gov't GG ES no 3 depalpur</t>
  </si>
  <si>
    <t>Depalpur City 105</t>
  </si>
  <si>
    <t>GHS MAKWAL KALAN</t>
  </si>
  <si>
    <t>p/o makwal kalan Tehsil taunsa</t>
  </si>
  <si>
    <t>Makwak Kalan</t>
  </si>
  <si>
    <t>Muhammad Fayyaz Manzoor</t>
  </si>
  <si>
    <t>GGPS 86/EB ARIFWALA</t>
  </si>
  <si>
    <t>Chak 86eb</t>
  </si>
  <si>
    <t>chak no 86eb arifwala</t>
  </si>
  <si>
    <t>Chak 86eb Arifwala</t>
  </si>
  <si>
    <t>Ghulam Sugra</t>
  </si>
  <si>
    <t>GMPS CHAK NO 32/F</t>
  </si>
  <si>
    <t>32F</t>
  </si>
  <si>
    <t>GMPS 32\F</t>
  </si>
  <si>
    <t>32 F</t>
  </si>
  <si>
    <t>Najma Bano</t>
  </si>
  <si>
    <t>285221</t>
  </si>
  <si>
    <t>GPS SHAHBAZ PUR SHARQI</t>
  </si>
  <si>
    <t>Jindu Daya</t>
  </si>
  <si>
    <t>Mouza jindu daya Shehbaz pur sharqi</t>
  </si>
  <si>
    <t>Habib Abad Malah</t>
  </si>
  <si>
    <t>Ehsan Karim</t>
  </si>
  <si>
    <t>GES BASTI JAM</t>
  </si>
  <si>
    <t>Basti Jam Post Office Kot Chhutta Tehsil Kot Chhutta District D.G.Khan</t>
  </si>
  <si>
    <t>MUHAMMAD YASEEN KHAN</t>
  </si>
  <si>
    <t>GPS TOBA QUMMAR DIN</t>
  </si>
  <si>
    <t>Qamer Din Chishti</t>
  </si>
  <si>
    <t>Chack Muhammad Pur P/O Dunga Bunga</t>
  </si>
  <si>
    <t>GPS JAND WALA</t>
  </si>
  <si>
    <t>chak no 137/ml</t>
  </si>
  <si>
    <t>chak no 137/ml tehsil kot adu</t>
  </si>
  <si>
    <t>Zulfqarabad</t>
  </si>
  <si>
    <t>Muhammad Usman kulachi</t>
  </si>
  <si>
    <t>GES  77/12-L</t>
  </si>
  <si>
    <t>chak 77/12-L chichawatni</t>
  </si>
  <si>
    <t>37566</t>
  </si>
  <si>
    <t>50137</t>
  </si>
  <si>
    <t>GGPS ISMAEL PUR</t>
  </si>
  <si>
    <t>moza Ismail pur dak khana hateji tahseel APE zillahBWP</t>
  </si>
  <si>
    <t>Nimra Habib</t>
  </si>
  <si>
    <t>GGPS BASTI JAM MUREED AHMED</t>
  </si>
  <si>
    <t>Abdullaha Pur</t>
  </si>
  <si>
    <t>basti jam mureed mouza abdullah pur ryk</t>
  </si>
  <si>
    <t>Jam Mureed</t>
  </si>
  <si>
    <t>Buaqi Wali</t>
  </si>
  <si>
    <t>Maqsoda Bibi</t>
  </si>
  <si>
    <t>GES LANGAH</t>
  </si>
  <si>
    <t>langah</t>
  </si>
  <si>
    <t>v.p.o langah teh and dist chakwal</t>
  </si>
  <si>
    <t>7383</t>
  </si>
  <si>
    <t>sodiwal  post office khudian khas</t>
  </si>
  <si>
    <t>Thathi Usman Wala</t>
  </si>
  <si>
    <t>Nazia  Mansha</t>
  </si>
  <si>
    <t>41181</t>
  </si>
  <si>
    <t>GGPS MALO WAL</t>
  </si>
  <si>
    <t>Shahida Ibrar</t>
  </si>
  <si>
    <t>GGPS BASTI BAKHRANI</t>
  </si>
  <si>
    <t>SAHJA</t>
  </si>
  <si>
    <t>BASTI BAKHRANi Post Office SAHJA</t>
  </si>
  <si>
    <t>BASTI BAKHRANi</t>
  </si>
  <si>
    <t>GPS CHAK NO.121/6-R</t>
  </si>
  <si>
    <t>121/6R</t>
  </si>
  <si>
    <t>121.6.r</t>
  </si>
  <si>
    <t>Chak No121</t>
  </si>
  <si>
    <t>Naveed Akthar</t>
  </si>
  <si>
    <t>32201</t>
  </si>
  <si>
    <t>GPS LADHKI MALLIAN</t>
  </si>
  <si>
    <t>Ladhe Ki Mallian</t>
  </si>
  <si>
    <t>GPS LADHE KI MALLIAN TEH,DISTRICT SHEIKHUPURA</t>
  </si>
  <si>
    <t>GES CHAK NO 163/P</t>
  </si>
  <si>
    <t>Chak # 163/P, Sadiqabad.</t>
  </si>
  <si>
    <t>Chak # 163/P</t>
  </si>
  <si>
    <t>HAJI PIARA</t>
  </si>
  <si>
    <t>Chak Chandka</t>
  </si>
  <si>
    <t>basti zahor deen rojhan</t>
  </si>
  <si>
    <t>Basti Zahor Deen</t>
  </si>
  <si>
    <t>Kacha Chuhan</t>
  </si>
  <si>
    <t>38388</t>
  </si>
  <si>
    <t>GGES KHAJI WALA</t>
  </si>
  <si>
    <t>khajji Wala tehsil kahror pacca</t>
  </si>
  <si>
    <t>Rakhshanda Ibrahim</t>
  </si>
  <si>
    <t>51848</t>
  </si>
  <si>
    <t>GGES 93 EB</t>
  </si>
  <si>
    <t>93/EB</t>
  </si>
  <si>
    <t>chak no 93/EB teh.Arifwala dist.Pakpattan</t>
  </si>
  <si>
    <t>109EB</t>
  </si>
  <si>
    <t>49817</t>
  </si>
  <si>
    <t>GES DHUDI WALA WAHNI WAL THAL</t>
  </si>
  <si>
    <t>Wahni Wall Thall</t>
  </si>
  <si>
    <t>Dhudi wala wahni wall thall</t>
  </si>
  <si>
    <t>Dhudi Wala</t>
  </si>
  <si>
    <t>5305</t>
  </si>
  <si>
    <t>GPS CHAK 4/A</t>
  </si>
  <si>
    <t>Chak 4/A</t>
  </si>
  <si>
    <t>Chak no.4/A Tehsil Liaqatpur District Rahim yar khan</t>
  </si>
  <si>
    <t>CHAK 4/A</t>
  </si>
  <si>
    <t>Afzal Hussain</t>
  </si>
  <si>
    <t>GPS 61/12-L</t>
  </si>
  <si>
    <t>61/12L</t>
  </si>
  <si>
    <t>chak61/12L</t>
  </si>
  <si>
    <t>Chak61/12L</t>
  </si>
  <si>
    <t>Muhammad Arshad Javid</t>
  </si>
  <si>
    <t>34285</t>
  </si>
  <si>
    <t>GHS LAL PUR CHAK NO. 15 FAIZ</t>
  </si>
  <si>
    <t>Rana wahin</t>
  </si>
  <si>
    <t>tiba seelab abad p/o rao garh via shujabad road multan t/d multan</t>
  </si>
  <si>
    <t>Tiba seelab abad</t>
  </si>
  <si>
    <t>GGPS AWAN BHATTIAN</t>
  </si>
  <si>
    <t>Awan Bhattian</t>
  </si>
  <si>
    <t>Awan bhattian FarooqAbad gaon tehsil and district sheikhupura</t>
  </si>
  <si>
    <t>Syeda Iqra Naqvi</t>
  </si>
  <si>
    <t>GPS WADHNOR</t>
  </si>
  <si>
    <t>Wadhnor</t>
  </si>
  <si>
    <t>Basti and Moza Wadhnor, Near Jhangra Sharqi Bridge, UC Khair Pur Daha</t>
  </si>
  <si>
    <t>GPS BASTI SANJRANI</t>
  </si>
  <si>
    <t>basti perain ditta bhatti</t>
  </si>
  <si>
    <t>Basti Perain Ditta Bhatti</t>
  </si>
  <si>
    <t>Muhammad Kamran Rehmani</t>
  </si>
  <si>
    <t>village ghuman p/o box hunjra teh dist Gujrat.</t>
  </si>
  <si>
    <t>Muhammad Ramiz Anwar</t>
  </si>
  <si>
    <t>28306</t>
  </si>
  <si>
    <t>GHS KHARIAN</t>
  </si>
  <si>
    <t>G.T. ROAD KHARIAN CITY</t>
  </si>
  <si>
    <t>NEW ARRA</t>
  </si>
  <si>
    <t>MUNICIPAL COMMITTTEE KHARIAN</t>
  </si>
  <si>
    <t>SAEED AHMED FRAZ</t>
  </si>
  <si>
    <t>GMMS CHAK NO 21 P</t>
  </si>
  <si>
    <t>Chak 21-P</t>
  </si>
  <si>
    <t>Chak 21-P, P/O Chak 23/P Tehsil Khanpur Disst: Rahim Yar Khan</t>
  </si>
  <si>
    <t>21-P</t>
  </si>
  <si>
    <t>Wani</t>
  </si>
  <si>
    <t>gps daag basti bohar</t>
  </si>
  <si>
    <t>Chak No. 92/6R</t>
  </si>
  <si>
    <t>Night Aziz</t>
  </si>
  <si>
    <t>GGPS MUGHLAN WALA</t>
  </si>
  <si>
    <t>Mughlanwala</t>
  </si>
  <si>
    <t>mughlanwala po mandi faiz abad</t>
  </si>
  <si>
    <t>Munazza Nasreen</t>
  </si>
  <si>
    <t>50197</t>
  </si>
  <si>
    <t>GGPS TARNDA GOUR GAIJ</t>
  </si>
  <si>
    <t>Taranda Gurgaij</t>
  </si>
  <si>
    <t>Govt Girls P/S Taranda Gurgaij</t>
  </si>
  <si>
    <t>Humera Ahmad</t>
  </si>
  <si>
    <t>GGPS BASTI ZAMA OKAN WALA</t>
  </si>
  <si>
    <t>Gopal Pur</t>
  </si>
  <si>
    <t>GGP School Basti Zamma Okan Wala</t>
  </si>
  <si>
    <t>GGPS MITHOO LAR</t>
  </si>
  <si>
    <t>MITHOO LAR</t>
  </si>
  <si>
    <t>Government girls primary school MITHOO LAR</t>
  </si>
  <si>
    <t>KOTLA MOOSA KHAN</t>
  </si>
  <si>
    <t>Samreena Yasmeen</t>
  </si>
  <si>
    <t>GPS BURJ BUKHAT</t>
  </si>
  <si>
    <t>Burj Bhakhat</t>
  </si>
  <si>
    <t>gps burj Bakht p.o.bhoa hassan teh.phalia distt.m.b.din</t>
  </si>
  <si>
    <t>Burj Bakht</t>
  </si>
  <si>
    <t>51027</t>
  </si>
  <si>
    <t>GMPS CHAK NO. 457 JB</t>
  </si>
  <si>
    <t>chak 457</t>
  </si>
  <si>
    <t>GPS SHAH ALAM WALA ROKHARI</t>
  </si>
  <si>
    <t>Rokhri Pakka</t>
  </si>
  <si>
    <t>GPS shah alam wala rokhri</t>
  </si>
  <si>
    <t>GPS DHOK BODA</t>
  </si>
  <si>
    <t>Dhok Boda</t>
  </si>
  <si>
    <t>vill p/ o shah pur syedan dis/ teh chakwal</t>
  </si>
  <si>
    <t>Dk Boda</t>
  </si>
  <si>
    <t>gulshan batool</t>
  </si>
  <si>
    <t>GGPS MEERAY SHAH (MALWANA)</t>
  </si>
  <si>
    <t>basti meeray shah malwana</t>
  </si>
  <si>
    <t>Meeray Shah Malwana</t>
  </si>
  <si>
    <t>Rahila Rasheed</t>
  </si>
  <si>
    <t>GGPS BASTI SOHRANI</t>
  </si>
  <si>
    <t>ajab araen</t>
  </si>
  <si>
    <t>ggps basti sohrani mrkz chk godr p/o basira</t>
  </si>
  <si>
    <t>basti bara</t>
  </si>
  <si>
    <t>gulqaim mastoi</t>
  </si>
  <si>
    <t>Raisa parveen</t>
  </si>
  <si>
    <t>50936</t>
  </si>
  <si>
    <t>GPS CHAK 24/A JADEED</t>
  </si>
  <si>
    <t>Chak 24/A Jadeed</t>
  </si>
  <si>
    <t>Chak 24/A</t>
  </si>
  <si>
    <t>24/A Jadeed</t>
  </si>
  <si>
    <t>38338</t>
  </si>
  <si>
    <t>50939</t>
  </si>
  <si>
    <t>GGPS BADLI</t>
  </si>
  <si>
    <t>BASTI ALAHI BUX CHAK SALEEM ABAD TEHSIL ROJHAN</t>
  </si>
  <si>
    <t>BANGLA HIDAIT</t>
  </si>
  <si>
    <t>Tahira Safdar</t>
  </si>
  <si>
    <t>14369</t>
  </si>
  <si>
    <t>GGES WAHAB KHEL CHAKRALA MIANWALI</t>
  </si>
  <si>
    <t>wahab khel p/ o dhok mhr muhammad</t>
  </si>
  <si>
    <t>Wahab Khel</t>
  </si>
  <si>
    <t>50947</t>
  </si>
  <si>
    <t>50363</t>
  </si>
  <si>
    <t>GPS 169/9-L</t>
  </si>
  <si>
    <t>chak 169/9.L</t>
  </si>
  <si>
    <t>Chak#169/9L</t>
  </si>
  <si>
    <t>Chak169/9L</t>
  </si>
  <si>
    <t>GPS 45 A</t>
  </si>
  <si>
    <t>45/A</t>
  </si>
  <si>
    <t>chak45/A LQP</t>
  </si>
  <si>
    <t>Chak46/A</t>
  </si>
  <si>
    <t>50954</t>
  </si>
  <si>
    <t>8877</t>
  </si>
  <si>
    <t>GPS EID GAH RETRA</t>
  </si>
  <si>
    <t>Basti Tibba Malkani Retra</t>
  </si>
  <si>
    <t>Tibbi qaisrani</t>
  </si>
  <si>
    <t>49690</t>
  </si>
  <si>
    <t>GHS AALI WALA</t>
  </si>
  <si>
    <t>shamsher ali</t>
  </si>
  <si>
    <t>50961</t>
  </si>
  <si>
    <t>GPS THOTHIAN WALI</t>
  </si>
  <si>
    <t>thuthianwali bahawalnagar moza bahawanshah</t>
  </si>
  <si>
    <t>Thuthianwali</t>
  </si>
  <si>
    <t>Saifullah Sabir</t>
  </si>
  <si>
    <t>GGES CHAK 725 GB</t>
  </si>
  <si>
    <t>CHAK 725 GB KAMALIA</t>
  </si>
  <si>
    <t>CHAK 725 GB</t>
  </si>
  <si>
    <t>CHAK 724 GB</t>
  </si>
  <si>
    <t>50967</t>
  </si>
  <si>
    <t>10614</t>
  </si>
  <si>
    <t>GGES CHAK NO 138 TDA</t>
  </si>
  <si>
    <t>GGES 138/TDA, tehsil and district Layyah</t>
  </si>
  <si>
    <t>50968</t>
  </si>
  <si>
    <t>51822</t>
  </si>
  <si>
    <t>GES 123/EB P/O 121/EB ARIF WALA</t>
  </si>
  <si>
    <t>Chak# 123/EB P/O 121/EB Tehsil:Arifwala District: Pakpattan</t>
  </si>
  <si>
    <t>123/EB</t>
  </si>
  <si>
    <t>Muaeen Kot</t>
  </si>
  <si>
    <t>GPS QADIRA JADEED</t>
  </si>
  <si>
    <t>rakh qadira</t>
  </si>
  <si>
    <t>mouza rakh qadira p/o umer kot tehsil rojhan disst rajan pur</t>
  </si>
  <si>
    <t>giyamal</t>
  </si>
  <si>
    <t>GGPS PATTI GHULAM ALI</t>
  </si>
  <si>
    <t>Patti Diaya  Chakha</t>
  </si>
  <si>
    <t>moza patti diaya chokha tehsil kotadu disstric M.garh</t>
  </si>
  <si>
    <t>Bhudhoo Wala</t>
  </si>
  <si>
    <t>Patti Diaya Chokha</t>
  </si>
  <si>
    <t>GPS CHAK NO. 261/P (MACHAIN)</t>
  </si>
  <si>
    <t>Chak No 238p</t>
  </si>
  <si>
    <t>GBPS 261p machian chak no.238p machian</t>
  </si>
  <si>
    <t>Qari Muhammad Abdullah</t>
  </si>
  <si>
    <t>GGPS CHAK NAURANG NO. 2</t>
  </si>
  <si>
    <t>Chak Nwrang</t>
  </si>
  <si>
    <t>basti marha pull farooq abaad</t>
  </si>
  <si>
    <t>Nwshahra Jadeed</t>
  </si>
  <si>
    <t>54452</t>
  </si>
  <si>
    <t>50984</t>
  </si>
  <si>
    <t>Gaming Sandila</t>
  </si>
  <si>
    <t>p/o basti sandila sharif</t>
  </si>
  <si>
    <t>Basti sandila</t>
  </si>
  <si>
    <t>Humaira Safder</t>
  </si>
  <si>
    <t>GMPS KURHIAN WALA</t>
  </si>
  <si>
    <t>Kurrhianwala</t>
  </si>
  <si>
    <t>GMPS Kurrhianwala</t>
  </si>
  <si>
    <t>54325</t>
  </si>
  <si>
    <t>50993</t>
  </si>
  <si>
    <t>GPS BASTI BAKHAT ALI HORWANI</t>
  </si>
  <si>
    <t>Jhongo Thady</t>
  </si>
  <si>
    <t>basti bakht Ali horwani mauza Jhongo Thady Post Office Rojhan District Rajanpur</t>
  </si>
  <si>
    <t>Bakht Ali Horwani</t>
  </si>
  <si>
    <t>Bailey Shah</t>
  </si>
  <si>
    <t>Tariq Niaz</t>
  </si>
  <si>
    <t>GPS SAHOOL WALA</t>
  </si>
  <si>
    <t>Chah bareen wala p/O thatha Gurmani sharqi</t>
  </si>
  <si>
    <t>GPS MC NO. 4 CHICHAWATNI</t>
  </si>
  <si>
    <t>Bilal Gung</t>
  </si>
  <si>
    <t>G P S Mc # 4 CCI GRAIN MARKET</t>
  </si>
  <si>
    <t>52041</t>
  </si>
  <si>
    <t>GGPS 12 EB</t>
  </si>
  <si>
    <t>12eb</t>
  </si>
  <si>
    <t>12/E B</t>
  </si>
  <si>
    <t>50/S P</t>
  </si>
  <si>
    <t>Musarrat  Hashim</t>
  </si>
  <si>
    <t>GPS MEHAR BUZDAR</t>
  </si>
  <si>
    <t>nawan shumali</t>
  </si>
  <si>
    <t>basti sher muhammad nawan shumali choti zareen</t>
  </si>
  <si>
    <t>basti sher muhammad nawan shumali</t>
  </si>
  <si>
    <t>GGES BASTI LAL</t>
  </si>
  <si>
    <t>headmistress rabia bibi GGES Basti lal teh. LQP p/o pacca laran</t>
  </si>
  <si>
    <t>Rabia bibi</t>
  </si>
  <si>
    <t>GGPS HAKEEM BASHIR</t>
  </si>
  <si>
    <t>Hyderpur</t>
  </si>
  <si>
    <t>basti zindalal</t>
  </si>
  <si>
    <t>Basti Zindalal</t>
  </si>
  <si>
    <t>Naveeda Malik</t>
  </si>
  <si>
    <t>51014</t>
  </si>
  <si>
    <t>17548</t>
  </si>
  <si>
    <t>GMPS KHOKHRAN WALA</t>
  </si>
  <si>
    <t>GMPS Khokhran Wala, MOZA RORANWALI jhang</t>
  </si>
  <si>
    <t>51426</t>
  </si>
  <si>
    <t>GMPS CHAK NO. 81/NP</t>
  </si>
  <si>
    <t>Chak 81 NP</t>
  </si>
  <si>
    <t>samina nazeer</t>
  </si>
  <si>
    <t>GHS HAYAT KHAN WALA SHUJABAD</t>
  </si>
  <si>
    <t>Hayat Khan Wala</t>
  </si>
  <si>
    <t>Govt.High School Hayat Khan wala shujabad</t>
  </si>
  <si>
    <t>Basti Mithu Sharqi</t>
  </si>
  <si>
    <t>52053</t>
  </si>
  <si>
    <t>GMPS 10/EB</t>
  </si>
  <si>
    <t>10eb</t>
  </si>
  <si>
    <t>chak no 10eb</t>
  </si>
  <si>
    <t>10 EB</t>
  </si>
  <si>
    <t>51025</t>
  </si>
  <si>
    <t>GPS 178/9-L NEW</t>
  </si>
  <si>
    <t>chak no 178/9_L new</t>
  </si>
  <si>
    <t>Chak No 178/9 L New</t>
  </si>
  <si>
    <t>Chak No 180/9 L</t>
  </si>
  <si>
    <t>51026</t>
  </si>
  <si>
    <t>14316</t>
  </si>
  <si>
    <t>GPS BASTI DURAHEN</t>
  </si>
  <si>
    <t>Basti Noor muhammad sureja</t>
  </si>
  <si>
    <t>Basti Noor M Sureja</t>
  </si>
  <si>
    <t>Qazi Irshad Ahmad</t>
  </si>
  <si>
    <t>GES BASTI PATHANAN</t>
  </si>
  <si>
    <t>maoza bait malana ghazi ghat</t>
  </si>
  <si>
    <t>Basti Pathanan</t>
  </si>
  <si>
    <t>51037</t>
  </si>
  <si>
    <t>GGES KAT GANGA SINGH</t>
  </si>
  <si>
    <t>Kat Ganga Singh</t>
  </si>
  <si>
    <t>kat ganga singh po madrissa bwn</t>
  </si>
  <si>
    <t>Sobia Karim</t>
  </si>
  <si>
    <t>GGMPS AHMAD ABAD</t>
  </si>
  <si>
    <t>Mari Gharbi</t>
  </si>
  <si>
    <t>sheru wala maouza mari gharbi</t>
  </si>
  <si>
    <t>Sheru Wala</t>
  </si>
  <si>
    <t>GES WAHID BAKHSH SIAL</t>
  </si>
  <si>
    <t>moza Wahid Bakhsh Sial, Allahabad, liaquat pur, rahim yar khan</t>
  </si>
  <si>
    <t>Muhammad Dah</t>
  </si>
  <si>
    <t>Rasheed Ahmad Jaffri</t>
  </si>
  <si>
    <t>51043</t>
  </si>
  <si>
    <t>Ghaus Pur</t>
  </si>
  <si>
    <t>moza ghaus pur teh jhang</t>
  </si>
  <si>
    <t>zakia perveen</t>
  </si>
  <si>
    <t>22234</t>
  </si>
  <si>
    <t>GPS SARWAR AHMADANI</t>
  </si>
  <si>
    <t>Darkhast Jamal</t>
  </si>
  <si>
    <t>Muhammad Zarif</t>
  </si>
  <si>
    <t>51049</t>
  </si>
  <si>
    <t>GPS KACHI ZAMAN</t>
  </si>
  <si>
    <t>Kachi Zaman</t>
  </si>
  <si>
    <t>GPS Kachi Zaman Basti Banu da hut</t>
  </si>
  <si>
    <t>Banu Da Hut</t>
  </si>
  <si>
    <t>GPS CHAK NO. 24 KHURD</t>
  </si>
  <si>
    <t>Chak 24 Khurd</t>
  </si>
  <si>
    <t>Chak 24 khurd p/o Barnala Teh.Hyderabad Dist.Skp</t>
  </si>
  <si>
    <t>Talat Ijaz</t>
  </si>
  <si>
    <t>51051</t>
  </si>
  <si>
    <t>54207</t>
  </si>
  <si>
    <t>GGPS KOT KHAIRA</t>
  </si>
  <si>
    <t>Kot Khaira, 12-km Bhakkar road, Jhang</t>
  </si>
  <si>
    <t>Nadia Munawar</t>
  </si>
  <si>
    <t>31557</t>
  </si>
  <si>
    <t>Gulan Pirhar</t>
  </si>
  <si>
    <t>moza gulan pirhar basti kallar wala</t>
  </si>
  <si>
    <t>Kallar Wala</t>
  </si>
  <si>
    <t>Mariam Sharif</t>
  </si>
  <si>
    <t>51097</t>
  </si>
  <si>
    <t>GGPS NATAL WALA</t>
  </si>
  <si>
    <t>Natal wala</t>
  </si>
  <si>
    <t>GPS SIDHU WALI</t>
  </si>
  <si>
    <t>Sidhowali</t>
  </si>
  <si>
    <t>Govt boys primary school sidhowali</t>
  </si>
  <si>
    <t>Basti Jam Shair Bhatar</t>
  </si>
  <si>
    <t>Gul Muhammad Langha</t>
  </si>
  <si>
    <t>Muhammad Mazhar Rasheed</t>
  </si>
  <si>
    <t>GPS 77/EB</t>
  </si>
  <si>
    <t>77/EB</t>
  </si>
  <si>
    <t>chak no. 77/eb</t>
  </si>
  <si>
    <t>M Gulab Ali Hydry</t>
  </si>
  <si>
    <t>51109</t>
  </si>
  <si>
    <t>GGPS KANJKI WALA</t>
  </si>
  <si>
    <t>Kanji Wala</t>
  </si>
  <si>
    <t>moza kanji alas masti Malik parfait tdanda Muhammad panah</t>
  </si>
  <si>
    <t>GPS ROJHAN NO. 1</t>
  </si>
  <si>
    <t>Chak Dem</t>
  </si>
  <si>
    <t>Rojhan city</t>
  </si>
  <si>
    <t>GPS KHABHAR WALA</t>
  </si>
  <si>
    <t>KHABHAR WALA</t>
  </si>
  <si>
    <t>SajjadAhmad</t>
  </si>
  <si>
    <t>51116</t>
  </si>
  <si>
    <t>51968</t>
  </si>
  <si>
    <t>GPS 78 EB ARIF WALA</t>
  </si>
  <si>
    <t>78EB</t>
  </si>
  <si>
    <t>chak no.78EB arifwala</t>
  </si>
  <si>
    <t>86EB</t>
  </si>
  <si>
    <t>Muzaffar Hussain</t>
  </si>
  <si>
    <t>12496</t>
  </si>
  <si>
    <t>51117</t>
  </si>
  <si>
    <t>10649</t>
  </si>
  <si>
    <t>GPS CHAK NO 456 TDA</t>
  </si>
  <si>
    <t>Chak no.456/TDA Tehsil &amp; District Layyah</t>
  </si>
  <si>
    <t>Chak No 456/TDA</t>
  </si>
  <si>
    <t>Amjad Pervez</t>
  </si>
  <si>
    <t>33836</t>
  </si>
  <si>
    <t>51119</t>
  </si>
  <si>
    <t>GES 39/12-L</t>
  </si>
  <si>
    <t>39/12L</t>
  </si>
  <si>
    <t>GGPS WATTA KHEL NO.2</t>
  </si>
  <si>
    <t>watta khel</t>
  </si>
  <si>
    <t>Ayesha Saman Khan</t>
  </si>
  <si>
    <t>34117</t>
  </si>
  <si>
    <t>GGPS DAROGAY WALA SHUJABAD</t>
  </si>
  <si>
    <t>mohan pur</t>
  </si>
  <si>
    <t>mohan pur chah mitay wala</t>
  </si>
  <si>
    <t>chah mithay wala</t>
  </si>
  <si>
    <t>Anam Sajjad</t>
  </si>
  <si>
    <t>51129</t>
  </si>
  <si>
    <t>GGPS CHAK NO. 424-A/TDA</t>
  </si>
  <si>
    <t>Thaljandi</t>
  </si>
  <si>
    <t>Chak No. 424-A,/TDA Layyah</t>
  </si>
  <si>
    <t>Chak No 424-A TDA</t>
  </si>
  <si>
    <t>Tranda Gorgaje</t>
  </si>
  <si>
    <t>mouza chapri chtan shah basti noor deen gabol</t>
  </si>
  <si>
    <t>Basti Noor Deen Gabol</t>
  </si>
  <si>
    <t>Muhammad Tahir Anwar</t>
  </si>
  <si>
    <t>GPS MUD ISMAIL</t>
  </si>
  <si>
    <t>basti rais ghulam sarwar  bahadar pur mouza</t>
  </si>
  <si>
    <t>Basti Rais Ghulam Sarwar Attari</t>
  </si>
  <si>
    <t>Missan Abbad</t>
  </si>
  <si>
    <t>GGPS PATI PUR</t>
  </si>
  <si>
    <t>pati pur</t>
  </si>
  <si>
    <t>Shahida Sharif</t>
  </si>
  <si>
    <t>GHS MOMAN CHAK 30 RB</t>
  </si>
  <si>
    <t>MOMAN 30/RB</t>
  </si>
  <si>
    <t>MOMAN CHAK 30/RB</t>
  </si>
  <si>
    <t>MOMAN</t>
  </si>
  <si>
    <t>Filter Plant of city</t>
  </si>
  <si>
    <t>GES SAMAND WALA</t>
  </si>
  <si>
    <t>Samand Wala</t>
  </si>
  <si>
    <t>vpo samand wala</t>
  </si>
  <si>
    <t>Muhammad Rasool</t>
  </si>
  <si>
    <t>51148</t>
  </si>
  <si>
    <t>MALKANI</t>
  </si>
  <si>
    <t>GPS FAIZABAD</t>
  </si>
  <si>
    <t>Abdul Lateef Qaisrani</t>
  </si>
  <si>
    <t>GHS ALLAH ABAD SHUJABAD</t>
  </si>
  <si>
    <t>WAHE BAKHAR</t>
  </si>
  <si>
    <t>ALLAH ABAD MOUZA WAHE BAKHAR TEHSIL SHUJABAD DISTRICT MULTAN</t>
  </si>
  <si>
    <t>MUHAMMAD AKRAM SOMRA</t>
  </si>
  <si>
    <t>GPS CHAK NO. 122 TDA</t>
  </si>
  <si>
    <t>Chak No 122A/TDA</t>
  </si>
  <si>
    <t>chak no 122 tda layyah</t>
  </si>
  <si>
    <t>Chak No 122a/TDA</t>
  </si>
  <si>
    <t>50838</t>
  </si>
  <si>
    <t>GGES CHAK NO.7/NP</t>
  </si>
  <si>
    <t>Chak 7np</t>
  </si>
  <si>
    <t>GGES CHAK 7NP</t>
  </si>
  <si>
    <t>Salma Munir</t>
  </si>
  <si>
    <t>we purchase drinking water</t>
  </si>
  <si>
    <t>GPS SAKHI ADAM BAHAR</t>
  </si>
  <si>
    <t>Basti Samay wali Uc Amin abad</t>
  </si>
  <si>
    <t>Basti Wazir Abad</t>
  </si>
  <si>
    <t>Faiz Ur Rehman</t>
  </si>
  <si>
    <t>GPS KULLIAN MASHMOOLA BOHAR BATH</t>
  </si>
  <si>
    <t>GPS Kullian</t>
  </si>
  <si>
    <t>GPS Killian mashmolla bohar bath</t>
  </si>
  <si>
    <t>Amanat Ullah Baig</t>
  </si>
  <si>
    <t>50843</t>
  </si>
  <si>
    <t>GGHS CHAK 664/5 GB</t>
  </si>
  <si>
    <t>Chak no 664/5 G.B</t>
  </si>
  <si>
    <t>CHAK NO 661/2 GB</t>
  </si>
  <si>
    <t>Gul-e-nargus</t>
  </si>
  <si>
    <t>GMPS THATTA MAHLA</t>
  </si>
  <si>
    <t>Thatha Mahla</t>
  </si>
  <si>
    <t>Thatha Pehlwan</t>
  </si>
  <si>
    <t>Pakkey Wala</t>
  </si>
  <si>
    <t>12798</t>
  </si>
  <si>
    <t>50847</t>
  </si>
  <si>
    <t>GPS BASTI JAN JRANWALI</t>
  </si>
  <si>
    <t>Kot Fateh Muhammad</t>
  </si>
  <si>
    <t>basti janjran wali BWN</t>
  </si>
  <si>
    <t>Janjranwali</t>
  </si>
  <si>
    <t>GGPS BANGLA HIDAYAT</t>
  </si>
  <si>
    <t>Tariqa Abad</t>
  </si>
  <si>
    <t>ggps Bangla Hadait</t>
  </si>
  <si>
    <t>Bangla Hadait</t>
  </si>
  <si>
    <t>GGPS KULKURAI NO. 1</t>
  </si>
  <si>
    <t>Kul Kurai</t>
  </si>
  <si>
    <t>Government Girls primary School Kul Kurai No 1</t>
  </si>
  <si>
    <t>50857</t>
  </si>
  <si>
    <t>GGPS BASTI BARKAT ALI KAMBO</t>
  </si>
  <si>
    <t>kot zulfqar</t>
  </si>
  <si>
    <t>postal office mao mubarak basti barkat ali kamboh</t>
  </si>
  <si>
    <t>Basti barkat ali kamboh</t>
  </si>
  <si>
    <t>Mao mubarak</t>
  </si>
  <si>
    <t>Rubina kauser</t>
  </si>
  <si>
    <t>GGCMS RINDAN</t>
  </si>
  <si>
    <t>GGCMS Rindan</t>
  </si>
  <si>
    <t>Neelum Summyia</t>
  </si>
  <si>
    <t>52009</t>
  </si>
  <si>
    <t>GGPS 51 SP POST OFFICE JEVAN SHAH</t>
  </si>
  <si>
    <t>51sp</t>
  </si>
  <si>
    <t>GGps 51 sp jevan shah arifwala</t>
  </si>
  <si>
    <t>51 Sp</t>
  </si>
  <si>
    <t>Sughra Kanwal</t>
  </si>
  <si>
    <t>GPS CHAK NO 432/6-R W</t>
  </si>
  <si>
    <t>432/6-R West</t>
  </si>
  <si>
    <t>Chak No. 432/6-R West,Tehsil:Haroonabd,District: Bahawalnagar.</t>
  </si>
  <si>
    <t>33187</t>
  </si>
  <si>
    <t>GGHS PHULERWAN</t>
  </si>
  <si>
    <t>Phullerwan</t>
  </si>
  <si>
    <t>GGHS phullerwan</t>
  </si>
  <si>
    <t>Iffat Saeed</t>
  </si>
  <si>
    <t>GGMPS JATTAN</t>
  </si>
  <si>
    <t>WIDADI</t>
  </si>
  <si>
    <t>JATTAN</t>
  </si>
  <si>
    <t>BEROT</t>
  </si>
  <si>
    <t>AMNA NADEEM</t>
  </si>
  <si>
    <t>11867</t>
  </si>
  <si>
    <t>GGPS CHAK NO. 540/TDA</t>
  </si>
  <si>
    <t>Chak No 540/TDA</t>
  </si>
  <si>
    <t>GGPS 540/TDA</t>
  </si>
  <si>
    <t>540 /TDA</t>
  </si>
  <si>
    <t>Um e Sadiqa</t>
  </si>
  <si>
    <t>GGHS HARRAPA STATION</t>
  </si>
  <si>
    <t>govt. girls high school harappa station Sahiwal</t>
  </si>
  <si>
    <t>Jinnah Town</t>
  </si>
  <si>
    <t>Sehreem Qayyum Toor</t>
  </si>
  <si>
    <t>GES MUHAMMAD ALI RAMDANI</t>
  </si>
  <si>
    <t>Mutafirkchan</t>
  </si>
  <si>
    <t>basti ramdani</t>
  </si>
  <si>
    <t>Mutafariq Chan</t>
  </si>
  <si>
    <t>GPS DERA MURED KHAN</t>
  </si>
  <si>
    <t>JHABBRAN</t>
  </si>
  <si>
    <t>DERA MUREED KHAN TEHSIL AND DISTRICT SHEIKHUPURA</t>
  </si>
  <si>
    <t>DERA MUREED KHAN</t>
  </si>
  <si>
    <t>50876</t>
  </si>
  <si>
    <t>GPS ADAM ARAIN PO SARDAR GARH</t>
  </si>
  <si>
    <t>P/O Sardar Grh Teh and Distt Rahim Yar Khan</t>
  </si>
  <si>
    <t>Kashif Aleem</t>
  </si>
  <si>
    <t>50877</t>
  </si>
  <si>
    <t>GPS DILASA KHAN WALA</t>
  </si>
  <si>
    <t>Gps dilasa khan wala</t>
  </si>
  <si>
    <t>Khawas Khel</t>
  </si>
  <si>
    <t>Malik Muhammad Aftab</t>
  </si>
  <si>
    <t>50897</t>
  </si>
  <si>
    <t>GGES WAIYAN WALI</t>
  </si>
  <si>
    <t>waiyan wali chak 27 RB</t>
  </si>
  <si>
    <t>Waiyan Wali</t>
  </si>
  <si>
    <t>Mandiala 95</t>
  </si>
  <si>
    <t>Amna Shehzadi</t>
  </si>
  <si>
    <t>GGHSS SHUJABAD MULTAN</t>
  </si>
  <si>
    <t>NEW HOUSING COLONY SHUJABAD</t>
  </si>
  <si>
    <t>SHUJABAD</t>
  </si>
  <si>
    <t>Aziz Fatima Niazi</t>
  </si>
  <si>
    <t>50879</t>
  </si>
  <si>
    <t>GPS CHAK NO 234-P</t>
  </si>
  <si>
    <t>chak no 234p</t>
  </si>
  <si>
    <t>chak no 252p</t>
  </si>
  <si>
    <t>chak no 186p</t>
  </si>
  <si>
    <t>GPS MANGLOTI</t>
  </si>
  <si>
    <t>Mangloti</t>
  </si>
  <si>
    <t>P/o Mubarak pur Tehsil APE District Bahawalpur</t>
  </si>
  <si>
    <t>Basti Baloucha</t>
  </si>
  <si>
    <t>HAROON BAIG</t>
  </si>
  <si>
    <t>50888</t>
  </si>
  <si>
    <t>51956</t>
  </si>
  <si>
    <t>GES 85 EB</t>
  </si>
  <si>
    <t>85 EB</t>
  </si>
  <si>
    <t>85 EB tehsil Arifwala Distt. Pakpattan</t>
  </si>
  <si>
    <t>83 EB</t>
  </si>
  <si>
    <t>Muhammad ASLAM SALEEMI</t>
  </si>
  <si>
    <t>50894</t>
  </si>
  <si>
    <t>12664</t>
  </si>
  <si>
    <t>GGPS BASTI JARAIN</t>
  </si>
  <si>
    <t>Saddan Wali</t>
  </si>
  <si>
    <t>basti jarain mouza sadan wali post office basira Muzaffargarh</t>
  </si>
  <si>
    <t>Basti Jarain</t>
  </si>
  <si>
    <t>Humera Rani</t>
  </si>
  <si>
    <t>50898</t>
  </si>
  <si>
    <t>GGHS CHAK 260 RB WAHILA CALLAN</t>
  </si>
  <si>
    <t>260 RB</t>
  </si>
  <si>
    <t>Chak No. 260 RB Waheela Kalan FSD</t>
  </si>
  <si>
    <t>Waheela Kalan</t>
  </si>
  <si>
    <t>Abida Riaz</t>
  </si>
  <si>
    <t>purchased from company</t>
  </si>
  <si>
    <t>18578</t>
  </si>
  <si>
    <t>GPS KOMHAR WALA</t>
  </si>
  <si>
    <t>Komhar wala near Buzdar Petroleum Jampur Road Choti Zareen</t>
  </si>
  <si>
    <t>Komhar wala</t>
  </si>
  <si>
    <t>GES GHOUS PUR MACHHIAN</t>
  </si>
  <si>
    <t>Ghous Pur Machhian Machian</t>
  </si>
  <si>
    <t>elementary school ghous pur machian p0b missonabad tehsil and district rahim yar khan</t>
  </si>
  <si>
    <t>Ghous Pur Machian</t>
  </si>
  <si>
    <t>Missonabad</t>
  </si>
  <si>
    <t>Javed Akhtar Shah</t>
  </si>
  <si>
    <t>GPS KOREY SHAH ZAIREEN</t>
  </si>
  <si>
    <t>Koray Shah</t>
  </si>
  <si>
    <t>gps koray shah noor shah sahiwal</t>
  </si>
  <si>
    <t>Aurang Abad</t>
  </si>
  <si>
    <t>Irfan Arshed</t>
  </si>
  <si>
    <t>50915</t>
  </si>
  <si>
    <t>GPS CHAK NO. 66/4-R</t>
  </si>
  <si>
    <t>chak no 66/4R po box 103 6R tehsil haroonabad distt bhawalnagar</t>
  </si>
  <si>
    <t>66/4R</t>
  </si>
  <si>
    <t>taking from outside of school</t>
  </si>
  <si>
    <t>GPS CHAH UQAB WALA</t>
  </si>
  <si>
    <t>Patti Sultan Mehmood Sharki</t>
  </si>
  <si>
    <t>chah uqab wala</t>
  </si>
  <si>
    <t>Chah Uqab Wala</t>
  </si>
  <si>
    <t>Muhammed Waqas Fareed</t>
  </si>
  <si>
    <t>GPS HASSAY WALA</t>
  </si>
  <si>
    <t>darkhast Jamal Khan</t>
  </si>
  <si>
    <t>basti hassay wala mouza darkhast jamal khan darmiyani</t>
  </si>
  <si>
    <t>basti Hassay Wala</t>
  </si>
  <si>
    <t>darkhast Jamal Khan Darmiyani</t>
  </si>
  <si>
    <t>50926</t>
  </si>
  <si>
    <t>GPS CHAK 149/6-R (E)</t>
  </si>
  <si>
    <t>149/6r/E</t>
  </si>
  <si>
    <t>149/6r/e</t>
  </si>
  <si>
    <t>149/6r/R</t>
  </si>
  <si>
    <t>47335</t>
  </si>
  <si>
    <t>GGPS WANDHI ROSHAN WALI</t>
  </si>
  <si>
    <t>Yaru Khel Pakka</t>
  </si>
  <si>
    <t>wandhi roshan wali sharqi</t>
  </si>
  <si>
    <t>Wandhi Roshan Wali</t>
  </si>
  <si>
    <t>Mehreen Gul Khan</t>
  </si>
  <si>
    <t>GPS WADERA SHAH NAWAZ KHAN</t>
  </si>
  <si>
    <t>Basti wadera shah nawaz khan tehsil rojhan district rajan pur</t>
  </si>
  <si>
    <t>pouring cane far place</t>
  </si>
  <si>
    <t>GMPS MEGHA MUKHIAN</t>
  </si>
  <si>
    <t>Takhtmahl Hitaarh</t>
  </si>
  <si>
    <t>Chak Megha Mukhian</t>
  </si>
  <si>
    <t>Megha Mukhian</t>
  </si>
  <si>
    <t>Takhtmahl</t>
  </si>
  <si>
    <t>Rubina Aleem</t>
  </si>
  <si>
    <t>51135</t>
  </si>
  <si>
    <t>GGPS CHAK NO.423-A TDA KLASARY WALA</t>
  </si>
  <si>
    <t>chak no 423/tda klasraywala</t>
  </si>
  <si>
    <t>423/TDA Klasraywala</t>
  </si>
  <si>
    <t>Nida Majeed</t>
  </si>
  <si>
    <t>GGCMS SANDHI WALA</t>
  </si>
  <si>
    <t>Gawain</t>
  </si>
  <si>
    <t>Miss Shameem Fida Hussain</t>
  </si>
  <si>
    <t>51138</t>
  </si>
  <si>
    <t>near nooray wala phatak kot addu</t>
  </si>
  <si>
    <t>17607</t>
  </si>
  <si>
    <t>GMPS CHAK NO. 460 JATIANA</t>
  </si>
  <si>
    <t>chak no 460</t>
  </si>
  <si>
    <t>Chak No 460</t>
  </si>
  <si>
    <t>Basti Guazi Shah</t>
  </si>
  <si>
    <t>GGPS KHAWAJA ABAD SHARIF</t>
  </si>
  <si>
    <t>khawaja abbad sharif</t>
  </si>
  <si>
    <t>Khawaja Abad Sharif</t>
  </si>
  <si>
    <t>51145</t>
  </si>
  <si>
    <t>GPS HAMMAL WALI SHUMALI</t>
  </si>
  <si>
    <t>chatha Gata</t>
  </si>
  <si>
    <t>Gps hamal wali shumali basti thori</t>
  </si>
  <si>
    <t>Thori</t>
  </si>
  <si>
    <t>51147</t>
  </si>
  <si>
    <t>33181</t>
  </si>
  <si>
    <t>GHS ADIL GHAR</t>
  </si>
  <si>
    <t>Chak 27 RB</t>
  </si>
  <si>
    <t>51154</t>
  </si>
  <si>
    <t>GPS GOTH MAHI</t>
  </si>
  <si>
    <t>Basti panuwah Moza Goth Mahi UC Allahabad  P/O Allahabad</t>
  </si>
  <si>
    <t>Basti panuwah</t>
  </si>
  <si>
    <t>SYED AHMAD SHAH</t>
  </si>
  <si>
    <t>51157</t>
  </si>
  <si>
    <t>9574</t>
  </si>
  <si>
    <t>GGES KACHI WANGA</t>
  </si>
  <si>
    <t>Basti kachi wanga tahsil taunsa Dictrict D.G khan</t>
  </si>
  <si>
    <t>Fazla Katch</t>
  </si>
  <si>
    <t>Mudsera Majeed</t>
  </si>
  <si>
    <t>GPS BHOORJI</t>
  </si>
  <si>
    <t>Bhoorji</t>
  </si>
  <si>
    <t>GGMPS BASTI DOOSA</t>
  </si>
  <si>
    <t>Basti Dosa</t>
  </si>
  <si>
    <t>p/o shah ali basti dosa tehsil kot chutta distt dera ghazi khan</t>
  </si>
  <si>
    <t>Sabra Kalsoom</t>
  </si>
  <si>
    <t>51168</t>
  </si>
  <si>
    <t>GPS NEW BHAIDIAN WALI</t>
  </si>
  <si>
    <t>DAAG</t>
  </si>
  <si>
    <t>GPS NEW BHAIDAIN WALI</t>
  </si>
  <si>
    <t>GPS MOUZA WAGHI</t>
  </si>
  <si>
    <t>WAGHI</t>
  </si>
  <si>
    <t>GPS mouza waghi</t>
  </si>
  <si>
    <t>Mouza waghi</t>
  </si>
  <si>
    <t>722gb</t>
  </si>
  <si>
    <t>16529</t>
  </si>
  <si>
    <t>14308</t>
  </si>
  <si>
    <t>GMPS BARI BAJWA</t>
  </si>
  <si>
    <t>basti bari bajwa district rajanpur Tehsil rojhan</t>
  </si>
  <si>
    <t>Basti Bari Bajwa</t>
  </si>
  <si>
    <t>Bangla Hidyat</t>
  </si>
  <si>
    <t>GGPS GARMULA CHAK NO. 169</t>
  </si>
  <si>
    <t>Garmola</t>
  </si>
  <si>
    <t>GGPS Garmola</t>
  </si>
  <si>
    <t>Tayyaba Khanam</t>
  </si>
  <si>
    <t>GES DARKHAST JAMAL KHAN</t>
  </si>
  <si>
    <t>14385</t>
  </si>
  <si>
    <t>GPS SHAHZAD MODEL FARM</t>
  </si>
  <si>
    <t>Chak Soori</t>
  </si>
  <si>
    <t>Basti sher jan snmblani</t>
  </si>
  <si>
    <t>Shah wali</t>
  </si>
  <si>
    <t>51534</t>
  </si>
  <si>
    <t>GPS KOTLA SHAIR</t>
  </si>
  <si>
    <t>basti Ghous Bux naich moza Malik pur p/o Jan pur</t>
  </si>
  <si>
    <t>Basti Ghous Bux Naich</t>
  </si>
  <si>
    <t>Elahi bukhsh</t>
  </si>
  <si>
    <t>51536</t>
  </si>
  <si>
    <t>GGPS BASTI KHOJA SHUJABAD</t>
  </si>
  <si>
    <t>Bastti khoja moza khoja tahsil shujabad distric multan</t>
  </si>
  <si>
    <t>Zubaida Sultana</t>
  </si>
  <si>
    <t>GPS MOADIB BAHAR KHAKHI</t>
  </si>
  <si>
    <t>Govt Moadib P/S Bahar Khakhi</t>
  </si>
  <si>
    <t>Mouza Bahar Khakhi</t>
  </si>
  <si>
    <t>PattiDaya Chokha</t>
  </si>
  <si>
    <t>cha Dig wals</t>
  </si>
  <si>
    <t>cha Dig Wala</t>
  </si>
  <si>
    <t>GPS BASTI KARIM BAKHSH</t>
  </si>
  <si>
    <t>Chak Dodarah</t>
  </si>
  <si>
    <t>Basti Karim Bakhsh chak Dodarah p/o choti zareen tensile kot chuttah district D  G  khan</t>
  </si>
  <si>
    <t>Basti Karim Bakhsh</t>
  </si>
  <si>
    <t>Muhammad Mewah</t>
  </si>
  <si>
    <t>GPS EHSAN PUR</t>
  </si>
  <si>
    <t>Ahsan pur</t>
  </si>
  <si>
    <t>33289</t>
  </si>
  <si>
    <t>GPS BARNALA</t>
  </si>
  <si>
    <t>Barnala chak 23/RB safdarabad sheikhupura</t>
  </si>
  <si>
    <t>GPS ZUMBO WALA</t>
  </si>
  <si>
    <t>Zambowala</t>
  </si>
  <si>
    <t>Waqas Qadir</t>
  </si>
  <si>
    <t>GPS BASTI QURASHIAN</t>
  </si>
  <si>
    <t>abbas nagar Allah jiwaya lar p/o khan bela lqp ryk</t>
  </si>
  <si>
    <t>QADIR BAKHSH</t>
  </si>
  <si>
    <t>GPS KHAKHAR</t>
  </si>
  <si>
    <t>Basti ahmad ali khan kherad</t>
  </si>
  <si>
    <t>Ahmad Ali Khan Kherad</t>
  </si>
  <si>
    <t>shabeer ahmad</t>
  </si>
  <si>
    <t>GGPS YOUNAS WALA</t>
  </si>
  <si>
    <t>Chah langy wala mouza Choudhary</t>
  </si>
  <si>
    <t>Langay Wala</t>
  </si>
  <si>
    <t>MC Kot Aduu</t>
  </si>
  <si>
    <t>Zubada Rai</t>
  </si>
  <si>
    <t>GPS KOT SHEHBAZ</t>
  </si>
  <si>
    <t>Roshanabad</t>
  </si>
  <si>
    <t>kot shahbaz</t>
  </si>
  <si>
    <t>Kot Shahbaz</t>
  </si>
  <si>
    <t>ulfat ali</t>
  </si>
  <si>
    <t>GPS SHAIKH UMER</t>
  </si>
  <si>
    <t>Sheikh umer</t>
  </si>
  <si>
    <t>Basti sheikh umer,Mouza sheikh umer Mustaqil</t>
  </si>
  <si>
    <t>GMPS RAJANA</t>
  </si>
  <si>
    <t>rajana</t>
  </si>
  <si>
    <t>GMPS RAJANA P/O KHAS THANA MASSAN TEHSIL DISTRICT JHANG</t>
  </si>
  <si>
    <t>Rajana</t>
  </si>
  <si>
    <t>MOUZA CHEELA</t>
  </si>
  <si>
    <t>GPS CHAK NO. 95/P</t>
  </si>
  <si>
    <t>Chak No 95/P</t>
  </si>
  <si>
    <t>Chak No. 95/P, RYK</t>
  </si>
  <si>
    <t>Chak No 92/P</t>
  </si>
  <si>
    <t>SABER ALI</t>
  </si>
  <si>
    <t>GGPS CHAK NO.125/TDA ARAY WALA</t>
  </si>
  <si>
    <t>chack nbr 125/TDA aray wala</t>
  </si>
  <si>
    <t>Mahr Maqbol Dera</t>
  </si>
  <si>
    <t>GMPS WAHI RIKKY BASTI PEER SHUJABAD</t>
  </si>
  <si>
    <t>Wahi Rikki</t>
  </si>
  <si>
    <t>mauza wahi rikki basti pir musafir</t>
  </si>
  <si>
    <t>Basti Pir Musafir</t>
  </si>
  <si>
    <t>Raja ram</t>
  </si>
  <si>
    <t>10796</t>
  </si>
  <si>
    <t>GGPS CHAK NO.426/TDA NIAZI ABAD</t>
  </si>
  <si>
    <t>chak no.426 tda niaziabad</t>
  </si>
  <si>
    <t>Chak No 426tda Niaziabad</t>
  </si>
  <si>
    <t>bushra Kousar</t>
  </si>
  <si>
    <t>GES RAM GARH 12/RB</t>
  </si>
  <si>
    <t>Ratti Tibbi Chak 12RB</t>
  </si>
  <si>
    <t>Ratti Tibbi Chak 12</t>
  </si>
  <si>
    <t>GGPS CHAH AWAN WALA</t>
  </si>
  <si>
    <t>Wagha Khaleeka</t>
  </si>
  <si>
    <t>Ggpschahawanwalla</t>
  </si>
  <si>
    <t>Chah Awan Wala</t>
  </si>
  <si>
    <t>Effat Parveen</t>
  </si>
  <si>
    <t>GGPS BASTI SONIC</t>
  </si>
  <si>
    <t>Basti jindwada sonak</t>
  </si>
  <si>
    <t>Nabila Anjum</t>
  </si>
  <si>
    <t>8834</t>
  </si>
  <si>
    <t>GPS CHAK NO.595 TDA</t>
  </si>
  <si>
    <t>595/tda</t>
  </si>
  <si>
    <t>Chak No. 596/ TDA</t>
  </si>
  <si>
    <t>Chak No 596/ TDA</t>
  </si>
  <si>
    <t>GPS KHOKHARI WALA</t>
  </si>
  <si>
    <t>Chak No 117 B / tda</t>
  </si>
  <si>
    <t>chak no 117/B/ TDA  layyah</t>
  </si>
  <si>
    <t>Madeena Chawk</t>
  </si>
  <si>
    <t>Kotlah Haji Shah</t>
  </si>
  <si>
    <t>GGPS BASEERAY WALA SHUJABAD</t>
  </si>
  <si>
    <t>Shah Pur Ubbha</t>
  </si>
  <si>
    <t>Chah baseeraywala moza shah pur ubbha tehsil shujabad</t>
  </si>
  <si>
    <t>Baseeray Wala</t>
  </si>
  <si>
    <t>Aroosa Nawaz</t>
  </si>
  <si>
    <t>GPS RAHIM ABAD CHAK NO. 78 RB</t>
  </si>
  <si>
    <t>Rahimabad chak 78</t>
  </si>
  <si>
    <t>Rahimabad Chak 78</t>
  </si>
  <si>
    <t>Nawanpind Chak 78</t>
  </si>
  <si>
    <t>Munazza Nazeer</t>
  </si>
  <si>
    <t>9345</t>
  </si>
  <si>
    <t>GPS BANGLA MACHI</t>
  </si>
  <si>
    <t>mouza bait angra</t>
  </si>
  <si>
    <t>Basti Machi Bangla</t>
  </si>
  <si>
    <t>Amir Rauf Khan</t>
  </si>
  <si>
    <t>14415</t>
  </si>
  <si>
    <t>GGPS ZAHIDA ABAD</t>
  </si>
  <si>
    <t>Geyamal</t>
  </si>
  <si>
    <t>umer Kot</t>
  </si>
  <si>
    <t>Bastion Bana</t>
  </si>
  <si>
    <t>GGPS ASAD KHAN</t>
  </si>
  <si>
    <t>p/o head malkani</t>
  </si>
  <si>
    <t>GPS EESAY WALA</t>
  </si>
  <si>
    <t>chaha essay Wala pati Ghulam ali gharbi</t>
  </si>
  <si>
    <t>Chaha Essay Wala</t>
  </si>
  <si>
    <t>Pati Ghulam Ali</t>
  </si>
  <si>
    <t>Shahzad Shabir</t>
  </si>
  <si>
    <t>51458</t>
  </si>
  <si>
    <t>GGPS BASTI KOHNA</t>
  </si>
  <si>
    <t>basti kohna layyah</t>
  </si>
  <si>
    <t>Basti Kohna</t>
  </si>
  <si>
    <t>33927</t>
  </si>
  <si>
    <t>GGHS SIKANDAR ABAD SHUJABAD</t>
  </si>
  <si>
    <t>SikandarAbad</t>
  </si>
  <si>
    <t>gghsSikandarAbad</t>
  </si>
  <si>
    <t>Shaheena  Khanam</t>
  </si>
  <si>
    <t>Haider Wahan</t>
  </si>
  <si>
    <t>Basti umar sandila mouza haider wahan</t>
  </si>
  <si>
    <t>Basti Umar Sandila</t>
  </si>
  <si>
    <t>GPS SULTAN KAY BAGHALAY</t>
  </si>
  <si>
    <t>Sultan Kay Baghelay</t>
  </si>
  <si>
    <t>Mouza Sultan Kay B</t>
  </si>
  <si>
    <t>GGES 101/9-L</t>
  </si>
  <si>
    <t>101 9L</t>
  </si>
  <si>
    <t>chak 101.9L swl</t>
  </si>
  <si>
    <t>1019L</t>
  </si>
  <si>
    <t>91/9L</t>
  </si>
  <si>
    <t>GGPS JHANDIAN WALI</t>
  </si>
  <si>
    <t>Jhandianwali chak no.170 RB Jhandianwali Teh. Safdarabad SKP</t>
  </si>
  <si>
    <t>51470</t>
  </si>
  <si>
    <t>14419</t>
  </si>
  <si>
    <t>GGPS QADRA NO. 1</t>
  </si>
  <si>
    <t>mouza  rakh qadra</t>
  </si>
  <si>
    <t>Basti Haji AALAH dita Gola</t>
  </si>
  <si>
    <t>Afsana AKRAM</t>
  </si>
  <si>
    <t>GPS HAYAT MUHAMMAD PAKHIWAR</t>
  </si>
  <si>
    <t>pakhiwar</t>
  </si>
  <si>
    <t>basti pahiwar moza pakhiwar po amin abad teh Liaquat pur distt:Rahim yar khan</t>
  </si>
  <si>
    <t>GHULAM YASIN</t>
  </si>
  <si>
    <t>7929</t>
  </si>
  <si>
    <t>GPS BASTI JALBANI</t>
  </si>
  <si>
    <t>Gps Basti Jalbani Tehsil Kot Chutta</t>
  </si>
  <si>
    <t>51477</t>
  </si>
  <si>
    <t>GES BHAGOWELA</t>
  </si>
  <si>
    <t>Bhagwaila</t>
  </si>
  <si>
    <t>Pull Qadir Wali Bhagwaila Post Office Kotsamaba 64170 tehsil &amp; disst. Rahim Yar Khan</t>
  </si>
  <si>
    <t>Khawar Shahzad Mughal</t>
  </si>
  <si>
    <t>51012</t>
  </si>
  <si>
    <t>GPS SHABEEL 70/4-R</t>
  </si>
  <si>
    <t>Ada Shabeel 70/4radda Shabeel 70/4r</t>
  </si>
  <si>
    <t>adda shabeel 70/4r</t>
  </si>
  <si>
    <t>69/4r</t>
  </si>
  <si>
    <t>Hafiz Muhammad Iqbal Khan</t>
  </si>
  <si>
    <t>GGPS PULL GUJJAR</t>
  </si>
  <si>
    <t>basti Pull Gujjar zulfiqar</t>
  </si>
  <si>
    <t>GGES KOHAR</t>
  </si>
  <si>
    <t>basti kohar P/ o vahowa</t>
  </si>
  <si>
    <t>Vohwa</t>
  </si>
  <si>
    <t>Dilshad Begum</t>
  </si>
  <si>
    <t>34122</t>
  </si>
  <si>
    <t>GGPS LOHARI GATE BASTI MITHU SHUJABAD</t>
  </si>
  <si>
    <t>Jhand Wala</t>
  </si>
  <si>
    <t>ggpsloharigate</t>
  </si>
  <si>
    <t>Basti Mithu</t>
  </si>
  <si>
    <t>GGCMS PADIAN WALA</t>
  </si>
  <si>
    <t>paddianwala</t>
  </si>
  <si>
    <t>isherky</t>
  </si>
  <si>
    <t>Fouzia Arshad</t>
  </si>
  <si>
    <t>D J K Drmiyani</t>
  </si>
  <si>
    <t>basti buzdar D J K darmiyani</t>
  </si>
  <si>
    <t>D J K darmiyani</t>
  </si>
  <si>
    <t>GGES CHAK NO 8/1-R</t>
  </si>
  <si>
    <t>8/1r</t>
  </si>
  <si>
    <t>g.g.elementry school 8/1'r</t>
  </si>
  <si>
    <t>GPS AQAIL ARAIN</t>
  </si>
  <si>
    <t>Panwaran</t>
  </si>
  <si>
    <t>Basti Malik Ali Near Dera Jam Kammo Moza Panwaran Rahim Yar Khan</t>
  </si>
  <si>
    <t>Basti Malik Ali</t>
  </si>
  <si>
    <t>Chak 100/P</t>
  </si>
  <si>
    <t>GGPS RUNGAR NANGAL</t>
  </si>
  <si>
    <t>rangar nangal chak no 285 p/o same tehsil safdarabad district sheikhupura</t>
  </si>
  <si>
    <t>Maryam Jamil</t>
  </si>
  <si>
    <t>31570</t>
  </si>
  <si>
    <t>GGPS MARKI (T.Qaisrani)</t>
  </si>
  <si>
    <t>MARKI  TRIBAL AREA</t>
  </si>
  <si>
    <t>MARKI</t>
  </si>
  <si>
    <t>BIROT</t>
  </si>
  <si>
    <t>NATURAL SOURCE</t>
  </si>
  <si>
    <t>GGES CHAK NO.19/A</t>
  </si>
  <si>
    <t>19/a</t>
  </si>
  <si>
    <t>chak 19/a</t>
  </si>
  <si>
    <t>Sadaf mushtaq</t>
  </si>
  <si>
    <t>43027</t>
  </si>
  <si>
    <t>14464</t>
  </si>
  <si>
    <t>GPS RAQBA SANGHI</t>
  </si>
  <si>
    <t>umerkot</t>
  </si>
  <si>
    <t>basti haji niaz khan sanghi basti raqba sanghi</t>
  </si>
  <si>
    <t>basti haji niaz khan sanghi</t>
  </si>
  <si>
    <t>RAFIQ AHMED</t>
  </si>
  <si>
    <t>GPS LAKHA NO. 1</t>
  </si>
  <si>
    <t>darkhast jamal  khan darmiani</t>
  </si>
  <si>
    <t>Darkhast jamal khan darmiani</t>
  </si>
  <si>
    <t>jewan khan ahmadani</t>
  </si>
  <si>
    <t>12791</t>
  </si>
  <si>
    <t>GGPS JHANDAY WALI</t>
  </si>
  <si>
    <t>govt girls primary school jhanday wali</t>
  </si>
  <si>
    <t>34066</t>
  </si>
  <si>
    <t>GGPS KHAN PUR QAZI NO.2 SHUJABAD</t>
  </si>
  <si>
    <t>Tibbi Awan wali,moza ponta,shujabad</t>
  </si>
  <si>
    <t>Tibbi Awan Wali</t>
  </si>
  <si>
    <t>Nadia Behram</t>
  </si>
  <si>
    <t>50737</t>
  </si>
  <si>
    <t>GPS AMAR KOT</t>
  </si>
  <si>
    <t>Amarkot</t>
  </si>
  <si>
    <t>Amarkot Tehsil Safdarabad District Sheikhupura</t>
  </si>
  <si>
    <t>Gmms Rashidabad, Near Boys degree college</t>
  </si>
  <si>
    <t>City Liaquatpur</t>
  </si>
  <si>
    <t>50745</t>
  </si>
  <si>
    <t>GPS GADI SOUTH</t>
  </si>
  <si>
    <t>basti gadi south</t>
  </si>
  <si>
    <t>50750</t>
  </si>
  <si>
    <t>GPS 64/4-R KHURD</t>
  </si>
  <si>
    <t>64/4R khurd Sahiwl</t>
  </si>
  <si>
    <t>GGPS CHOLIAN WALI</t>
  </si>
  <si>
    <t>basti cholianwali</t>
  </si>
  <si>
    <t>Cholianwali</t>
  </si>
  <si>
    <t>GPS CHAK HATHIAR</t>
  </si>
  <si>
    <t>Chakriya</t>
  </si>
  <si>
    <t>Basti Jam chandi rojhan</t>
  </si>
  <si>
    <t>Basti Jam Chandi</t>
  </si>
  <si>
    <t>GGPS ADAM KHAKI</t>
  </si>
  <si>
    <t>Jhandewali</t>
  </si>
  <si>
    <t>ADAMKHAKHI</t>
  </si>
  <si>
    <t>Khursheed Bibi</t>
  </si>
  <si>
    <t>GES BAIT SHIKRANI</t>
  </si>
  <si>
    <t>jagir Sadiq abad</t>
  </si>
  <si>
    <t>moza jageer sadiqabad</t>
  </si>
  <si>
    <t>Shikrani</t>
  </si>
  <si>
    <t>Hafiz Muhammad Raza</t>
  </si>
  <si>
    <t>52932</t>
  </si>
  <si>
    <t>GMMS CHAK 7/D</t>
  </si>
  <si>
    <t>Dharme Wala</t>
  </si>
  <si>
    <t>7D</t>
  </si>
  <si>
    <t>Arora Mian Khan</t>
  </si>
  <si>
    <t>GGPS CHAK NO. 538 TDA</t>
  </si>
  <si>
    <t>538  Tda</t>
  </si>
  <si>
    <t>Chak number 538 tda</t>
  </si>
  <si>
    <t>Chak Number 538</t>
  </si>
  <si>
    <t>Sajida Shafiq</t>
  </si>
  <si>
    <t>GPS BAIT MORE JHANGI</t>
  </si>
  <si>
    <t>50768</t>
  </si>
  <si>
    <t>47669</t>
  </si>
  <si>
    <t>GPS DERA ATTA MOHAMMAD WALA</t>
  </si>
  <si>
    <t>Wan bhachran 1</t>
  </si>
  <si>
    <t>Muhammad  Arshad Zia</t>
  </si>
  <si>
    <t>GPS WARYAM LAR</t>
  </si>
  <si>
    <t>basti HAJI Jummah MOHANA ZAFAR abad</t>
  </si>
  <si>
    <t>HAJI Jummah</t>
  </si>
  <si>
    <t>GPS MISRI WALA</t>
  </si>
  <si>
    <t>Misriwala</t>
  </si>
  <si>
    <t>misriwala p.o more khunda nns</t>
  </si>
  <si>
    <t>Khiary Kalan</t>
  </si>
  <si>
    <t>50773</t>
  </si>
  <si>
    <t>GGPS EIDAY WALA MUZA SIKANDAR ABAD</t>
  </si>
  <si>
    <t>GGPS Eiday wala, sikandrabad, Shujabad</t>
  </si>
  <si>
    <t>Chah Eidaywala</t>
  </si>
  <si>
    <t>Sikandrabad</t>
  </si>
  <si>
    <t>Jamshida Bi Bi</t>
  </si>
  <si>
    <t>GGPS MC NO. 3 LAYYAH</t>
  </si>
  <si>
    <t>Gurriyani Wala</t>
  </si>
  <si>
    <t>mohalla gurryani wala</t>
  </si>
  <si>
    <t>Asna Iftikhar</t>
  </si>
  <si>
    <t>50775</t>
  </si>
  <si>
    <t>GGPS HASHIM CHAKIR BAB</t>
  </si>
  <si>
    <t>Hashim Chakir Bab</t>
  </si>
  <si>
    <t>Moza Hashim chakir bab</t>
  </si>
  <si>
    <t>Doburji</t>
  </si>
  <si>
    <t>Nargis Fatima</t>
  </si>
  <si>
    <t>GPS BAKHAT ALI</t>
  </si>
  <si>
    <t>Giyanmal</t>
  </si>
  <si>
    <t>mouza giyanmal Tehsil Rojhan District Rajanpur</t>
  </si>
  <si>
    <t>Basti Ismail Abad</t>
  </si>
  <si>
    <t>GPS JEVEN SHAH</t>
  </si>
  <si>
    <t>Jewan shah</t>
  </si>
  <si>
    <t>gps jeven shah</t>
  </si>
  <si>
    <t>Abid Mahmood</t>
  </si>
  <si>
    <t>GPS CHAK NO. 165/JB</t>
  </si>
  <si>
    <t>GPS chak number 165 rasoolpur</t>
  </si>
  <si>
    <t>GGES CHAK NO. 33/3-R</t>
  </si>
  <si>
    <t>G.G.E.S 33/3r teh Hroonabad District Bahawlnagar</t>
  </si>
  <si>
    <t>50786</t>
  </si>
  <si>
    <t>GPS CHAK NO. 620/TDA</t>
  </si>
  <si>
    <t>Chak # 620/TDA</t>
  </si>
  <si>
    <t>chak no 620 T.DA</t>
  </si>
  <si>
    <t>Chak #620/TDA</t>
  </si>
  <si>
    <t>Muhammad Tahir Khan</t>
  </si>
  <si>
    <t>GGPS DALILI WALA HAYAT WALA</t>
  </si>
  <si>
    <t>dalili wala hayat wala</t>
  </si>
  <si>
    <t>Samina Akhter</t>
  </si>
  <si>
    <t>50861</t>
  </si>
  <si>
    <t>GPS THATHAH BUKSH KA</t>
  </si>
  <si>
    <t>thatha bukhsh, muhammad pur, sahiwal</t>
  </si>
  <si>
    <t>Thatha Bukhsh</t>
  </si>
  <si>
    <t>34109</t>
  </si>
  <si>
    <t>GGPS SAJAD WALA SHUJABAD DISTT. MULTAN</t>
  </si>
  <si>
    <t>Sajjadwala jalalpur pir wala Road Tehsil Shujabad District Multan</t>
  </si>
  <si>
    <t>Sajjadwala</t>
  </si>
  <si>
    <t>GGPS MURAD KE KATHIA 1</t>
  </si>
  <si>
    <t>murad ke kathia</t>
  </si>
  <si>
    <t>chak murad ke kathia</t>
  </si>
  <si>
    <t>Nasreen Mahmood</t>
  </si>
  <si>
    <t>GGPS MANSOOR SIAL</t>
  </si>
  <si>
    <t>GGPS Mansoor sial</t>
  </si>
  <si>
    <t>7465</t>
  </si>
  <si>
    <t>GGPS HAMZA BHAIT</t>
  </si>
  <si>
    <t>GGPS Hamza Bhait</t>
  </si>
  <si>
    <t>Hamza Bhait</t>
  </si>
  <si>
    <t>6639</t>
  </si>
  <si>
    <t>GES VANOTIAN WALI CHAK 39/RB</t>
  </si>
  <si>
    <t>Chak no 39</t>
  </si>
  <si>
    <t>chak no 39 RB.P/O panwan tehsil shahkot distt Nankana sahib</t>
  </si>
  <si>
    <t>Muhammad naveed anjum</t>
  </si>
  <si>
    <t>GPS JALOKA</t>
  </si>
  <si>
    <t>Jaloka</t>
  </si>
  <si>
    <t>GPS Jaloka Tehsil Kamalia District T.T. Singh</t>
  </si>
  <si>
    <t>GHS JHOKE UTTRA</t>
  </si>
  <si>
    <t>JHOKE UTTRA</t>
  </si>
  <si>
    <t>P-O Jhoke uttra Tehsil Kot Chutta District D. G. Khan</t>
  </si>
  <si>
    <t>FIAZ MASOOD</t>
  </si>
  <si>
    <t>GPS GONDLAWALA CHAK 20 RB</t>
  </si>
  <si>
    <t>gondlanwala Chak #20</t>
  </si>
  <si>
    <t>Mandaila 95</t>
  </si>
  <si>
    <t>GGPS SHEIKHAN WALA MUZA TODARPUR SHUJABAD</t>
  </si>
  <si>
    <t>Basti Sheikhan wala Shujabad Multan</t>
  </si>
  <si>
    <t>Shaikhan wala</t>
  </si>
  <si>
    <t>19037</t>
  </si>
  <si>
    <t>chah fateh Muhammad wala</t>
  </si>
  <si>
    <t>Chah Fateh Muhammad Wala</t>
  </si>
  <si>
    <t>Baroun Kamalia</t>
  </si>
  <si>
    <t>GGES JAID CHAK NO. 16</t>
  </si>
  <si>
    <t>J Chalk</t>
  </si>
  <si>
    <t>jaid chalk #16 tehsil safdrabad zila sheikhupura</t>
  </si>
  <si>
    <t>Jaid Chalk#16</t>
  </si>
  <si>
    <t>Deorhi</t>
  </si>
  <si>
    <t>Kalsoom Zaibi</t>
  </si>
  <si>
    <t>hand pump,filter water</t>
  </si>
  <si>
    <t>51505</t>
  </si>
  <si>
    <t>GPS CHAK 141 NP</t>
  </si>
  <si>
    <t>Chak No 141 Np</t>
  </si>
  <si>
    <t>CHAK NO 141 NP, TRANDA MUHAMMAD PANAH, TEH:LQP(RYK)</t>
  </si>
  <si>
    <t>CHAK NO 141 NP</t>
  </si>
  <si>
    <t>TURAKRI</t>
  </si>
  <si>
    <t>Dilshad Hussain</t>
  </si>
  <si>
    <t>51508</t>
  </si>
  <si>
    <t>GGCMS BASTI SHEROO</t>
  </si>
  <si>
    <t>NOOR WAHI MARREL</t>
  </si>
  <si>
    <t>P/o sheroo Tehsil kot chutta Distt, d.gkhan</t>
  </si>
  <si>
    <t>SHEROO</t>
  </si>
  <si>
    <t>JHAKKAR IMAM SHAH</t>
  </si>
  <si>
    <t>Sumaira Ghafour</t>
  </si>
  <si>
    <t>GPS RANGAR NANGAL</t>
  </si>
  <si>
    <t>rangar nangal 285 RB Tehsil SFD dist SKP</t>
  </si>
  <si>
    <t>Abdullahpur Kolar</t>
  </si>
  <si>
    <t>Syed Waqas Haider</t>
  </si>
  <si>
    <t>14382</t>
  </si>
  <si>
    <t>GPS KOT KHEEWALI</t>
  </si>
  <si>
    <t>Kot Kheewali</t>
  </si>
  <si>
    <t>Goth Mazari</t>
  </si>
  <si>
    <t>51515</t>
  </si>
  <si>
    <t>GPS NALDAF</t>
  </si>
  <si>
    <t>naldaf tehsil taunsa sharif</t>
  </si>
  <si>
    <t>GPS PIR MUHAMMAD GHORI</t>
  </si>
  <si>
    <t>Nari Dhamrayah</t>
  </si>
  <si>
    <t>Peer Muhammad Ghouri</t>
  </si>
  <si>
    <t>Peer Muhammad Ghuori</t>
  </si>
  <si>
    <t>51015</t>
  </si>
  <si>
    <t>GPS 71/4-R</t>
  </si>
  <si>
    <t>Chak no 71/4-R Sahiwal</t>
  </si>
  <si>
    <t>69/4-R</t>
  </si>
  <si>
    <t>GPS BASTI KHAN MUHAMMAD</t>
  </si>
  <si>
    <t>GULLANI</t>
  </si>
  <si>
    <t>p/o malikani moza gullani tehsil liaquatpur district rahim yar khan</t>
  </si>
  <si>
    <t>BASTI KHAN MUHAMMAD</t>
  </si>
  <si>
    <t>Muhammad Murad Khan</t>
  </si>
  <si>
    <t>GES THUL HASSAN KHAN</t>
  </si>
  <si>
    <t>Thul Hassan KHAN, RYK.</t>
  </si>
  <si>
    <t>Thul Hassan</t>
  </si>
  <si>
    <t>Muhammad Saleem Tabasum</t>
  </si>
  <si>
    <t>GPS SHER JAN NO. 1</t>
  </si>
  <si>
    <t>Chak Bara</t>
  </si>
  <si>
    <t>ABDUL RASOOL</t>
  </si>
  <si>
    <t>GGPS SHAMSA ABAD</t>
  </si>
  <si>
    <t>Ahmad abad</t>
  </si>
  <si>
    <t>Basti Nazir Ahmed Numberdar</t>
  </si>
  <si>
    <t>Aneela Mehvish</t>
  </si>
  <si>
    <t>58333</t>
  </si>
  <si>
    <t>GGPS MAHBOOB NAGAR TEH. SHUJABAD</t>
  </si>
  <si>
    <t>Shah Pur Ubah</t>
  </si>
  <si>
    <t>Mahboob Nagar Shujabad</t>
  </si>
  <si>
    <t>Mahboob Nagar</t>
  </si>
  <si>
    <t>Sidra Tayyaba</t>
  </si>
  <si>
    <t>GGPS CHAK NO.121/NP</t>
  </si>
  <si>
    <t>Arif Balloch</t>
  </si>
  <si>
    <t>chak 121np</t>
  </si>
  <si>
    <t>Chak 121np</t>
  </si>
  <si>
    <t>Hyiat Larr</t>
  </si>
  <si>
    <t>Nazia Sikandar</t>
  </si>
  <si>
    <t>51579</t>
  </si>
  <si>
    <t>GPS KHACHI JADEED</t>
  </si>
  <si>
    <t>village jam Faiz near chok Freed</t>
  </si>
  <si>
    <t>Rao Majid Mehmood</t>
  </si>
  <si>
    <t>GPS HAZOOR BUX JUT</t>
  </si>
  <si>
    <t>Basti haji bela khan sakhani shah wali rojhan</t>
  </si>
  <si>
    <t>Basti Haji Bela Khan Sakhani</t>
  </si>
  <si>
    <t>Gadanar</t>
  </si>
  <si>
    <t>muhammad ibrahim</t>
  </si>
  <si>
    <t>GHS 87/6-R</t>
  </si>
  <si>
    <t>Chak No 87/6R Sahiwal</t>
  </si>
  <si>
    <t>Govt High School Chak No. 87/6R, Sahiwal</t>
  </si>
  <si>
    <t>Chak No 87/6R</t>
  </si>
  <si>
    <t>UC Chak 87/6R</t>
  </si>
  <si>
    <t>Shan Raza</t>
  </si>
  <si>
    <t>11915</t>
  </si>
  <si>
    <t>GGPS BHATRAN</t>
  </si>
  <si>
    <t>government girls primary school Bhattran</t>
  </si>
  <si>
    <t>40249</t>
  </si>
  <si>
    <t>GMPS SIALAY WALA SHUJABAD</t>
  </si>
  <si>
    <t>Sialay Wala</t>
  </si>
  <si>
    <t>Muhammad  Latif</t>
  </si>
  <si>
    <t>34106</t>
  </si>
  <si>
    <t>GMPS DARKHAN WALA</t>
  </si>
  <si>
    <t>Basti Darkhan wala Mouza Ganwain</t>
  </si>
  <si>
    <t>Mouza GANWAIN</t>
  </si>
  <si>
    <t>GGES CHAK NO 150/A</t>
  </si>
  <si>
    <t>150/a</t>
  </si>
  <si>
    <t>GGES CHAK 150/A TEHSIL LIAQUAT PUR DIST RAHIM YAR KHAN</t>
  </si>
  <si>
    <t>CHAK 150/a</t>
  </si>
  <si>
    <t>Samina Sattar</t>
  </si>
  <si>
    <t>51602</t>
  </si>
  <si>
    <t>GGPS KANI WALA</t>
  </si>
  <si>
    <t>basti peer chanan kot adu</t>
  </si>
  <si>
    <t>Peer Chanan</t>
  </si>
  <si>
    <t>Municipal Committy</t>
  </si>
  <si>
    <t>Kiran Aziz</t>
  </si>
  <si>
    <t>GPS DOLO JAGO</t>
  </si>
  <si>
    <t>Chak 24 Kalan</t>
  </si>
  <si>
    <t>Chak 24 kalan tehsil safdarabad district sheikhupura</t>
  </si>
  <si>
    <t>Dolo Jago</t>
  </si>
  <si>
    <t>Muhammad Ahsan Naem Saroya</t>
  </si>
  <si>
    <t>GPS HAJI RAHIM BAKHASH AWAN</t>
  </si>
  <si>
    <t>GothHayat</t>
  </si>
  <si>
    <t>PoAminAbad.MouzaGothHayat.Teh.LQP</t>
  </si>
  <si>
    <t>HajiRahimBuxAwan</t>
  </si>
  <si>
    <t>KOTLA NAWAB</t>
  </si>
  <si>
    <t>Jam Muhamad Rafique</t>
  </si>
  <si>
    <t>51291</t>
  </si>
  <si>
    <t>GES MARIAM ABAD</t>
  </si>
  <si>
    <t>Mariam Abad</t>
  </si>
  <si>
    <t>Parkroadhafizabad</t>
  </si>
  <si>
    <t>Ehsan Elahi</t>
  </si>
  <si>
    <t>GMPS CHAK NO. 461 JB</t>
  </si>
  <si>
    <t>chak 461 jb</t>
  </si>
  <si>
    <t>Chak 461</t>
  </si>
  <si>
    <t>Chak 463 JB</t>
  </si>
  <si>
    <t>Rahila Tubasum</t>
  </si>
  <si>
    <t>GPS CHAK 103 RB</t>
  </si>
  <si>
    <t>Chack#103 RB</t>
  </si>
  <si>
    <t>Chack# 103 R,B Phalahi wala</t>
  </si>
  <si>
    <t>Chack# 103 RB</t>
  </si>
  <si>
    <t>Chack #103 RB</t>
  </si>
  <si>
    <t>37808</t>
  </si>
  <si>
    <t>Tibba Musqatil Sharqi</t>
  </si>
  <si>
    <t>Bakhir Wala p/o Daira Din Panah</t>
  </si>
  <si>
    <t>bakhir wala daira din panah</t>
  </si>
  <si>
    <t>7256</t>
  </si>
  <si>
    <t>37756</t>
  </si>
  <si>
    <t>30509</t>
  </si>
  <si>
    <t>BASTI CHOHAN moza lal shah</t>
  </si>
  <si>
    <t>Basty CHOHAN</t>
  </si>
  <si>
    <t>Ubaid Ullah Khan</t>
  </si>
  <si>
    <t>33276</t>
  </si>
  <si>
    <t>GPS DHABAN KALAN CHAK NO.13/RB</t>
  </si>
  <si>
    <t>Dhaban Kalan chak no.13R / B</t>
  </si>
  <si>
    <t>GHS SOON MIANI</t>
  </si>
  <si>
    <t>Soonmiani</t>
  </si>
  <si>
    <t>soonmiani</t>
  </si>
  <si>
    <t>GGES CHAK NO.388/TDA</t>
  </si>
  <si>
    <t>chak No 388</t>
  </si>
  <si>
    <t>Chak No 388</t>
  </si>
  <si>
    <t>Ù†Ø§Ø¦Ù„Û Ø³Ù„ÛŒÙ…</t>
  </si>
  <si>
    <t>GGPS JINDOO PIR KAMAL</t>
  </si>
  <si>
    <t>ggps jindoo peer kamal</t>
  </si>
  <si>
    <t>Jindoo Peer</t>
  </si>
  <si>
    <t>Shabana Khadim</t>
  </si>
  <si>
    <t>GGPS 111/7-R BUDH DAKHLI</t>
  </si>
  <si>
    <t>111/7-R Budh Dakhli</t>
  </si>
  <si>
    <t>chak no 111/7_r budh dakhli chichawatni</t>
  </si>
  <si>
    <t>Shumaila Atta</t>
  </si>
  <si>
    <t>GPS CHISHTIA NIZAMIA</t>
  </si>
  <si>
    <t>gamoli p/o sakhi sarwar</t>
  </si>
  <si>
    <t>Sakhi Sarwar Sharqi</t>
  </si>
  <si>
    <t>33310</t>
  </si>
  <si>
    <t>GGES ADIL GARH</t>
  </si>
  <si>
    <t>AdilGarh</t>
  </si>
  <si>
    <t>GGES ADILGARH CHAK NO 27 RB TEH SAFDARABAD DIST SHEIKHUPURA</t>
  </si>
  <si>
    <t>Sadia Mustafa</t>
  </si>
  <si>
    <t>GGPS 128 TDA WARD NO. 6 CHOWK AZAM</t>
  </si>
  <si>
    <t>chk 128 ward no 6 chowk azam</t>
  </si>
  <si>
    <t>Rubina batool</t>
  </si>
  <si>
    <t>GPS 80/5-R</t>
  </si>
  <si>
    <t>80/5-R</t>
  </si>
  <si>
    <t>CHAK NO 80/5-R SAHIWAL</t>
  </si>
  <si>
    <t>Luqman Khan</t>
  </si>
  <si>
    <t>GES BASTI KHARANI</t>
  </si>
  <si>
    <t>basti kharani</t>
  </si>
  <si>
    <t>Basti Kharani</t>
  </si>
  <si>
    <t>Mohammad Waqas</t>
  </si>
  <si>
    <t>51336</t>
  </si>
  <si>
    <t>GGES ABDUL HAQ SIAL</t>
  </si>
  <si>
    <t>Basti Sial Moza Rum  Nearby sugar Mill junpur</t>
  </si>
  <si>
    <t>Riffat Afzal</t>
  </si>
  <si>
    <t>51344</t>
  </si>
  <si>
    <t>GGPS MODEL PATHAN WALA</t>
  </si>
  <si>
    <t>GMPS Pathan wala tehsil safdarabad district sheikhupura</t>
  </si>
  <si>
    <t>Shafaqat Ali</t>
  </si>
  <si>
    <t>GPS FATEH PUR QURESHIAN</t>
  </si>
  <si>
    <t>Fateh Pur Qureshian Rahim Yar Khan</t>
  </si>
  <si>
    <t>HAQ NAWAZ</t>
  </si>
  <si>
    <t>GGPS MEHRAM SIAL</t>
  </si>
  <si>
    <t>Mehram Sial</t>
  </si>
  <si>
    <t>markaz massan</t>
  </si>
  <si>
    <t>Massam</t>
  </si>
  <si>
    <t>Fouzia Yasmeen</t>
  </si>
  <si>
    <t>Jhong Bilawal</t>
  </si>
  <si>
    <t>Basti jhong bilawal amin abad</t>
  </si>
  <si>
    <t>Nilla Mossani</t>
  </si>
  <si>
    <t>Nadia Naheed</t>
  </si>
  <si>
    <t>50851</t>
  </si>
  <si>
    <t>GPS 81/5-R</t>
  </si>
  <si>
    <t>Chak No81/5-R Sahiwal</t>
  </si>
  <si>
    <t>Chak no.81/5-R sahiwal</t>
  </si>
  <si>
    <t>GHS WAINS MEHRAM BASTI TEH. SHUJABAD</t>
  </si>
  <si>
    <t>agar khani</t>
  </si>
  <si>
    <t>Basti Mehram Mouza agar khani</t>
  </si>
  <si>
    <t>mehram basti</t>
  </si>
  <si>
    <t>GGPS JHOK UTRA NO. 2</t>
  </si>
  <si>
    <t>jhokeutra</t>
  </si>
  <si>
    <t>jhoke utra</t>
  </si>
  <si>
    <t>GGPS CHAK NO 150 TDA CHAH WAZIFI WALA</t>
  </si>
  <si>
    <t>150 TDA</t>
  </si>
  <si>
    <t>150 TDA chah Wazfi</t>
  </si>
  <si>
    <t>Chah Wazifi Wala</t>
  </si>
  <si>
    <t>Panah Kharal Sharqi</t>
  </si>
  <si>
    <t>Moza panah kharal sharqi p/o peer juggi</t>
  </si>
  <si>
    <t>GGPS CHAK NO. 593 TDA</t>
  </si>
  <si>
    <t>Chak No 593 TDA</t>
  </si>
  <si>
    <t>chak no 593/TDA,CHOWK SARWAR SHAHEED,TEHSILKOTADU,DISTT MUZAFFARGARH</t>
  </si>
  <si>
    <t>Chak No 593/TDA</t>
  </si>
  <si>
    <t>Zakia Shamshad</t>
  </si>
  <si>
    <t>26665</t>
  </si>
  <si>
    <t>33926</t>
  </si>
  <si>
    <t>GGHSS MATOTLY SHUJABAD</t>
  </si>
  <si>
    <t>p/o matotli shujabad</t>
  </si>
  <si>
    <t>ABIDA AZIZ</t>
  </si>
  <si>
    <t>GPS  NATHAN WALA</t>
  </si>
  <si>
    <t>THAL KUNNEL KALAN</t>
  </si>
  <si>
    <t>CHACK 165/TDA P/O LADHANA LAYYAH</t>
  </si>
  <si>
    <t>Muhammad Zulqurnain</t>
  </si>
  <si>
    <t>51381</t>
  </si>
  <si>
    <t>GGES SALIANA</t>
  </si>
  <si>
    <t>Sai Serwar</t>
  </si>
  <si>
    <t>gges saliana tehsil &amp;disttjhang</t>
  </si>
  <si>
    <t>Saliana</t>
  </si>
  <si>
    <t>Haveli Shekh Rajo</t>
  </si>
  <si>
    <t>Sumaira yasmeen</t>
  </si>
  <si>
    <t>43485</t>
  </si>
  <si>
    <t>Basti Hafiz Abad Near Tariq Chock Kot Addu</t>
  </si>
  <si>
    <t>Shahzadi Tasneem  Kauser</t>
  </si>
  <si>
    <t>GPS MOADIB NIZAM WALA</t>
  </si>
  <si>
    <t>basti nizam wla mauza kotla nawab</t>
  </si>
  <si>
    <t>Nizam Wala</t>
  </si>
  <si>
    <t>GPS KOT ADU NO. 1</t>
  </si>
  <si>
    <t>ward no 8 stadium colony kot Addu dist Muzaffar garh</t>
  </si>
  <si>
    <t>McKot Addu</t>
  </si>
  <si>
    <t>Kazim Hussain Khan</t>
  </si>
  <si>
    <t>GPS KHARAY WALA P.O MATOTLI</t>
  </si>
  <si>
    <t>chaha khary wala p/o matotli Shujabd multan</t>
  </si>
  <si>
    <t>Thath Ghallu</t>
  </si>
  <si>
    <t>38914</t>
  </si>
  <si>
    <t>GPS SOHA FARAGH</t>
  </si>
  <si>
    <t>soha faragh</t>
  </si>
  <si>
    <t>berot</t>
  </si>
  <si>
    <t>GPS PATI GHULAM MUHAMMAD</t>
  </si>
  <si>
    <t>Chanjani</t>
  </si>
  <si>
    <t>Basti Malik Bakhat Ali Naich mouza chanjni UC bahar Khakhi teasel liaqat pur district Rahim Yard Khan</t>
  </si>
  <si>
    <t>Malik Bakhat Ali</t>
  </si>
  <si>
    <t>GGPS TOPAN WALA CHAH TOPEN WALA P/O SHUJABAD</t>
  </si>
  <si>
    <t>moza naseerpur post office naseerpur</t>
  </si>
  <si>
    <t>Chah Darogha</t>
  </si>
  <si>
    <t>GHSS MANA AHMEDANI</t>
  </si>
  <si>
    <t>JAMPUR ROAD NEAR MANA ADDA, MANA AHMADANI.TEHSIL KOT CHHUTTA , D.G.KHAN.</t>
  </si>
  <si>
    <t>GPS TAIL MUDNA</t>
  </si>
  <si>
    <t>Chak No 357-A TDA</t>
  </si>
  <si>
    <t>Near Canal Rest House, Layyah Road, Chowk Azam</t>
  </si>
  <si>
    <t>Rest House Colony</t>
  </si>
  <si>
    <t>GPS JADAY WALI</t>
  </si>
  <si>
    <t>Jaday wali Union Lakhani tehsil taunsa district Dg khan</t>
  </si>
  <si>
    <t>Jaday Wali</t>
  </si>
  <si>
    <t>Ubaid ullah</t>
  </si>
  <si>
    <t>city water supply</t>
  </si>
  <si>
    <t>88400</t>
  </si>
  <si>
    <t>GGPS LUT WALA SHUJABAD DISTT. MULTAN</t>
  </si>
  <si>
    <t>chah lut wala moza khoja tehsil shujabad.</t>
  </si>
  <si>
    <t>Lut Wala</t>
  </si>
  <si>
    <t>Gulshan Zahoor</t>
  </si>
  <si>
    <t>51608</t>
  </si>
  <si>
    <t>Tuba Mustkil Darmiani</t>
  </si>
  <si>
    <t>chah  khand wala</t>
  </si>
  <si>
    <t>Chah Khand Wala</t>
  </si>
  <si>
    <t>Tiba</t>
  </si>
  <si>
    <t>Abida Kanwal</t>
  </si>
  <si>
    <t>14294</t>
  </si>
  <si>
    <t>GHS SHAH WALI</t>
  </si>
  <si>
    <t>MOZA SHAH WALI VILLAGE SHAH WALI TEHSIL ROJHAN DISTRICT RAJANPUR</t>
  </si>
  <si>
    <t>Iftikharur Rehman Ahmad Fakhir</t>
  </si>
  <si>
    <t>GPS KANHOON WALA</t>
  </si>
  <si>
    <t>Chah kanhoon Wala moza Nari Dhamrayia Tehsil Kot Chutta District Dera Ghazi khan</t>
  </si>
  <si>
    <t>Kanhoon Wala</t>
  </si>
  <si>
    <t>Muhammad Rizwan Abuzar</t>
  </si>
  <si>
    <t>51622</t>
  </si>
  <si>
    <t>GPS DARBAR JUMMAN SHAH</t>
  </si>
  <si>
    <t>basti sahoo wala muza khokhar kot addu</t>
  </si>
  <si>
    <t>ALU Rid</t>
  </si>
  <si>
    <t>GGPS LOOMRI WALA</t>
  </si>
  <si>
    <t>chah loomri wala patti daya chokha sanawan</t>
  </si>
  <si>
    <t>Loomri Wala</t>
  </si>
  <si>
    <t>Hina naz</t>
  </si>
  <si>
    <t>GGES UNRAN</t>
  </si>
  <si>
    <t>IMAM BUX</t>
  </si>
  <si>
    <t>Govt Girls Elementary School Unran Moza Imam Bux</t>
  </si>
  <si>
    <t>UNRAN</t>
  </si>
  <si>
    <t>DUFLI KABIR KHAN</t>
  </si>
  <si>
    <t>Aroosa Shahid</t>
  </si>
  <si>
    <t>21112</t>
  </si>
  <si>
    <t>GES SAID MUSA</t>
  </si>
  <si>
    <t>SHEIKH BURHAN-MALE</t>
  </si>
  <si>
    <t>Syed Musa</t>
  </si>
  <si>
    <t>moza syed musa kamalia</t>
  </si>
  <si>
    <t>51636</t>
  </si>
  <si>
    <t>GPS HAZRAT WALA</t>
  </si>
  <si>
    <t>hazrat wala nawan janubi</t>
  </si>
  <si>
    <t>GGPS CHAK 134/NP</t>
  </si>
  <si>
    <t>134 NP</t>
  </si>
  <si>
    <t>chak 134 NP</t>
  </si>
  <si>
    <t>122 Np</t>
  </si>
  <si>
    <t>sumera yasmeen</t>
  </si>
  <si>
    <t>GPS CHAKAR KHAN</t>
  </si>
  <si>
    <t>Basti Chakar Khan</t>
  </si>
  <si>
    <t>33185</t>
  </si>
  <si>
    <t>GHS KARYAL BAGHAN WALA</t>
  </si>
  <si>
    <t>KARYAL Baghanwala BAGHAN WALA CHAK NO.19RB TEHSIL SAFDARABAD DISTRICT SHEIKHUPURA</t>
  </si>
  <si>
    <t>GHS KARYAL BAGHAN WALA TEHSIL SAFDARABAD DISTRICT SHEIKHUPURA</t>
  </si>
  <si>
    <t>KARYAL BAGHAN WALA CHAK NO.19RB TEHSIL SAFDARABAD</t>
  </si>
  <si>
    <t>nayyar iqbal Nasir</t>
  </si>
  <si>
    <t>51093</t>
  </si>
  <si>
    <t>GGPS 137/9-L</t>
  </si>
  <si>
    <t>chak no 137/9L sahiwal</t>
  </si>
  <si>
    <t>137/9L</t>
  </si>
  <si>
    <t>Aleena Maheen</t>
  </si>
  <si>
    <t>52004</t>
  </si>
  <si>
    <t>9328</t>
  </si>
  <si>
    <t>GGPS VEHOVA NO.3</t>
  </si>
  <si>
    <t>GGPS NO 3 VEHOVA</t>
  </si>
  <si>
    <t>50902</t>
  </si>
  <si>
    <t>GPS 57/5-L RAO</t>
  </si>
  <si>
    <t>YOUSAFWALA-A-MALE</t>
  </si>
  <si>
    <t>chak no 57/5-L Rao Sahiwal</t>
  </si>
  <si>
    <t>57/5-L Rao</t>
  </si>
  <si>
    <t>Muhammad  Subhan Ali Saqib</t>
  </si>
  <si>
    <t>36641</t>
  </si>
  <si>
    <t>GGPS SOMAN JADEED SHUJABAD</t>
  </si>
  <si>
    <t>bastilangrah moza soman tehsil shujabad diss multan</t>
  </si>
  <si>
    <t>Langrah</t>
  </si>
  <si>
    <t>nawan shahar hazara mauza hazara</t>
  </si>
  <si>
    <t>52015</t>
  </si>
  <si>
    <t>34197</t>
  </si>
  <si>
    <t>GPS BAGRAIN</t>
  </si>
  <si>
    <t>Bagrain</t>
  </si>
  <si>
    <t>Bagrain daak khana khas Bagrain Tehsil Shujabad district Multan</t>
  </si>
  <si>
    <t>GPS BASTI DOSA NO.2</t>
  </si>
  <si>
    <t>chah manjhi wala muza dhol po notak mehmeed kot chutta d g khan</t>
  </si>
  <si>
    <t>Rafiq Ahmad Anjum</t>
  </si>
  <si>
    <t>GPS 49/5-L</t>
  </si>
  <si>
    <t>49/ 5L</t>
  </si>
  <si>
    <t>chak no 49/5.L Sahiwal</t>
  </si>
  <si>
    <t>Chak No 49/5l Sahiwal</t>
  </si>
  <si>
    <t>58/5l</t>
  </si>
  <si>
    <t>52031</t>
  </si>
  <si>
    <t>34029</t>
  </si>
  <si>
    <t>GPS SANGRAN WALA P.O SHAHA PUR UBHA TEH.SHUJABAD</t>
  </si>
  <si>
    <t>Sangran wala moza shah pur ubbha</t>
  </si>
  <si>
    <t>Sangran Wala</t>
  </si>
  <si>
    <t>Nadeem Ahmed Khan</t>
  </si>
  <si>
    <t>GGPS LAKHIBHIR</t>
  </si>
  <si>
    <t>lakhi bhir p/o vehoa tehsel tansa sharif</t>
  </si>
  <si>
    <t>lakhi bhir</t>
  </si>
  <si>
    <t>Tahira Fatmah</t>
  </si>
  <si>
    <t>peeter</t>
  </si>
  <si>
    <t>GPS 50/5-L</t>
  </si>
  <si>
    <t>50/5l</t>
  </si>
  <si>
    <t>chak no.50/5l p/o same T/D sahiwal</t>
  </si>
  <si>
    <t>60/5l</t>
  </si>
  <si>
    <t>Muhammed  Amin</t>
  </si>
  <si>
    <t>12493</t>
  </si>
  <si>
    <t>GGHS KOTLI NAJABAT MULTAN</t>
  </si>
  <si>
    <t>Kotlinijabat</t>
  </si>
  <si>
    <t>kotlinijabat</t>
  </si>
  <si>
    <t>Rida Shakeel</t>
  </si>
  <si>
    <t>GGES JIND-WANGA</t>
  </si>
  <si>
    <t>JAND WANGA</t>
  </si>
  <si>
    <t>Samreen Qadir</t>
  </si>
  <si>
    <t>GHS BAGRAIN V/P BAGRIAN TEH. SHUJABAD</t>
  </si>
  <si>
    <t>P/O Bagrain, Tehsil Shujabad, District Multan.</t>
  </si>
  <si>
    <t>12796</t>
  </si>
  <si>
    <t>18994</t>
  </si>
  <si>
    <t>GPS MOUZA QASMANA</t>
  </si>
  <si>
    <t>Qasmana</t>
  </si>
  <si>
    <t>Moza qasmana kamalia district toba tek singh</t>
  </si>
  <si>
    <t>Moza qasmana</t>
  </si>
  <si>
    <t>Chak no 724 GB</t>
  </si>
  <si>
    <t>Imran Hanif</t>
  </si>
  <si>
    <t>50831</t>
  </si>
  <si>
    <t>GPS SHARQIA RIZVIA</t>
  </si>
  <si>
    <t>grain market swl</t>
  </si>
  <si>
    <t>Grain Market Sahiwal</t>
  </si>
  <si>
    <t>Grain Market</t>
  </si>
  <si>
    <t>Muhammad Jafar Azeem</t>
  </si>
  <si>
    <t>GES SHUMTALA</t>
  </si>
  <si>
    <t>basti Shamtala post office jhok bodo tehsil taunsa district dgkhan trible area</t>
  </si>
  <si>
    <t>tum qaisrani mithwan</t>
  </si>
  <si>
    <t>Hadyat Ullah</t>
  </si>
  <si>
    <t>GHS BASTI NAZIR KHAN</t>
  </si>
  <si>
    <t>Chack No.119/NP</t>
  </si>
  <si>
    <t>Chack No. 119/NP Basti Nazir Khan Tehsil Liaquat Pur</t>
  </si>
  <si>
    <t>Basti Nazir Khan</t>
  </si>
  <si>
    <t>Rana abdul Ghaffar</t>
  </si>
  <si>
    <t>51897</t>
  </si>
  <si>
    <t>GPS THEHRI WALA P/O LASURI MOZA PUNJANI</t>
  </si>
  <si>
    <t>GPS Thehri Wala P/O Lasuri Moza Punjani</t>
  </si>
  <si>
    <t>Thehri Wala</t>
  </si>
  <si>
    <t>GHS WAJJAN</t>
  </si>
  <si>
    <t>Jangrah</t>
  </si>
  <si>
    <t>Village Wajjan Tehsil Taunsa Distt. Dera Ghazi Khan</t>
  </si>
  <si>
    <t>Village Wajjan</t>
  </si>
  <si>
    <t>Khurshid Ahmad Qaisrani</t>
  </si>
  <si>
    <t>GPS SAMANDRI</t>
  </si>
  <si>
    <t>Jhoke Imam Baksh Near kot Morr</t>
  </si>
  <si>
    <t>Jhoke Imam Baksh Qaisrani</t>
  </si>
  <si>
    <t>Muhammad Shahab Sikandar</t>
  </si>
  <si>
    <t>GGHS KOT QAISRANI</t>
  </si>
  <si>
    <t>Govt.Girls High School Kot Qaisrani tehsil taunsa distt.D.G.Khan</t>
  </si>
  <si>
    <t>51902</t>
  </si>
  <si>
    <t>GGPS SUMANDARI NO.2</t>
  </si>
  <si>
    <t>adda samandri choti zareen</t>
  </si>
  <si>
    <t>Adda Samandri</t>
  </si>
  <si>
    <t>GPS CHAKAR WALA NO 2</t>
  </si>
  <si>
    <t>Darkhast Jamal Khan Janubi # 2</t>
  </si>
  <si>
    <t>Basti Muhammad Khan muza Darkhast Jamal Khan Janubi # 2 Tehsil Kot Chutta District Dera Ghazi Khan</t>
  </si>
  <si>
    <t>Basti MUHAMMAD KHAN</t>
  </si>
  <si>
    <t>Darkhast Jamal Khan Dermeyani</t>
  </si>
  <si>
    <t>GPS BASTI GHULAM ABBAS</t>
  </si>
  <si>
    <t>Chah Talpur Wala  P/O Choti ZareenTeh,Kot Chutta Dist, D.G.Khan</t>
  </si>
  <si>
    <t>TALPUR WALA</t>
  </si>
  <si>
    <t>Irfan Abid</t>
  </si>
  <si>
    <t>34172</t>
  </si>
  <si>
    <t>GGPS ROORIAN WALA SHUJABAD</t>
  </si>
  <si>
    <t>Basti Roorian wala, near chak sardar Pur shujabad</t>
  </si>
  <si>
    <t>Roorian Wala</t>
  </si>
  <si>
    <t>Riaz Akhter</t>
  </si>
  <si>
    <t>GPS 87/9-L</t>
  </si>
  <si>
    <t>Chak No 87/9L</t>
  </si>
  <si>
    <t>Chak No. 87/9L</t>
  </si>
  <si>
    <t>87/9L</t>
  </si>
  <si>
    <t>GHS BASHERA</t>
  </si>
  <si>
    <t>GHS Mouza Bashera Sahiwal</t>
  </si>
  <si>
    <t>Bahadur Shah</t>
  </si>
  <si>
    <t>28863</t>
  </si>
  <si>
    <t>GES JHOK UTTRA</t>
  </si>
  <si>
    <t>jhok uttra tehsil kot chutta dist.dgk</t>
  </si>
  <si>
    <t>Rana Muhammad Iqbal</t>
  </si>
  <si>
    <t>GGPS 91/9-L</t>
  </si>
  <si>
    <t>Chak No 91/9-L</t>
  </si>
  <si>
    <t>Chak no 91/9L</t>
  </si>
  <si>
    <t>37219</t>
  </si>
  <si>
    <t>8898</t>
  </si>
  <si>
    <t>GPS TIBBI QAISRANI</t>
  </si>
  <si>
    <t>SHAMIM Nawaz</t>
  </si>
  <si>
    <t>GHS OBARA SHUMALI P/O SAME SHUJA ABAD</t>
  </si>
  <si>
    <t>Obawara Shumali</t>
  </si>
  <si>
    <t>ghs obawara shumali</t>
  </si>
  <si>
    <t>muhammad saleem akhtar</t>
  </si>
  <si>
    <t>50753</t>
  </si>
  <si>
    <t>GES 185/9-L (W)</t>
  </si>
  <si>
    <t>chak No.185/9.L WEST</t>
  </si>
  <si>
    <t>GPS PATI KHAR</t>
  </si>
  <si>
    <t>Pati khar</t>
  </si>
  <si>
    <t>GGHS CHAK 722 GB</t>
  </si>
  <si>
    <t>chak#722GB tehsil kamalia toba tek singh</t>
  </si>
  <si>
    <t>Chak No722GB</t>
  </si>
  <si>
    <t>Chak No 722GB</t>
  </si>
  <si>
    <t>Samara Naz</t>
  </si>
  <si>
    <t>51215</t>
  </si>
  <si>
    <t>GGPS DOLA BALA</t>
  </si>
  <si>
    <t>Dola Bala</t>
  </si>
  <si>
    <t>Dola Bala near Dak khana Bahadar Shah</t>
  </si>
  <si>
    <t>AurangAbad</t>
  </si>
  <si>
    <t>Ammara Qadeer</t>
  </si>
  <si>
    <t>GGPS ARIF WALA SHUJABAD DISTT. MULTAN</t>
  </si>
  <si>
    <t>sikandarbad tasiel shujabad zila multan</t>
  </si>
  <si>
    <t>Arif Wala</t>
  </si>
  <si>
    <t>Kaussar Somra</t>
  </si>
  <si>
    <t>GGHS CHAK 739 GB JAKHAR</t>
  </si>
  <si>
    <t>GGHS 739 GB JAKHAR</t>
  </si>
  <si>
    <t>CHAK NO 739 GB</t>
  </si>
  <si>
    <t>Tahmina Munir</t>
  </si>
  <si>
    <t>51171</t>
  </si>
  <si>
    <t>GGES ABADI GURMANI</t>
  </si>
  <si>
    <t>bhatty wala p/o kot sultan layyah</t>
  </si>
  <si>
    <t>Bhatty Wala</t>
  </si>
  <si>
    <t>51174</t>
  </si>
  <si>
    <t>GPS DHAMRAY WALA</t>
  </si>
  <si>
    <t>basti bijar buzdar tehsil kot chuttah dgkhan</t>
  </si>
  <si>
    <t>Basti bijar Buzdar</t>
  </si>
  <si>
    <t>33999</t>
  </si>
  <si>
    <t>GPS THATH GHALWAN P/O THATH GHAWAN</t>
  </si>
  <si>
    <t>Chah faiz Alam shah wala p/of Obavra Shumali thehsil shujabad multan</t>
  </si>
  <si>
    <t>GPS GHAZI GHAT</t>
  </si>
  <si>
    <t>Bait Uttra</t>
  </si>
  <si>
    <t>GES CHAK 78/A</t>
  </si>
  <si>
    <t>78/A</t>
  </si>
  <si>
    <t>chak no. 78/A tehsil liaquat pur</t>
  </si>
  <si>
    <t>Chak #78/A</t>
  </si>
  <si>
    <t>carried from outside</t>
  </si>
  <si>
    <t>38343</t>
  </si>
  <si>
    <t>yousaf abad</t>
  </si>
  <si>
    <t>Yousaf Abad</t>
  </si>
  <si>
    <t>GHS SAFDAR ABAD</t>
  </si>
  <si>
    <t>Chak No 13 R B</t>
  </si>
  <si>
    <t>Muncipal committee road GHS SAFDARABAD</t>
  </si>
  <si>
    <t>51184</t>
  </si>
  <si>
    <t>GGPS HEAD TOBA</t>
  </si>
  <si>
    <t>Thal Jhndi</t>
  </si>
  <si>
    <t>chak no.165 headtoba. ladhana</t>
  </si>
  <si>
    <t>headtoba</t>
  </si>
  <si>
    <t>Anam Islam</t>
  </si>
  <si>
    <t>GGES CHAK 742 GB</t>
  </si>
  <si>
    <t>chak no 742gb tehsil kamalia district toba tek singh</t>
  </si>
  <si>
    <t>742 Gb</t>
  </si>
  <si>
    <t>Farah Javaid</t>
  </si>
  <si>
    <t>GPS GHULAM ABAS WALA JALAL PUR KHAKHI TEH.SHUJABAD</t>
  </si>
  <si>
    <t>Jalalpur Khakhi</t>
  </si>
  <si>
    <t>GPS GHULAM ABBAS WALA MOZA JALALPUR KHAKHI P/O BAGREN TEHSIL SHUJABAD DISTRICT MULTAN</t>
  </si>
  <si>
    <t>GMPS 7 DB</t>
  </si>
  <si>
    <t>7DB</t>
  </si>
  <si>
    <t>Muzaffar Pur South</t>
  </si>
  <si>
    <t>Shazia Arshed</t>
  </si>
  <si>
    <t>51192</t>
  </si>
  <si>
    <t>GGHS KOTANI</t>
  </si>
  <si>
    <t>kotani</t>
  </si>
  <si>
    <t>gGHS kotani vehoa</t>
  </si>
  <si>
    <t>51195</t>
  </si>
  <si>
    <t>GGPS TIBBI SUNARAY WALA TEH. SHUJABAD</t>
  </si>
  <si>
    <t>Tibbi sunaray wala basti sahib daad wala mouza shah pur ubbah</t>
  </si>
  <si>
    <t>Chah Sahib Daad Wala</t>
  </si>
  <si>
    <t>Tahira Khaliq</t>
  </si>
  <si>
    <t>33292</t>
  </si>
  <si>
    <t>GPS BUTTER NO. 23</t>
  </si>
  <si>
    <t>Butter Chk23</t>
  </si>
  <si>
    <t>Buttar chak#23</t>
  </si>
  <si>
    <t>butter chk23</t>
  </si>
  <si>
    <t>Mohsin Ali Arshad</t>
  </si>
  <si>
    <t>11190</t>
  </si>
  <si>
    <t>GGES CHAK 438 TDA</t>
  </si>
  <si>
    <t>chak no 438/tda dhori adda layyah</t>
  </si>
  <si>
    <t>Golah Adda</t>
  </si>
  <si>
    <t>GGPS WATTA KHEL NO.1</t>
  </si>
  <si>
    <t>Wattakhel No1</t>
  </si>
  <si>
    <t>wattakhel no 1 Mianwali</t>
  </si>
  <si>
    <t>Wattakhel</t>
  </si>
  <si>
    <t>GGPS TAHLI WALA MOUZA NASIR PUR SHUJABAD</t>
  </si>
  <si>
    <t>chah tahli wala mouza nasir pur tehsil shujabad district multan</t>
  </si>
  <si>
    <t>Chah Tahli Wala</t>
  </si>
  <si>
    <t>Rabia Muzammil</t>
  </si>
  <si>
    <t>GPS MUBARAK SAMAIJA NO. 2</t>
  </si>
  <si>
    <t>KHAR PUR BUMBLY</t>
  </si>
  <si>
    <t>BASTI IBRAHEEM KHAN DULANI ROJHAN</t>
  </si>
  <si>
    <t>Basti Ibraheem  DULANI</t>
  </si>
  <si>
    <t>KIN KHAS</t>
  </si>
  <si>
    <t>51216</t>
  </si>
  <si>
    <t>P/o Chela Tehsil-o-District jhang cha peeran di salih</t>
  </si>
  <si>
    <t>51217</t>
  </si>
  <si>
    <t>GGPS QAIM FAREED ABAD</t>
  </si>
  <si>
    <t>Wehniwal Thal</t>
  </si>
  <si>
    <t>chah qaim wala</t>
  </si>
  <si>
    <t>Chah Qaim Wala</t>
  </si>
  <si>
    <t>Paharpur 2</t>
  </si>
  <si>
    <t>Zarghoona Riaz</t>
  </si>
  <si>
    <t>GHS MC MIANWALI</t>
  </si>
  <si>
    <t>Muslim Bazar Mianwali City</t>
  </si>
  <si>
    <t>GPS BASTI NASEER GHARBI</t>
  </si>
  <si>
    <t>basti naseer gharbi</t>
  </si>
  <si>
    <t>51221</t>
  </si>
  <si>
    <t>GES HAIDER GHAZI</t>
  </si>
  <si>
    <t>Basti Hader ghazi musatqil sharqi Daira Deen Panah Kot Addu</t>
  </si>
  <si>
    <t>HAIDER Ghazi</t>
  </si>
  <si>
    <t>Muhammad Shahab Ul Qadus</t>
  </si>
  <si>
    <t>51224</t>
  </si>
  <si>
    <t>GPS BIL WANI</t>
  </si>
  <si>
    <t>Basti bilwani taunsa sharif</t>
  </si>
  <si>
    <t>Vohova Chak Shumaki</t>
  </si>
  <si>
    <t>shan riaz</t>
  </si>
  <si>
    <t>GMPS CHAUK SHAHEEDAN BASTI NAQAD PURA</t>
  </si>
  <si>
    <t>Naqud Pura</t>
  </si>
  <si>
    <t>G.G.M.PS CHowk shaheedan</t>
  </si>
  <si>
    <t>Khatoon Fatima</t>
  </si>
  <si>
    <t>460431</t>
  </si>
  <si>
    <t>51228</t>
  </si>
  <si>
    <t>GHSS CHAK 718 GB</t>
  </si>
  <si>
    <t>CHAK NO 718 GB KAMALIA</t>
  </si>
  <si>
    <t>CHAK NO 718 GB</t>
  </si>
  <si>
    <t>51229</t>
  </si>
  <si>
    <t>GES 435 GB</t>
  </si>
  <si>
    <t>Chak no. 435gb</t>
  </si>
  <si>
    <t>Chak No435gb</t>
  </si>
  <si>
    <t>Chak No434gb</t>
  </si>
  <si>
    <t>ANWAR MAHDI</t>
  </si>
  <si>
    <t>GGPS ABDUL KAREEM KHAN</t>
  </si>
  <si>
    <t>Gosa Abad</t>
  </si>
  <si>
    <t>basti Abdul Kareem khan</t>
  </si>
  <si>
    <t>Abdul Kareem Khan Tumrani</t>
  </si>
  <si>
    <t>Shedani Shreef</t>
  </si>
  <si>
    <t>GPS BASTI YARAN KHAN CHANDIA</t>
  </si>
  <si>
    <t>Rajan Pur Khurd</t>
  </si>
  <si>
    <t>Basti Yaran Khan Chandiya, Moza Rajan Pur Khurd, Tehsil &amp; District Rahim Yar Khan</t>
  </si>
  <si>
    <t>Basti Yaran Khan Chandiya</t>
  </si>
  <si>
    <t>GPS KAREEM ABAD NO. 2</t>
  </si>
  <si>
    <t>D Jamal Darmiani</t>
  </si>
  <si>
    <t>Bangla birmani darkhast jamal khan darmiani</t>
  </si>
  <si>
    <t>Bangla birmani</t>
  </si>
  <si>
    <t>51235</t>
  </si>
  <si>
    <t>GGES CHAK NO 117 TDA</t>
  </si>
  <si>
    <t>GGES 117TDA Hafiz Abad Layyah</t>
  </si>
  <si>
    <t>mrs. shamim bano</t>
  </si>
  <si>
    <t>51236</t>
  </si>
  <si>
    <t>GMPS CHAK TARIQ ABAD</t>
  </si>
  <si>
    <t>basti Lal bux mouza chakk Tariq Abad</t>
  </si>
  <si>
    <t>Basti Lal Bux</t>
  </si>
  <si>
    <t>Banglahadyat</t>
  </si>
  <si>
    <t>GGPS MUAHAMMAD ALI HUSSAIN ABAD</t>
  </si>
  <si>
    <t>basti muhamad ali hussainabad moza hussainabad</t>
  </si>
  <si>
    <t>Mhammad Ali Husinabd</t>
  </si>
  <si>
    <t>GGPS CHANDAN WALA</t>
  </si>
  <si>
    <t>chah Hakkry Wala</t>
  </si>
  <si>
    <t>Hakkry Wala</t>
  </si>
  <si>
    <t>electric motor and hand pump</t>
  </si>
  <si>
    <t>GHS SABZANI</t>
  </si>
  <si>
    <t>kacha sabzani tukra No. one u/c sabzani tehsil rojhan distt. rajanpur</t>
  </si>
  <si>
    <t>Kacha Sabzani Tukra No 1</t>
  </si>
  <si>
    <t>51249</t>
  </si>
  <si>
    <t>GGPS 164/9-L</t>
  </si>
  <si>
    <t>Chak# 164/9-L</t>
  </si>
  <si>
    <t>164/9l</t>
  </si>
  <si>
    <t>36596</t>
  </si>
  <si>
    <t>GPS CHAK NO 256 JB NORTH</t>
  </si>
  <si>
    <t>Chak No.256 North Jhang</t>
  </si>
  <si>
    <t>256 North Jhang</t>
  </si>
  <si>
    <t>GPS SHAHAL WALA</t>
  </si>
  <si>
    <t>jhurar wala</t>
  </si>
  <si>
    <t>Jhurar Wala</t>
  </si>
  <si>
    <t>Muhammad Ali Javid</t>
  </si>
  <si>
    <t>51258</t>
  </si>
  <si>
    <t>GGCMS SHADI KHAN</t>
  </si>
  <si>
    <t>GGCM shadi khan moza radho tehsil kotadu</t>
  </si>
  <si>
    <t>FARHAT NASREEN</t>
  </si>
  <si>
    <t>2 hand pump 1 electric motor and 2 water tank</t>
  </si>
  <si>
    <t>51259</t>
  </si>
  <si>
    <t>33304</t>
  </si>
  <si>
    <t>GGPS LEHNA SINGH WALA</t>
  </si>
  <si>
    <t>lehna singh wala chak no 287</t>
  </si>
  <si>
    <t>Mobushra Manzoor</t>
  </si>
  <si>
    <t>51264</t>
  </si>
  <si>
    <t>chah ghazi wala moza sohnra wasawa kotsultan</t>
  </si>
  <si>
    <t>Ghazi Wala</t>
  </si>
  <si>
    <t>GGHS BHAGSAR</t>
  </si>
  <si>
    <t>bhagsar</t>
  </si>
  <si>
    <t>gghs bhagsar</t>
  </si>
  <si>
    <t>aneeqa shafiq</t>
  </si>
  <si>
    <t>51267</t>
  </si>
  <si>
    <t>GPS DHABAN KHURD CHAK NO. 13/RB</t>
  </si>
  <si>
    <t>Dhaban Khurd Chak #13 Tehsil Safdarabad District Sheikhupura</t>
  </si>
  <si>
    <t>Dhaban Khurd Chak #13</t>
  </si>
  <si>
    <t>Muhammad Sakhwat Hussain</t>
  </si>
  <si>
    <t>GHS MIAN PHEROO</t>
  </si>
  <si>
    <t>darkhast jamal khan gharbi.no1</t>
  </si>
  <si>
    <t>p/o darkhast jamal khan</t>
  </si>
  <si>
    <t>mian pheroo</t>
  </si>
  <si>
    <t>darkhast jamal khan gharbi</t>
  </si>
  <si>
    <t>51274</t>
  </si>
  <si>
    <t>GGPS DARRAY WALA</t>
  </si>
  <si>
    <t>Noor Khirani</t>
  </si>
  <si>
    <t>ggps darray wala</t>
  </si>
  <si>
    <t>Darray Wala</t>
  </si>
  <si>
    <t>Sonhara Waswa</t>
  </si>
  <si>
    <t>Uzaira Zahreen</t>
  </si>
  <si>
    <t>31117</t>
  </si>
  <si>
    <t>17857</t>
  </si>
  <si>
    <t>MEER MOR JAMAL WALA</t>
  </si>
  <si>
    <t>JAMAL WALA</t>
  </si>
  <si>
    <t>51278</t>
  </si>
  <si>
    <t>34058</t>
  </si>
  <si>
    <t>GMPS JANGAL AMIR HUSSAIN (JALAL ABAD)</t>
  </si>
  <si>
    <t>Jangal Ameer Husain</t>
  </si>
  <si>
    <t>Basti mouza jangal ameer Hussain</t>
  </si>
  <si>
    <t>Obwara Shumali</t>
  </si>
  <si>
    <t>GGPS NIZAM WALA</t>
  </si>
  <si>
    <t>Govt girls primary school Nizam wala  moza kotla nawab liaquat pur</t>
  </si>
  <si>
    <t>Kotla Nwab</t>
  </si>
  <si>
    <t>GPS 84/5-L</t>
  </si>
  <si>
    <t>84/5L</t>
  </si>
  <si>
    <t>chak no. 84/5L sahiwal</t>
  </si>
  <si>
    <t>14474</t>
  </si>
  <si>
    <t>GPS BARRA</t>
  </si>
  <si>
    <t>Ga day Naar</t>
  </si>
  <si>
    <t>Basti Faiz Muhammad  Horwani Mouza Gada Naar Rojhan</t>
  </si>
  <si>
    <t>Basti Faiz Muhammad Horwani Muhammad</t>
  </si>
  <si>
    <t>Gada Naar</t>
  </si>
  <si>
    <t>GGPS CHAK NO 145/TDA YOUSAF WALA</t>
  </si>
  <si>
    <t>GGPS 145 yousaf wala layyah</t>
  </si>
  <si>
    <t>145 chah yousafwala</t>
  </si>
  <si>
    <t>Rabiya Anwer</t>
  </si>
  <si>
    <t>GPS CHAK 93 GB</t>
  </si>
  <si>
    <t>93gb</t>
  </si>
  <si>
    <t>97gb</t>
  </si>
  <si>
    <t>GMPS GHALLA MANDI SHUJABAD</t>
  </si>
  <si>
    <t>Gajjuhayta</t>
  </si>
  <si>
    <t>gmps ghala mandi shujabad</t>
  </si>
  <si>
    <t>Shabana Musarat</t>
  </si>
  <si>
    <t>GHS CHOTI BALA</t>
  </si>
  <si>
    <t>ABDUL DAWOOD Khosa</t>
  </si>
  <si>
    <t>34052</t>
  </si>
  <si>
    <t>GGES BASTI MUHAJREEN P/O KANWARA SHUJABAD</t>
  </si>
  <si>
    <t>Mera mallah</t>
  </si>
  <si>
    <t>gges basti muhajren, p/o kanwara shujabad</t>
  </si>
  <si>
    <t>Mera Mallah</t>
  </si>
  <si>
    <t>Tehmeena Jameel</t>
  </si>
  <si>
    <t>GGPS MUQEEM PUR SHUJABAD</t>
  </si>
  <si>
    <t>Muqeem pur</t>
  </si>
  <si>
    <t>Govt Girls Primary school Muqeem pur.</t>
  </si>
  <si>
    <t>Mupeem pur</t>
  </si>
  <si>
    <t>shah musa</t>
  </si>
  <si>
    <t>Ambreen Khalil</t>
  </si>
  <si>
    <t>GGPS DAD WALA SHUJABAD DISTT. MULTAN</t>
  </si>
  <si>
    <t>Near laar road chah daad wala shujabad</t>
  </si>
  <si>
    <t>Chah Dad Wala</t>
  </si>
  <si>
    <t>Rehana Aman</t>
  </si>
  <si>
    <t>18858</t>
  </si>
  <si>
    <t>GGHS KAMALIA IMAM KOT</t>
  </si>
  <si>
    <t>GOVT. GIRLS MODEL HIGH SCHOOL KAMALIA (IMAM KOT)</t>
  </si>
  <si>
    <t>IMAM KOT</t>
  </si>
  <si>
    <t>CITY 03</t>
  </si>
  <si>
    <t>Sabahat Saeed</t>
  </si>
  <si>
    <t>GES GADI SHUMALI</t>
  </si>
  <si>
    <t>GADI SHUMALI</t>
  </si>
  <si>
    <t>BASTI GADI SHUMALI TAUNSA SHARIF D.G.KHAN</t>
  </si>
  <si>
    <t>MUHAMMAD UMAR FAROOQ MALKANI</t>
  </si>
  <si>
    <t>51988</t>
  </si>
  <si>
    <t>GGPS SYED WALA SHUJABAD</t>
  </si>
  <si>
    <t>Govt. Girls Primary school syed.wala</t>
  </si>
  <si>
    <t>Syed wala</t>
  </si>
  <si>
    <t>Chaak Rs</t>
  </si>
  <si>
    <t>51034</t>
  </si>
  <si>
    <t>GPS 152/9-L</t>
  </si>
  <si>
    <t>152/9-L</t>
  </si>
  <si>
    <t>chak no 152/9.L p/o same sahiwal</t>
  </si>
  <si>
    <t>KHALID MAQSOOD AHMAD</t>
  </si>
  <si>
    <t>GGPS CHALAY WALA SHUJABAD DISTT. MULTAN</t>
  </si>
  <si>
    <t>g g p s chawaly wala</t>
  </si>
  <si>
    <t>GHS SHADAD TAL PUR</t>
  </si>
  <si>
    <t>basti talpur post office same tehsil kot chhutta distt DG Khan</t>
  </si>
  <si>
    <t>basti talpur</t>
  </si>
  <si>
    <t>51994</t>
  </si>
  <si>
    <t>34163</t>
  </si>
  <si>
    <t>GGPS KHALIL WALA NEAR TV BOOSTER SHUJABAD</t>
  </si>
  <si>
    <t>Shahpur Ubah</t>
  </si>
  <si>
    <t>ggps Khalil Wala near tv booster shujabad</t>
  </si>
  <si>
    <t>Khalil Wala</t>
  </si>
  <si>
    <t>GGHS MANGROTHA EAST</t>
  </si>
  <si>
    <t>GGHS MANGROTHA East</t>
  </si>
  <si>
    <t>Mangrotha east</t>
  </si>
  <si>
    <t>50903</t>
  </si>
  <si>
    <t>GES 59/5-L</t>
  </si>
  <si>
    <t>chak 59/5-L sahiwal</t>
  </si>
  <si>
    <t>18843</t>
  </si>
  <si>
    <t>GHS CHAK 742 GB</t>
  </si>
  <si>
    <t>Chak no 742 gb</t>
  </si>
  <si>
    <t>Chak no 742 gb kamalia</t>
  </si>
  <si>
    <t>Chak 742 GB</t>
  </si>
  <si>
    <t>51038</t>
  </si>
  <si>
    <t>GPS 115/9-L</t>
  </si>
  <si>
    <t>115/9-L</t>
  </si>
  <si>
    <t>115/9-L Arif wala road sahiwal</t>
  </si>
  <si>
    <t>112/9-L Budh Dhaku</t>
  </si>
  <si>
    <t>34123</t>
  </si>
  <si>
    <t>GMPS MITTHA TOTA SHUJA ABAD</t>
  </si>
  <si>
    <t>Chah Mitha Tota Moza Basti Mithu Shujabqad</t>
  </si>
  <si>
    <t>Mitha Tota</t>
  </si>
  <si>
    <t>Javaid Akhter</t>
  </si>
  <si>
    <t>51011</t>
  </si>
  <si>
    <t>GPS 69/4-R</t>
  </si>
  <si>
    <t>69/-4r</t>
  </si>
  <si>
    <t>chak no.69/4-r</t>
  </si>
  <si>
    <t>7271</t>
  </si>
  <si>
    <t>52048</t>
  </si>
  <si>
    <t>GES DOMBAR</t>
  </si>
  <si>
    <t>Dombar barthi Taunsa sharif</t>
  </si>
  <si>
    <t>GPS 51/5-L</t>
  </si>
  <si>
    <t>chak51/5L sahiwal</t>
  </si>
  <si>
    <t>51/5L</t>
  </si>
  <si>
    <t>58/5L</t>
  </si>
  <si>
    <t>ahmad Ali</t>
  </si>
  <si>
    <t>GPS 57/4-R</t>
  </si>
  <si>
    <t>QADIRABAD-A-MALE</t>
  </si>
  <si>
    <t>57/4R</t>
  </si>
  <si>
    <t>chak No 57/4R Sahiwal</t>
  </si>
  <si>
    <t>GGPS GHULAY KA BAGHLAY</t>
  </si>
  <si>
    <t>Ghulley k baghellay</t>
  </si>
  <si>
    <t>G G p/S ghullay k baghellay</t>
  </si>
  <si>
    <t>Ghullay k baghellay</t>
  </si>
  <si>
    <t>sobia Kiren</t>
  </si>
  <si>
    <t>GGPS NOOR WALA  No.2</t>
  </si>
  <si>
    <t>qabool shah</t>
  </si>
  <si>
    <t>aali wala</t>
  </si>
  <si>
    <t>Iram Hameed</t>
  </si>
  <si>
    <t>8852</t>
  </si>
  <si>
    <t>52063</t>
  </si>
  <si>
    <t>34177</t>
  </si>
  <si>
    <t>GGPS KHAN PUR QAZI NO.1 SHUJABAD</t>
  </si>
  <si>
    <t>Khanpurqazian</t>
  </si>
  <si>
    <t>basti khanpuqazi</t>
  </si>
  <si>
    <t>Khanpurqazi</t>
  </si>
  <si>
    <t>Diara Pur</t>
  </si>
  <si>
    <t>Dilshad Perveen</t>
  </si>
  <si>
    <t>GES PHUGLOO</t>
  </si>
  <si>
    <t>Phugloo</t>
  </si>
  <si>
    <t>basti phugloo p/o barthi</t>
  </si>
  <si>
    <t>GPS GANGYALI</t>
  </si>
  <si>
    <t>Gungiali</t>
  </si>
  <si>
    <t>mauza Gungiali p/o fazla kuch</t>
  </si>
  <si>
    <t>GGES BASTI CHEEHNA</t>
  </si>
  <si>
    <t>basti cheehna</t>
  </si>
  <si>
    <t>Basti Cheehna</t>
  </si>
  <si>
    <t>Madeeha Yaseen</t>
  </si>
  <si>
    <t>GGHS BASTI PIRAN</t>
  </si>
  <si>
    <t>Basti Peeran</t>
  </si>
  <si>
    <t>GGHS BASTI PEERAN KML</t>
  </si>
  <si>
    <t>Rabia Munir</t>
  </si>
  <si>
    <t>GPS NASEER KHAN WALA</t>
  </si>
  <si>
    <t>Raja Ram</t>
  </si>
  <si>
    <t>chah chudhary Wala raja raam</t>
  </si>
  <si>
    <t>Chudhary Wala</t>
  </si>
  <si>
    <t>Aamir Sajjad</t>
  </si>
  <si>
    <t>52074</t>
  </si>
  <si>
    <t>GES THATTA GABOLAN</t>
  </si>
  <si>
    <t>50904</t>
  </si>
  <si>
    <t>GPS 62/5-L</t>
  </si>
  <si>
    <t>Wasliyan Wala</t>
  </si>
  <si>
    <t>62/5L</t>
  </si>
  <si>
    <t>Alam Sher Shahid</t>
  </si>
  <si>
    <t>50913</t>
  </si>
  <si>
    <t>GPS 76/5-R</t>
  </si>
  <si>
    <t>76/5-R</t>
  </si>
  <si>
    <t>30348</t>
  </si>
  <si>
    <t>51766</t>
  </si>
  <si>
    <t>GPS 74/4-R C-PLOT</t>
  </si>
  <si>
    <t>Ahata Jattan Wala</t>
  </si>
  <si>
    <t>chak no 63/4_r ahata jattan sahiwal</t>
  </si>
  <si>
    <t>Muzamal Bashir</t>
  </si>
  <si>
    <t>GPS BOOLAY WALA P/O KOTLI NIJABAT</t>
  </si>
  <si>
    <t>chah boolay wala teh Shujabad Multan</t>
  </si>
  <si>
    <t>Asif Mujtaba</t>
  </si>
  <si>
    <t>51768</t>
  </si>
  <si>
    <t>18911</t>
  </si>
  <si>
    <t>GGES CHAK 740 GB</t>
  </si>
  <si>
    <t>chack 740gb</t>
  </si>
  <si>
    <t>Chack 740gb</t>
  </si>
  <si>
    <t>Summera Javed</t>
  </si>
  <si>
    <t>GGPS CHAK NO. 53/A (NEW)</t>
  </si>
  <si>
    <t>Chak No 55</t>
  </si>
  <si>
    <t>G/GPS 53/new liaqat pur district Rahim yar khan</t>
  </si>
  <si>
    <t>Chak No 55 /a</t>
  </si>
  <si>
    <t>10/a</t>
  </si>
  <si>
    <t>Shumaila Erum</t>
  </si>
  <si>
    <t>11516</t>
  </si>
  <si>
    <t>GHS WANDHER</t>
  </si>
  <si>
    <t>chak no 599/tda</t>
  </si>
  <si>
    <t>599/tda</t>
  </si>
  <si>
    <t>GGPS MUHAMMAD BUX LAR</t>
  </si>
  <si>
    <t>muhammad bux lar school,zafrabad</t>
  </si>
  <si>
    <t>Zafrarabad</t>
  </si>
  <si>
    <t>GPS HYDER ABAD</t>
  </si>
  <si>
    <t>Kot Chutta No 1</t>
  </si>
  <si>
    <t>Hyder Abad</t>
  </si>
  <si>
    <t>SABIR HUSSAIN</t>
  </si>
  <si>
    <t>33989</t>
  </si>
  <si>
    <t>GPS SINDH WALA MOZA PUNJANI P/O LASURI</t>
  </si>
  <si>
    <t>GPS Sindh wala mouza punjani P/o Lasuri</t>
  </si>
  <si>
    <t>Sindh Wala</t>
  </si>
  <si>
    <t>Nadir Abbas</t>
  </si>
  <si>
    <t>GGPS DARBAR BUKHARI FAZIL PUR</t>
  </si>
  <si>
    <t>basti Master Ahmed baksh Arain mouza fazil pur Tehsil LQP District RYK</t>
  </si>
  <si>
    <t>Master Ahmed Baksh</t>
  </si>
  <si>
    <t>Saima Qadir</t>
  </si>
  <si>
    <t>33947</t>
  </si>
  <si>
    <t>GGES BASTI MITHU SHUJA ABAD</t>
  </si>
  <si>
    <t>Govt girls elementry school basti mithu jalalpurroad shujabad</t>
  </si>
  <si>
    <t>GPS BAHISHTI WALA</t>
  </si>
  <si>
    <t>Chah wady wala</t>
  </si>
  <si>
    <t>Basti Malghani</t>
  </si>
  <si>
    <t>8901</t>
  </si>
  <si>
    <t>GPS KALAR WALA</t>
  </si>
  <si>
    <t>Moza Jhook bodo</t>
  </si>
  <si>
    <t>Kalar Wala markz nari sumali male</t>
  </si>
  <si>
    <t>Jhook bodo</t>
  </si>
  <si>
    <t>Shahid Shafiq</t>
  </si>
  <si>
    <t>GGPS BASTI QURBAN QASAB</t>
  </si>
  <si>
    <t>Basti qurban, moza Allahabad</t>
  </si>
  <si>
    <t>Qurban Qasab</t>
  </si>
  <si>
    <t>Allahbad</t>
  </si>
  <si>
    <t>GGPS PIRDAN SHARQI</t>
  </si>
  <si>
    <t>Makwal kalan</t>
  </si>
  <si>
    <t>GGPS JAM GAMMAN</t>
  </si>
  <si>
    <t>moza ghimi p / o Allah Abad tehsil liaqutpur district rahim yar khan</t>
  </si>
  <si>
    <t>Jam Gamman</t>
  </si>
  <si>
    <t>Kotla Nawa</t>
  </si>
  <si>
    <t>RAFIA PARVEEN</t>
  </si>
  <si>
    <t>9218</t>
  </si>
  <si>
    <t>GGPS BUBI</t>
  </si>
  <si>
    <t>Bubi</t>
  </si>
  <si>
    <t>basti Bubbi  tehsil tounsa</t>
  </si>
  <si>
    <t>GHS POUNTA SHUJABAD</t>
  </si>
  <si>
    <t>Mouza Ponta Tehsil Shujabad</t>
  </si>
  <si>
    <t>Salah ud Din Khan Hamzai</t>
  </si>
  <si>
    <t>GHSS KOT CHUTTA</t>
  </si>
  <si>
    <t>KOT CHUTTA NO. 2</t>
  </si>
  <si>
    <t>GBHSS KOT CHUTTA</t>
  </si>
  <si>
    <t>mC KOT CHUTTA NO. 2</t>
  </si>
  <si>
    <t>54043</t>
  </si>
  <si>
    <t>GPS MOUZA MUMBER</t>
  </si>
  <si>
    <t>Mumber</t>
  </si>
  <si>
    <t>moza mumber</t>
  </si>
  <si>
    <t>MOZA MUMBER</t>
  </si>
  <si>
    <t>Mohammad Rafique Shahid</t>
  </si>
  <si>
    <t>19331</t>
  </si>
  <si>
    <t>GPS AKRAM ABAD</t>
  </si>
  <si>
    <t>Ali Daya</t>
  </si>
  <si>
    <t>basti aqil daya mouza ali days</t>
  </si>
  <si>
    <t>Aqil Daya</t>
  </si>
  <si>
    <t>34002</t>
  </si>
  <si>
    <t>GPS MEWAT NAGAR SHUJABAD</t>
  </si>
  <si>
    <t>Shiekhpur Shujrah</t>
  </si>
  <si>
    <t>jhandi dhori Moza Shiekhpur Shujrah p/o Matotli Shujabad Multan</t>
  </si>
  <si>
    <t>GES  55/GD</t>
  </si>
  <si>
    <t>chak no.55/GD sahiwal</t>
  </si>
  <si>
    <t>Naveed Ahmad Khalid</t>
  </si>
  <si>
    <t>18156</t>
  </si>
  <si>
    <t>GGPS FEROZA TOWN</t>
  </si>
  <si>
    <t>HayatLar</t>
  </si>
  <si>
    <t>ggps Feroza town</t>
  </si>
  <si>
    <t>GHS CHAK JHALLAR SHUJABAD</t>
  </si>
  <si>
    <t>WAHI SAWAYA</t>
  </si>
  <si>
    <t>CHAK JHALLAR</t>
  </si>
  <si>
    <t>MUHAMMAD IQBAL YOUSAFI</t>
  </si>
  <si>
    <t>GPS 137/9-L</t>
  </si>
  <si>
    <t>Chak No 137/9L</t>
  </si>
  <si>
    <t>GGPS CHAK 740 GB-II</t>
  </si>
  <si>
    <t>jevan Verona</t>
  </si>
  <si>
    <t>mouza jevan Verona dak khana qadir buksh</t>
  </si>
  <si>
    <t>shakila batool</t>
  </si>
  <si>
    <t>moxa malik pur tehsil liaqatpur district rahimyarkhan punjab</t>
  </si>
  <si>
    <t>Syed Safdar Ali Zaidi</t>
  </si>
  <si>
    <t>8782</t>
  </si>
  <si>
    <t>GHS MITHAY WALI</t>
  </si>
  <si>
    <t>Village Mithay wali P/O vehoa Tehsil Taunsa Distt,D.G.khan</t>
  </si>
  <si>
    <t>UC KOTANI</t>
  </si>
  <si>
    <t>farhat ullah</t>
  </si>
  <si>
    <t>21415</t>
  </si>
  <si>
    <t>GGPS RAILWAY STATION SHUJABAD</t>
  </si>
  <si>
    <t>Gajuhatta</t>
  </si>
  <si>
    <t>near railway station shujabad</t>
  </si>
  <si>
    <t>GPS RUPPAY WALA NO.2</t>
  </si>
  <si>
    <t>jall Wala mauza hazara tehsil kot chutta district dgkhan</t>
  </si>
  <si>
    <t>Jall Wala</t>
  </si>
  <si>
    <t>33996</t>
  </si>
  <si>
    <t>GES DERA ARBI P/O THATH GHALWAN</t>
  </si>
  <si>
    <t>basti dera arbi moza thath ghalwan tehsil shujabab multan</t>
  </si>
  <si>
    <t>Basti Dera Arbi</t>
  </si>
  <si>
    <t>Muhammad Ejaz Shah</t>
  </si>
  <si>
    <t>GPS NOOR WALA SALEEM ABAD</t>
  </si>
  <si>
    <t>Chakar Noor Wala</t>
  </si>
  <si>
    <t>Basti Saleem Abad Moza Noor Wala</t>
  </si>
  <si>
    <t>WASSIM AKRAM</t>
  </si>
  <si>
    <t>34071</t>
  </si>
  <si>
    <t>GGPS BASTI PHORAN SHUJABAD</t>
  </si>
  <si>
    <t>Todarpur</t>
  </si>
  <si>
    <t>Ggps Basti Pahoran near chaju shah shujabad</t>
  </si>
  <si>
    <t>Basti Phoran</t>
  </si>
  <si>
    <t>Sana Sharafat</t>
  </si>
  <si>
    <t>GPS SIDQI WALA</t>
  </si>
  <si>
    <t>Mana Ahmadani Sharqi</t>
  </si>
  <si>
    <t>SIDQI WALA</t>
  </si>
  <si>
    <t>Mana Ahmadani</t>
  </si>
  <si>
    <t>GGPS NAWAB KOTLA NAWAB</t>
  </si>
  <si>
    <t>Basti kotla Nawab</t>
  </si>
  <si>
    <t>mavia malik</t>
  </si>
  <si>
    <t>34060</t>
  </si>
  <si>
    <t>GGPS LASURI KOHNA MUMTAZ NAGAR SHUJABAD DISTT. MULTA</t>
  </si>
  <si>
    <t>Lasuri</t>
  </si>
  <si>
    <t>Ganwein</t>
  </si>
  <si>
    <t>Saira</t>
  </si>
  <si>
    <t>GGHS CHAK 712 GB</t>
  </si>
  <si>
    <t>chak no 712 gb kamalia</t>
  </si>
  <si>
    <t>Chak No 712gb</t>
  </si>
  <si>
    <t>robina mussarat</t>
  </si>
  <si>
    <t>12249</t>
  </si>
  <si>
    <t>GGPS PIREY WALA NO.1 TEH. SHUJABAD</t>
  </si>
  <si>
    <t>ada peer mubarak shah moza khoja dak khana khas tehsil shujaabad district multan</t>
  </si>
  <si>
    <t>Peer Mubarak shah Chah peeray wala</t>
  </si>
  <si>
    <t>Nasira sultana</t>
  </si>
  <si>
    <t>GGES MALIK MANZOOR AHMAD</t>
  </si>
  <si>
    <t>Baharkhakhi</t>
  </si>
  <si>
    <t>baharkhakhi</t>
  </si>
  <si>
    <t>Malik Manzoor Ahmed</t>
  </si>
  <si>
    <t>Noshaba Rasool</t>
  </si>
  <si>
    <t>41749</t>
  </si>
  <si>
    <t>GPS KAMAL BUZADAR</t>
  </si>
  <si>
    <t>chah mosaay wala.nawan shumali</t>
  </si>
  <si>
    <t>Mossay Khan</t>
  </si>
  <si>
    <t>GES VEHOVA</t>
  </si>
  <si>
    <t>chak vehova shumali</t>
  </si>
  <si>
    <t>Khursheed Anwar</t>
  </si>
  <si>
    <t>GGPS PEERAY WALA NO.2</t>
  </si>
  <si>
    <t>Baloch Nagar, Moza Daira Pur, Tehsil shujabad</t>
  </si>
  <si>
    <t>Sughra Batool</t>
  </si>
  <si>
    <t>GGPS JALIL ABAD</t>
  </si>
  <si>
    <t>basti jalil Abad</t>
  </si>
  <si>
    <t>Basti Jalilabad</t>
  </si>
  <si>
    <t>GPS BASTI SANJARNI</t>
  </si>
  <si>
    <t>Dodara</t>
  </si>
  <si>
    <t>chak dodara Ling 4</t>
  </si>
  <si>
    <t>Mohammad Hayat</t>
  </si>
  <si>
    <t>GMPS MOCHI PURA SHUJABAD DISTT. MULTAN</t>
  </si>
  <si>
    <t>GMPS mochi pura</t>
  </si>
  <si>
    <t>10607</t>
  </si>
  <si>
    <t>Kot chutta</t>
  </si>
  <si>
    <t>GGPS Railwy Colony , Jinah Colony Kot Chutta</t>
  </si>
  <si>
    <t>GGPS SARAY TEH.SHUJABAD</t>
  </si>
  <si>
    <t>Chack  Saray</t>
  </si>
  <si>
    <t>GGPS  Saray  tÉ™hsil  Shujabad  Multan</t>
  </si>
  <si>
    <t>Chack Saray</t>
  </si>
  <si>
    <t>Obara  Shumali</t>
  </si>
  <si>
    <t>syeda sammia bibi</t>
  </si>
  <si>
    <t>GPS RIDAN</t>
  </si>
  <si>
    <t>Basti riddan, janpur.</t>
  </si>
  <si>
    <t>Ahmad din</t>
  </si>
  <si>
    <t>GPS SATTA</t>
  </si>
  <si>
    <t>Village Satta</t>
  </si>
  <si>
    <t>HABIB ULLAH</t>
  </si>
  <si>
    <t>Welfare scheme</t>
  </si>
  <si>
    <t>51858</t>
  </si>
  <si>
    <t>GPS PUNJ PEER</t>
  </si>
  <si>
    <t>Basti Khand Muza Kachi Muhammad Khan Tehsil Liaqat Pur</t>
  </si>
  <si>
    <t>Basti Khand</t>
  </si>
  <si>
    <t>Muhammad Zahid Rafiq</t>
  </si>
  <si>
    <t>GGMPS KOTLA GHULAM NO. 1</t>
  </si>
  <si>
    <t>daday wala, ali wala d.g.khan</t>
  </si>
  <si>
    <t>Daday Wala</t>
  </si>
  <si>
    <t>SALMA MUMTAZ</t>
  </si>
  <si>
    <t>34119</t>
  </si>
  <si>
    <t>GGPS RAYTLI WALA CHAH RATLI WALA SHUJABAD</t>
  </si>
  <si>
    <t>BastiMithu</t>
  </si>
  <si>
    <t>ChahRaitly</t>
  </si>
  <si>
    <t>Raitly Wala</t>
  </si>
  <si>
    <t>Sarwat Fozia</t>
  </si>
  <si>
    <t>51141</t>
  </si>
  <si>
    <t>GGPS 44/5-L FOJIAN</t>
  </si>
  <si>
    <t>44/5l</t>
  </si>
  <si>
    <t>ggps44/5l foujian sahiwal</t>
  </si>
  <si>
    <t>44/5l Foujian</t>
  </si>
  <si>
    <t>GPS NOOR WALA</t>
  </si>
  <si>
    <t>CHAK QABOOL SHAH</t>
  </si>
  <si>
    <t>NOOR WALA P/O KOT CHHUTTA,TEH:KOT CHHUTTA,DISST:DGKHAN</t>
  </si>
  <si>
    <t>SYED QAISER ABBAS Naqvi</t>
  </si>
  <si>
    <t>33921</t>
  </si>
  <si>
    <t>GHS BASTI MITHU BASTI MITHU GHARBI</t>
  </si>
  <si>
    <t>GHS Basti Mithu, Basti Mithu Garbi Tehsil SHUJABAD</t>
  </si>
  <si>
    <t>Syed Ali Hasnain Shah</t>
  </si>
  <si>
    <t>51155</t>
  </si>
  <si>
    <t>GGPS 81/ 5-L</t>
  </si>
  <si>
    <t>chak no 81/5_L</t>
  </si>
  <si>
    <t>81/5 L</t>
  </si>
  <si>
    <t>80/5 L</t>
  </si>
  <si>
    <t>8448</t>
  </si>
  <si>
    <t>GPS BASTI KHAJA</t>
  </si>
  <si>
    <t>Darkhwast Jamal S</t>
  </si>
  <si>
    <t>basti khaja khan Chandia p/o darkhast Jamal khan</t>
  </si>
  <si>
    <t>Basti Khwaja</t>
  </si>
  <si>
    <t>33934</t>
  </si>
  <si>
    <t>GES SHAH PUR UBBHA TEH.SHUJABAD MULTAN</t>
  </si>
  <si>
    <t>GES shahpur ubah Tehsil shujabad, Multan</t>
  </si>
  <si>
    <t>Hafiz Khadim Hussain</t>
  </si>
  <si>
    <t>39373</t>
  </si>
  <si>
    <t>GGMPS BAIT ALIANI</t>
  </si>
  <si>
    <t>Bait Alyani</t>
  </si>
  <si>
    <t>Bait Alyani p/o shadan Lund tehsiltaunsa sharif district d.g khan</t>
  </si>
  <si>
    <t>GPS MIRAN KHAN P/O KHOJA UBBHA</t>
  </si>
  <si>
    <t>Miran Khan</t>
  </si>
  <si>
    <t>moza miran khan th shujabad multan</t>
  </si>
  <si>
    <t>7704</t>
  </si>
  <si>
    <t>GES SHAHI WALA</t>
  </si>
  <si>
    <t>shahi wala</t>
  </si>
  <si>
    <t>Mohsin abbas</t>
  </si>
  <si>
    <t>GES KALI MAR</t>
  </si>
  <si>
    <t>Kalimar</t>
  </si>
  <si>
    <t>GES Kalimar</t>
  </si>
  <si>
    <t>Fazlakachh</t>
  </si>
  <si>
    <t>Janmuhamad</t>
  </si>
  <si>
    <t>7958</t>
  </si>
  <si>
    <t>basti buzdar kotchutta</t>
  </si>
  <si>
    <t>Municipal Comitte Kotchutta</t>
  </si>
  <si>
    <t>GHS RETRA</t>
  </si>
  <si>
    <t>moza malkani</t>
  </si>
  <si>
    <t>retra</t>
  </si>
  <si>
    <t>tibbi qaisrani</t>
  </si>
  <si>
    <t>abdul rehman</t>
  </si>
  <si>
    <t>GGPS ESAN GOORAH</t>
  </si>
  <si>
    <t>Esan Gorah</t>
  </si>
  <si>
    <t>esan gorah</t>
  </si>
  <si>
    <t>Nasreen Kouser</t>
  </si>
  <si>
    <t>34182</t>
  </si>
  <si>
    <t>GGPS DAIRA PUR SHUJABAD</t>
  </si>
  <si>
    <t>Dairapur</t>
  </si>
  <si>
    <t>dairpur</t>
  </si>
  <si>
    <t>GPS 100/9-L</t>
  </si>
  <si>
    <t>chak#100/9L</t>
  </si>
  <si>
    <t>GGMPS SHAH WALA</t>
  </si>
  <si>
    <t>mauza khanpur baste shah wala Tehseel kot chutta  District.  DG khan</t>
  </si>
  <si>
    <t>Baste Fauja</t>
  </si>
  <si>
    <t>GPS 90-A/6-R</t>
  </si>
  <si>
    <t>Chak # 90-A/6-R</t>
  </si>
  <si>
    <t>90-A/6-R</t>
  </si>
  <si>
    <t>GPS 116/9-L</t>
  </si>
  <si>
    <t>116 /9L</t>
  </si>
  <si>
    <t>Chak # 116/9L Tehseel &amp; District Sahiwal</t>
  </si>
  <si>
    <t>Chak # 116/9L</t>
  </si>
  <si>
    <t>112/9L Bud Dhakkoo</t>
  </si>
  <si>
    <t>Nousher Ali</t>
  </si>
  <si>
    <t>GPS DARKHAST MASITAN</t>
  </si>
  <si>
    <t>Dakhast Masitan</t>
  </si>
  <si>
    <t>Darkhast Masitan</t>
  </si>
  <si>
    <t>Jhkhar Imam Shah</t>
  </si>
  <si>
    <t>50889</t>
  </si>
  <si>
    <t>GPS 99/6-R</t>
  </si>
  <si>
    <t>Chack No.99/.6.R</t>
  </si>
  <si>
    <t>M Asif  Khan</t>
  </si>
  <si>
    <t>9471</t>
  </si>
  <si>
    <t>GGMPS KOTLA GHULAM NO. 2</t>
  </si>
  <si>
    <t>basti hissama saddat kotla ghulam no.2</t>
  </si>
  <si>
    <t>Hisama Sadaat</t>
  </si>
  <si>
    <t>shabana batool</t>
  </si>
  <si>
    <t>7996</t>
  </si>
  <si>
    <t>GPS SAMANDRY</t>
  </si>
  <si>
    <t>Rakh Doda</t>
  </si>
  <si>
    <t>Govt primary school Samandry, post office Jakhar Imam Shah, Tehsil Kot Chutta, District Dera Ghazi Khan</t>
  </si>
  <si>
    <t>Samandry</t>
  </si>
  <si>
    <t>Muhammad Shakeel Anjum</t>
  </si>
  <si>
    <t>GPS NOOR KA KATHYA</t>
  </si>
  <si>
    <t>Noor K Kathia</t>
  </si>
  <si>
    <t>mouza noor k kathia post office harrapa tehsil and district sahiwal</t>
  </si>
  <si>
    <t>Mirdad Maufi</t>
  </si>
  <si>
    <t>water room</t>
  </si>
  <si>
    <t>GGPS MOUZA KHANPUR (SULTAN ABAD)</t>
  </si>
  <si>
    <t>village sultan abad GGPSMUZZA Khanpur</t>
  </si>
  <si>
    <t>76 Khanpur Janobi</t>
  </si>
  <si>
    <t>GGPS 153/9-L</t>
  </si>
  <si>
    <t>Nazish Ashfaq</t>
  </si>
  <si>
    <t>36001</t>
  </si>
  <si>
    <t>GGPS BHANDO WALI</t>
  </si>
  <si>
    <t>Bhando wali thesil kot chutta district dgkhan</t>
  </si>
  <si>
    <t>Bhando Wali</t>
  </si>
  <si>
    <t>52371</t>
  </si>
  <si>
    <t>GGPS WAHI WALA</t>
  </si>
  <si>
    <t>(GGPS whai wala ) cha whai wala moza basti malana kott chutta # 1 near adda haidr abad choti road</t>
  </si>
  <si>
    <t>basti Jaam</t>
  </si>
  <si>
    <t>52375</t>
  </si>
  <si>
    <t>GGMPS KOT CHUTTA NO. 3</t>
  </si>
  <si>
    <t>Kotchutta</t>
  </si>
  <si>
    <t>basti jeevani wala choti road kotchutta</t>
  </si>
  <si>
    <t>Jeevani Wala</t>
  </si>
  <si>
    <t>Qudsia Mehmood</t>
  </si>
  <si>
    <t>GES 187/9-L</t>
  </si>
  <si>
    <t>187/9l</t>
  </si>
  <si>
    <t>138/9l</t>
  </si>
  <si>
    <t>GGPS MANA AHMEDANI NO.4</t>
  </si>
  <si>
    <t>p/o mana ahmdani tehsil kot chutta District Dg khan</t>
  </si>
  <si>
    <t>Nazir Anjum</t>
  </si>
  <si>
    <t>GGPS 129/9-L KALAN</t>
  </si>
  <si>
    <t>129/9-l</t>
  </si>
  <si>
    <t>g.g.p.s 129/9-l</t>
  </si>
  <si>
    <t>Zubia Ashraf</t>
  </si>
  <si>
    <t>8298</t>
  </si>
  <si>
    <t>GGMPS BASTI BUDHEN</t>
  </si>
  <si>
    <t>Basti budhan</t>
  </si>
  <si>
    <t>Shaista Moin</t>
  </si>
  <si>
    <t>50765</t>
  </si>
  <si>
    <t>GES 114/9-L</t>
  </si>
  <si>
    <t>114/9l</t>
  </si>
  <si>
    <t>Chack No 114/9L</t>
  </si>
  <si>
    <t>Muhammad Mushtaq Ahmad</t>
  </si>
  <si>
    <t>52396</t>
  </si>
  <si>
    <t>8147</t>
  </si>
  <si>
    <t>GGMPS SHATAK SHUMALI</t>
  </si>
  <si>
    <t>GGMPS shatak shumali chak bakhar choti zareen</t>
  </si>
  <si>
    <t>Shatak Shumali</t>
  </si>
  <si>
    <t>GPS 81/5-L</t>
  </si>
  <si>
    <t>Bashir Wala</t>
  </si>
  <si>
    <t>81/5-L,BASHIR WALA</t>
  </si>
  <si>
    <t>81/5-L</t>
  </si>
  <si>
    <t>Abdullah Tahir</t>
  </si>
  <si>
    <t>GES ZEEN</t>
  </si>
  <si>
    <t>zeen trible area teh taunsa</t>
  </si>
  <si>
    <t>GHULAM MEHMOOD LEGHARI</t>
  </si>
  <si>
    <t>3 KM far Streem</t>
  </si>
  <si>
    <t>9551</t>
  </si>
  <si>
    <t>GGES BUKHARA</t>
  </si>
  <si>
    <t>Trimn</t>
  </si>
  <si>
    <t>Bukhara union council jallu wali dak Khana Nutkani</t>
  </si>
  <si>
    <t>Rizwana Rasul</t>
  </si>
  <si>
    <t>GPS MOHIB LISKANI</t>
  </si>
  <si>
    <t>Mohib laskani</t>
  </si>
  <si>
    <t>GPS mohib laskani P/O jakhar imam shah tehsil kot chhutta district D G Khaan</t>
  </si>
  <si>
    <t>mohib laskani</t>
  </si>
  <si>
    <t>Haji kamand</t>
  </si>
  <si>
    <t>50726</t>
  </si>
  <si>
    <t>GGHS CHAK NO.86/6-R</t>
  </si>
  <si>
    <t>sadar 1</t>
  </si>
  <si>
    <t>chak no 86/6r sahiwal</t>
  </si>
  <si>
    <t>86/6r</t>
  </si>
  <si>
    <t>chak 86/6r</t>
  </si>
  <si>
    <t>Kalsoom Shaukat</t>
  </si>
  <si>
    <t>GPS SAKHI SARWAR NO. 2</t>
  </si>
  <si>
    <t>Sakhisarwar</t>
  </si>
  <si>
    <t>p/o sakhisarwar</t>
  </si>
  <si>
    <t>9315</t>
  </si>
  <si>
    <t>Nawan Janubl</t>
  </si>
  <si>
    <t>basti gopang wala</t>
  </si>
  <si>
    <t>Gopang wala</t>
  </si>
  <si>
    <t>7944</t>
  </si>
  <si>
    <t>GPS REKRA</t>
  </si>
  <si>
    <t>Reekra</t>
  </si>
  <si>
    <t>basti reekra</t>
  </si>
  <si>
    <t>Haidar Qureshi</t>
  </si>
  <si>
    <t>33942</t>
  </si>
  <si>
    <t>GGES AASHIQ PUR LASOORI SHUJABAD</t>
  </si>
  <si>
    <t>lasoori</t>
  </si>
  <si>
    <t>basti ashiqpur lasoori.  jalapur road.shujabad</t>
  </si>
  <si>
    <t>ganwen</t>
  </si>
  <si>
    <t>Haleema Habib</t>
  </si>
  <si>
    <t>GGHS CHAK NO. 51/P R.Y.KHAN</t>
  </si>
  <si>
    <t>CHAK 51/P</t>
  </si>
  <si>
    <t>GGHS CHAK 51/P, RAHIM YAR KHAN</t>
  </si>
  <si>
    <t>chak 51/P</t>
  </si>
  <si>
    <t>CHAK NO. 51/P</t>
  </si>
  <si>
    <t>shaheen babar</t>
  </si>
  <si>
    <t>7726</t>
  </si>
  <si>
    <t>GES NOTAK MAHMEED</t>
  </si>
  <si>
    <t>notak meheed</t>
  </si>
  <si>
    <t>Notak Mehmeedn</t>
  </si>
  <si>
    <t>Notak72</t>
  </si>
  <si>
    <t>GGES JHOK GHULAB SHAH</t>
  </si>
  <si>
    <t>Jhoke ghulab shah</t>
  </si>
  <si>
    <t>Basti Jhoke ghulab shah</t>
  </si>
  <si>
    <t>Jhoke Ghulab Shah</t>
  </si>
  <si>
    <t>Kishwar Nadia</t>
  </si>
  <si>
    <t>34420</t>
  </si>
  <si>
    <t>33189</t>
  </si>
  <si>
    <t>GGHSS CHAK NO. 24 KALAN</t>
  </si>
  <si>
    <t>Chak No 24 Kalan</t>
  </si>
  <si>
    <t>Chak no 24 kalan Tehsil safdarabad District sheikhupura</t>
  </si>
  <si>
    <t>Sawaira Mehmood</t>
  </si>
  <si>
    <t>51657</t>
  </si>
  <si>
    <t>GGCMS CHAH MIRAN KHAN</t>
  </si>
  <si>
    <t>Chah Meran</t>
  </si>
  <si>
    <t>basti sarfarz wala esa wali pul</t>
  </si>
  <si>
    <t>Sarfarz Wala</t>
  </si>
  <si>
    <t>Ayesha Farooq</t>
  </si>
  <si>
    <t>GHS MATOTLI SHUJABAD P.O MATOTLI</t>
  </si>
  <si>
    <t>P/O Matotli shujabad</t>
  </si>
  <si>
    <t>hafeezullah khan</t>
  </si>
  <si>
    <t>GPS 191/1-L</t>
  </si>
  <si>
    <t>Chak 191/1-L</t>
  </si>
  <si>
    <t>chak no 191/1-L</t>
  </si>
  <si>
    <t>Hafiz Ulfat Rasool</t>
  </si>
  <si>
    <t>GMPS KACHA PACCA (BASTI MITHU GHARBI)</t>
  </si>
  <si>
    <t>Basti Mithoo</t>
  </si>
  <si>
    <t>chah pacca moza basti mithoo tehsil shujabad</t>
  </si>
  <si>
    <t>Chah Pacca</t>
  </si>
  <si>
    <t>Summia Rabia</t>
  </si>
  <si>
    <t>GPS MC CAPT. JAIL ROAD</t>
  </si>
  <si>
    <t>Jail Road</t>
  </si>
  <si>
    <t>Jail Road Sahiwal</t>
  </si>
  <si>
    <t>Jahaz Ground Swl</t>
  </si>
  <si>
    <t>GGHS JINNAH PARK R.Y. KHAN</t>
  </si>
  <si>
    <t>Gghs Jinnah Park Street No 10</t>
  </si>
  <si>
    <t>Jinnah Park</t>
  </si>
  <si>
    <t>32c</t>
  </si>
  <si>
    <t>ROZEENA NASREEN</t>
  </si>
  <si>
    <t>51682</t>
  </si>
  <si>
    <t>GHS BASTI BUZDAR</t>
  </si>
  <si>
    <t>Basti Buzdar Tehsil Taunsa Distt. D.G. Khan</t>
  </si>
  <si>
    <t>SHAHBAZ MUHAMMAD</t>
  </si>
  <si>
    <t>GGCMES KANDANI NO. 1</t>
  </si>
  <si>
    <t>mouza kandani p/o kandani</t>
  </si>
  <si>
    <t>Shazia Jabeen</t>
  </si>
  <si>
    <t>33245</t>
  </si>
  <si>
    <t>GPS CHADER CHAK 3 RB</t>
  </si>
  <si>
    <t>Chadar Chak</t>
  </si>
  <si>
    <t>Chadar Chan no. 3</t>
  </si>
  <si>
    <t>GES CHAK NO.13 FAIZ</t>
  </si>
  <si>
    <t>Chak No 13 Faiz</t>
  </si>
  <si>
    <t>Govt Elementary School Chak No. 13 Faiz P/O Kotali Najabat tehsil Shujabad,  Multan.</t>
  </si>
  <si>
    <t>Kotali Najabat</t>
  </si>
  <si>
    <t>GPS TIBBA JALBANI</t>
  </si>
  <si>
    <t>Basti jalbani, Notak Mehmeed</t>
  </si>
  <si>
    <t>Kotla Muhammad Khan</t>
  </si>
  <si>
    <t>w.no 14f madni town kotadu</t>
  </si>
  <si>
    <t>Hamida Bibi</t>
  </si>
  <si>
    <t>GPS JAM MUHAMMAD GASOORA</t>
  </si>
  <si>
    <t>khsnbela</t>
  </si>
  <si>
    <t>Basti Jam Sher Muhammad Gasoora</t>
  </si>
  <si>
    <t>GGHS NAWAN KOT CHAK 79 RB</t>
  </si>
  <si>
    <t>nawankot 79/rb</t>
  </si>
  <si>
    <t>govt.Girls high School nawankot chak no 79/rb tehsil safdarabad distt.Sheikhupura.</t>
  </si>
  <si>
    <t>nawanpind</t>
  </si>
  <si>
    <t>Ballqees Akhtar</t>
  </si>
  <si>
    <t>GMPS ABBAS PURA</t>
  </si>
  <si>
    <t>Marali Wahin</t>
  </si>
  <si>
    <t>Basti Abbas pura near TV booster, Shujabad, Multan</t>
  </si>
  <si>
    <t>Asia Younus</t>
  </si>
  <si>
    <t>GPS CHAK NO. 138/ML</t>
  </si>
  <si>
    <t>chak no 138ml pathan hotel teh kotaddu districtmuzaffergarh</t>
  </si>
  <si>
    <t>Chak No 138ml</t>
  </si>
  <si>
    <t>GGPS UTERA</t>
  </si>
  <si>
    <t>govt. girls primary school uttera</t>
  </si>
  <si>
    <t>uttera</t>
  </si>
  <si>
    <t>Razia Sadaf Naqvi</t>
  </si>
  <si>
    <t>GGPS NANO WALA</t>
  </si>
  <si>
    <t>Tibba Sharqi</t>
  </si>
  <si>
    <t>basti rug wala tibba mustaqil sharqi daira din panah</t>
  </si>
  <si>
    <t>Rug Wala</t>
  </si>
  <si>
    <t>19111</t>
  </si>
  <si>
    <t>51717</t>
  </si>
  <si>
    <t>GPS KOT QAISRANI NO.1</t>
  </si>
  <si>
    <t>Abdul Hanif</t>
  </si>
  <si>
    <t>GHS QILA MIR ZAMAN</t>
  </si>
  <si>
    <t>Qila Mir Zaman</t>
  </si>
  <si>
    <t>Govt. High School Qila Mir Zaman chak No. 8</t>
  </si>
  <si>
    <t>Qila Mir Zaman Chak No 8</t>
  </si>
  <si>
    <t>GGPS CHAK 41/A</t>
  </si>
  <si>
    <t>41/A</t>
  </si>
  <si>
    <t>chak 41A</t>
  </si>
  <si>
    <t>41A</t>
  </si>
  <si>
    <t>42A</t>
  </si>
  <si>
    <t>51723</t>
  </si>
  <si>
    <t>GGES CHAK 724 GB</t>
  </si>
  <si>
    <t>CHak No 724 G.B</t>
  </si>
  <si>
    <t>Chak no 724 G.B</t>
  </si>
  <si>
    <t>Chak no. 724</t>
  </si>
  <si>
    <t>Saba Erum Ghouri</t>
  </si>
  <si>
    <t>39679</t>
  </si>
  <si>
    <t>GMPS MANZOOR ABAD NO. 2</t>
  </si>
  <si>
    <t>Gujju hatta</t>
  </si>
  <si>
    <t>Lalu wala moza gajju hatta Shujabad</t>
  </si>
  <si>
    <t>Shaista Iqbal</t>
  </si>
  <si>
    <t>GHS BAKHAR WAH</t>
  </si>
  <si>
    <t>P/O ASLAM ABAD BAKHAR WAH TEHSIL KOT CHUTTA DISTRICT D.G.KHAN</t>
  </si>
  <si>
    <t>HABIB UR RAHMAN</t>
  </si>
  <si>
    <t>GGES MUHAMMAD SHARIF</t>
  </si>
  <si>
    <t>GGES Muhammad sharif new malik pur</t>
  </si>
  <si>
    <t>Hafiza Aqeela Ghaffar Hashmi</t>
  </si>
  <si>
    <t>GGPS HAMID WALA</t>
  </si>
  <si>
    <t>chah Hamid Wala Mouza khera kot addu</t>
  </si>
  <si>
    <t>Hamid Wala</t>
  </si>
  <si>
    <t>GPS NACH WALLA</t>
  </si>
  <si>
    <t>Nach walla nawan shumali tehsil kot chutta</t>
  </si>
  <si>
    <t>Nach Walla</t>
  </si>
  <si>
    <t>Mohammad Jalal</t>
  </si>
  <si>
    <t>GPS WAHI SAWAYA P/O RAJARAM SHUJA ABAD</t>
  </si>
  <si>
    <t>Chak Jhakar</t>
  </si>
  <si>
    <t>Mouza Chak Jhakar  P/O Raja Ram Shujabad</t>
  </si>
  <si>
    <t>Muhammad Khalil Siddiqui</t>
  </si>
  <si>
    <t>33916</t>
  </si>
  <si>
    <t>GHS CHAK R S  SHUJABAD</t>
  </si>
  <si>
    <t>GHS Chak RS Shujabad Multan</t>
  </si>
  <si>
    <t>Hafiz Fayyaz Ahmad</t>
  </si>
  <si>
    <t>GPS JEWAN VEROANA</t>
  </si>
  <si>
    <t>Jevan Veroana</t>
  </si>
  <si>
    <t>Jevan Veroana Tehsil Kamalia</t>
  </si>
  <si>
    <t>GGPS BABRAN LAL SHAH</t>
  </si>
  <si>
    <t>basti babran lal shah</t>
  </si>
  <si>
    <t>Mamuna Durani</t>
  </si>
  <si>
    <t>GPS CHAK 58/2 TUKRA</t>
  </si>
  <si>
    <t>58/2 Tukra</t>
  </si>
  <si>
    <t>58/2Tukra kamalia District Toba Tek Singh</t>
  </si>
  <si>
    <t>58/2Tukra</t>
  </si>
  <si>
    <t>Chak No 737GB</t>
  </si>
  <si>
    <t>50761</t>
  </si>
  <si>
    <t>GES 112/9-L HALLAH</t>
  </si>
  <si>
    <t>G.E.S 112/9-L Hallah</t>
  </si>
  <si>
    <t>112/9-L Hallah</t>
  </si>
  <si>
    <t>GGES RAIS YAQOOB MUHAMMAD</t>
  </si>
  <si>
    <t>Govt.Girls E/S Rais yaqoob Muhd.Lqp..</t>
  </si>
  <si>
    <t>Rais  Mushtaq</t>
  </si>
  <si>
    <t>mrs.samina yasmeen</t>
  </si>
  <si>
    <t>GPS BASTI JAKHER P/O SIKINDARABAD</t>
  </si>
  <si>
    <t>Sikander Abad</t>
  </si>
  <si>
    <t>Government primary School Basti Jakhar Sikanderabad Tehseel Shujabad Multan</t>
  </si>
  <si>
    <t>Nasreen summra</t>
  </si>
  <si>
    <t>GPS MANA AHMEDANI NO.1</t>
  </si>
  <si>
    <t>Mana Ahmadani Tehsil Kot Chutta District D.G.Khan</t>
  </si>
  <si>
    <t>Mana Ahmadai</t>
  </si>
  <si>
    <t>muhammmad asghar</t>
  </si>
  <si>
    <t>GPS AZAM KACHHELA</t>
  </si>
  <si>
    <t>chak dodara</t>
  </si>
  <si>
    <t>Basti Haji Jamal Hejbani</t>
  </si>
  <si>
    <t>Ghulam Hayder</t>
  </si>
  <si>
    <t>8143</t>
  </si>
  <si>
    <t>GGPS THATHA GABOLAN #1</t>
  </si>
  <si>
    <t>GHS ARA JAFAR</t>
  </si>
  <si>
    <t>Ara jaffar tehsil kot chutta district dgkhan</t>
  </si>
  <si>
    <t>Muhammad Naeem Yousaf</t>
  </si>
  <si>
    <t>GGPS NEW ABADI MITHAY WALI</t>
  </si>
  <si>
    <t>Mithay wali</t>
  </si>
  <si>
    <t>BALQIS BEGUM</t>
  </si>
  <si>
    <t>50654</t>
  </si>
  <si>
    <t>GGHSS FARID TOWN SAHIWAL</t>
  </si>
  <si>
    <t>Farid town</t>
  </si>
  <si>
    <t>gGHSS Farid Town SWL</t>
  </si>
  <si>
    <t>Farid Town</t>
  </si>
  <si>
    <t>Mrs Asia Khalid</t>
  </si>
  <si>
    <t>GGPS SHAH-DE-BASTI</t>
  </si>
  <si>
    <t>MUTFARAQ Chahan</t>
  </si>
  <si>
    <t>GGPS SHAH DI BASTI</t>
  </si>
  <si>
    <t>SHAH De BASTI</t>
  </si>
  <si>
    <t>Rifat Gada</t>
  </si>
  <si>
    <t>17070</t>
  </si>
  <si>
    <t>52473</t>
  </si>
  <si>
    <t>9239</t>
  </si>
  <si>
    <t>GGCMS BAHAR WALI</t>
  </si>
  <si>
    <t>basti bahar wali</t>
  </si>
  <si>
    <t>Bahar wali</t>
  </si>
  <si>
    <t>kot qaisrani</t>
  </si>
  <si>
    <t>Rabia Kausar</t>
  </si>
  <si>
    <t>OGDC pipeline</t>
  </si>
  <si>
    <t>GPS RAKH DHOOL NO 2</t>
  </si>
  <si>
    <t>Rakh Dhol</t>
  </si>
  <si>
    <t>p/o jakhar imam shah district DG khan</t>
  </si>
  <si>
    <t>Shakray wala</t>
  </si>
  <si>
    <t>Syed Masood Ahmed</t>
  </si>
  <si>
    <t>24882</t>
  </si>
  <si>
    <t>GES KORO WEST</t>
  </si>
  <si>
    <t>Koro gharbi P/O KOT QASRANI TEH TAUNSA DISTT DG KHAN</t>
  </si>
  <si>
    <t>Koro West</t>
  </si>
  <si>
    <t>QAZI ZAFAR AHMAD</t>
  </si>
  <si>
    <t>GPS HYDER WAHAN</t>
  </si>
  <si>
    <t>Haider Wahan Teh Kot chutta DG Khan</t>
  </si>
  <si>
    <t>Muhammad Khushhal</t>
  </si>
  <si>
    <t>GGES MUHAMMADNI</t>
  </si>
  <si>
    <t>Bharti</t>
  </si>
  <si>
    <t>basti muhammadani kalat</t>
  </si>
  <si>
    <t>Muhammadani Kalat</t>
  </si>
  <si>
    <t>Asia Rehman</t>
  </si>
  <si>
    <t>8151</t>
  </si>
  <si>
    <t>GGES CHOTI ZAREEN NO. 2</t>
  </si>
  <si>
    <t>Chack Bakhar</t>
  </si>
  <si>
    <t>GGMS No choti zareen</t>
  </si>
  <si>
    <t>CHOTI ZAREEN</t>
  </si>
  <si>
    <t>Rizwana Parveen</t>
  </si>
  <si>
    <t>GES BASTI BIRMANI</t>
  </si>
  <si>
    <t>Chahil Chahan</t>
  </si>
  <si>
    <t>basti birmani chahil chahan thatha gabolan p/o choti zareen</t>
  </si>
  <si>
    <t>Zohair Abbas</t>
  </si>
  <si>
    <t>GGCMES 82/6-R</t>
  </si>
  <si>
    <t>82/6r</t>
  </si>
  <si>
    <t>Samina Saleem</t>
  </si>
  <si>
    <t>GPS CHAH BUZDAR</t>
  </si>
  <si>
    <t>Basti Rafiq khan Kachhailla ,gongay wala ,chak dodarah p/o choti zareen, tehsil kot chutta, district dera ghazi khan.</t>
  </si>
  <si>
    <t>GPS BHUTTY WALA</t>
  </si>
  <si>
    <t>Mutfraq chahan</t>
  </si>
  <si>
    <t>Bhutty Wala Choti Zareen</t>
  </si>
  <si>
    <t>Bhutty wala</t>
  </si>
  <si>
    <t>mutfriq chahan</t>
  </si>
  <si>
    <t>Khalid Fareed</t>
  </si>
  <si>
    <t>GGES 143/9-L</t>
  </si>
  <si>
    <t>143/9l</t>
  </si>
  <si>
    <t>chak no 143/9.l</t>
  </si>
  <si>
    <t>141/9l</t>
  </si>
  <si>
    <t>SHAMIM ANWAR</t>
  </si>
  <si>
    <t>GGPS SARFRAGH</t>
  </si>
  <si>
    <t>Sarfaragh</t>
  </si>
  <si>
    <t>sarfaragh gherbi p/o vehoa tribal area dg khan</t>
  </si>
  <si>
    <t>SARFARAGH</t>
  </si>
  <si>
    <t>Aqsa Rasheed</t>
  </si>
  <si>
    <t>GPS NO. 3 MOCHI WALA</t>
  </si>
  <si>
    <t>Yaqiani</t>
  </si>
  <si>
    <t>mochi wala Mazza yaqiani u/c Jalbani no 71</t>
  </si>
  <si>
    <t>42643</t>
  </si>
  <si>
    <t>CHAH MEHMODAY WALA BASTI MALANA</t>
  </si>
  <si>
    <t>MEHMODAY WALA</t>
  </si>
  <si>
    <t>Rao Muhammad Nauman Saddique</t>
  </si>
  <si>
    <t>GPS 61/4-R</t>
  </si>
  <si>
    <t>chak no 61/4r sahiwal</t>
  </si>
  <si>
    <t>52568</t>
  </si>
  <si>
    <t>8778</t>
  </si>
  <si>
    <t>GHS KOTANI</t>
  </si>
  <si>
    <t>p/o vehova willage kotani</t>
  </si>
  <si>
    <t>ansar ahmad</t>
  </si>
  <si>
    <t>33946</t>
  </si>
  <si>
    <t>40495</t>
  </si>
  <si>
    <t>GPS 110/9-L</t>
  </si>
  <si>
    <t>110/9L</t>
  </si>
  <si>
    <t>Chak no 110/9.L</t>
  </si>
  <si>
    <t>Muhammad amin</t>
  </si>
  <si>
    <t>GPS QADIR COLONY</t>
  </si>
  <si>
    <t>qadir colony choti zareen</t>
  </si>
  <si>
    <t>qadir colony</t>
  </si>
  <si>
    <t>Ghulam mustafa</t>
  </si>
  <si>
    <t>GGPS JATOI WALA</t>
  </si>
  <si>
    <t>jatoi wala</t>
  </si>
  <si>
    <t>Basti Foja</t>
  </si>
  <si>
    <t>GPS SHER MOHAMMAD NO. 2</t>
  </si>
  <si>
    <t>CHAK BAKHIR</t>
  </si>
  <si>
    <t>Choti zareen chak bakhir basti iqbal buzdar</t>
  </si>
  <si>
    <t>BASTI IQBAL BUZDAR</t>
  </si>
  <si>
    <t>GPS SHAH BAKHSH</t>
  </si>
  <si>
    <t>Chakbakhar</t>
  </si>
  <si>
    <t>chakbakhar  choti zareen</t>
  </si>
  <si>
    <t>GES SARFARAGH</t>
  </si>
  <si>
    <t>sarfaragh p/o vehoa tribal area dg khan</t>
  </si>
  <si>
    <t>Abdul Hameed Qaisrani</t>
  </si>
  <si>
    <t>Chack Jalohar</t>
  </si>
  <si>
    <t>Chack jalohar P/O Choti zareen,Tehsil kot chutta.D.G.khan</t>
  </si>
  <si>
    <t>Basti Attaullah Khan</t>
  </si>
  <si>
    <t>GGPS VEHOVA NO.2</t>
  </si>
  <si>
    <t>vehova south</t>
  </si>
  <si>
    <t>Muhallah Afghan Vehova</t>
  </si>
  <si>
    <t>vehova</t>
  </si>
  <si>
    <t>UC vehova</t>
  </si>
  <si>
    <t>Fakhira Nazir</t>
  </si>
  <si>
    <t>GPS MUKHTAR ARIAN</t>
  </si>
  <si>
    <t>chah goristani Wala p/o choti zareen</t>
  </si>
  <si>
    <t>Goristani Wala</t>
  </si>
  <si>
    <t>GGES NAWAN SHEHR</t>
  </si>
  <si>
    <t>mutafariq chahan</t>
  </si>
  <si>
    <t>dakhana hassanabad</t>
  </si>
  <si>
    <t>nawanshahr</t>
  </si>
  <si>
    <t>shaista Leghari</t>
  </si>
  <si>
    <t>GPS BIRMANI JADEED</t>
  </si>
  <si>
    <t>Chak Birmani</t>
  </si>
  <si>
    <t>chak birmani uc bakhir wah no 84</t>
  </si>
  <si>
    <t>bakhir wah</t>
  </si>
  <si>
    <t>Amjad Pervaiz</t>
  </si>
  <si>
    <t>GPS LARI</t>
  </si>
  <si>
    <t>larri</t>
  </si>
  <si>
    <t>union council mithwan tehsil trible area distt.d.g.khan</t>
  </si>
  <si>
    <t>MUHAMMAD MUNNEWAR HUSSAIN</t>
  </si>
  <si>
    <t>GMPS DIWAN WALA</t>
  </si>
  <si>
    <t>Chah dewan wala, moza sikandarabad, p/o sikandarabad, tehsil shujabad, district multan</t>
  </si>
  <si>
    <t>GHS LITRA</t>
  </si>
  <si>
    <t>Government Boys High School Litra Tehsil Taunsa</t>
  </si>
  <si>
    <t>GGHSS MANA AHMEDANI</t>
  </si>
  <si>
    <t>MANA AHAMADANI</t>
  </si>
  <si>
    <t>GPS BUJAL</t>
  </si>
  <si>
    <t>bajal</t>
  </si>
  <si>
    <t>Bairote</t>
  </si>
  <si>
    <t>GHS FAROOQ ABAD</t>
  </si>
  <si>
    <t>saifan shoriya farooq abad tehsil kot chutta district d g khan</t>
  </si>
  <si>
    <t>GGPS DERA AARBI SHUJABAD</t>
  </si>
  <si>
    <t>mouza thath ghalwan basti dera arbi shujabad</t>
  </si>
  <si>
    <t>yasmeen gilani</t>
  </si>
  <si>
    <t>GGPS CHAH KHOKHRAN WALA</t>
  </si>
  <si>
    <t>Harrapa</t>
  </si>
  <si>
    <t>chah khokharan wala</t>
  </si>
  <si>
    <t>Chah Khokharan Wal</t>
  </si>
  <si>
    <t>GPS NAWAN JANUBI</t>
  </si>
  <si>
    <t>Ayub Abad U/C Nawan Janubi  Choti Zareen</t>
  </si>
  <si>
    <t>Ayub Abad</t>
  </si>
  <si>
    <t>GES CHANALA</t>
  </si>
  <si>
    <t>village Chanala p/o box phugla u c fazla kach tehsil tribal area tounsa district d.g khan</t>
  </si>
  <si>
    <t>GGPS BASTI JAM</t>
  </si>
  <si>
    <t>basti jam</t>
  </si>
  <si>
    <t>Azra Shaheen</t>
  </si>
  <si>
    <t>52294</t>
  </si>
  <si>
    <t>GGPS 57/GD</t>
  </si>
  <si>
    <t>57/GD</t>
  </si>
  <si>
    <t>52298</t>
  </si>
  <si>
    <t>GHS GAWAIN  MOZA GANWEN TEH. SHUJABAD</t>
  </si>
  <si>
    <t>govt high school Gawain shujabad</t>
  </si>
  <si>
    <t>GPMS SOJHLAY WALA</t>
  </si>
  <si>
    <t>darkhast jamal khan shumai basti sojhli</t>
  </si>
  <si>
    <t>Basti Sojhli</t>
  </si>
  <si>
    <t>GGPS 103/7-R</t>
  </si>
  <si>
    <t>103/7-R</t>
  </si>
  <si>
    <t>G.G.P.SCHOOL 103/7-R HARAPPA</t>
  </si>
  <si>
    <t>103/7-R HARAPPA</t>
  </si>
  <si>
    <t>102/6A-R</t>
  </si>
  <si>
    <t>Farkhanda Anwar</t>
  </si>
  <si>
    <t>7787</t>
  </si>
  <si>
    <t>GPS SHAHO BUZDAR</t>
  </si>
  <si>
    <t>basti shaho buzdar</t>
  </si>
  <si>
    <t>Shahoo Buzdar</t>
  </si>
  <si>
    <t>52305</t>
  </si>
  <si>
    <t>GES 60-61/G.D</t>
  </si>
  <si>
    <t>Chak No 60-61/gd Sahiwal</t>
  </si>
  <si>
    <t>59/gd</t>
  </si>
  <si>
    <t>Shahzad Sadiq Faridi</t>
  </si>
  <si>
    <t>GPS BASTI TUB</t>
  </si>
  <si>
    <t>TUB</t>
  </si>
  <si>
    <t>Busti TUB, Tehsil Taunsa sharif, dist, D.G.Khan</t>
  </si>
  <si>
    <t>Tubb</t>
  </si>
  <si>
    <t>Muhammad shahzad khawar</t>
  </si>
  <si>
    <t>33929</t>
  </si>
  <si>
    <t>GGHSS ZARIF SHAHEED SHAUJABAD</t>
  </si>
  <si>
    <t>RajaRam</t>
  </si>
  <si>
    <t>gghss.zarifshaheed. Shujabad multan</t>
  </si>
  <si>
    <t>Raja RAM</t>
  </si>
  <si>
    <t>GGMPS JARWAR</t>
  </si>
  <si>
    <t>basti jarwar post office Lakhani</t>
  </si>
  <si>
    <t>Jarwar</t>
  </si>
  <si>
    <t>Hafza Bushra Ameen</t>
  </si>
  <si>
    <t>8542</t>
  </si>
  <si>
    <t>GPS DADEE WALA</t>
  </si>
  <si>
    <t>chah bhatti wala mouza mohib laskani teh kot chutta</t>
  </si>
  <si>
    <t>Dadi Wala</t>
  </si>
  <si>
    <t>Muhammad ijaz</t>
  </si>
  <si>
    <t>GPS QUTAB SHAHANA</t>
  </si>
  <si>
    <t>GPS qutab shahana</t>
  </si>
  <si>
    <t>GPS BASTI ANWAR</t>
  </si>
  <si>
    <t>Bate Bait Wala</t>
  </si>
  <si>
    <t>basti Anwar Bait Bate Wala tehsil kot chutta distric DG khan</t>
  </si>
  <si>
    <t>Basti Anwar</t>
  </si>
  <si>
    <t>Wajid  Ali</t>
  </si>
  <si>
    <t>52325</t>
  </si>
  <si>
    <t>GES 154/9-L</t>
  </si>
  <si>
    <t>154/9L</t>
  </si>
  <si>
    <t>Chak # 154/9L Sahiwal</t>
  </si>
  <si>
    <t>GGPS AZMAT KEY KATHIA</t>
  </si>
  <si>
    <t>Tullah Bhullah</t>
  </si>
  <si>
    <t>ggps azmat kay kathia tullah bhullah</t>
  </si>
  <si>
    <t>Tehmeena Tanveer</t>
  </si>
  <si>
    <t>GPS VEHOVA NO.7</t>
  </si>
  <si>
    <t>Basti Jaat</t>
  </si>
  <si>
    <t>INAYAT ULLAH</t>
  </si>
  <si>
    <t>GGPS GHALOO WALA</t>
  </si>
  <si>
    <t>Mutafariq Chhan</t>
  </si>
  <si>
    <t>Mutafariq chahan</t>
  </si>
  <si>
    <t>Ghaloo Wala</t>
  </si>
  <si>
    <t>Ammara Bibi</t>
  </si>
  <si>
    <t>GPS NAI WALA BANGLA</t>
  </si>
  <si>
    <t>Naiwala Bangla</t>
  </si>
  <si>
    <t>naiwala bangla</t>
  </si>
  <si>
    <t>Muhammad Bashir Tabish</t>
  </si>
  <si>
    <t>GPS LALU TAUNSA</t>
  </si>
  <si>
    <t>Sibtain Raza</t>
  </si>
  <si>
    <t>GPS MASJID LEGHARI</t>
  </si>
  <si>
    <t>Leghari</t>
  </si>
  <si>
    <t>GGES BODLA FARM</t>
  </si>
  <si>
    <t>Bodla Farm  basti fouja</t>
  </si>
  <si>
    <t>Bhabey wala</t>
  </si>
  <si>
    <t>Shabana Fareed</t>
  </si>
  <si>
    <t>GGMPS NORUNGANI</t>
  </si>
  <si>
    <t>Nalduf</t>
  </si>
  <si>
    <t>Moaza nalduf basti norangani barthi</t>
  </si>
  <si>
    <t>Norangani</t>
  </si>
  <si>
    <t>MUKHTAR ZAHRA</t>
  </si>
  <si>
    <t>8308</t>
  </si>
  <si>
    <t>GGPS QASBA KHAN PUR</t>
  </si>
  <si>
    <t>village pahor wala ggps qasba khanpur</t>
  </si>
  <si>
    <t>Pahor Wala</t>
  </si>
  <si>
    <t>GHS JHOK BODO</t>
  </si>
  <si>
    <t>P/O JHOKE BODO TEHSIL TAUNSA DISTRICT DERA GHAZI KHAN</t>
  </si>
  <si>
    <t>Muhammad Awais Kamran Qaisrani</t>
  </si>
  <si>
    <t>GGPS SHER MUHAMMAD BUZDAR</t>
  </si>
  <si>
    <t>basti sher Muhammad buzdar nawan shumali choti zareen</t>
  </si>
  <si>
    <t>Sher Muhammad Buzdar</t>
  </si>
  <si>
    <t>GGPS 49/5-L</t>
  </si>
  <si>
    <t>chak No 49/5.L sahiwal</t>
  </si>
  <si>
    <t>Chak No49/5L</t>
  </si>
  <si>
    <t>Bashiran Mukhtar</t>
  </si>
  <si>
    <t>52923</t>
  </si>
  <si>
    <t>GHS KOT MOHI</t>
  </si>
  <si>
    <t>Kot Mohi</t>
  </si>
  <si>
    <t>Basti kot mohi</t>
  </si>
  <si>
    <t>Muhammad Nadir</t>
  </si>
  <si>
    <t>52948</t>
  </si>
  <si>
    <t>GES MANDRANI TAUNSA</t>
  </si>
  <si>
    <t>Mundrani</t>
  </si>
  <si>
    <t>Basti  Mundrani taunsa</t>
  </si>
  <si>
    <t>Wasti Buzdar</t>
  </si>
  <si>
    <t>GHS ZAMINDARA 145/9-L</t>
  </si>
  <si>
    <t>Chak no 145/9-L Sahiwal</t>
  </si>
  <si>
    <t>Chak No 145/9-L Sahiwal</t>
  </si>
  <si>
    <t>Chak No 141/9-L Sahiwal</t>
  </si>
  <si>
    <t>GGPS 79/5-L</t>
  </si>
  <si>
    <t>79/5-l</t>
  </si>
  <si>
    <t>chak 79/5-l</t>
  </si>
  <si>
    <t>79/5-L</t>
  </si>
  <si>
    <t>Sadia Liaqat</t>
  </si>
  <si>
    <t>GHS DADRA BALA</t>
  </si>
  <si>
    <t>Dadra Bala Via Harappa city</t>
  </si>
  <si>
    <t>GHULAM MUSTAFA  KANWAL</t>
  </si>
  <si>
    <t>GPS DOLA BALA</t>
  </si>
  <si>
    <t>Mouza Dola Bala p/o 58/GD sahiwal</t>
  </si>
  <si>
    <t>50832</t>
  </si>
  <si>
    <t>GPS MC FATEH SHER</t>
  </si>
  <si>
    <t>fateh sher colony sahiwal</t>
  </si>
  <si>
    <t>Goal Chakar</t>
  </si>
  <si>
    <t>50699</t>
  </si>
  <si>
    <t>GHS 56/G.D.</t>
  </si>
  <si>
    <t>56/gd</t>
  </si>
  <si>
    <t>ghs 56/gd sahiwal.</t>
  </si>
  <si>
    <t>Rana Hussnain Ahmad</t>
  </si>
  <si>
    <t>GES KOTLA AIMA</t>
  </si>
  <si>
    <t>Village Kotla Aima, PO Kala Gujran, Tehsil and District Jhelum.</t>
  </si>
  <si>
    <t>AASIM MUSHTAQ KAYANI</t>
  </si>
  <si>
    <t>GMPS CHAK NO. 20 TDA</t>
  </si>
  <si>
    <t>20tda</t>
  </si>
  <si>
    <t>20tda po khawer klan teh darya khan dist bhakkar</t>
  </si>
  <si>
    <t>Kohawer Kalan</t>
  </si>
  <si>
    <t>31468</t>
  </si>
  <si>
    <t>GGPS CHAK NO.151/TDA HALLY</t>
  </si>
  <si>
    <t>151/TDA</t>
  </si>
  <si>
    <t>Chak #151/TDA</t>
  </si>
  <si>
    <t>151 /TDA</t>
  </si>
  <si>
    <t>MISBAH TEHSEEN</t>
  </si>
  <si>
    <t>28459</t>
  </si>
  <si>
    <t>GGPS SARANG</t>
  </si>
  <si>
    <t>Village sarang p.o agroya teh phalia dist M. b din</t>
  </si>
  <si>
    <t>Dharaikaan Kalan</t>
  </si>
  <si>
    <t>Riffat Touqeer</t>
  </si>
  <si>
    <t>42044</t>
  </si>
  <si>
    <t>GES GANGOO BAHADUR</t>
  </si>
  <si>
    <t>Gangu Bahadur</t>
  </si>
  <si>
    <t>Village Gangoo Bhadur Taxila</t>
  </si>
  <si>
    <t>Gangu Bhadur</t>
  </si>
  <si>
    <t>MC Taxila</t>
  </si>
  <si>
    <t>Ghufran Ul Hannan Ghauri</t>
  </si>
  <si>
    <t>53566</t>
  </si>
  <si>
    <t>GGPS DASHTI</t>
  </si>
  <si>
    <t>Mouza dashti</t>
  </si>
  <si>
    <t>Sumera Qadir</t>
  </si>
  <si>
    <t>GPS CHAK NO 84/5-R</t>
  </si>
  <si>
    <t>84/5 r</t>
  </si>
  <si>
    <t>chak no 84/5 r</t>
  </si>
  <si>
    <t>Muhammd Waseem Shahid</t>
  </si>
  <si>
    <t>GGES BOLA</t>
  </si>
  <si>
    <t>Bola Shareef</t>
  </si>
  <si>
    <t>MC Hadali No 2</t>
  </si>
  <si>
    <t>Hafiza Iqra Jabeen</t>
  </si>
  <si>
    <t>45307</t>
  </si>
  <si>
    <t>48452</t>
  </si>
  <si>
    <t>53570</t>
  </si>
  <si>
    <t>Moza laghari markaz kot bahadar Teh AP Sial Distt Jhang</t>
  </si>
  <si>
    <t>GPS CHAK NO.201/8-R</t>
  </si>
  <si>
    <t>Chak #201/8R,Teh.Fort Abbas, Dist. Bahawalnagar</t>
  </si>
  <si>
    <t>Saghir Ahmad Khan</t>
  </si>
  <si>
    <t>44704</t>
  </si>
  <si>
    <t>GGPS HAQ BAHOO</t>
  </si>
  <si>
    <t>Dagar City West</t>
  </si>
  <si>
    <t>ggps Haq hahoo bhakkar</t>
  </si>
  <si>
    <t>Bhakkar City 1</t>
  </si>
  <si>
    <t>Bhakkar No 1</t>
  </si>
  <si>
    <t>53575</t>
  </si>
  <si>
    <t>GGPS CHAK NO. 171/MURAD (C)</t>
  </si>
  <si>
    <t>ggps171mc</t>
  </si>
  <si>
    <t>171mc</t>
  </si>
  <si>
    <t>48684</t>
  </si>
  <si>
    <t>GMPS RUNG PUR ALLAH YAR</t>
  </si>
  <si>
    <t>Range Pur Allah Yar</t>
  </si>
  <si>
    <t>Rung pur Allah yar</t>
  </si>
  <si>
    <t>Rang Pur Allah yar</t>
  </si>
  <si>
    <t>GPS HAVELI MIAN SHER ALI</t>
  </si>
  <si>
    <t>Havali Mian Sher Ali</t>
  </si>
  <si>
    <t>havali mian sher ali</t>
  </si>
  <si>
    <t>11480</t>
  </si>
  <si>
    <t>GGPS AHMAD NAGAR</t>
  </si>
  <si>
    <t>City Pottoki</t>
  </si>
  <si>
    <t>Budhay Wala</t>
  </si>
  <si>
    <t>village budhay wala p.o Ahmad pur teh sahiwal dist sargodha</t>
  </si>
  <si>
    <t>Budhay wala</t>
  </si>
  <si>
    <t>Safia Rani</t>
  </si>
  <si>
    <t>GGES 86/9-L</t>
  </si>
  <si>
    <t>Chak No 86/9/L</t>
  </si>
  <si>
    <t>chak no 86/9L swl</t>
  </si>
  <si>
    <t>Chak No86/9L</t>
  </si>
  <si>
    <t>Chak No 80/5L</t>
  </si>
  <si>
    <t>Mrs Kousar Parveen</t>
  </si>
  <si>
    <t>GGPS HAVELI HABEEB ULLAH</t>
  </si>
  <si>
    <t>Haweli Habib-ul-Allah</t>
  </si>
  <si>
    <t>haweli moran wali post office kahana new Lahore</t>
  </si>
  <si>
    <t>Sriach</t>
  </si>
  <si>
    <t>53592</t>
  </si>
  <si>
    <t>GPS CHAK KHEENA</t>
  </si>
  <si>
    <t>Chak Kheena</t>
  </si>
  <si>
    <t>,Ú†Ú© Ú©Ú¾ÛŒÙ†Û ÚˆØ§Ú©Ø®Ø§Ù†Û Ø¨Ú¾ÙˆÙ¾Ø§Ù„ÙˆØ§Ù„Û ØªØ­ØµÛŒÙ„ Ø³Ù…Ø¨Ú‘ÛŒØ§Ù„ Ø¶Ù„Ø¹ Ø³ÛŒØ§Ù„Ú©ÙˆÙ¹</t>
  </si>
  <si>
    <t>Pervaiz Masih</t>
  </si>
  <si>
    <t>GMPS CHAK NO.97/DNB</t>
  </si>
  <si>
    <t>97/dnb</t>
  </si>
  <si>
    <t>G..M.P.S 97/D.N.B</t>
  </si>
  <si>
    <t>97/DNB</t>
  </si>
  <si>
    <t>47/DNB</t>
  </si>
  <si>
    <t>GGCMS CHAK NO.12/BC BAHAWALPUR</t>
  </si>
  <si>
    <t>chak 12 bc</t>
  </si>
  <si>
    <t>GPS BASTI SHER ALI</t>
  </si>
  <si>
    <t>Basti Sher Ali Rajanpur</t>
  </si>
  <si>
    <t>Basti Sher Ali</t>
  </si>
  <si>
    <t>GGHS SHEIKH WAHIN</t>
  </si>
  <si>
    <t>zafrabad, muza Sheikh Wahan</t>
  </si>
  <si>
    <t>Asia Rauf</t>
  </si>
  <si>
    <t>GGPS ISLAM NAGAR NO. 1</t>
  </si>
  <si>
    <t>khichian basti</t>
  </si>
  <si>
    <t>Khichian Vasti</t>
  </si>
  <si>
    <t>Rohja Wali</t>
  </si>
  <si>
    <t>Um-e-kalsoom</t>
  </si>
  <si>
    <t>GPS LAKHNE WALA</t>
  </si>
  <si>
    <t>Dak Khana Khas Lakhnewal M.B.DIN.</t>
  </si>
  <si>
    <t>54162</t>
  </si>
  <si>
    <t>GGPS JALAL PUR</t>
  </si>
  <si>
    <t>jalalpur</t>
  </si>
  <si>
    <t>Jalalpur ariyan sharqpur</t>
  </si>
  <si>
    <t>Qureshiyanwala</t>
  </si>
  <si>
    <t>Malik Abbas Ali</t>
  </si>
  <si>
    <t>53613</t>
  </si>
  <si>
    <t>GPS PHEROKE</t>
  </si>
  <si>
    <t>pheorki post office vanikey tarar district and tehsil hafizabad</t>
  </si>
  <si>
    <t>GGES RAMKAY</t>
  </si>
  <si>
    <t>GGES Ramkey</t>
  </si>
  <si>
    <t>Rahat Aslam</t>
  </si>
  <si>
    <t>49722</t>
  </si>
  <si>
    <t>GGECM SCHOOL CHAK NO. 127 NB</t>
  </si>
  <si>
    <t>Govt girls community model elementary school 127 nb</t>
  </si>
  <si>
    <t>Chak No127 Nb</t>
  </si>
  <si>
    <t>129 Nb</t>
  </si>
  <si>
    <t>53617</t>
  </si>
  <si>
    <t>GGPS DAD SHAH</t>
  </si>
  <si>
    <t>WARA SEHRAN</t>
  </si>
  <si>
    <t>DAD SHAH</t>
  </si>
  <si>
    <t>najma batool</t>
  </si>
  <si>
    <t>53623</t>
  </si>
  <si>
    <t>GMPS LEHRI</t>
  </si>
  <si>
    <t>Village. lehri. p/o:thutha rai bahader. teh. Kharian. dist. Gujrat</t>
  </si>
  <si>
    <t>Ishrat Jan</t>
  </si>
  <si>
    <t>GES CHAK NO.108 NB</t>
  </si>
  <si>
    <t>chak no 108 NB sargodha</t>
  </si>
  <si>
    <t>chak no 108 NB sgd</t>
  </si>
  <si>
    <t>chak no 109 NB sgd</t>
  </si>
  <si>
    <t>54155</t>
  </si>
  <si>
    <t>48363</t>
  </si>
  <si>
    <t>GPS CHAK 681/22 GB</t>
  </si>
  <si>
    <t>Chak No681/22 GB</t>
  </si>
  <si>
    <t>chak no.681/22</t>
  </si>
  <si>
    <t>GPS TAHIR KE</t>
  </si>
  <si>
    <t>Bahar Ke</t>
  </si>
  <si>
    <t>bahar ke</t>
  </si>
  <si>
    <t>Wasim Waqar</t>
  </si>
  <si>
    <t>49483</t>
  </si>
  <si>
    <t>GPS HUKAM PUR</t>
  </si>
  <si>
    <t>Hukampur</t>
  </si>
  <si>
    <t>Aqil shah</t>
  </si>
  <si>
    <t>GGPS CHAK.52 LALAY WALA</t>
  </si>
  <si>
    <t>Chak 52</t>
  </si>
  <si>
    <t>lalay wala chak 52</t>
  </si>
  <si>
    <t>Fozia  Ahmad Din</t>
  </si>
  <si>
    <t>53637</t>
  </si>
  <si>
    <t>GES BHARAIRI</t>
  </si>
  <si>
    <t>Bharairi</t>
  </si>
  <si>
    <t>MOUZA BHARAIRI P /O SAME TEHSIL 18 hazari district Jhang</t>
  </si>
  <si>
    <t>M Hanif Kalyar</t>
  </si>
  <si>
    <t>46876</t>
  </si>
  <si>
    <t>GGPS KHARTOOB</t>
  </si>
  <si>
    <t>ggps khartoob</t>
  </si>
  <si>
    <t>Khartoob</t>
  </si>
  <si>
    <t>Sanam Shahzadi</t>
  </si>
  <si>
    <t>53639</t>
  </si>
  <si>
    <t>GPS MIR PUR BHATTIN</t>
  </si>
  <si>
    <t>Meerpur Bhattian</t>
  </si>
  <si>
    <t>meerpur bhattian nankana sahub</t>
  </si>
  <si>
    <t>Muneer Hussian</t>
  </si>
  <si>
    <t>GMPS 18 A/DB TEH MIANWALI</t>
  </si>
  <si>
    <t>Hernoli</t>
  </si>
  <si>
    <t>gmpschak18adb</t>
  </si>
  <si>
    <t>18adb</t>
  </si>
  <si>
    <t>38325</t>
  </si>
  <si>
    <t>GGES KHAN DA KHOO</t>
  </si>
  <si>
    <t>Jess</t>
  </si>
  <si>
    <t>Khan da khoo</t>
  </si>
  <si>
    <t>Khan Da Khoo</t>
  </si>
  <si>
    <t>Shah Pur Phul</t>
  </si>
  <si>
    <t>GPS MASTAN SHAH</t>
  </si>
  <si>
    <t>Noor-e-wali</t>
  </si>
  <si>
    <t>mastan shah</t>
  </si>
  <si>
    <t>mastan Shah</t>
  </si>
  <si>
    <t>MC-H</t>
  </si>
  <si>
    <t>Muhammad Amin Shah</t>
  </si>
  <si>
    <t>GGES WATLI</t>
  </si>
  <si>
    <t>watli</t>
  </si>
  <si>
    <t>Sofia Siddique</t>
  </si>
  <si>
    <t>GPS MC 10-B KOT BERBAL KHANEWAL</t>
  </si>
  <si>
    <t>Colony No-3</t>
  </si>
  <si>
    <t>kot beerbal khanewal</t>
  </si>
  <si>
    <t>Kot Beerbal</t>
  </si>
  <si>
    <t>31408</t>
  </si>
  <si>
    <t>GPS WANDALA DIAL SHAH</t>
  </si>
  <si>
    <t>Wandaladial shah</t>
  </si>
  <si>
    <t>Gps wandala dial shah</t>
  </si>
  <si>
    <t>Wandala Dial shah</t>
  </si>
  <si>
    <t>GGPS KACHA BAGH</t>
  </si>
  <si>
    <t>Baghbaanpura</t>
  </si>
  <si>
    <t>Ggps kacha bagh behind alfalah bank st# 30, baghbaanpura lhr.</t>
  </si>
  <si>
    <t>Tahira Raza</t>
  </si>
  <si>
    <t>GGES APWA SIALKOT</t>
  </si>
  <si>
    <t>Alam chowk shahab pura sialkot</t>
  </si>
  <si>
    <t>shahab pura</t>
  </si>
  <si>
    <t>Suhaila Tabassam</t>
  </si>
  <si>
    <t>53657</t>
  </si>
  <si>
    <t>GGMPS BUDHU KOT</t>
  </si>
  <si>
    <t>budhu kot</t>
  </si>
  <si>
    <t>village budhu kot p/o nonar tehsil &amp; District Narowal</t>
  </si>
  <si>
    <t>faryal yousaf</t>
  </si>
  <si>
    <t>8528</t>
  </si>
  <si>
    <t>40916</t>
  </si>
  <si>
    <t>GPS CHAH FAQIR ULLAHA</t>
  </si>
  <si>
    <t>Chahfaqeerullah</t>
  </si>
  <si>
    <t>GPS Chahfaqeerullah</t>
  </si>
  <si>
    <t>Garh Mahal</t>
  </si>
  <si>
    <t>Amir Raza Qasmi</t>
  </si>
  <si>
    <t>24552</t>
  </si>
  <si>
    <t>33708</t>
  </si>
  <si>
    <t>7863</t>
  </si>
  <si>
    <t>GPS WAKILAN WALI</t>
  </si>
  <si>
    <t>Khakhi Ghrbi</t>
  </si>
  <si>
    <t>Gov't,p/s  wakilan wali markaz  sadar DG khan</t>
  </si>
  <si>
    <t>Wakilan  Wali</t>
  </si>
  <si>
    <t>Khakhi  Ghrbi</t>
  </si>
  <si>
    <t>Jafar Zubair</t>
  </si>
  <si>
    <t>GGES 18 1-AL</t>
  </si>
  <si>
    <t>18/1AL</t>
  </si>
  <si>
    <t>GGPS KOTLA RAHAM ALI SHAH</t>
  </si>
  <si>
    <t>kotla reham ali shah</t>
  </si>
  <si>
    <t>Govt. girls primary school kotal reham ali shah</t>
  </si>
  <si>
    <t>Shahzadi Afzal</t>
  </si>
  <si>
    <t>50749</t>
  </si>
  <si>
    <t>GES  73/4-R</t>
  </si>
  <si>
    <t>CHAK NO. 73/4-R</t>
  </si>
  <si>
    <t>MUHAMMAD  MUJEEB UR REHMAN</t>
  </si>
  <si>
    <t>GGMPS JAVAID ABAD</t>
  </si>
  <si>
    <t>Javaid Abad Adda Karim Wala</t>
  </si>
  <si>
    <t>Javaid Abad</t>
  </si>
  <si>
    <t>hajra bibi</t>
  </si>
  <si>
    <t>GGPS BASTI SANDLIAN SHUJABAD</t>
  </si>
  <si>
    <t>jhok darkhan wali basti sandiliyan moza Soman</t>
  </si>
  <si>
    <t>Basti Sandlain</t>
  </si>
  <si>
    <t>Aqeela Maqbool</t>
  </si>
  <si>
    <t>GHS QADIR BUX KAMALIA</t>
  </si>
  <si>
    <t>Qadir Bukhsh</t>
  </si>
  <si>
    <t>mouza qadir bukhsh kamalia</t>
  </si>
  <si>
    <t>Azmat Shah Qadir Bukhsh</t>
  </si>
  <si>
    <t>GGES 80/5-L</t>
  </si>
  <si>
    <t>chak number 80/5-L</t>
  </si>
  <si>
    <t>Syeda Smara Gillani</t>
  </si>
  <si>
    <t>12756</t>
  </si>
  <si>
    <t>39272</t>
  </si>
  <si>
    <t>GGPS BASTI HAFIZ HABIB</t>
  </si>
  <si>
    <t>Doda Sahu</t>
  </si>
  <si>
    <t>Basti Hafiz Habib ullah, chak 104/7R harappa</t>
  </si>
  <si>
    <t>104/7R</t>
  </si>
  <si>
    <t>Saba Shamshad</t>
  </si>
  <si>
    <t>52137</t>
  </si>
  <si>
    <t>GGPS DUDIAN DE BHANIE</t>
  </si>
  <si>
    <t>Basti Dhudian p/o Harappa Sahiwal</t>
  </si>
  <si>
    <t>52138</t>
  </si>
  <si>
    <t>GHS ISLAMIA KAMALIA</t>
  </si>
  <si>
    <t>Chak # 713 GB Kamalia Dist. T.T.Singh</t>
  </si>
  <si>
    <t>Baroon Kamalia</t>
  </si>
  <si>
    <t>50744</t>
  </si>
  <si>
    <t>GES  98/6-R</t>
  </si>
  <si>
    <t>Chak No 98/6R</t>
  </si>
  <si>
    <t>G.E.S. Chak No 98/6R</t>
  </si>
  <si>
    <t>33935</t>
  </si>
  <si>
    <t>GES GHABI JAKHAR CHAH DHORAY WALA</t>
  </si>
  <si>
    <t>chah dhoray Wala mouza jakhar tehsil shujabad district Multan.</t>
  </si>
  <si>
    <t>GPS MARI NOON TAIL FAIZ PUR</t>
  </si>
  <si>
    <t>Marinoon</t>
  </si>
  <si>
    <t>mari noon tail faiz pur shujabad</t>
  </si>
  <si>
    <t>Tail Faiz Pur</t>
  </si>
  <si>
    <t>GPS BAIT FATEH KHAN</t>
  </si>
  <si>
    <t>basti moga</t>
  </si>
  <si>
    <t>Basti Moga</t>
  </si>
  <si>
    <t>Zeeshan basheer</t>
  </si>
  <si>
    <t>GPS LUT WALA P/O KHOJA SHUJABAD</t>
  </si>
  <si>
    <t>khoja</t>
  </si>
  <si>
    <t>GPS lut wala</t>
  </si>
  <si>
    <t>Lutwala</t>
  </si>
  <si>
    <t>Ch Muhammad Amjad Khan</t>
  </si>
  <si>
    <t>GPS RINDAN</t>
  </si>
  <si>
    <t>Goly Wah</t>
  </si>
  <si>
    <t>Basti Rindan, Tehsil kot chutta, District D. G Khan</t>
  </si>
  <si>
    <t>FAHEEM AMIN</t>
  </si>
  <si>
    <t>GGHS MITHWAN</t>
  </si>
  <si>
    <t>gghs mithwan p/o vehova</t>
  </si>
  <si>
    <t>Naheed Begum</t>
  </si>
  <si>
    <t>GGES GORISTANI WALA</t>
  </si>
  <si>
    <t>Mutafriq Chahan</t>
  </si>
  <si>
    <t>GGES Goristani wala p/o choti zaree</t>
  </si>
  <si>
    <t>Munazza Sikandar</t>
  </si>
  <si>
    <t>51045</t>
  </si>
  <si>
    <t>GGPS GARDEN TOWN SAHIWAL</t>
  </si>
  <si>
    <t>GOVT.GIRLS PRIMARY SCHOOL GARDEN TOWN SAHIWAL</t>
  </si>
  <si>
    <t>NOOR PARK</t>
  </si>
  <si>
    <t>Tanzeela Sardar</t>
  </si>
  <si>
    <t>GGPS LURKAY WALA</t>
  </si>
  <si>
    <t>GGPS lurkay wala tehs kot chutta</t>
  </si>
  <si>
    <t>Lurkay Wala</t>
  </si>
  <si>
    <t>GPS BUGHA</t>
  </si>
  <si>
    <t>basti bugha tehsil taunsa sharief distt DG khan</t>
  </si>
  <si>
    <t>Bugha</t>
  </si>
  <si>
    <t>hasrat ullah</t>
  </si>
  <si>
    <t>by water color</t>
  </si>
  <si>
    <t>GPS MEER MOHAMMAD</t>
  </si>
  <si>
    <t>basti meer muhammad tehsil kot chuta</t>
  </si>
  <si>
    <t>GGPS MAHMOODAY WALA</t>
  </si>
  <si>
    <t>chah Mahmooday wala,Mouza Basti jam,tehsil Kot Chutta,Distt.D?D.Khan.</t>
  </si>
  <si>
    <t>Mahmooday Wala</t>
  </si>
  <si>
    <t>17420</t>
  </si>
  <si>
    <t>GGPS MARI WALA NO.2</t>
  </si>
  <si>
    <t>P/o Hassan Abad mozha Nawan Shumali kot chutta</t>
  </si>
  <si>
    <t>BAKHAT  WADI</t>
  </si>
  <si>
    <t>GHS SIKANDER ABAD</t>
  </si>
  <si>
    <t>GOVT.HIGH SCHOOL SIKANDER ABAD NEAR UBL BANK SIKANDER ABAD</t>
  </si>
  <si>
    <t>Muhammad akmal</t>
  </si>
  <si>
    <t>51028</t>
  </si>
  <si>
    <t>GPS 112/9-L AHATA WALIAT SHAH</t>
  </si>
  <si>
    <t>112/9.L ahata walait shah</t>
  </si>
  <si>
    <t>112/9L Budh Dhako</t>
  </si>
  <si>
    <t>GPS BASTI DAD ZAMAI WALA</t>
  </si>
  <si>
    <t>Basti Dad</t>
  </si>
  <si>
    <t>Zamai wala Basti Dad Tehsil Shujabad Abad District Multan</t>
  </si>
  <si>
    <t>Shoukat Hussain</t>
  </si>
  <si>
    <t>GPS 57/5-L SODIWAL</t>
  </si>
  <si>
    <t>57/5L Sodian</t>
  </si>
  <si>
    <t>chak no 57/5.L sodian sahiwal</t>
  </si>
  <si>
    <t>58/5L Gunoo</t>
  </si>
  <si>
    <t>GPS CHAK BUZDAR</t>
  </si>
  <si>
    <t>Chak Buzdar</t>
  </si>
  <si>
    <t>p/s chak buzdar basti Hajo buzdar p/o shahoo buzdar</t>
  </si>
  <si>
    <t>Basti Hajo Buzdar</t>
  </si>
  <si>
    <t>GPS HAIDER QURESHI</t>
  </si>
  <si>
    <t>basti bhanu wala</t>
  </si>
  <si>
    <t>Basti Bhanu Wala</t>
  </si>
  <si>
    <t>GHS TREMIN</t>
  </si>
  <si>
    <t>High School Trimin</t>
  </si>
  <si>
    <t>Qazi Ata Ullah</t>
  </si>
  <si>
    <t>GGMPS KEEMAY WALA</t>
  </si>
  <si>
    <t>faqeer wala markaz Basti malana</t>
  </si>
  <si>
    <t>GGES MANDWANI</t>
  </si>
  <si>
    <t>Berote</t>
  </si>
  <si>
    <t>berote mandwani p/o kot qaisrani</t>
  </si>
  <si>
    <t>Mandwani</t>
  </si>
  <si>
    <t>Berote Mandwani</t>
  </si>
  <si>
    <t>Nimra Farooq</t>
  </si>
  <si>
    <t>GPS CHURAY WALA SHUJA ABAD</t>
  </si>
  <si>
    <t>Ghaus Pur Mouza Mari Noon Shujabad</t>
  </si>
  <si>
    <t>GPS RODO SHARQI</t>
  </si>
  <si>
    <t>Rodo Sharqi</t>
  </si>
  <si>
    <t>Village Rodo Sharqi</t>
  </si>
  <si>
    <t>welfare scheme</t>
  </si>
  <si>
    <t>GGHS BANGALA SHUJABAD</t>
  </si>
  <si>
    <t>Gardezpur</t>
  </si>
  <si>
    <t>GGHS bangala, shujabad</t>
  </si>
  <si>
    <t>Basti Bangala</t>
  </si>
  <si>
    <t>Rabia Akbar Khan</t>
  </si>
  <si>
    <t>82350</t>
  </si>
  <si>
    <t>52721</t>
  </si>
  <si>
    <t>9341</t>
  </si>
  <si>
    <t>GGPS RAJEY WALI</t>
  </si>
  <si>
    <t>Rajay Wali tehsil taunsa district d g khan</t>
  </si>
  <si>
    <t>Rajay Wali</t>
  </si>
  <si>
    <t>Bushra Sarwat</t>
  </si>
  <si>
    <t>Ges karyal</t>
  </si>
  <si>
    <t>Muhammad Sattar</t>
  </si>
  <si>
    <t>9552</t>
  </si>
  <si>
    <t>GGES BASTI YASEEN</t>
  </si>
  <si>
    <t>Gadi Shumali</t>
  </si>
  <si>
    <t>gadi shumali post office nutkani</t>
  </si>
  <si>
    <t>SALMA BATOOL</t>
  </si>
  <si>
    <t>GPS BAHAWAL FATIANA</t>
  </si>
  <si>
    <t>Bahawal Fatiana</t>
  </si>
  <si>
    <t>bahawal fatiana sahiwal</t>
  </si>
  <si>
    <t>50695</t>
  </si>
  <si>
    <t>GHS KARAM BALOCH</t>
  </si>
  <si>
    <t>Karam Baloch</t>
  </si>
  <si>
    <t>GHS KARAM BALOCH SAHIWAL</t>
  </si>
  <si>
    <t>IBRAR HUSSAIN ANJUM</t>
  </si>
  <si>
    <t>GPS SHAH NAWAZ ABAD</t>
  </si>
  <si>
    <t>NARI JANOBI</t>
  </si>
  <si>
    <t>GPS Shah Nawaz Abad Nari Janobi Tehsil Taunsa District D.G Khan</t>
  </si>
  <si>
    <t>8907</t>
  </si>
  <si>
    <t>GPS JAT WALA</t>
  </si>
  <si>
    <t>Kachala</t>
  </si>
  <si>
    <t>Basti Jatwala</t>
  </si>
  <si>
    <t>Jatwala</t>
  </si>
  <si>
    <t>50865</t>
  </si>
  <si>
    <t>GPS 64/GD</t>
  </si>
  <si>
    <t>Muhmmad Pur</t>
  </si>
  <si>
    <t>GGES TARIQ BIN ZIAD COLONY</t>
  </si>
  <si>
    <t>GGES X block Tariq bin Ziad colony sahiwal</t>
  </si>
  <si>
    <t>TBZ Colony Sahiwal</t>
  </si>
  <si>
    <t>GGHS 100/ WM SAHIWAL</t>
  </si>
  <si>
    <t>100WM</t>
  </si>
  <si>
    <t>GGHS100WM SWL</t>
  </si>
  <si>
    <t>CHAK NO 100WM SWL</t>
  </si>
  <si>
    <t>1-10L</t>
  </si>
  <si>
    <t>SHAHINA SHADDIQUE</t>
  </si>
  <si>
    <t>52759</t>
  </si>
  <si>
    <t>50928</t>
  </si>
  <si>
    <t>GPS 63/4-R</t>
  </si>
  <si>
    <t>GPS PEHARH</t>
  </si>
  <si>
    <t>Peehar</t>
  </si>
  <si>
    <t>Peehar post office Retra Tehsil Taunsa Distt. DG Khan</t>
  </si>
  <si>
    <t>nearest hand pump</t>
  </si>
  <si>
    <t>52764</t>
  </si>
  <si>
    <t>koharjanubi tehsil taunsa sharif</t>
  </si>
  <si>
    <t>Koharjanubi</t>
  </si>
  <si>
    <t>khalida samreen</t>
  </si>
  <si>
    <t>GPS NATHU DAD WASLI</t>
  </si>
  <si>
    <t>Nathu Wasli</t>
  </si>
  <si>
    <t>nathu dad wasli qutab shahana sahiwal</t>
  </si>
  <si>
    <t>51185</t>
  </si>
  <si>
    <t>GGPS DILAWER KAY KATHIA</t>
  </si>
  <si>
    <t>dilawar key kathia</t>
  </si>
  <si>
    <t>Dilawar Key Kathia</t>
  </si>
  <si>
    <t>Mir Dad Mafi</t>
  </si>
  <si>
    <t>GHS HAIRO SHARQI</t>
  </si>
  <si>
    <t>Hairo Sharqi</t>
  </si>
  <si>
    <t>Hairo sharqi</t>
  </si>
  <si>
    <t>8841</t>
  </si>
  <si>
    <t>GHS LAKHANI</t>
  </si>
  <si>
    <t>BASTI LAKHANI PO LAKHANI</t>
  </si>
  <si>
    <t>51088</t>
  </si>
  <si>
    <t>GGPS KOT ALLAH DIN NO.2</t>
  </si>
  <si>
    <t>M Hussain Colony</t>
  </si>
  <si>
    <t>m hussain colony</t>
  </si>
  <si>
    <t>Faseeha Batool</t>
  </si>
  <si>
    <t>GGPS LITRA NO.2</t>
  </si>
  <si>
    <t>GGPS no:2, litra</t>
  </si>
  <si>
    <t>GGMPS DAULAT WALA</t>
  </si>
  <si>
    <t>basti daulat wala uc kotani no 1</t>
  </si>
  <si>
    <t>Faheem Riaz</t>
  </si>
  <si>
    <t>52804</t>
  </si>
  <si>
    <t>51068</t>
  </si>
  <si>
    <t>GGPS ALLWAL COLONY</t>
  </si>
  <si>
    <t>Alawal Colony</t>
  </si>
  <si>
    <t>alawal colony Multan road sahiwal</t>
  </si>
  <si>
    <t>Alawal Colony Sahiwal</t>
  </si>
  <si>
    <t>51/9</t>
  </si>
  <si>
    <t>15138</t>
  </si>
  <si>
    <t>GGPS 74/5-L KOT FAZIL</t>
  </si>
  <si>
    <t>kot fazil</t>
  </si>
  <si>
    <t>74 5 L kot fazil swl</t>
  </si>
  <si>
    <t>44 5L</t>
  </si>
  <si>
    <t>fareha kauar</t>
  </si>
  <si>
    <t>52808</t>
  </si>
  <si>
    <t>GPS BHUCH</t>
  </si>
  <si>
    <t>bhuch</t>
  </si>
  <si>
    <t>basti bhuch tehsil taunsa dist dera ghazi khan</t>
  </si>
  <si>
    <t>GHS BARTHI</t>
  </si>
  <si>
    <t>Barthi South</t>
  </si>
  <si>
    <t>p/o barthi tribal area DGK</t>
  </si>
  <si>
    <t>GGES TUB</t>
  </si>
  <si>
    <t>Basti tubb tehsil taunsa</t>
  </si>
  <si>
    <t>Basti Tubb</t>
  </si>
  <si>
    <t>Mamouna Khaliq</t>
  </si>
  <si>
    <t>GPS MC BRANCH A SAHIWAL</t>
  </si>
  <si>
    <t>Goal Chakkar Swl</t>
  </si>
  <si>
    <t>Sahiwal city</t>
  </si>
  <si>
    <t>ANSAR GALI SWL</t>
  </si>
  <si>
    <t>MUHAMMAD AKBAR SHAD</t>
  </si>
  <si>
    <t>53210</t>
  </si>
  <si>
    <t>GPS CHAK NO 28-A/4L</t>
  </si>
  <si>
    <t>Chao No28A/4L</t>
  </si>
  <si>
    <t>chak no.28A/4l</t>
  </si>
  <si>
    <t>WAZIR ALI</t>
  </si>
  <si>
    <t>GGES BASTI MEHRAN SYEDAN</t>
  </si>
  <si>
    <t>Ditta Baloch</t>
  </si>
  <si>
    <t>basti mahran saydan</t>
  </si>
  <si>
    <t>Mahran Saydan</t>
  </si>
  <si>
    <t>Faiza Gull</t>
  </si>
  <si>
    <t>GPS CHAK NO 120/6-R (E)</t>
  </si>
  <si>
    <t>Chak No 120/6-r</t>
  </si>
  <si>
    <t>Chak no 120/6-r AB Post office faqirwali tehsil Haroonabad district Bahawalnagar</t>
  </si>
  <si>
    <t>Chak No 120/6-r E</t>
  </si>
  <si>
    <t>Chak No 101/6-r</t>
  </si>
  <si>
    <t>GPS GURMANI</t>
  </si>
  <si>
    <t>Basti gurmani sumra nashaib layyah</t>
  </si>
  <si>
    <t>GMPS CHAK NO.6 EB</t>
  </si>
  <si>
    <t>Talli</t>
  </si>
  <si>
    <t>chak 6/eb</t>
  </si>
  <si>
    <t>Chak 6/eb</t>
  </si>
  <si>
    <t>Amira shaheen</t>
  </si>
  <si>
    <t>21004</t>
  </si>
  <si>
    <t>GPS NO. 2 GAKHAR</t>
  </si>
  <si>
    <t>GPS No 2</t>
  </si>
  <si>
    <t>Rana Imtiaz Ali</t>
  </si>
  <si>
    <t>GES CHAK NO. 7/FW</t>
  </si>
  <si>
    <t>Chak no7/fw</t>
  </si>
  <si>
    <t>Chak no.7/fw syedanwala</t>
  </si>
  <si>
    <t>Chak No7/fw</t>
  </si>
  <si>
    <t>MUNAWAR HUSSAIN SHAH</t>
  </si>
  <si>
    <t>53442</t>
  </si>
  <si>
    <t>GPS DERA GHULAM HAIDER</t>
  </si>
  <si>
    <t>VPO Kot Sher Muhammad Tehsil Phalia District Mandi Bahauddin</t>
  </si>
  <si>
    <t>GPS NAND PURA</t>
  </si>
  <si>
    <t>basti shamay wali mouza nandpura</t>
  </si>
  <si>
    <t>GES CHAK NO. 206/9-R</t>
  </si>
  <si>
    <t>206/9-r</t>
  </si>
  <si>
    <t>199/8-r</t>
  </si>
  <si>
    <t>GPS SARWALA</t>
  </si>
  <si>
    <t>Gbps sarwala village sheenbagh Attock city</t>
  </si>
  <si>
    <t>Sheenbagh Khurd</t>
  </si>
  <si>
    <t>Waqas Naseem Khan</t>
  </si>
  <si>
    <t>GPS SADIQ ABAD BAHAR SHARQI</t>
  </si>
  <si>
    <t>chah bair wala bahar sharqi</t>
  </si>
  <si>
    <t>Muhammad Hasnain Jaffri</t>
  </si>
  <si>
    <t>Dhoop Sari Eid Gah Road Phool Nagar</t>
  </si>
  <si>
    <t>Jamila Kausar</t>
  </si>
  <si>
    <t>GGPS PROPI NAGRA</t>
  </si>
  <si>
    <t>Propi Nagra</t>
  </si>
  <si>
    <t>Village $p/o propi nagra  Teh  pasrur District Sialkot</t>
  </si>
  <si>
    <t>Syeda Zakia Tasaddaq</t>
  </si>
  <si>
    <t>GGMPS HARBANS PURA</t>
  </si>
  <si>
    <t>Herbenspur</t>
  </si>
  <si>
    <t>herbenspur</t>
  </si>
  <si>
    <t>GGPS BHACHAR</t>
  </si>
  <si>
    <t>Kuthaila sheikhan 9</t>
  </si>
  <si>
    <t>bhacher</t>
  </si>
  <si>
    <t>Bhacher</t>
  </si>
  <si>
    <t>GES 51/GD</t>
  </si>
  <si>
    <t>51/GD</t>
  </si>
  <si>
    <t>GES 51/GD TEHSIL &amp; DISTRICT SAHIWAL</t>
  </si>
  <si>
    <t>Sahibzada Mulazim Hussain Khan</t>
  </si>
  <si>
    <t>GES  48/12-L</t>
  </si>
  <si>
    <t>CHAK No 48/12L</t>
  </si>
  <si>
    <t>CHAK NO 48/12L TECH CHICHAWATNI DISTT SAHIWAL</t>
  </si>
  <si>
    <t>CHAK No 48/12-L</t>
  </si>
  <si>
    <t>CHAK No  54/12-L</t>
  </si>
  <si>
    <t>49042</t>
  </si>
  <si>
    <t>GPS CHAK NO.62 NB</t>
  </si>
  <si>
    <t>Chak 62 NB</t>
  </si>
  <si>
    <t>Chak 19 NB</t>
  </si>
  <si>
    <t>GES THERI SANSI</t>
  </si>
  <si>
    <t>THERI SANSI</t>
  </si>
  <si>
    <t>THERI SANSI (RAILWAY STATION) GUJRANWALA</t>
  </si>
  <si>
    <t>GGPS BAGH SHAMAS DIN</t>
  </si>
  <si>
    <t>Baghshams Din</t>
  </si>
  <si>
    <t>v.p.o baghshamsdin</t>
  </si>
  <si>
    <t>Nurat Shaheen</t>
  </si>
  <si>
    <t>22874</t>
  </si>
  <si>
    <t>54427</t>
  </si>
  <si>
    <t>GGPS BADNIAN</t>
  </si>
  <si>
    <t>Village badnian teh kotli sattian disst rwp</t>
  </si>
  <si>
    <t>Asifa Yamin</t>
  </si>
  <si>
    <t>GMPS CHAK 315 GB</t>
  </si>
  <si>
    <t>Chak 315 GB</t>
  </si>
  <si>
    <t>chak no 315G.B T.T.SINGH</t>
  </si>
  <si>
    <t>Chak No 315GB TTSINGH</t>
  </si>
  <si>
    <t>Chak No 314gb</t>
  </si>
  <si>
    <t>Rizwana Ashiq</t>
  </si>
  <si>
    <t>govt girls primary school shah pur district rajan pur</t>
  </si>
  <si>
    <t>sobia riaz</t>
  </si>
  <si>
    <t>GMPS MULO WALI</t>
  </si>
  <si>
    <t>Mulowali</t>
  </si>
  <si>
    <t>govt model primary school mulowali</t>
  </si>
  <si>
    <t>Mulo Wali</t>
  </si>
  <si>
    <t>GES NO. 2 GUNJIAL</t>
  </si>
  <si>
    <t>Gunjial city</t>
  </si>
  <si>
    <t>GPS MUHAMMAD PURA</t>
  </si>
  <si>
    <t>Muhalla Muhammad Pura  Muhammad Pura</t>
  </si>
  <si>
    <t>Muhalla Muhammad Pura</t>
  </si>
  <si>
    <t>v.p.o dandi</t>
  </si>
  <si>
    <t>Ghazala Nawaz</t>
  </si>
  <si>
    <t>53478</t>
  </si>
  <si>
    <t>GGPS HATHI WIND</t>
  </si>
  <si>
    <t>hathiwind</t>
  </si>
  <si>
    <t>hathiwind p/o bhera teh bhera dist sargodha</t>
  </si>
  <si>
    <t>Hathiwind</t>
  </si>
  <si>
    <t>khan Muhammad wala</t>
  </si>
  <si>
    <t>GGPS KACHA RAZI</t>
  </si>
  <si>
    <t>soon miani Yaqoub pirhar</t>
  </si>
  <si>
    <t>Jam Yaqoub Pirhar</t>
  </si>
  <si>
    <t>Noor Bano</t>
  </si>
  <si>
    <t>GGES SERI GHANIAL</t>
  </si>
  <si>
    <t>seri ghanial</t>
  </si>
  <si>
    <t>vill seri ghanial p/o gattar teh sohawa distt jhelum</t>
  </si>
  <si>
    <t>jajial</t>
  </si>
  <si>
    <t>samar mehboob</t>
  </si>
  <si>
    <t>GGES CHAK NO.120/DNB</t>
  </si>
  <si>
    <t>120/DNB</t>
  </si>
  <si>
    <t>chak#120/DNB post office 111/DNB teh yazman dist BWP</t>
  </si>
  <si>
    <t>GES CHAK NO. 44/DB</t>
  </si>
  <si>
    <t>Chak 44 db</t>
  </si>
  <si>
    <t>Chak 44db</t>
  </si>
  <si>
    <t>72419</t>
  </si>
  <si>
    <t>GGPS NOOR UL HASAN</t>
  </si>
  <si>
    <t>durhatta</t>
  </si>
  <si>
    <t>GG PS Noor ul Hassan wala basti durhatta lodhran</t>
  </si>
  <si>
    <t>Shamim Bibi</t>
  </si>
  <si>
    <t>36255</t>
  </si>
  <si>
    <t>GPS CHAK NO.105/WB</t>
  </si>
  <si>
    <t>Chak No105wb</t>
  </si>
  <si>
    <t>Chak no.105wb</t>
  </si>
  <si>
    <t>Chak No 105/WB</t>
  </si>
  <si>
    <t>Muhammad Shahzad  Akram</t>
  </si>
  <si>
    <t>GGPS BASTI PEER BUKSH</t>
  </si>
  <si>
    <t>basti peer bukhish moza dhadi khazan singh</t>
  </si>
  <si>
    <t>Peer Bukhish</t>
  </si>
  <si>
    <t>Batool Hassan</t>
  </si>
  <si>
    <t>GES MUZAFFAR NAU</t>
  </si>
  <si>
    <t>Muzaffar Nau</t>
  </si>
  <si>
    <t>Muzaffar Nau p/o Vanike Tarar Teh&amp;Distt Hafiz Abad</t>
  </si>
  <si>
    <t>Kot Sayd Muhammad Muhammad</t>
  </si>
  <si>
    <t>GGPS DUPHY</t>
  </si>
  <si>
    <t>Duphy</t>
  </si>
  <si>
    <t>GGPS_duphy</t>
  </si>
  <si>
    <t>Duphi makori</t>
  </si>
  <si>
    <t>Warra sehran</t>
  </si>
  <si>
    <t>nosheen shoukat</t>
  </si>
  <si>
    <t>GGPS BANWARAY</t>
  </si>
  <si>
    <t>banwaray</t>
  </si>
  <si>
    <t>moza banwaray</t>
  </si>
  <si>
    <t>hast khewa</t>
  </si>
  <si>
    <t>Basra Jamal</t>
  </si>
  <si>
    <t>GPS Mauza Akbar Kalera</t>
  </si>
  <si>
    <t>Akbar Kalera</t>
  </si>
  <si>
    <t>Moza akbar kalera post office tibba naina Teh k.kot Dist bhakkar</t>
  </si>
  <si>
    <t>GMPS NO. 2 CHOA KHALSA</t>
  </si>
  <si>
    <t>CHOHA KHALSA</t>
  </si>
  <si>
    <t>GMPS CHOA KHALSA TEH: KALLAR SYEDAN DISTT: RWP P\O CHOA KHALSA</t>
  </si>
  <si>
    <t>Saeeda Batool</t>
  </si>
  <si>
    <t>GPS LOOTHER NO. 1</t>
  </si>
  <si>
    <t>basti Allah abad, Loother</t>
  </si>
  <si>
    <t>Aftab Nawaz</t>
  </si>
  <si>
    <t>GPS CHAK MUHAMMAD KHAN</t>
  </si>
  <si>
    <t>Chak Muhammad  Khan</t>
  </si>
  <si>
    <t>Chak Muhammad Khan,. district sargodha</t>
  </si>
  <si>
    <t>37629</t>
  </si>
  <si>
    <t>GGPS 47-B/15-L, MIAN CHANNU</t>
  </si>
  <si>
    <t>JROLIANWALA</t>
  </si>
  <si>
    <t>CHAK # 47-B/15-L JROLIANWALA MIANCHANNU</t>
  </si>
  <si>
    <t>47-B/15-L</t>
  </si>
  <si>
    <t>124/15-L IKRAMWALI</t>
  </si>
  <si>
    <t>AZRA ISMAEEL</t>
  </si>
  <si>
    <t>GPS DERA ABD-UR-REHAMN WALA</t>
  </si>
  <si>
    <t>Jall shumali</t>
  </si>
  <si>
    <t>village and post office Jall shumali tehsil Piplan District Mianwali</t>
  </si>
  <si>
    <t>Muhammad Naveed Ahmed</t>
  </si>
  <si>
    <t>40012</t>
  </si>
  <si>
    <t>GGPS PAINDA</t>
  </si>
  <si>
    <t>Painda</t>
  </si>
  <si>
    <t>Naheed  Kausar</t>
  </si>
  <si>
    <t>GPS PIR GHAIB P/O PIR GHAIB MOUZA HILAL WAJEH</t>
  </si>
  <si>
    <t>Hilal Wajah</t>
  </si>
  <si>
    <t>p/o peer ghaib, mouza hilal wajah shujabad</t>
  </si>
  <si>
    <t>Qaisar Pur</t>
  </si>
  <si>
    <t>Muhammad Aftaf Hussain</t>
  </si>
  <si>
    <t>38702</t>
  </si>
  <si>
    <t>moza guhalam muhammad wala jallah arain</t>
  </si>
  <si>
    <t>Guhalm Muhammad W</t>
  </si>
  <si>
    <t>Aatifa Hafiz</t>
  </si>
  <si>
    <t>GES MUZAFAR ABAD SHER SHAH ROAD MULTAN CANTT.</t>
  </si>
  <si>
    <t>Muzaffrabad</t>
  </si>
  <si>
    <t>pul muzaffrabad</t>
  </si>
  <si>
    <t>GGPS MOHRA TULLA</t>
  </si>
  <si>
    <t>mohra tullah dha phase1</t>
  </si>
  <si>
    <t>Mohra Tullah</t>
  </si>
  <si>
    <t>Faryal Mazhar</t>
  </si>
  <si>
    <t>GGPS THAHEEM ABAD</t>
  </si>
  <si>
    <t>Thaeem abad</t>
  </si>
  <si>
    <t>Baldia Khanpur</t>
  </si>
  <si>
    <t>Samrana Naz</t>
  </si>
  <si>
    <t>GGES 21 GHAGH</t>
  </si>
  <si>
    <t>21gh</t>
  </si>
  <si>
    <t>21gh adda 25 pul</t>
  </si>
  <si>
    <t>Ch No 21gh</t>
  </si>
  <si>
    <t>13d Darkhana</t>
  </si>
  <si>
    <t>GPS KOT SARANG</t>
  </si>
  <si>
    <t>gps kot sarang teh talagang distt chakwal</t>
  </si>
  <si>
    <t>Nuzhat Afshan</t>
  </si>
  <si>
    <t>28338</t>
  </si>
  <si>
    <t>GMPS BHINDER KHURD</t>
  </si>
  <si>
    <t>Bhinder Khurd</t>
  </si>
  <si>
    <t>Bhinder khurd the phalia dist m b din</t>
  </si>
  <si>
    <t>53674</t>
  </si>
  <si>
    <t>GGPS KUNDRALA</t>
  </si>
  <si>
    <t>GGPS kundrala</t>
  </si>
  <si>
    <t>Shazia Farri Naz</t>
  </si>
  <si>
    <t>53676</t>
  </si>
  <si>
    <t>37442</t>
  </si>
  <si>
    <t>GES 51/15-L, MIAN CHANNU</t>
  </si>
  <si>
    <t>Chak 51/15-L</t>
  </si>
  <si>
    <t>Chak 51/15-L Qureshi Wala Mian Channu</t>
  </si>
  <si>
    <t>Muhammad Ajmal Naeem</t>
  </si>
  <si>
    <t>Nawan Dera</t>
  </si>
  <si>
    <t>Basti Mirani GGPS Mirani</t>
  </si>
  <si>
    <t>Mirani</t>
  </si>
  <si>
    <t>Maimona Jilani</t>
  </si>
  <si>
    <t>38721</t>
  </si>
  <si>
    <t>GGPS 45/M NO.1</t>
  </si>
  <si>
    <t>45 m</t>
  </si>
  <si>
    <t>45m teh.dunya pur Distt.lodhran</t>
  </si>
  <si>
    <t>siraj wala</t>
  </si>
  <si>
    <t>Sajida Khuda Bux</t>
  </si>
  <si>
    <t>45653</t>
  </si>
  <si>
    <t>GPS KARLOO WALI</t>
  </si>
  <si>
    <t>Karloo</t>
  </si>
  <si>
    <t>moza karlu darya khan bhakkar</t>
  </si>
  <si>
    <t>53683</t>
  </si>
  <si>
    <t>48487</t>
  </si>
  <si>
    <t>GGES CHAK NO.6 SB</t>
  </si>
  <si>
    <t>Chakno6sb</t>
  </si>
  <si>
    <t>chakno6sb post office bhalwal distt Sargodha</t>
  </si>
  <si>
    <t>Sadia Mubasher</t>
  </si>
  <si>
    <t>53684</t>
  </si>
  <si>
    <t>GES HAJI KAMAND</t>
  </si>
  <si>
    <t>Haji Kamand Post Office Jhoke Uttra</t>
  </si>
  <si>
    <t>Shoukat Abbas</t>
  </si>
  <si>
    <t>53685</t>
  </si>
  <si>
    <t>GGPS MANKERA CITY</t>
  </si>
  <si>
    <t>GGPS CITY MANKERA</t>
  </si>
  <si>
    <t>Basti shumali Mankera</t>
  </si>
  <si>
    <t>fiza shehnaz</t>
  </si>
  <si>
    <t>GPS PAPRALI</t>
  </si>
  <si>
    <t>VPO Herdo Sodhi Tehsil naushera District Khushab</t>
  </si>
  <si>
    <t>Paprali</t>
  </si>
  <si>
    <t>Mudassar Farooq</t>
  </si>
  <si>
    <t>53690</t>
  </si>
  <si>
    <t>46003</t>
  </si>
  <si>
    <t>GMPS NO. 1 NAUSHERA</t>
  </si>
  <si>
    <t>mohala   Ajwal tehsil naushera district khushab</t>
  </si>
  <si>
    <t>16921</t>
  </si>
  <si>
    <t>GPS NO.2 MIANI</t>
  </si>
  <si>
    <t>Khurshid Ali</t>
  </si>
  <si>
    <t>GGES CHAK NO.65 SB</t>
  </si>
  <si>
    <t>Chak No 65</t>
  </si>
  <si>
    <t>chak no 65</t>
  </si>
  <si>
    <t>GPS CHAK NO. 123/DRB</t>
  </si>
  <si>
    <t>123/DRB</t>
  </si>
  <si>
    <t>Chak No 123/DRB Tehsil Yazman</t>
  </si>
  <si>
    <t>GPS ASIL GURKE LHR CANTT</t>
  </si>
  <si>
    <t>Asal Guruke</t>
  </si>
  <si>
    <t>village asal guruke</t>
  </si>
  <si>
    <t>Adbul Ghaffar</t>
  </si>
  <si>
    <t>GGES WARCHHA CITY</t>
  </si>
  <si>
    <t>Kahkashan Saleem</t>
  </si>
  <si>
    <t>45637</t>
  </si>
  <si>
    <t>GPS KAROO MAGASSI</t>
  </si>
  <si>
    <t>sumra nashaib janubi bsti magsi layyah</t>
  </si>
  <si>
    <t>Bsti Magsi</t>
  </si>
  <si>
    <t>GPS KHOOHI GORAYA</t>
  </si>
  <si>
    <t>khoohi goraya tehsil sahiwal sargodha</t>
  </si>
  <si>
    <t>Khoohi Goraya</t>
  </si>
  <si>
    <t>GGES BASTI PANWARAN</t>
  </si>
  <si>
    <t>Nawaraen</t>
  </si>
  <si>
    <t>gges panwaran</t>
  </si>
  <si>
    <t>Adil Khan</t>
  </si>
  <si>
    <t>Mueenabad</t>
  </si>
  <si>
    <t>Maria Qubtia</t>
  </si>
  <si>
    <t>GPS 352 JB II BABAR COLONY</t>
  </si>
  <si>
    <t>Mehandi Abad</t>
  </si>
  <si>
    <t>gps 352 jb ii</t>
  </si>
  <si>
    <t>352 Jb</t>
  </si>
  <si>
    <t>Nudrat Nawaz</t>
  </si>
  <si>
    <t>GPS BOOLA</t>
  </si>
  <si>
    <t>boola</t>
  </si>
  <si>
    <t>Mazhar Khan</t>
  </si>
  <si>
    <t>GMPS DERA FAQIR FATEH KHAN</t>
  </si>
  <si>
    <t>Dera Haji Fateh Khan, P/O Karari Kot, Teh &amp; Disst.Bhakkar</t>
  </si>
  <si>
    <t>Dera Haji Fateh Khan</t>
  </si>
  <si>
    <t>GGPS FAIZABAD</t>
  </si>
  <si>
    <t>Zorkoot</t>
  </si>
  <si>
    <t>Jhok Haji Mahmood Wagi</t>
  </si>
  <si>
    <t>46260</t>
  </si>
  <si>
    <t>GPS DERA LAL KHAN</t>
  </si>
  <si>
    <t>Dera Lal Khan Adhi Kot</t>
  </si>
  <si>
    <t>Shafiq Ul Islam</t>
  </si>
  <si>
    <t>GGPS DHONDAY</t>
  </si>
  <si>
    <t>Dhonday</t>
  </si>
  <si>
    <t>Village Dhonday P/O Raiwind</t>
  </si>
  <si>
    <t>Arrian</t>
  </si>
  <si>
    <t>53717</t>
  </si>
  <si>
    <t>GPS UNCHA PIND</t>
  </si>
  <si>
    <t>Uncha Pand</t>
  </si>
  <si>
    <t>Uncha Pand P/o Narang Muridke,Sheikhupura</t>
  </si>
  <si>
    <t>53722</t>
  </si>
  <si>
    <t>51010</t>
  </si>
  <si>
    <t>GPS 70/4-R</t>
  </si>
  <si>
    <t>Chak no. 70/4r Tehsil District Sahiwal</t>
  </si>
  <si>
    <t>Sarfraz Ahmad Khan</t>
  </si>
  <si>
    <t>53723</t>
  </si>
  <si>
    <t>GPS KHAIRPUR JADEED</t>
  </si>
  <si>
    <t>Khair Pur Jadeed</t>
  </si>
  <si>
    <t>Basti kamal wala khairpur jadeed</t>
  </si>
  <si>
    <t>Kamal Wala</t>
  </si>
  <si>
    <t>GPS POSTI</t>
  </si>
  <si>
    <t>Posti</t>
  </si>
  <si>
    <t>basti posti</t>
  </si>
  <si>
    <t>Jamrani Kohn</t>
  </si>
  <si>
    <t>Waqass Rasheed</t>
  </si>
  <si>
    <t>53725</t>
  </si>
  <si>
    <t>GGPS CHAK NO.85 NB MANGLA ABADI</t>
  </si>
  <si>
    <t>Chak no 85 NB Mangla Abadi Sargodha</t>
  </si>
  <si>
    <t>85 NB Mangla Abadi</t>
  </si>
  <si>
    <t>Rabbia Fatima</t>
  </si>
  <si>
    <t>GPS FAROOQABAD</t>
  </si>
  <si>
    <t>Gps Farooqabad Teh k, kahar District Chakwal</t>
  </si>
  <si>
    <t>MC Bhaun</t>
  </si>
  <si>
    <t>Iltaf Hussain</t>
  </si>
  <si>
    <t>GGPS CHAK NO. 90/5-R AB</t>
  </si>
  <si>
    <t>90/5R AB, Haroonabad, dist. Bahawalnagar</t>
  </si>
  <si>
    <t>90-5 R Cw</t>
  </si>
  <si>
    <t>Anwer Sattar</t>
  </si>
  <si>
    <t>GPS CHAK NO 252 JB</t>
  </si>
  <si>
    <t>252 JB</t>
  </si>
  <si>
    <t>chak no 252Jb PO chak 255 JB</t>
  </si>
  <si>
    <t>Chak NO 252 JB</t>
  </si>
  <si>
    <t>Chak NO 250 JB</t>
  </si>
  <si>
    <t>GGES CHAK NO 139 JB</t>
  </si>
  <si>
    <t>chak no=139 j.b tehsil chiniot district chiniot</t>
  </si>
  <si>
    <t>chak no 139 j.b chiniot</t>
  </si>
  <si>
    <t>chak no 140. j.b</t>
  </si>
  <si>
    <t>Shumaila Atif</t>
  </si>
  <si>
    <t>GPS MAIRA SANGAL</t>
  </si>
  <si>
    <t>Maira Sangal</t>
  </si>
  <si>
    <t>Maira sangal</t>
  </si>
  <si>
    <t>GMPS SOUD SARIF</t>
  </si>
  <si>
    <t>Soud Sharif</t>
  </si>
  <si>
    <t>Soud sharif p /o fatta bhand teh kharian dist gujrat</t>
  </si>
  <si>
    <t>Phatta Bhand</t>
  </si>
  <si>
    <t>53737</t>
  </si>
  <si>
    <t>29822</t>
  </si>
  <si>
    <t>GGPS BASTI SOHAN</t>
  </si>
  <si>
    <t>Basti Sohan</t>
  </si>
  <si>
    <t>Basti Sohan Pattoki</t>
  </si>
  <si>
    <t>Burj Mahlum  Chak 35</t>
  </si>
  <si>
    <t>GPS GANAISH PUR</t>
  </si>
  <si>
    <t>Ganaishpur Dist&amp;tahsil Nankana Sahib.</t>
  </si>
  <si>
    <t>GPS IRFAN ABAD COLONY</t>
  </si>
  <si>
    <t>M/C JAMPUR</t>
  </si>
  <si>
    <t>53747</t>
  </si>
  <si>
    <t>GGPS MOMIN SHAH WALA MOUZA DHANOT</t>
  </si>
  <si>
    <t>basti chabakn mouza dhanote</t>
  </si>
  <si>
    <t>ggps momin shah wala basti chabakn mouza dhanote</t>
  </si>
  <si>
    <t>rupper</t>
  </si>
  <si>
    <t>Balqees Akter</t>
  </si>
  <si>
    <t>49757</t>
  </si>
  <si>
    <t>GPS CHAK NO.161 NB</t>
  </si>
  <si>
    <t>Chak 161 NB</t>
  </si>
  <si>
    <t>Chak 161 NB P/O same Tehsil Sillanwali District Sargodha</t>
  </si>
  <si>
    <t>Chak 163 NB</t>
  </si>
  <si>
    <t>Muhammad Shaukat Khan Nadeem</t>
  </si>
  <si>
    <t>GPS CHAK NO 5-6ML PIPLAN MIANWALI</t>
  </si>
  <si>
    <t>P/ O &amp; Village Chak No. 5-6 ML Tehsil Piplan District Mianwali</t>
  </si>
  <si>
    <t>Chak No 5-6 ML</t>
  </si>
  <si>
    <t>Amjad Nasim</t>
  </si>
  <si>
    <t>GPS MUSTALA</t>
  </si>
  <si>
    <t>Mustala</t>
  </si>
  <si>
    <t>village mustala post office adhi</t>
  </si>
  <si>
    <t>Sajjad Afsar</t>
  </si>
  <si>
    <t>GmPS MANGOWAL KALAN</t>
  </si>
  <si>
    <t>Mangowal Kalan</t>
  </si>
  <si>
    <t>Mangowal kalan</t>
  </si>
  <si>
    <t>Mangowal khurd</t>
  </si>
  <si>
    <t>GES WAHALI ZER</t>
  </si>
  <si>
    <t>Wahali Hardo</t>
  </si>
  <si>
    <t>vpo Wahali Zer tehsil choa saiden shah district chakwal</t>
  </si>
  <si>
    <t>Wahali Zer</t>
  </si>
  <si>
    <t>Lehr Sultanpur</t>
  </si>
  <si>
    <t>muhammad tanveer</t>
  </si>
  <si>
    <t>GPS MAQBOOL SHAHEED ABAD</t>
  </si>
  <si>
    <t>Maqbool Shaheed Abad</t>
  </si>
  <si>
    <t>Maqbool Shaheed Abad Post Office Mor Eminabad</t>
  </si>
  <si>
    <t>GES DAL MORE</t>
  </si>
  <si>
    <t>Dall</t>
  </si>
  <si>
    <t>Government Elementary School Dall More</t>
  </si>
  <si>
    <t>Malik Ali Murad</t>
  </si>
  <si>
    <t>19051</t>
  </si>
  <si>
    <t>GPS USMANIA PIR MAHAL</t>
  </si>
  <si>
    <t>GPS usmania pirmahal</t>
  </si>
  <si>
    <t>Factory aria</t>
  </si>
  <si>
    <t>Municipal committe</t>
  </si>
  <si>
    <t>GPS CHAK MUGHLAN</t>
  </si>
  <si>
    <t>Chak Mughlan</t>
  </si>
  <si>
    <t>Village Chakmughlan post office kalagugran jhelum</t>
  </si>
  <si>
    <t>Kalagujran</t>
  </si>
  <si>
    <t>Ambreen Shahzadi</t>
  </si>
  <si>
    <t>53769</t>
  </si>
  <si>
    <t>GGES ARZANI PUR</t>
  </si>
  <si>
    <t>same as post office arzani pur</t>
  </si>
  <si>
    <t>24081</t>
  </si>
  <si>
    <t>GES KAMAL PUR CHISHTIAN</t>
  </si>
  <si>
    <t>Kamalpur Chishtian</t>
  </si>
  <si>
    <t>kamalpur chishtian pasrur dist sialkot</t>
  </si>
  <si>
    <t>Mian Safrish Ali</t>
  </si>
  <si>
    <t>53776</t>
  </si>
  <si>
    <t>GGES CHAK 80/P</t>
  </si>
  <si>
    <t>Taranda Saway</t>
  </si>
  <si>
    <t>GGes chak 80/p</t>
  </si>
  <si>
    <t>Chak No 80/p</t>
  </si>
  <si>
    <t>Tarnda</t>
  </si>
  <si>
    <t>19819</t>
  </si>
  <si>
    <t>GMPS CHAK NO 186 JB</t>
  </si>
  <si>
    <t>186 Kalyar Wala</t>
  </si>
  <si>
    <t>Chak No 186  Tehsil Bhowana District Chiniot</t>
  </si>
  <si>
    <t>Chak No 186 Jb</t>
  </si>
  <si>
    <t>Chak No 208 Sahmal</t>
  </si>
  <si>
    <t>IFFAT BANO</t>
  </si>
  <si>
    <t>53779</t>
  </si>
  <si>
    <t>GGES PUNJKOSI</t>
  </si>
  <si>
    <t>chak Punjkosi, p/o doonga boonga, bahawalnagar</t>
  </si>
  <si>
    <t>Punjkosi</t>
  </si>
  <si>
    <t>Saba Mukhtar</t>
  </si>
  <si>
    <t>GGCMS CHAK 372 TDA</t>
  </si>
  <si>
    <t>Chak no 372a tda choubara</t>
  </si>
  <si>
    <t>Chak No 372a TDa</t>
  </si>
  <si>
    <t>38163</t>
  </si>
  <si>
    <t>GGES KOT LAL SHAH</t>
  </si>
  <si>
    <t>Kot Lal Shah</t>
  </si>
  <si>
    <t>basti kot lal shah tehsil and district lodhran</t>
  </si>
  <si>
    <t>GPS GANJAY SINDHU</t>
  </si>
  <si>
    <t>GANJAY SINDHU</t>
  </si>
  <si>
    <t>VILLAGE GANJAY SINDHU P.O BATA PUR LAHORE</t>
  </si>
  <si>
    <t>AWAN DHAYE WALA</t>
  </si>
  <si>
    <t>GHS GHOUS ABAD</t>
  </si>
  <si>
    <t>GHOUSABAD</t>
  </si>
  <si>
    <t>GHOUSABAD,TEHSIL KOT CHUTTA, D G KHAN</t>
  </si>
  <si>
    <t>SYED ZAKA ULLAH SHAH</t>
  </si>
  <si>
    <t>GPS 66/4-R KHAN KAMAL</t>
  </si>
  <si>
    <t>66/4r Khan kamal</t>
  </si>
  <si>
    <t>chak no.66/4.r khan kamal District Sahiwal</t>
  </si>
  <si>
    <t>GPS GALLARY SOUTH</t>
  </si>
  <si>
    <t>Gallary South</t>
  </si>
  <si>
    <t>Mouza Gallary Janoobi Sahiwal</t>
  </si>
  <si>
    <t>KHAWAR FARID</t>
  </si>
  <si>
    <t>8938</t>
  </si>
  <si>
    <t>GPS PULL DAGAR</t>
  </si>
  <si>
    <t>Pull Dagar P\O Bughlani Tehsil Taunsa Distt. DGKhan</t>
  </si>
  <si>
    <t>Pull Dagar</t>
  </si>
  <si>
    <t>Mohammad Shoaib</t>
  </si>
  <si>
    <t>GGPS DHORAY WALA NO.1</t>
  </si>
  <si>
    <t>Thahta Ghabolan</t>
  </si>
  <si>
    <t>faqeer wala</t>
  </si>
  <si>
    <t>Amir Begum</t>
  </si>
  <si>
    <t>52623</t>
  </si>
  <si>
    <t>GGPS HAFIZ WAHID BAKHSH</t>
  </si>
  <si>
    <t>Basti Hafiz Wahid Buksh Choti Zareen</t>
  </si>
  <si>
    <t>Basti Hafiz Wahid Buksh</t>
  </si>
  <si>
    <t>Shabab Bashir</t>
  </si>
  <si>
    <t>19066</t>
  </si>
  <si>
    <t>GHS BOHAR</t>
  </si>
  <si>
    <t>GGMES SAKHI SARWAR (B)</t>
  </si>
  <si>
    <t>tahira nusrat</t>
  </si>
  <si>
    <t>52630</t>
  </si>
  <si>
    <t>GHS CHURKIN</t>
  </si>
  <si>
    <t>churkin</t>
  </si>
  <si>
    <t>Mmuhammad Lateef Dahar</t>
  </si>
  <si>
    <t>Nari Dhumraya</t>
  </si>
  <si>
    <t>Murad wala Mouza Mari dhamraya p.o lot chutta  thesis kot chutta  didstric d g khan</t>
  </si>
  <si>
    <t>52639</t>
  </si>
  <si>
    <t>GES ARAH TULLAH</t>
  </si>
  <si>
    <t>Aratullah</t>
  </si>
  <si>
    <t>Bahadar Shsh</t>
  </si>
  <si>
    <t>Muhammad Asif Qayyum</t>
  </si>
  <si>
    <t>20256</t>
  </si>
  <si>
    <t>21676</t>
  </si>
  <si>
    <t>GPS SUMANDARY KHAN WALI</t>
  </si>
  <si>
    <t>basti samandri darkhast Jamal khan</t>
  </si>
  <si>
    <t>Samandri</t>
  </si>
  <si>
    <t>Darkhast Jamal khan</t>
  </si>
  <si>
    <t>Farooq Ahmed</t>
  </si>
  <si>
    <t>50867</t>
  </si>
  <si>
    <t>GPS ASADULLA PUR</t>
  </si>
  <si>
    <t>asad ullah pur sahiwal</t>
  </si>
  <si>
    <t>Syed Ashiq Hussain</t>
  </si>
  <si>
    <t>11024</t>
  </si>
  <si>
    <t>GGES BASHIR TALPUR</t>
  </si>
  <si>
    <t>basti talpur post office same tehsil kot chutta distt DG Khan</t>
  </si>
  <si>
    <t>basti Talpur</t>
  </si>
  <si>
    <t>Ameer Bibi</t>
  </si>
  <si>
    <t>GGPS CHOWK SAKHI SARWAR</t>
  </si>
  <si>
    <t>chowksakhisarwar</t>
  </si>
  <si>
    <t>SakhiSarwar</t>
  </si>
  <si>
    <t>SajidaPerveen</t>
  </si>
  <si>
    <t>D Jamal Khan janubi No 2</t>
  </si>
  <si>
    <t>basti zahrani Darkhast Jamal khan janubi tehsil kot chutta D G Khan</t>
  </si>
  <si>
    <t>Basti zahrani</t>
  </si>
  <si>
    <t>D Jamal Khan Janubi</t>
  </si>
  <si>
    <t>GPS CHAWAY WALA</t>
  </si>
  <si>
    <t>Jhedweran</t>
  </si>
  <si>
    <t>main jhang road sargodha</t>
  </si>
  <si>
    <t>Chaway Wala</t>
  </si>
  <si>
    <t>Tasawar Abbas</t>
  </si>
  <si>
    <t>GPS MIR NAGAR</t>
  </si>
  <si>
    <t>darkhast jamal khan janobi1</t>
  </si>
  <si>
    <t>bsti mir abdullah</t>
  </si>
  <si>
    <t>basti mir abdullah</t>
  </si>
  <si>
    <t>darkhast jmal khan jnobi1</t>
  </si>
  <si>
    <t>GGMPS JAKHAR TOWN</t>
  </si>
  <si>
    <t>darkhast jamal khan tahsil kotchutta district d.g.khan</t>
  </si>
  <si>
    <t>Darkhast jamal Khan</t>
  </si>
  <si>
    <t>Rizwana Anwar</t>
  </si>
  <si>
    <t>51201</t>
  </si>
  <si>
    <t>GGPS 52/GD KOT SARWAR</t>
  </si>
  <si>
    <t>52gd Kot Sarwar</t>
  </si>
  <si>
    <t>52gd kot sarwar</t>
  </si>
  <si>
    <t>50gd</t>
  </si>
  <si>
    <t>12582</t>
  </si>
  <si>
    <t>GGPS DHORAY WALA NO.2</t>
  </si>
  <si>
    <t>basti haji hussain,thatha gabolan</t>
  </si>
  <si>
    <t>Tehmina Ameer</t>
  </si>
  <si>
    <t>GGPS HAJI HUSSAIN</t>
  </si>
  <si>
    <t>basti Haji Hussain po choti zareen</t>
  </si>
  <si>
    <t>Basti Haji Hussain</t>
  </si>
  <si>
    <t>Mutfariq chohan</t>
  </si>
  <si>
    <t>GES KOHAR JANUBI</t>
  </si>
  <si>
    <t>KOHAR JANOBI</t>
  </si>
  <si>
    <t>KOHAR JANOBI TRIBAL AREA DG KHAN</t>
  </si>
  <si>
    <t>aziz ahmad</t>
  </si>
  <si>
    <t>GPS THATHA MANIK</t>
  </si>
  <si>
    <t>GPS thatha manak</t>
  </si>
  <si>
    <t>Rafaqat Saeed Muavis</t>
  </si>
  <si>
    <t>28275</t>
  </si>
  <si>
    <t>50931</t>
  </si>
  <si>
    <t>GPS 60/4-R DURBARI WALA</t>
  </si>
  <si>
    <t>60/4R Darbari Wala</t>
  </si>
  <si>
    <t>Chak no. 60/4R Darbari Wala</t>
  </si>
  <si>
    <t>60/4R DARABARI WALA</t>
  </si>
  <si>
    <t>Muhammad Abid Ali Shah</t>
  </si>
  <si>
    <t>53787</t>
  </si>
  <si>
    <t>GPS BHIT MUUST</t>
  </si>
  <si>
    <t>Bhit Mast</t>
  </si>
  <si>
    <t>phuleray syddan</t>
  </si>
  <si>
    <t>Ammar Iqbal</t>
  </si>
  <si>
    <t>18082</t>
  </si>
  <si>
    <t>GPS CHAK NO 479 JB</t>
  </si>
  <si>
    <t>Chak No479</t>
  </si>
  <si>
    <t>chak no 479 jb</t>
  </si>
  <si>
    <t>zafar ali zafar</t>
  </si>
  <si>
    <t>GGES FATEH SHAH</t>
  </si>
  <si>
    <t>village p/o Dher Mond Dhoke Fateh Shah Teh.Talagang District Chakwal</t>
  </si>
  <si>
    <t>GMPS BAWA CHAK NO 25</t>
  </si>
  <si>
    <t>Bawa Ch#25</t>
  </si>
  <si>
    <t>Govt Model P/S  Bawa ch#25</t>
  </si>
  <si>
    <t>Kot Bawa Ch#25</t>
  </si>
  <si>
    <t>Dhollan Ch#27</t>
  </si>
  <si>
    <t>GMPS DOHNIKEY</t>
  </si>
  <si>
    <t>Dhonikey</t>
  </si>
  <si>
    <t>vill dhonikey, teh wazirabad , Gujranwala</t>
  </si>
  <si>
    <t>Bhatti Key</t>
  </si>
  <si>
    <t>Asiya Siddiq</t>
  </si>
  <si>
    <t>GGPS MAUZA NOOR ULLAH</t>
  </si>
  <si>
    <t>Noor Ullah</t>
  </si>
  <si>
    <t>Govt Girls paraimry school mauza noor</t>
  </si>
  <si>
    <t>Amna Niazi</t>
  </si>
  <si>
    <t>GGCMS JAVAID WALA</t>
  </si>
  <si>
    <t>Patni</t>
  </si>
  <si>
    <t>basti javed wala m.garh</t>
  </si>
  <si>
    <t>Javed Wala</t>
  </si>
  <si>
    <t>Anam Ali Bhatti</t>
  </si>
  <si>
    <t>GPS BHROKIAN WALA</t>
  </si>
  <si>
    <t>Gunjial North</t>
  </si>
  <si>
    <t>GGES MACHI KHOKHAR</t>
  </si>
  <si>
    <t>Ballan Wala</t>
  </si>
  <si>
    <t>TEHSEENA QAMAR</t>
  </si>
  <si>
    <t>GGES CHADAR CHAK</t>
  </si>
  <si>
    <t>Chadar Chak 3RB</t>
  </si>
  <si>
    <t>Chadar chak no.3</t>
  </si>
  <si>
    <t>GPS KHUNDA LADKE</t>
  </si>
  <si>
    <t>Khunda Ladhekey</t>
  </si>
  <si>
    <t>village khunda ladhekey p/o ladhekey narang mandi</t>
  </si>
  <si>
    <t>Herdo Ladhekey</t>
  </si>
  <si>
    <t>Rabia Ateeq</t>
  </si>
  <si>
    <t>18572</t>
  </si>
  <si>
    <t>GGPS ATARI SAROBA</t>
  </si>
  <si>
    <t>attari saroba</t>
  </si>
  <si>
    <t>GMPS HAVELI HERBAJ RAI</t>
  </si>
  <si>
    <t>Hweli Her Bhaj Rai</t>
  </si>
  <si>
    <t>haveli her bhajbrai</t>
  </si>
  <si>
    <t>Thatta Kareemdad</t>
  </si>
  <si>
    <t>19204</t>
  </si>
  <si>
    <t>GGPS TABBA RAHAR</t>
  </si>
  <si>
    <t>Tibbah Rahar</t>
  </si>
  <si>
    <t>G G P S TIbbah rahar</t>
  </si>
  <si>
    <t>Dhuregan Wala</t>
  </si>
  <si>
    <t>Fereedabad</t>
  </si>
  <si>
    <t>GGPS CHAK KHOKHAR</t>
  </si>
  <si>
    <t>Chak Khokhar</t>
  </si>
  <si>
    <t>chak khokhar.</t>
  </si>
  <si>
    <t>Uncha Klan</t>
  </si>
  <si>
    <t>GGES MAKIAL</t>
  </si>
  <si>
    <t>Makial</t>
  </si>
  <si>
    <t>Bhag Bhari</t>
  </si>
  <si>
    <t>GGES CHAK NO.118 SB</t>
  </si>
  <si>
    <t>GGES 118 sb</t>
  </si>
  <si>
    <t>Chak 118 Sb</t>
  </si>
  <si>
    <t>shaheenaabad</t>
  </si>
  <si>
    <t>Sultana  Kousar</t>
  </si>
  <si>
    <t>GPS DEWAN GARH</t>
  </si>
  <si>
    <t>Dewan Garah</t>
  </si>
  <si>
    <t>GPS Dewan Garah</t>
  </si>
  <si>
    <t>GGPS CHAK NO 4/P</t>
  </si>
  <si>
    <t>GGPS CHAK 4/P FARM</t>
  </si>
  <si>
    <t>Chak 4/farm</t>
  </si>
  <si>
    <t>Neel GARH</t>
  </si>
  <si>
    <t>Aqsa Abu Bakar</t>
  </si>
  <si>
    <t>GPS NIMTAS MIANI</t>
  </si>
  <si>
    <t>Nimtas</t>
  </si>
  <si>
    <t>nimtas</t>
  </si>
  <si>
    <t>Kotahmad</t>
  </si>
  <si>
    <t>Syed Saleem Abbas Sherazi</t>
  </si>
  <si>
    <t>GGPS CHAK NO.20/F.W-A</t>
  </si>
  <si>
    <t>20 Fw</t>
  </si>
  <si>
    <t>20f.w</t>
  </si>
  <si>
    <t>20 Fw A</t>
  </si>
  <si>
    <t>Abida Fardoos</t>
  </si>
  <si>
    <t>GGPS SHAMSHAD ABAD</t>
  </si>
  <si>
    <t>shamshadabad</t>
  </si>
  <si>
    <t>Shamshadabad</t>
  </si>
  <si>
    <t>Zreena Noor</t>
  </si>
  <si>
    <t>48158</t>
  </si>
  <si>
    <t>GPS MOZA NOON</t>
  </si>
  <si>
    <t>mouza Noon</t>
  </si>
  <si>
    <t>42634</t>
  </si>
  <si>
    <t>GGPS BHATTA IMAM SHAH</t>
  </si>
  <si>
    <t>Ahmed pur</t>
  </si>
  <si>
    <t>Ggps syed imam shah kpt</t>
  </si>
  <si>
    <t>Syed imam shah</t>
  </si>
  <si>
    <t>Kauser Naz</t>
  </si>
  <si>
    <t>GMPS KHUMB KOHNA</t>
  </si>
  <si>
    <t>Khunb Kohna</t>
  </si>
  <si>
    <t>GMPS khumb kohna</t>
  </si>
  <si>
    <t>Khumb Kohna</t>
  </si>
  <si>
    <t>Kotmiana</t>
  </si>
  <si>
    <t>GES PARY WALI</t>
  </si>
  <si>
    <t>Paray Wali</t>
  </si>
  <si>
    <t>village paray wali Nankana sahib</t>
  </si>
  <si>
    <t>Martin Pur 25</t>
  </si>
  <si>
    <t>40599</t>
  </si>
  <si>
    <t>GGES SUGIAL</t>
  </si>
  <si>
    <t>Sugial</t>
  </si>
  <si>
    <t>Vill Sugial . P.O.  sugial</t>
  </si>
  <si>
    <t>Mamoona Nazir</t>
  </si>
  <si>
    <t>GPS MEHDI ABAD</t>
  </si>
  <si>
    <t>Mehdi Abad</t>
  </si>
  <si>
    <t>Mehdi Abad P/O Vanikey Tarar Tehsil and District Hafizabad.</t>
  </si>
  <si>
    <t>Umar Hayat Goraya</t>
  </si>
  <si>
    <t>53362</t>
  </si>
  <si>
    <t>GGPS PERO SHAHI</t>
  </si>
  <si>
    <t>Peeroshahi</t>
  </si>
  <si>
    <t>ggps peeroshahi</t>
  </si>
  <si>
    <t>GPS SAGHIR ABAD</t>
  </si>
  <si>
    <t>Dibi Shah</t>
  </si>
  <si>
    <t>Pathan wala UC Dibbi shah p/o gujrat kot adu m garh</t>
  </si>
  <si>
    <t>GGPS CHAK BALYANA</t>
  </si>
  <si>
    <t>Chak Balyana</t>
  </si>
  <si>
    <t>chak balyana near havili natho vali ,qadi wind kasur</t>
  </si>
  <si>
    <t>Sahrish Saleem</t>
  </si>
  <si>
    <t>GMPS CHAK NO. 21</t>
  </si>
  <si>
    <t>v.p.o chak no.21 tehsil malakwal m.b.din</t>
  </si>
  <si>
    <t>Chak No 21</t>
  </si>
  <si>
    <t>GPS CHAK NO. 57/DB</t>
  </si>
  <si>
    <t>57 Db</t>
  </si>
  <si>
    <t>gps chak no 57 db</t>
  </si>
  <si>
    <t>Muhammad Ejaz Cheema</t>
  </si>
  <si>
    <t>31441</t>
  </si>
  <si>
    <t>Mustafa Abad wandala  road shahdara</t>
  </si>
  <si>
    <t>53378</t>
  </si>
  <si>
    <t>GPS BHOUN NO.2</t>
  </si>
  <si>
    <t>moh.kot v.p.o bhaun teh.kallar kahar chakwal</t>
  </si>
  <si>
    <t>Saadat Amir</t>
  </si>
  <si>
    <t>GGPS DHEENDA</t>
  </si>
  <si>
    <t>Dheenda</t>
  </si>
  <si>
    <t>village dheenda post office langerpur</t>
  </si>
  <si>
    <t>Lubna Alia</t>
  </si>
  <si>
    <t>GGPS NEW ISLAMIA GARHI SHAHU</t>
  </si>
  <si>
    <t>Government New Islamia Girls Primary school Garhi Shahu Lahore</t>
  </si>
  <si>
    <t>Mariyam Tariq</t>
  </si>
  <si>
    <t>GMPS 107/15-L, MIAN CHANNU</t>
  </si>
  <si>
    <t>107/15L</t>
  </si>
  <si>
    <t>107/15l</t>
  </si>
  <si>
    <t>NARGIS PARVEEN</t>
  </si>
  <si>
    <t>GGPS CHAK 428 JB</t>
  </si>
  <si>
    <t>Chak No 428 Jb</t>
  </si>
  <si>
    <t>chak no 428 jb gojra</t>
  </si>
  <si>
    <t>Chak No 431 Jb</t>
  </si>
  <si>
    <t>Nabila Tabasum</t>
  </si>
  <si>
    <t>44966</t>
  </si>
  <si>
    <t>GES AKRRA</t>
  </si>
  <si>
    <t>Kanjan Nashibm Pakka</t>
  </si>
  <si>
    <t>GES Akrra P/O Tibba Naina Tehsil Kallur Kot District Bhakkar</t>
  </si>
  <si>
    <t>Akrra</t>
  </si>
  <si>
    <t>Kanjan Daggar</t>
  </si>
  <si>
    <t>GES RAM PUR</t>
  </si>
  <si>
    <t>Rampur2</t>
  </si>
  <si>
    <t>Moza rampur 2 tehsil jatoi disst m.garh</t>
  </si>
  <si>
    <t>Ram Pur 2</t>
  </si>
  <si>
    <t>TAHIR WASEEM</t>
  </si>
  <si>
    <t>21472</t>
  </si>
  <si>
    <t>GPS DHILLAN WALI</t>
  </si>
  <si>
    <t>53403</t>
  </si>
  <si>
    <t>40972</t>
  </si>
  <si>
    <t>GMPS MEHTA LOSAR</t>
  </si>
  <si>
    <t>Mehta Lohsar</t>
  </si>
  <si>
    <t>mehta lohsar</t>
  </si>
  <si>
    <t>Saba Shabir</t>
  </si>
  <si>
    <t>53404</t>
  </si>
  <si>
    <t>GGPS KOT SHARAQ PURIAN</t>
  </si>
  <si>
    <t>Achl Ki</t>
  </si>
  <si>
    <t>kot shrqpurian</t>
  </si>
  <si>
    <t>Shrqpuroan</t>
  </si>
  <si>
    <t>Shamaila Ghani</t>
  </si>
  <si>
    <t>GPS PEER WAL NARI</t>
  </si>
  <si>
    <t>GPS peerwal  nari</t>
  </si>
  <si>
    <t>33888</t>
  </si>
  <si>
    <t>GPS 17 JB  II</t>
  </si>
  <si>
    <t>Lodikay</t>
  </si>
  <si>
    <t>chak17jb II  ckj   fsd</t>
  </si>
  <si>
    <t>17   Jb  Ckj  Fsd</t>
  </si>
  <si>
    <t>Qadirkay</t>
  </si>
  <si>
    <t>Asad Imran</t>
  </si>
  <si>
    <t>31478</t>
  </si>
  <si>
    <t>23634</t>
  </si>
  <si>
    <t>GPS GHOGNI CHAK NO 13</t>
  </si>
  <si>
    <t>Chak No 13 JB Ghoghani</t>
  </si>
  <si>
    <t>Ghoghani</t>
  </si>
  <si>
    <t>29398</t>
  </si>
  <si>
    <t>GMMS TAHIR KHURD</t>
  </si>
  <si>
    <t>Tahir Khurd</t>
  </si>
  <si>
    <t>Tahir khurd Muhammad Nagar Road Basir Pur Depalpur Okara</t>
  </si>
  <si>
    <t>GGES CHAK MUSA</t>
  </si>
  <si>
    <t>Chakmusa</t>
  </si>
  <si>
    <t>chak musa</t>
  </si>
  <si>
    <t>Jhawrian</t>
  </si>
  <si>
    <t>GPS JAMKAY CHEEMA WARD NO. 5</t>
  </si>
  <si>
    <t>moutra</t>
  </si>
  <si>
    <t>GGPS PATHANAY KHAN</t>
  </si>
  <si>
    <t>Basti Pathan khan tmp</t>
  </si>
  <si>
    <t>Pathan Khan</t>
  </si>
  <si>
    <t>Tranda Mpanah</t>
  </si>
  <si>
    <t>Nafisa Nwaz</t>
  </si>
  <si>
    <t>GGPS MELA BANGI KHEL</t>
  </si>
  <si>
    <t>shakar dara road kalabagh, tehsil isakhel district mainwali</t>
  </si>
  <si>
    <t>GGPS 40/M</t>
  </si>
  <si>
    <t>Jalla Aaraien</t>
  </si>
  <si>
    <t>40 M tehsil duniya purr district lodhran</t>
  </si>
  <si>
    <t>40 M</t>
  </si>
  <si>
    <t>37 M</t>
  </si>
  <si>
    <t>Nasreen Sharif</t>
  </si>
  <si>
    <t>GGPS RARRAY WALA</t>
  </si>
  <si>
    <t>G G P S Rary wala toba road Bagh, jhang sadar</t>
  </si>
  <si>
    <t>Raray Wala</t>
  </si>
  <si>
    <t>salma naheed</t>
  </si>
  <si>
    <t>water pump electric cooler</t>
  </si>
  <si>
    <t>GPS MISSION</t>
  </si>
  <si>
    <t>Zahid colony Gujranwala</t>
  </si>
  <si>
    <t>Gps mission zahid colony gujranwala</t>
  </si>
  <si>
    <t>Sharif pura gujranwala</t>
  </si>
  <si>
    <t>Asim Mehmood Butt</t>
  </si>
  <si>
    <t>GPS LATIAN</t>
  </si>
  <si>
    <t>Latian</t>
  </si>
  <si>
    <t>village  latian post office tanda tehsil and District gujrat</t>
  </si>
  <si>
    <t>Mirza  Latif  Baig</t>
  </si>
  <si>
    <t>GGPS HYDER WALA</t>
  </si>
  <si>
    <t>Khair Pur Sadaat</t>
  </si>
  <si>
    <t>bastii badanii hydar wala p/o khair pur sadaat</t>
  </si>
  <si>
    <t>Hyder Wala</t>
  </si>
  <si>
    <t>GGPS 25 GHAGH, ABDUL HAKIM</t>
  </si>
  <si>
    <t>25gh</t>
  </si>
  <si>
    <t>chak #25ghagh p/o 25 pul tehsil kabur wala</t>
  </si>
  <si>
    <t>Saima iram</t>
  </si>
  <si>
    <t>18762</t>
  </si>
  <si>
    <t>GGPS CHAK 244 GB I</t>
  </si>
  <si>
    <t>chak 244GB 1</t>
  </si>
  <si>
    <t>244 GB I</t>
  </si>
  <si>
    <t>Chak # 154 Gb</t>
  </si>
  <si>
    <t>GES CHAK NO. 626/TDA</t>
  </si>
  <si>
    <t>Chak No 626/TDA</t>
  </si>
  <si>
    <t>Chak no 626/tda teshil kot Addu district Muzaffargarh</t>
  </si>
  <si>
    <t>Chak No 632/TDA</t>
  </si>
  <si>
    <t>GPS HAJI NAWAB</t>
  </si>
  <si>
    <t>Muhammad Ali Magsi</t>
  </si>
  <si>
    <t>Basti Haji Nawab Mouza Muhammad Ali Magsi T/D Rahim Yar Khan</t>
  </si>
  <si>
    <t>Haji Nawab</t>
  </si>
  <si>
    <t>GPS PHALIA KEEMAN</t>
  </si>
  <si>
    <t>phalia keeman</t>
  </si>
  <si>
    <t>MC  Phalia</t>
  </si>
  <si>
    <t>Mustansar Ahmad</t>
  </si>
  <si>
    <t>49307</t>
  </si>
  <si>
    <t>GGES UTTIAN</t>
  </si>
  <si>
    <t>uttian</t>
  </si>
  <si>
    <t>Jura Skesr Bar</t>
  </si>
  <si>
    <t>Shamaila Allah Bakhash</t>
  </si>
  <si>
    <t>GGES 46 EB PO 46 EB</t>
  </si>
  <si>
    <t>Chak  No 46/eb</t>
  </si>
  <si>
    <t>chak no 46/eb arifwala</t>
  </si>
  <si>
    <t>46 /eb</t>
  </si>
  <si>
    <t>Sumaira Saeed</t>
  </si>
  <si>
    <t>18642</t>
  </si>
  <si>
    <t>GGPS CHAK NO.173 NB SOBHAGA</t>
  </si>
  <si>
    <t>173 Nb</t>
  </si>
  <si>
    <t>chak no 173 nb</t>
  </si>
  <si>
    <t>Chak No 173 Nb</t>
  </si>
  <si>
    <t>Chak No 169 Nb</t>
  </si>
  <si>
    <t>GMPS CHATTA DAD</t>
  </si>
  <si>
    <t>Chatta Dad</t>
  </si>
  <si>
    <t>chatta dad</t>
  </si>
  <si>
    <t>653401</t>
  </si>
  <si>
    <t>11377</t>
  </si>
  <si>
    <t>GGES GABBAR ARAIN</t>
  </si>
  <si>
    <t>post office gabbar arain.ali pur district muzaffar garh</t>
  </si>
  <si>
    <t>SAFIA JAMSHAID</t>
  </si>
  <si>
    <t>GGPS NEW FARID ABAD</t>
  </si>
  <si>
    <t>NEW FARIDABAD</t>
  </si>
  <si>
    <t>GOVERNMENT GIRLS MODEL PRIMARY SCHOOL NEW FARIDABAD</t>
  </si>
  <si>
    <t>RUKHSANA FIAZ</t>
  </si>
  <si>
    <t>45685</t>
  </si>
  <si>
    <t>GPS MUBARAK CHANWAS</t>
  </si>
  <si>
    <t>GPS Mubarak Chanwas</t>
  </si>
  <si>
    <t>52274</t>
  </si>
  <si>
    <t>GES CHISHTI QUTAB DIN</t>
  </si>
  <si>
    <t>CHISHTI QUTABdin DIN</t>
  </si>
  <si>
    <t>GES CHISHTI QUTAB DIN P/O BASIRPUR TEHSIL DEPALPUR DISTRICT OKARA</t>
  </si>
  <si>
    <t>CHISHTI QUTAB Chishti QutabDIN</t>
  </si>
  <si>
    <t>QILA DEWA SINGH</t>
  </si>
  <si>
    <t>52157</t>
  </si>
  <si>
    <t>GPS CHIKRI WALA CHAK KORALA</t>
  </si>
  <si>
    <t>jhumra road chickriwala chiniot</t>
  </si>
  <si>
    <t>Chickriwala</t>
  </si>
  <si>
    <t>GPS 352 GB</t>
  </si>
  <si>
    <t>Jhoke Kalyar</t>
  </si>
  <si>
    <t>Chak No 352 GB</t>
  </si>
  <si>
    <t>Chak No 147 GB</t>
  </si>
  <si>
    <t>50938</t>
  </si>
  <si>
    <t>GPS HARAPPA STATION</t>
  </si>
  <si>
    <t>Janah Town</t>
  </si>
  <si>
    <t>Janah Town Harappa Station</t>
  </si>
  <si>
    <t>GMPS CHAK 773 GB</t>
  </si>
  <si>
    <t>chak no 773 gb</t>
  </si>
  <si>
    <t>Chak No 773 GB</t>
  </si>
  <si>
    <t>Afshan Rashid</t>
  </si>
  <si>
    <t>GES CHAK NO. 116 WB</t>
  </si>
  <si>
    <t>chak no.116wb</t>
  </si>
  <si>
    <t>Chak No116 Wb</t>
  </si>
  <si>
    <t>GHULAM MERAN</t>
  </si>
  <si>
    <t>GGPS BASTI HAZOORA</t>
  </si>
  <si>
    <t>Kot Fatah Muhammad Shah</t>
  </si>
  <si>
    <t>Bushra Zia Khan</t>
  </si>
  <si>
    <t>GGPS CHAK NO.154/P</t>
  </si>
  <si>
    <t>Barthla</t>
  </si>
  <si>
    <t>154/P</t>
  </si>
  <si>
    <t>GES AHMAD PUR</t>
  </si>
  <si>
    <t>Ahmad pur</t>
  </si>
  <si>
    <t>Bhochraa jadeed</t>
  </si>
  <si>
    <t>Muhammad saifullah</t>
  </si>
  <si>
    <t>GPS CHAK NO 303 TDA</t>
  </si>
  <si>
    <t>Olkah Thal Kalan</t>
  </si>
  <si>
    <t>Chak no 303/tda</t>
  </si>
  <si>
    <t>Chak No303/TDA</t>
  </si>
  <si>
    <t>GPS SAHAN KALAN</t>
  </si>
  <si>
    <t>sahan kalan</t>
  </si>
  <si>
    <t>P O sadwal kalan, village sahan kalan, Teh. kharian, Gujrat</t>
  </si>
  <si>
    <t>10119</t>
  </si>
  <si>
    <t>GPS CHAK NO 308 TDA</t>
  </si>
  <si>
    <t>308/TDA</t>
  </si>
  <si>
    <t>Chak no. 308/TDA Post Office 306/TDA tehsil Karore Distt Layyah</t>
  </si>
  <si>
    <t>GGPS KOT SEITHAN</t>
  </si>
  <si>
    <t>Dolat Pura</t>
  </si>
  <si>
    <t>village kot seithan p.o kot dya raam tehsil o district skp</t>
  </si>
  <si>
    <t>Kot Seithan</t>
  </si>
  <si>
    <t>Syeda Sehrish Gul</t>
  </si>
  <si>
    <t>nabi shah</t>
  </si>
  <si>
    <t>basti choki gabool</t>
  </si>
  <si>
    <t>Choki Gabool</t>
  </si>
  <si>
    <t>Bait Mulain Wali</t>
  </si>
  <si>
    <t>Robina Yaseen</t>
  </si>
  <si>
    <t>GPS MERU BALUCH</t>
  </si>
  <si>
    <t>Meru Baluch</t>
  </si>
  <si>
    <t>basti meru baluch</t>
  </si>
  <si>
    <t>Dulla Bhadara</t>
  </si>
  <si>
    <t>36784</t>
  </si>
  <si>
    <t>GGES NIHALY WALA NEAR SADIQ ABAD</t>
  </si>
  <si>
    <t>Gith Brabar</t>
  </si>
  <si>
    <t>Sadikaabad boasn road multan</t>
  </si>
  <si>
    <t>Salymahy</t>
  </si>
  <si>
    <t>GPS KALYAL</t>
  </si>
  <si>
    <t>vill. kalyal P. O Punjdhera Tehs. dist Chakwal</t>
  </si>
  <si>
    <t>Irfan Mazhar</t>
  </si>
  <si>
    <t>48561</t>
  </si>
  <si>
    <t>GGPS MAHI WAL</t>
  </si>
  <si>
    <t>Mahiwal  Midh Ranjha tehsil kotmomin district Sargodha</t>
  </si>
  <si>
    <t>GGPS 27 EB</t>
  </si>
  <si>
    <t>27Eb</t>
  </si>
  <si>
    <t>govt girls primary school chak no.27eb</t>
  </si>
  <si>
    <t>27/Eb</t>
  </si>
  <si>
    <t>Pir Sader Din</t>
  </si>
  <si>
    <t>15644</t>
  </si>
  <si>
    <t>GGPS 25 TUKRA W/M</t>
  </si>
  <si>
    <t>25/WM Tukra</t>
  </si>
  <si>
    <t>GGPS 25/WM TUKRA Chak No 25/wm Tukra sahiwal</t>
  </si>
  <si>
    <t>Chak No 25/wm Tukra</t>
  </si>
  <si>
    <t>GPS HUSSAIN PURA BERI WALA</t>
  </si>
  <si>
    <t>Hussain Pura</t>
  </si>
  <si>
    <t>Muhallah Hussain pura Beriwala</t>
  </si>
  <si>
    <t>Dernka Lalka</t>
  </si>
  <si>
    <t>Muhammad Tayyab Qazi</t>
  </si>
  <si>
    <t>GPS MANDI SHEIKHAN</t>
  </si>
  <si>
    <t>mohallah mandi sheikhan chiniot</t>
  </si>
  <si>
    <t>Mandi Sheikhan</t>
  </si>
  <si>
    <t>Muhammad Usman Saqib</t>
  </si>
  <si>
    <t>20327</t>
  </si>
  <si>
    <t>GGPS YARAY WALA</t>
  </si>
  <si>
    <t>Yarewala Moza kandiwal tehsil Lalian</t>
  </si>
  <si>
    <t>Yarewala</t>
  </si>
  <si>
    <t>Shehnaz Mussarrat</t>
  </si>
  <si>
    <t>GPS DIN PUR KALAN</t>
  </si>
  <si>
    <t>GPS din pur kalan</t>
  </si>
  <si>
    <t>Skg Warid</t>
  </si>
  <si>
    <t>Khalid Javeed</t>
  </si>
  <si>
    <t>54033</t>
  </si>
  <si>
    <t>GGES BOTALA</t>
  </si>
  <si>
    <t>Govt Girls E/S Botala</t>
  </si>
  <si>
    <t>54885</t>
  </si>
  <si>
    <t>GPS CHAK NO. 198 JB</t>
  </si>
  <si>
    <t>Chak.No.198 JB Teh.Bhowana Distt Chiniot</t>
  </si>
  <si>
    <t>Chak No 198 JB</t>
  </si>
  <si>
    <t>Chak No 210 Jb Tarar</t>
  </si>
  <si>
    <t>Doulat Khan Urf Dawood Khan</t>
  </si>
  <si>
    <t>GPS PAKKI MANDI 31/A JADEED</t>
  </si>
  <si>
    <t>Liaquat pur</t>
  </si>
  <si>
    <t>GPS 31/A Jadeed Pakki Mandi Abasia Road Near Imam Bargah Liaquat Pur</t>
  </si>
  <si>
    <t>MUHAMMAD SALEEM SHAKIR</t>
  </si>
  <si>
    <t>GPS KHUJJI WALA</t>
  </si>
  <si>
    <t>khaji wala</t>
  </si>
  <si>
    <t>Shadan Lound</t>
  </si>
  <si>
    <t>Ghuam Mujtaba</t>
  </si>
  <si>
    <t>GPS PALLO TRAILY</t>
  </si>
  <si>
    <t>Moza Pallu Traily</t>
  </si>
  <si>
    <t>Moza Pallo Traily tehsil Pir mahal district toba tek singh</t>
  </si>
  <si>
    <t>ISRAR HUSSAIN</t>
  </si>
  <si>
    <t>GES CHAK NO.19 NB</t>
  </si>
  <si>
    <t>19 nb sargodha</t>
  </si>
  <si>
    <t>Rana Waseem Ashraf</t>
  </si>
  <si>
    <t>54213</t>
  </si>
  <si>
    <t>GPS SHORKOT SHUMALI</t>
  </si>
  <si>
    <t>Mahala qureshian wala shor kot city</t>
  </si>
  <si>
    <t>Kauser Abbas</t>
  </si>
  <si>
    <t>GMPS CHAK 407 JB</t>
  </si>
  <si>
    <t>407jb</t>
  </si>
  <si>
    <t>chak no 407 jb</t>
  </si>
  <si>
    <t>407 Jb</t>
  </si>
  <si>
    <t>314 Gb</t>
  </si>
  <si>
    <t>GGPS PARMET 5 MARLA SCHEME</t>
  </si>
  <si>
    <t>parmat 5 marla scheme</t>
  </si>
  <si>
    <t>Parmat 5 Marla Scheme</t>
  </si>
  <si>
    <t>Saeeda Ashiq</t>
  </si>
  <si>
    <t>44805</t>
  </si>
  <si>
    <t>GPS BASTI JANDOO</t>
  </si>
  <si>
    <t>Po box shahani teh dist. Bhakkar</t>
  </si>
  <si>
    <t>GPS MC FARAAN MOHALLAH ISHAQ PUR NEAR KHONI BURJ MULTAN</t>
  </si>
  <si>
    <t>ishaq pura</t>
  </si>
  <si>
    <t>Muhalla is-haaq pura khuni burj multan</t>
  </si>
  <si>
    <t>Iqbal Nagr</t>
  </si>
  <si>
    <t>Zawar HUSSAIN</t>
  </si>
  <si>
    <t>GGES 128/9-L</t>
  </si>
  <si>
    <t>chak number 128/9-Lsahiwal</t>
  </si>
  <si>
    <t>Ramaisa Mushtaq</t>
  </si>
  <si>
    <t>47350</t>
  </si>
  <si>
    <t>GGPS HEAD PAKKA KIRAR WALA</t>
  </si>
  <si>
    <t>Zalla</t>
  </si>
  <si>
    <t>govt girls primary school head pacca mianwali</t>
  </si>
  <si>
    <t>Gul Miri</t>
  </si>
  <si>
    <t>Yasmin Sultana</t>
  </si>
  <si>
    <t>8061</t>
  </si>
  <si>
    <t>42454</t>
  </si>
  <si>
    <t>GGES KOONAT</t>
  </si>
  <si>
    <t>village koont tehsil gujar Khan district Rawalpindi</t>
  </si>
  <si>
    <t>Syyed</t>
  </si>
  <si>
    <t>GPS CHAK NO. 6/1-L</t>
  </si>
  <si>
    <t>chak 6/1L tehsil renala khurd,okara</t>
  </si>
  <si>
    <t>GPS DERA HAZRAT MOHAMMAD</t>
  </si>
  <si>
    <t>Thattha Johda</t>
  </si>
  <si>
    <t>thattha johda  hafizabad</t>
  </si>
  <si>
    <t>48512</t>
  </si>
  <si>
    <t>GGPS CHASHMI</t>
  </si>
  <si>
    <t>ggps Chashmai tabbisar p/o tabbisar teh esakhel</t>
  </si>
  <si>
    <t>Chashmai</t>
  </si>
  <si>
    <t>Sumaira Afnaz Bano</t>
  </si>
  <si>
    <t>GPS MURALA SHUMALI</t>
  </si>
  <si>
    <t>GES 18/8-R, P/O 17/8-R, TULAMBA</t>
  </si>
  <si>
    <t>Chak No 18/ 8R</t>
  </si>
  <si>
    <t>Chak No 18_8R P/O 17/8R Via Tulamba</t>
  </si>
  <si>
    <t>Chak No 18/8R</t>
  </si>
  <si>
    <t>Syed Fazal Abbas Shah</t>
  </si>
  <si>
    <t>21078</t>
  </si>
  <si>
    <t>GGES ABU-UL-FATEH WALI</t>
  </si>
  <si>
    <t>Abu Ul Fatehwali</t>
  </si>
  <si>
    <t>Abu ul fatehwali</t>
  </si>
  <si>
    <t>Khakhamitter</t>
  </si>
  <si>
    <t>Samra shereen</t>
  </si>
  <si>
    <t>GPS KOT BAJWA</t>
  </si>
  <si>
    <t>Kot Bajwa</t>
  </si>
  <si>
    <t>kot bajwa teh and district nankana sahib</t>
  </si>
  <si>
    <t>Asif Imran</t>
  </si>
  <si>
    <t>GGPS CHAK NO. 6</t>
  </si>
  <si>
    <t>Chack No6</t>
  </si>
  <si>
    <t>G.G.P.School chak no 6</t>
  </si>
  <si>
    <t>chak no 6</t>
  </si>
  <si>
    <t>Hariya</t>
  </si>
  <si>
    <t>GES CHAK 332 JB</t>
  </si>
  <si>
    <t>332 Jb</t>
  </si>
  <si>
    <t>chak 332 j.b</t>
  </si>
  <si>
    <t>Chak 332 Jb</t>
  </si>
  <si>
    <t>Qamar Rashid</t>
  </si>
  <si>
    <t>43344</t>
  </si>
  <si>
    <t>GPS DHOKKIAN</t>
  </si>
  <si>
    <t>DHOKKIAN</t>
  </si>
  <si>
    <t>Village Dhokkian P.O ChakMalook</t>
  </si>
  <si>
    <t>GPS KOT HARAR</t>
  </si>
  <si>
    <t>KOT HARRAR</t>
  </si>
  <si>
    <t>KOT HARRAR PO KOTLI LOHARAN WEST SIALKOT</t>
  </si>
  <si>
    <t>EJAZ AHMAD</t>
  </si>
  <si>
    <t>GPS MUSSA KANJOO</t>
  </si>
  <si>
    <t>Garib Shah</t>
  </si>
  <si>
    <t>basti kabol kanjo moza garib shah tehsile liaqatpur distt.ryk</t>
  </si>
  <si>
    <t>Kabol Kanjoo</t>
  </si>
  <si>
    <t>Mahboob Ahmad</t>
  </si>
  <si>
    <t>36103</t>
  </si>
  <si>
    <t>GES CHAK NO.204 EB</t>
  </si>
  <si>
    <t>chak 204 eb tehsil district vehari</t>
  </si>
  <si>
    <t>Chak 204eb</t>
  </si>
  <si>
    <t>Muhammad Azam-u-Allah</t>
  </si>
  <si>
    <t>GPS DARGAHI PUR</t>
  </si>
  <si>
    <t>mouza dargahipur pirmahal toba tek singh</t>
  </si>
  <si>
    <t>Moza Dargahipur</t>
  </si>
  <si>
    <t>M Ibrahim</t>
  </si>
  <si>
    <t>46279</t>
  </si>
  <si>
    <t>GPS CHAK NO.57/F</t>
  </si>
  <si>
    <t>Chak57/f</t>
  </si>
  <si>
    <t>chak 57/f P O Box 58/f muhammad panah mor HSP dist,BWP</t>
  </si>
  <si>
    <t>Chak 57/f</t>
  </si>
  <si>
    <t>Chak 58/f</t>
  </si>
  <si>
    <t>GES CHAK 174/7-R</t>
  </si>
  <si>
    <t>174/7R</t>
  </si>
  <si>
    <t>Chak No. 174/7R Tehsil Fortabbas District Bahawalnagr</t>
  </si>
  <si>
    <t>Chak No176/7R</t>
  </si>
  <si>
    <t>Irfan Sarwar</t>
  </si>
  <si>
    <t>GGPS GHULAM RASOOL LUND</t>
  </si>
  <si>
    <t>GMPS 142/10-R,JAHANIAN</t>
  </si>
  <si>
    <t>Chakno142/10-R tehsil jahanian district khanwel</t>
  </si>
  <si>
    <t>142/10-R</t>
  </si>
  <si>
    <t>Sara Younas</t>
  </si>
  <si>
    <t>45889</t>
  </si>
  <si>
    <t>GPS SHEIKH AHMAD</t>
  </si>
  <si>
    <t>vpo roda khushab</t>
  </si>
  <si>
    <t>Muhammad  Nasir</t>
  </si>
  <si>
    <t>GGPS CHAK NO.86 SB</t>
  </si>
  <si>
    <t>86 Sb</t>
  </si>
  <si>
    <t>chak 86 SB Sargodha</t>
  </si>
  <si>
    <t>86 SB</t>
  </si>
  <si>
    <t>GGHS CHANAB RASOOLPUR</t>
  </si>
  <si>
    <t>GGHS CHANAB RASOOL PUR</t>
  </si>
  <si>
    <t>Basti Maqbool Arain</t>
  </si>
  <si>
    <t>Rehana Shaukat Ch</t>
  </si>
  <si>
    <t>GGPS MASOOM ABAD</t>
  </si>
  <si>
    <t>near pepsi egency,masoomabad bhakkar</t>
  </si>
  <si>
    <t>Tahira Shahzad</t>
  </si>
  <si>
    <t>baran</t>
  </si>
  <si>
    <t>Gulzar ahmed</t>
  </si>
  <si>
    <t>48198</t>
  </si>
  <si>
    <t>GPS NABI SHAH COLONY</t>
  </si>
  <si>
    <t>nabi shah colony</t>
  </si>
  <si>
    <t>Nabi Shah Colony</t>
  </si>
  <si>
    <t>Hassan Mehmood</t>
  </si>
  <si>
    <t>GMPS CHAK NO.17 DB</t>
  </si>
  <si>
    <t>17 Db</t>
  </si>
  <si>
    <t>chak no 17 db tehsil piplan district mianwali</t>
  </si>
  <si>
    <t>Wichven Bala</t>
  </si>
  <si>
    <t>Ijaz Fatima</t>
  </si>
  <si>
    <t>GMPS BAGH WALA NEAR B Z UNIVERSITY</t>
  </si>
  <si>
    <t>GOVT MODEL PRIMARY SCHOOL BAGH WALA NEAR BZU</t>
  </si>
  <si>
    <t>Saleh Mahey</t>
  </si>
  <si>
    <t>GES BILAWAL PUR, KABIRWALA</t>
  </si>
  <si>
    <t>p/o Bilawalpur teh kabirwala distt khanewal</t>
  </si>
  <si>
    <t>49952</t>
  </si>
  <si>
    <t>GES NO.1 FAROOKA</t>
  </si>
  <si>
    <t>GPS CHAK NO 34/F</t>
  </si>
  <si>
    <t>34/F</t>
  </si>
  <si>
    <t>chak no.34/f p/o same tehsil chishtian district bahawalnagar</t>
  </si>
  <si>
    <t>Chak 34/F</t>
  </si>
  <si>
    <t>Kashif Khalil</t>
  </si>
  <si>
    <t>GPS CHAK NO.245 EB</t>
  </si>
  <si>
    <t>245 Eb Gaggoo</t>
  </si>
  <si>
    <t>chack no 245 eb gaggoo burewala</t>
  </si>
  <si>
    <t>Chack No 245 Eb  Gaggoo</t>
  </si>
  <si>
    <t>GPS DHULAT PUR</t>
  </si>
  <si>
    <t>Dhulatpur</t>
  </si>
  <si>
    <t>mouza doulaur chiniot</t>
  </si>
  <si>
    <t>Muhammad Nazir Fakhri</t>
  </si>
  <si>
    <t>GGPS ZAIGHAM ABAD NO 2</t>
  </si>
  <si>
    <t>GGPS Zaigham Abad No2</t>
  </si>
  <si>
    <t>Raisakhtar</t>
  </si>
  <si>
    <t>33778</t>
  </si>
  <si>
    <t>GES HERDO BANDOKEY</t>
  </si>
  <si>
    <t>Herdobandoke</t>
  </si>
  <si>
    <t>ges herdo bandoke</t>
  </si>
  <si>
    <t>Herdo Bandoke</t>
  </si>
  <si>
    <t>Mureed Ke</t>
  </si>
  <si>
    <t>32086</t>
  </si>
  <si>
    <t>50945</t>
  </si>
  <si>
    <t>GMMS MOHALLA GHZRAN</t>
  </si>
  <si>
    <t>tipu sultan shaheed colony street no.5 house no.77 teh sadiq abad distt.rahim yar khan</t>
  </si>
  <si>
    <t>Hira Kanwal</t>
  </si>
  <si>
    <t>GGPS CHAK KHARAL</t>
  </si>
  <si>
    <t>chak kharl</t>
  </si>
  <si>
    <t>Kaliyan Wala</t>
  </si>
  <si>
    <t>Madiha Rasheed</t>
  </si>
  <si>
    <t>GPS DOGAL</t>
  </si>
  <si>
    <t>Dogul</t>
  </si>
  <si>
    <t>vill dogul p/o phalia distt MB Din</t>
  </si>
  <si>
    <t>Syed Ali Abbas</t>
  </si>
  <si>
    <t>47282</t>
  </si>
  <si>
    <t>GPS GHULAM HASSAN KHAN WALA</t>
  </si>
  <si>
    <t>Sultan Wala Ghabi</t>
  </si>
  <si>
    <t>gps Ghulam hassan khan wala</t>
  </si>
  <si>
    <t>Guam Hassan Khan Wala</t>
  </si>
  <si>
    <t>9221</t>
  </si>
  <si>
    <t>GMPS NAZAR HUSSIAN SHAH</t>
  </si>
  <si>
    <t>Tebbah Mehrban Shah</t>
  </si>
  <si>
    <t>Wandah nazar hussain shah</t>
  </si>
  <si>
    <t>Nazar Hussain Shah</t>
  </si>
  <si>
    <t>Tebbha Mehrban Shah</t>
  </si>
  <si>
    <t>43458</t>
  </si>
  <si>
    <t>GGPS CHAK QADA</t>
  </si>
  <si>
    <t>village chak qada post offic chak chakora teh n distt chakwal</t>
  </si>
  <si>
    <t>Chak Qada</t>
  </si>
  <si>
    <t>46861</t>
  </si>
  <si>
    <t>GGPS MAZRINA</t>
  </si>
  <si>
    <t>Possbanglekhal</t>
  </si>
  <si>
    <t>mazrina
tabbisar  isakhal</t>
  </si>
  <si>
    <t>Mazrina</t>
  </si>
  <si>
    <t>54632</t>
  </si>
  <si>
    <t>GGPS CHAK 272 GB SATIANA</t>
  </si>
  <si>
    <t>272 gb dau aana</t>
  </si>
  <si>
    <t>272 gb</t>
  </si>
  <si>
    <t>282 gb</t>
  </si>
  <si>
    <t>GMPS NOOR KHAN-E-WALA</t>
  </si>
  <si>
    <t>Noorkhanewala</t>
  </si>
  <si>
    <t>Noorkhanewala Teh Bhera Dist Sargodha</t>
  </si>
  <si>
    <t>Ahmed Naseem</t>
  </si>
  <si>
    <t>10401</t>
  </si>
  <si>
    <t>GMMS DARKHANA</t>
  </si>
  <si>
    <t>Basti dirkhana mouza buchi wala p\o SAMTIA tehsil karor layyah</t>
  </si>
  <si>
    <t>50483</t>
  </si>
  <si>
    <t>GGES MC NO.3 CHICHAWATNI</t>
  </si>
  <si>
    <t>Block#17</t>
  </si>
  <si>
    <t>GGES MC NO.3 CCI. BLOCK#17 CCI.</t>
  </si>
  <si>
    <t>Riffat Fouzia</t>
  </si>
  <si>
    <t>GPS MC NO.16 FARID TOWN</t>
  </si>
  <si>
    <t>Street no13 Ali park freed town Gujranwala</t>
  </si>
  <si>
    <t>48154</t>
  </si>
  <si>
    <t>GGES NASEER PUR KALAN</t>
  </si>
  <si>
    <t>v.Naseer Pur Kalan, Tehsil Kotmomin, Distt Sargodha</t>
  </si>
  <si>
    <t>Atiya Muqadas</t>
  </si>
  <si>
    <t>51063</t>
  </si>
  <si>
    <t>Assadullah pur</t>
  </si>
  <si>
    <t>GGES ASSADULLAH PUR</t>
  </si>
  <si>
    <t>ROBINA SHAHNAZ</t>
  </si>
  <si>
    <t>54649</t>
  </si>
  <si>
    <t>GGPS BAGH WALA</t>
  </si>
  <si>
    <t>chah bagh wala, moza ali pur kanju</t>
  </si>
  <si>
    <t>Sumbal Shahzadi Aziz</t>
  </si>
  <si>
    <t>54651</t>
  </si>
  <si>
    <t>GGPS LUDHAR</t>
  </si>
  <si>
    <t>GGPS Ludhar</t>
  </si>
  <si>
    <t>Badoke</t>
  </si>
  <si>
    <t>Afshan Mughal</t>
  </si>
  <si>
    <t>GPS KHALIQ ABAD</t>
  </si>
  <si>
    <t>GPS Khaliqabad Mandi bahauddin</t>
  </si>
  <si>
    <t>Jahanzeb</t>
  </si>
  <si>
    <t>MathanWali</t>
  </si>
  <si>
    <t>basti Sultanabad mouza mathan wali khairpur saddat</t>
  </si>
  <si>
    <t>Tehmina Jelani</t>
  </si>
  <si>
    <t>54659</t>
  </si>
  <si>
    <t>GPS HAJI MUHAMMAD KAMAL BHAROKA</t>
  </si>
  <si>
    <t>GPS HAJI MUHAMMAD KAMAL BHAROKA, rang pur, tehsil noor pur, distt khushab</t>
  </si>
  <si>
    <t>Rang Pur Baghor</t>
  </si>
  <si>
    <t>Muhammad Umair Malik</t>
  </si>
  <si>
    <t>GGPS MARRY WALI</t>
  </si>
  <si>
    <t>pokhan</t>
  </si>
  <si>
    <t>ggps meray wali</t>
  </si>
  <si>
    <t>meray wali</t>
  </si>
  <si>
    <t>rabia sultana</t>
  </si>
  <si>
    <t>GPS SHAH PUR CHANJORA</t>
  </si>
  <si>
    <t>Shahpur Chanjora</t>
  </si>
  <si>
    <t>GPS   Shah Pur chanjora</t>
  </si>
  <si>
    <t>37147</t>
  </si>
  <si>
    <t>GPS 60/10-R, KHANEWAL</t>
  </si>
  <si>
    <t>60/10R</t>
  </si>
  <si>
    <t>Chak No.60/10R,Khanewal</t>
  </si>
  <si>
    <t>Hafiz Dawood sibtain Khan</t>
  </si>
  <si>
    <t>34379</t>
  </si>
  <si>
    <t>GGES MODEL THATHA ISMAIL PUR</t>
  </si>
  <si>
    <t>NABI PUR PIRAN-FEMALE</t>
  </si>
  <si>
    <t>Thatha Ismail Pur</t>
  </si>
  <si>
    <t>thatha ismail pur</t>
  </si>
  <si>
    <t>Asia Kouser</t>
  </si>
  <si>
    <t>27449</t>
  </si>
  <si>
    <t>GGPS THATHA SAKANDAR</t>
  </si>
  <si>
    <t>thatha sikandar</t>
  </si>
  <si>
    <t>GMPS CHAK NO. 212/F</t>
  </si>
  <si>
    <t>212/f</t>
  </si>
  <si>
    <t>212/f ctn</t>
  </si>
  <si>
    <t>95/f</t>
  </si>
  <si>
    <t>48921</t>
  </si>
  <si>
    <t>GGES CHAK NO.93 SB</t>
  </si>
  <si>
    <t>93 SB</t>
  </si>
  <si>
    <t>89 SB</t>
  </si>
  <si>
    <t>Shabana Yasin</t>
  </si>
  <si>
    <t>26615</t>
  </si>
  <si>
    <t>GGPS DERA ANWAR PATHAN</t>
  </si>
  <si>
    <t>GGPS Dera Anwar Pathan</t>
  </si>
  <si>
    <t>Dera Anwar Pathan</t>
  </si>
  <si>
    <t>GMPS LOHARAN WALI</t>
  </si>
  <si>
    <t>Tehmina Saleem</t>
  </si>
  <si>
    <t>GPS CHAK NO. 97/NP</t>
  </si>
  <si>
    <t>97/NP</t>
  </si>
  <si>
    <t>chak 97/NP</t>
  </si>
  <si>
    <t>GPS NO.2 SAHIWAL</t>
  </si>
  <si>
    <t>GPS no 5  Nae Hawaili,sahiwal</t>
  </si>
  <si>
    <t>Alia Khanum</t>
  </si>
  <si>
    <t>GGPS TAPPAY WALA</t>
  </si>
  <si>
    <t>basti bakain wala back to dawn school sinawan</t>
  </si>
  <si>
    <t>Bakain Wala</t>
  </si>
  <si>
    <t>Naseem Khuda Bakhsh</t>
  </si>
  <si>
    <t>GES CHAK NO.6/BC</t>
  </si>
  <si>
    <t>Chak No 6 Bc</t>
  </si>
  <si>
    <t>chak no 6/bc</t>
  </si>
  <si>
    <t>Chak 6 Bc</t>
  </si>
  <si>
    <t>Chak No 4bc</t>
  </si>
  <si>
    <t>Arif Mukhtar</t>
  </si>
  <si>
    <t>GPS DHOK BALOCH</t>
  </si>
  <si>
    <t>dhok baloch</t>
  </si>
  <si>
    <t>village dhok baloch po ameer khan teh fateh jang attock</t>
  </si>
  <si>
    <t>dhraik</t>
  </si>
  <si>
    <t>Haider Zaman</t>
  </si>
  <si>
    <t>GMPS MARI BHEER</t>
  </si>
  <si>
    <t>Mari Beer</t>
  </si>
  <si>
    <t>village and Post office mari beer tehsil gujjar khan District Rawalpindi</t>
  </si>
  <si>
    <t>54694</t>
  </si>
  <si>
    <t>Gondal Post Office Same Tehsil Shahpur District Sargodha</t>
  </si>
  <si>
    <t>54695</t>
  </si>
  <si>
    <t>Liaquat Pur</t>
  </si>
  <si>
    <t>Rasheed Abad colony liaquat pur</t>
  </si>
  <si>
    <t>54697</t>
  </si>
  <si>
    <t>GGPS WANDHA WAZIR WALA</t>
  </si>
  <si>
    <t>Lalokhel</t>
  </si>
  <si>
    <t>wandha wazir wala</t>
  </si>
  <si>
    <t>Asma Masood</t>
  </si>
  <si>
    <t>54698</t>
  </si>
  <si>
    <t>GGES KONDI</t>
  </si>
  <si>
    <t>Govt Girls elementary school Kondi District Lodhran</t>
  </si>
  <si>
    <t>Miss Tahira Perveen</t>
  </si>
  <si>
    <t>50751</t>
  </si>
  <si>
    <t>GES 1/10-L</t>
  </si>
  <si>
    <t>Chak No.1/10-L</t>
  </si>
  <si>
    <t>Chak NO 1/10-L</t>
  </si>
  <si>
    <t>Amjad Rasool</t>
  </si>
  <si>
    <t>GGHS MC JUNIOR MODEL NO.2 SAHIWAL</t>
  </si>
  <si>
    <t>GGHS MC JUNIOR MODEL NO.2 GRAIN MARKET SAHIWAL</t>
  </si>
  <si>
    <t>Nadia Rashid</t>
  </si>
  <si>
    <t>GHS MC JAHAZ GROUND SAHIWAL</t>
  </si>
  <si>
    <t>street no 8 model colony jahaz ground sahiwal</t>
  </si>
  <si>
    <t>abdul Sattar</t>
  </si>
  <si>
    <t>50723</t>
  </si>
  <si>
    <t>GGHS 135/9-L</t>
  </si>
  <si>
    <t>GGHS 135/9L Chak  No. 135/9L Arif Road Sahiwal</t>
  </si>
  <si>
    <t>135/9L Sahiwal</t>
  </si>
  <si>
    <t>Durakhshanda Zaeem</t>
  </si>
  <si>
    <t>51675</t>
  </si>
  <si>
    <t>GMPS KHOLA UTAM SINGH</t>
  </si>
  <si>
    <t>Khola Utm Singh</t>
  </si>
  <si>
    <t>GmPS khola utm singh</t>
  </si>
  <si>
    <t>GPS DHADIMBER</t>
  </si>
  <si>
    <t>Banjra</t>
  </si>
  <si>
    <t>p/o pichnand village dhadumber Colony TEH LAWA DISTT chakwal</t>
  </si>
  <si>
    <t>Dhadhumber Colony</t>
  </si>
  <si>
    <t>51013</t>
  </si>
  <si>
    <t>GPS MAQBOOL PUR</t>
  </si>
  <si>
    <t>Maqbool pur 70/4r</t>
  </si>
  <si>
    <t>Allah Wadhaia</t>
  </si>
  <si>
    <t>GPS CHAK NO.121/DRB RASOOL SAR</t>
  </si>
  <si>
    <t>121 Drb Rasol Sar</t>
  </si>
  <si>
    <t>chak.no. 121/DRB  yazman</t>
  </si>
  <si>
    <t>121 Drb</t>
  </si>
  <si>
    <t>TARIQ ABBAS</t>
  </si>
  <si>
    <t>53217</t>
  </si>
  <si>
    <t>GGPS DHOK GHERY KHEL</t>
  </si>
  <si>
    <t>Dhoke ghery khel P/O kot qazi tehsil lawa</t>
  </si>
  <si>
    <t>Dhoke Ghery Khel</t>
  </si>
  <si>
    <t>GES NO.1 SARAI ALAMGIR</t>
  </si>
  <si>
    <t>S.A. GIR M.C</t>
  </si>
  <si>
    <t>GES nO 1 S.A. GIR</t>
  </si>
  <si>
    <t>City S.A. Gir</t>
  </si>
  <si>
    <t>M.C sarai alamgir</t>
  </si>
  <si>
    <t>sadeed ud din zia</t>
  </si>
  <si>
    <t>GGPS BAND ISLAM PURA</t>
  </si>
  <si>
    <t>govt.girls p/s band islam pura bahawal pur</t>
  </si>
  <si>
    <t>Band Islam Pura Bwp</t>
  </si>
  <si>
    <t>BWP CITY III</t>
  </si>
  <si>
    <t>GGES CHAK NO.67 B-NB</t>
  </si>
  <si>
    <t>Chak 67 B NB</t>
  </si>
  <si>
    <t>Chak No 67 B NB Sargodha</t>
  </si>
  <si>
    <t>Chak 67 A</t>
  </si>
  <si>
    <t>GPS LAWA EAST</t>
  </si>
  <si>
    <t>53225</t>
  </si>
  <si>
    <t>GGES CHAK NO.45/DNB</t>
  </si>
  <si>
    <t>45/dnb</t>
  </si>
  <si>
    <t>chak no 45/dnb</t>
  </si>
  <si>
    <t>Anam Ghazanfar</t>
  </si>
  <si>
    <t>GPS BASTI KARIM BAKHSH BHAIT</t>
  </si>
  <si>
    <t>Basti karim  Bux Bhait</t>
  </si>
  <si>
    <t>Basti Karim Bux Bhait</t>
  </si>
  <si>
    <t>GGPS PERS RAM</t>
  </si>
  <si>
    <t>Purs Ram</t>
  </si>
  <si>
    <t>govt girls primary school pets ram</t>
  </si>
  <si>
    <t>GPS CHRISTIAN COLONY YAZMAN</t>
  </si>
  <si>
    <t>Christian colony</t>
  </si>
  <si>
    <t>Christian Colony Yazman</t>
  </si>
  <si>
    <t>TMA Yazman</t>
  </si>
  <si>
    <t>GGPS ZAFARWAL NO. 3</t>
  </si>
  <si>
    <t>Muhallah mustafa abad zafarwal</t>
  </si>
  <si>
    <t>Uzma Zunaira</t>
  </si>
  <si>
    <t>51421</t>
  </si>
  <si>
    <t>GPS MOHANT DARSHAIN</t>
  </si>
  <si>
    <t>mahantdarshan p/o kalyana pakpattan</t>
  </si>
  <si>
    <t>Sadid Ahmad Mohal</t>
  </si>
  <si>
    <t>54861</t>
  </si>
  <si>
    <t>GMPS AGHA PUR</t>
  </si>
  <si>
    <t>Aghapur</t>
  </si>
  <si>
    <t>gmps aghapur</t>
  </si>
  <si>
    <t>Ramah</t>
  </si>
  <si>
    <t>Rafia Nazir</t>
  </si>
  <si>
    <t>GGPS CHAK NO.5 RAKH DHAREMA AZAFI ABADI</t>
  </si>
  <si>
    <t>Chak 5 Azafi Abadi</t>
  </si>
  <si>
    <t>Ggps chak 5 azafi abadi rakh dhrema</t>
  </si>
  <si>
    <t>58 NB</t>
  </si>
  <si>
    <t>GPS KANYAL</t>
  </si>
  <si>
    <t>village kanyal post office qasba karyali tehsil sarai alamgir district gujrat</t>
  </si>
  <si>
    <t>GES RASHID PUR</t>
  </si>
  <si>
    <t>Govt Elementary School Rasheed Pur Teh Sarai Alamgir</t>
  </si>
  <si>
    <t>GGPS DHOK SHER BAZ TALAGANG</t>
  </si>
  <si>
    <t>vpo pichnand teh.lawa dist.chakwal</t>
  </si>
  <si>
    <t>Dhok Sherbaz</t>
  </si>
  <si>
    <t>GPS CHAK NO. 34 SP</t>
  </si>
  <si>
    <t>34/Sp</t>
  </si>
  <si>
    <t>34/sp Pakpattan</t>
  </si>
  <si>
    <t>GGES CHAK NO. 96/DNB</t>
  </si>
  <si>
    <t>96 Dnb</t>
  </si>
  <si>
    <t>Chak no 96 dnb</t>
  </si>
  <si>
    <t>Chak No 96 Dnb</t>
  </si>
  <si>
    <t>Aqeela Altaf</t>
  </si>
  <si>
    <t>10085</t>
  </si>
  <si>
    <t>27377</t>
  </si>
  <si>
    <t>GGES THATHI BEHLOL PUR</t>
  </si>
  <si>
    <t>Thathi behlol Pur</t>
  </si>
  <si>
    <t>GGES thathi behlol pur</t>
  </si>
  <si>
    <t>Mamona Shahzadi</t>
  </si>
  <si>
    <t>GPS JHANGI P/O BAGRAIN TEH SHUJABAD</t>
  </si>
  <si>
    <t>Mouza Jhangi P/O Bagrain Tehsil Shujabad District Multan</t>
  </si>
  <si>
    <t>Mukhtyar Ahmad</t>
  </si>
  <si>
    <t>53256</t>
  </si>
  <si>
    <t>GGCMES BARA PIND</t>
  </si>
  <si>
    <t>farzana Kousar</t>
  </si>
  <si>
    <t>GPS MUNDIAL NOUSHERA</t>
  </si>
  <si>
    <t>Mundial Naushera District khushab</t>
  </si>
  <si>
    <t>38979</t>
  </si>
  <si>
    <t>GPS MALPUR</t>
  </si>
  <si>
    <t>malpur</t>
  </si>
  <si>
    <t>Gahri Afghanan</t>
  </si>
  <si>
    <t>GES DHAL</t>
  </si>
  <si>
    <t>DHAL</t>
  </si>
  <si>
    <t>VPO DHAL TEHSIL BHERA DISTRICT SARGODHA.</t>
  </si>
  <si>
    <t>Muhammad Kazim Raja</t>
  </si>
  <si>
    <t>GPS THATHI JANOON</t>
  </si>
  <si>
    <t>Thathi Janu</t>
  </si>
  <si>
    <t>Thathi janu</t>
  </si>
  <si>
    <t>Mari Shah Sakhera</t>
  </si>
  <si>
    <t>Furukh Javed</t>
  </si>
  <si>
    <t>GPS ARABIC CHAK NO.16/DNB</t>
  </si>
  <si>
    <t>16 Dnb</t>
  </si>
  <si>
    <t>chak no 16 dnb</t>
  </si>
  <si>
    <t>GPS TIBI SABAY WALLY</t>
  </si>
  <si>
    <t>Tibbi Sabay Wali</t>
  </si>
  <si>
    <t>Chak tibbi sabay wali post office bunga hayat tehsil and District pakpattan</t>
  </si>
  <si>
    <t>Masood Ahmad Chishti</t>
  </si>
  <si>
    <t>49244</t>
  </si>
  <si>
    <t>GGPS CHAK BADLA DAKHLI SAIDU WANA</t>
  </si>
  <si>
    <t>Badla</t>
  </si>
  <si>
    <t>G. G. P. S Badla Dakhli Suaidwana Sargodha</t>
  </si>
  <si>
    <t>88 SB</t>
  </si>
  <si>
    <t>Maryam Manzoor</t>
  </si>
  <si>
    <t>GPS JULKY</t>
  </si>
  <si>
    <t>Julkay Village</t>
  </si>
  <si>
    <t>Julkay Village Kahna Nau,TehsilModel town Lahore</t>
  </si>
  <si>
    <t>Julkay</t>
  </si>
  <si>
    <t>Yasmin Shoukat</t>
  </si>
  <si>
    <t>GGES 98/9-L</t>
  </si>
  <si>
    <t>98 /9-L</t>
  </si>
  <si>
    <t>GGES 98 /9-L Sahiwal</t>
  </si>
  <si>
    <t>110 /9-L</t>
  </si>
  <si>
    <t>Sajida Arif</t>
  </si>
  <si>
    <t>39037</t>
  </si>
  <si>
    <t>GGPS JHUGIAN</t>
  </si>
  <si>
    <t>jhugian bhera</t>
  </si>
  <si>
    <t>Ranjhan Wala</t>
  </si>
  <si>
    <t>Nuzhat Raana</t>
  </si>
  <si>
    <t>GGPS MERANA CHAK NO.132/DNB</t>
  </si>
  <si>
    <t>132/Dnb Merana</t>
  </si>
  <si>
    <t>ggps 132/dnb merana</t>
  </si>
  <si>
    <t>Rehana Malik</t>
  </si>
  <si>
    <t>Nasirwala</t>
  </si>
  <si>
    <t>p/o box phathi joijan wali Teh piplan distt mianwali</t>
  </si>
  <si>
    <t>Golaywala</t>
  </si>
  <si>
    <t>Saima Gulnaz</t>
  </si>
  <si>
    <t>17676</t>
  </si>
  <si>
    <t>GGPS TURK MUHAMMAD WALA</t>
  </si>
  <si>
    <t>Loha Bhir</t>
  </si>
  <si>
    <t>ggps turk Muhammad wala moza loha bhir post office machieal rahseel 18hazari disst jhang</t>
  </si>
  <si>
    <t>Toqeer Tahira</t>
  </si>
  <si>
    <t>41373</t>
  </si>
  <si>
    <t>GPS CHAK 341 GB BASTI BALOCHAN</t>
  </si>
  <si>
    <t>chak # 341 GB basti balichan</t>
  </si>
  <si>
    <t>Chak341GB BB</t>
  </si>
  <si>
    <t>Chak 342 GB</t>
  </si>
  <si>
    <t>Abid Majeed</t>
  </si>
  <si>
    <t>GGPS KAMAL PUR CHEEMA</t>
  </si>
  <si>
    <t>ggps kamalpur</t>
  </si>
  <si>
    <t>GGPS SAALO WAL</t>
  </si>
  <si>
    <t>village salowal tehsil zafrwal district narowal</t>
  </si>
  <si>
    <t>GPS RETRA</t>
  </si>
  <si>
    <t>RETRA</t>
  </si>
  <si>
    <t>Muhammad Ashraf Jarwar</t>
  </si>
  <si>
    <t>GPS BURKHAN</t>
  </si>
  <si>
    <t>Burkan</t>
  </si>
  <si>
    <t>gps burkan</t>
  </si>
  <si>
    <t>Gorna</t>
  </si>
  <si>
    <t>GMPS GHURKI</t>
  </si>
  <si>
    <t>vill Ghurki p.o Hathia dhamial tehsil sohawa district jhelum</t>
  </si>
  <si>
    <t>Pail Banney Khan</t>
  </si>
  <si>
    <t>19147</t>
  </si>
  <si>
    <t>GGPS DERA MAKOANA</t>
  </si>
  <si>
    <t>Midh pargana</t>
  </si>
  <si>
    <t>deramkoana</t>
  </si>
  <si>
    <t>deramakoana</t>
  </si>
  <si>
    <t>midh Pargana</t>
  </si>
  <si>
    <t>suriya begum</t>
  </si>
  <si>
    <t>GGPS SODHI ZAREEN</t>
  </si>
  <si>
    <t>Sodhi zereen</t>
  </si>
  <si>
    <t>har do sodhi teh Naushera District Khushab</t>
  </si>
  <si>
    <t>Attia Naz</t>
  </si>
  <si>
    <t>GPS HASIL PANWAR</t>
  </si>
  <si>
    <t>Basti Mughal Khan Dera Dildar Tehsil Rojhan District Rajanpur</t>
  </si>
  <si>
    <t>Basti Mughal Khan</t>
  </si>
  <si>
    <t>Aurangzaib Mazari</t>
  </si>
  <si>
    <t>GPS CHAK NO.18/DNB</t>
  </si>
  <si>
    <t>Chak # 18/DNB</t>
  </si>
  <si>
    <t>Chak # 18/DNB tehsil Yazman Distt Bahawalpur</t>
  </si>
  <si>
    <t>Chak # 17/DNB</t>
  </si>
  <si>
    <t>zubair Sikandar</t>
  </si>
  <si>
    <t>GPS NAWAZ PUR MOUZA KACHI ZAMA</t>
  </si>
  <si>
    <t>Kachi zama</t>
  </si>
  <si>
    <t>GBPS Nawaz Pur, Basti Habib Kot, Mouza Kachi Zama, P/O Rukan Pur
Tehsil &amp; Distt. Rahim Yar Khan</t>
  </si>
  <si>
    <t>Mouza Sajhar</t>
  </si>
  <si>
    <t>7/1 Thales Janobi Sajhar</t>
  </si>
  <si>
    <t>Sadar 4GRW</t>
  </si>
  <si>
    <t>kot ishaq Alam chok gala qaberstan wala</t>
  </si>
  <si>
    <t>47837</t>
  </si>
  <si>
    <t>GPS WAGHRAN WALA CHAK NO 12 ML PIPLAN</t>
  </si>
  <si>
    <t>Village Waghran Wala P/O Chak No.12ML Tehsil Piplan District.Mianwali.</t>
  </si>
  <si>
    <t>Waghran Wala</t>
  </si>
  <si>
    <t>GPS MOHARI WALA NORTH</t>
  </si>
  <si>
    <t>mohari Wala north</t>
  </si>
  <si>
    <t>Mohair Wala North</t>
  </si>
  <si>
    <t>Marh Bhanguwan</t>
  </si>
  <si>
    <t>GPS 72/5-L BIBI WALA</t>
  </si>
  <si>
    <t>72/5-L</t>
  </si>
  <si>
    <t>Chak No.72/ 5_L  BIBI WALA</t>
  </si>
  <si>
    <t>72/ 5L</t>
  </si>
  <si>
    <t>73/ 5L</t>
  </si>
  <si>
    <t>GGPS DERA TIBBA</t>
  </si>
  <si>
    <t>Dera Tibba</t>
  </si>
  <si>
    <t>ggps dera tibba</t>
  </si>
  <si>
    <t>Aqsa Shahid Bajwa</t>
  </si>
  <si>
    <t>44139</t>
  </si>
  <si>
    <t>51181</t>
  </si>
  <si>
    <t>ggps rangshah</t>
  </si>
  <si>
    <t>32116</t>
  </si>
  <si>
    <t>GES PADIAN WALA</t>
  </si>
  <si>
    <t>Padianwala</t>
  </si>
  <si>
    <t>Government elementary school padianwala</t>
  </si>
  <si>
    <t>GPS KACHI KHAN MUHAMMAD</t>
  </si>
  <si>
    <t>Kachi Khan Muhammad</t>
  </si>
  <si>
    <t>Kachi khan Muhammad,Rajan Pur.</t>
  </si>
  <si>
    <t>Kachi Khan Muhammad Muhammad</t>
  </si>
  <si>
    <t>Rakh Mithan Kot</t>
  </si>
  <si>
    <t>Moin Akhter</t>
  </si>
  <si>
    <t>9705</t>
  </si>
  <si>
    <t>GGPS CHAK NO 343 TDA</t>
  </si>
  <si>
    <t>chak no 343/tda tehsil choubara layyah</t>
  </si>
  <si>
    <t>Chak No 343/ TDA</t>
  </si>
  <si>
    <t>Samara Qamar</t>
  </si>
  <si>
    <t>GPS CHAK NO.183/7-R SHUMALI</t>
  </si>
  <si>
    <t>183/7RN</t>
  </si>
  <si>
    <t>chak No 183/7.R(N) Tehsil fort abbass Distt.Bahawal nagar</t>
  </si>
  <si>
    <t>183/7-R N</t>
  </si>
  <si>
    <t>9974</t>
  </si>
  <si>
    <t>GGES CHAK NO 109 TDA</t>
  </si>
  <si>
    <t>chak no. 109 tDA</t>
  </si>
  <si>
    <t>CHAK NO. 109 TDA</t>
  </si>
  <si>
    <t>CHAK NO.109 TDA</t>
  </si>
  <si>
    <t>shabnam bibi</t>
  </si>
  <si>
    <t>GGPS 160-A/10-R, JAHANIAN</t>
  </si>
  <si>
    <t>160A/10R</t>
  </si>
  <si>
    <t>GGPS160A/10-R</t>
  </si>
  <si>
    <t>Chk#160A/10-R</t>
  </si>
  <si>
    <t>160A/10-R</t>
  </si>
  <si>
    <t>GGPS MANOWAL,LAHORE</t>
  </si>
  <si>
    <t>Chung</t>
  </si>
  <si>
    <t>GGPS Manowal</t>
  </si>
  <si>
    <t>Manowal</t>
  </si>
  <si>
    <t>Uzma Sattar</t>
  </si>
  <si>
    <t>out side of school</t>
  </si>
  <si>
    <t>8561</t>
  </si>
  <si>
    <t>GPS JALO WALA</t>
  </si>
  <si>
    <t>Chorhata Shomali</t>
  </si>
  <si>
    <t>basti Dambrah block 56 chongi no. 11 dera ghazi khan</t>
  </si>
  <si>
    <t>Basti Dambrah</t>
  </si>
  <si>
    <t>GPS BEHRAMKE</t>
  </si>
  <si>
    <t>Behramkey</t>
  </si>
  <si>
    <t>GPS Behramke</t>
  </si>
  <si>
    <t>Thatta Kareem Dad</t>
  </si>
  <si>
    <t>Tasawar Ali</t>
  </si>
  <si>
    <t>54526</t>
  </si>
  <si>
    <t>GGMPS SULEHAR MANDI</t>
  </si>
  <si>
    <t>Suleher Mandi</t>
  </si>
  <si>
    <t>GGPS Suleher mandi Tehsil &amp;District Narowal</t>
  </si>
  <si>
    <t>GPS LUS LAWARIS</t>
  </si>
  <si>
    <t>Lus-Lawaris</t>
  </si>
  <si>
    <t>moza luslawaris chiniot</t>
  </si>
  <si>
    <t>Lus lawaris</t>
  </si>
  <si>
    <t>54530</t>
  </si>
  <si>
    <t>GES MANGANA WALA</t>
  </si>
  <si>
    <t>mouza shadi pur post office sheikhan</t>
  </si>
  <si>
    <t>Mangnawala</t>
  </si>
  <si>
    <t>GGES KAMALA PUR JATIAL</t>
  </si>
  <si>
    <t>GGE/S kamal pur jatiyal</t>
  </si>
  <si>
    <t>Zahida Saeed</t>
  </si>
  <si>
    <t>GGPS SAPIALA</t>
  </si>
  <si>
    <t>Sapial</t>
  </si>
  <si>
    <t>Village Sipyal P.O. Khaur Co.</t>
  </si>
  <si>
    <t>Ahmadal</t>
  </si>
  <si>
    <t>Shamsa Zafar</t>
  </si>
  <si>
    <t>GGPS Dera Gujran P.O. Majra kalan Sambrial sialkot</t>
  </si>
  <si>
    <t>Jaithekay</t>
  </si>
  <si>
    <t>Samia Mustafa</t>
  </si>
  <si>
    <t>GGPS HAMID PUR</t>
  </si>
  <si>
    <t>Chack Hamid Pur</t>
  </si>
  <si>
    <t>Chak Mehndi Khan</t>
  </si>
  <si>
    <t>Aqsa Noor</t>
  </si>
  <si>
    <t>GGPS A O C BALKASAR P O BALKASSAR CHAKWAL</t>
  </si>
  <si>
    <t>pol colony Balkassar</t>
  </si>
  <si>
    <t>Ghazala Roshan</t>
  </si>
  <si>
    <t>GGPS DERA CHEEMA</t>
  </si>
  <si>
    <t>GGPS DERA CHEEMA tehsil shahpur district sargodha</t>
  </si>
  <si>
    <t>Deracheema</t>
  </si>
  <si>
    <t>Khanpurwahdra</t>
  </si>
  <si>
    <t>Ruhma Ahmed</t>
  </si>
  <si>
    <t>32953</t>
  </si>
  <si>
    <t>GGPS DHARI BHATIAN</t>
  </si>
  <si>
    <t>Dhari Bhatiyan</t>
  </si>
  <si>
    <t>Mumtaz Jafar</t>
  </si>
  <si>
    <t>54542</t>
  </si>
  <si>
    <t>54543</t>
  </si>
  <si>
    <t>GPS BAWARAY NAU</t>
  </si>
  <si>
    <t>Bawaray Nau</t>
  </si>
  <si>
    <t>Village Bawaray Nau p/o, Tehsil and Dist. Hafizabad.</t>
  </si>
  <si>
    <t>GGPS AMIR KOT NO. 2</t>
  </si>
  <si>
    <t>Kothian Wali</t>
  </si>
  <si>
    <t>primary  school amir koto no.2 mohalla pernamia tehsil  bazar  bwn</t>
  </si>
  <si>
    <t>Farah Saadat</t>
  </si>
  <si>
    <t>GGES KAILON KALAN</t>
  </si>
  <si>
    <t>Kelon Kalan</t>
  </si>
  <si>
    <t>kailon kalan</t>
  </si>
  <si>
    <t>GMPS RANA</t>
  </si>
  <si>
    <t>village rana</t>
  </si>
  <si>
    <t>Farzana Latif</t>
  </si>
  <si>
    <t>chah sahjhar wala mouza Islam wala tehsil ahmad pur sial (jhang)</t>
  </si>
  <si>
    <t>Islam Wala Chah Sahjhar Wala</t>
  </si>
  <si>
    <t>GGPS CHAH HUSSAIN WALA</t>
  </si>
  <si>
    <t>village chah hussain wala teh.and dist. mianwali</t>
  </si>
  <si>
    <t>GPS NOUL OTTAR</t>
  </si>
  <si>
    <t>Noul Ottar</t>
  </si>
  <si>
    <t>Noul Ottar Tehsil Krk District Kasur</t>
  </si>
  <si>
    <t>GGPS KOT SABZAL</t>
  </si>
  <si>
    <t>Kot Subzal</t>
  </si>
  <si>
    <t>govt.girls p/s arain colony ada no.1 kot subzal</t>
  </si>
  <si>
    <t>Mohaib Shah</t>
  </si>
  <si>
    <t>Najma Tahira</t>
  </si>
  <si>
    <t>13434</t>
  </si>
  <si>
    <t>GPS RATTOWAL</t>
  </si>
  <si>
    <t>Ratowal</t>
  </si>
  <si>
    <t>ratowal</t>
  </si>
  <si>
    <t>Ansir javed Ranjha</t>
  </si>
  <si>
    <t>24287</t>
  </si>
  <si>
    <t>GGPS MUNJKAY</t>
  </si>
  <si>
    <t>Manjke</t>
  </si>
  <si>
    <t>Manjky tehsil pasrur disst sailkot</t>
  </si>
  <si>
    <t>Manjkay</t>
  </si>
  <si>
    <t>54560</t>
  </si>
  <si>
    <t>GPS KHARAL AZEEM NASHEB</t>
  </si>
  <si>
    <t>Kharal Azeem Nashib</t>
  </si>
  <si>
    <t>moza kharal azeem nashib p/o kotsultan T&amp;D layyah</t>
  </si>
  <si>
    <t>Chah Bakhey Wala</t>
  </si>
  <si>
    <t>GPS DERA MEHMAND KHAN</t>
  </si>
  <si>
    <t>THATTI NOOR</t>
  </si>
  <si>
    <t>GPS DERA MEHMAND KHAN THATTI NOOR</t>
  </si>
  <si>
    <t>GPS CHAK NO 466 JB NORTH</t>
  </si>
  <si>
    <t>Khnawana</t>
  </si>
  <si>
    <t>chak no 466 north</t>
  </si>
  <si>
    <t>Khanwana</t>
  </si>
  <si>
    <t>Summandr</t>
  </si>
  <si>
    <t>Jalil Ahmad</t>
  </si>
  <si>
    <t>GGCMES 7/8-AR TULAMBA</t>
  </si>
  <si>
    <t>7/8AR</t>
  </si>
  <si>
    <t>7/8Ar</t>
  </si>
  <si>
    <t>mariam bibi</t>
  </si>
  <si>
    <t>54047</t>
  </si>
  <si>
    <t>GPS CHAK 518 GB</t>
  </si>
  <si>
    <t>chak no.518  JB</t>
  </si>
  <si>
    <t>Chak No 518 JB</t>
  </si>
  <si>
    <t>Chak No 161 JB</t>
  </si>
  <si>
    <t>Delawar shahzad khan wattoo</t>
  </si>
  <si>
    <t>49342</t>
  </si>
  <si>
    <t>GGPS CHAK NO.57 NB</t>
  </si>
  <si>
    <t>57nb</t>
  </si>
  <si>
    <t>Chak no 57 nb</t>
  </si>
  <si>
    <t>Chak 55 NB</t>
  </si>
  <si>
    <t>Farhat Anees</t>
  </si>
  <si>
    <t>12794</t>
  </si>
  <si>
    <t>14482</t>
  </si>
  <si>
    <t>GGPS NOOR PUR KATVI</t>
  </si>
  <si>
    <t>G g PS noor pur katvi p o Noor pur katvi Thsil phalia Distt M b din</t>
  </si>
  <si>
    <t>Adeela Hussain</t>
  </si>
  <si>
    <t>GES MC NO. 3 MUZAFFARGARH</t>
  </si>
  <si>
    <t>Ravlay Wala Road</t>
  </si>
  <si>
    <t>Zaffar Iqbal Bajwa</t>
  </si>
  <si>
    <t>54146</t>
  </si>
  <si>
    <t>GPS CHAK NO 229 TDA</t>
  </si>
  <si>
    <t>Chak No 229 TDA</t>
  </si>
  <si>
    <t>Post office Fatah Pur Chak no 229 TDA Tehsil Karor Lal e Eason District Layyah.</t>
  </si>
  <si>
    <t>54147</t>
  </si>
  <si>
    <t>48386</t>
  </si>
  <si>
    <t>GPS KHILCHI</t>
  </si>
  <si>
    <t>Khilchi</t>
  </si>
  <si>
    <t>khilchi post office miani tehsil bhera district sargodha</t>
  </si>
  <si>
    <t>GGES CDG NEW BASTI SCHEME NO.1 MUSTAFA ABAD</t>
  </si>
  <si>
    <t>Nai Basti Scheme no 1 Mustafaabad.Lahore</t>
  </si>
  <si>
    <t>Madni Mohallah</t>
  </si>
  <si>
    <t>30326</t>
  </si>
  <si>
    <t>GPS NAWAB BAGHBAN PURA LAHORE</t>
  </si>
  <si>
    <t>Gps Nawab madina colony baghbanpura LHR</t>
  </si>
  <si>
    <t>GGMMS NANKA GIDDER</t>
  </si>
  <si>
    <t>basti kalar wala</t>
  </si>
  <si>
    <t>Sana Batool</t>
  </si>
  <si>
    <t>10118</t>
  </si>
  <si>
    <t>GPS NADEEM COLONY FAROOQABAD</t>
  </si>
  <si>
    <t>Mohallah Rasoolpura, Farooqabad, Sheikhupura</t>
  </si>
  <si>
    <t>Mohallah Rasoolpura Sharqi</t>
  </si>
  <si>
    <t>MC Farooqabad</t>
  </si>
  <si>
    <t>Abid Inayat</t>
  </si>
  <si>
    <t>GGPS THEH NASIB ABAD</t>
  </si>
  <si>
    <t>Naseeb Abad</t>
  </si>
  <si>
    <t>ggps Naseeb Abad</t>
  </si>
  <si>
    <t>Amina  Bibi</t>
  </si>
  <si>
    <t>GMPS CHAK AYYAH</t>
  </si>
  <si>
    <t>Chak Ayha</t>
  </si>
  <si>
    <t>chak ayya noshera virkan gujranwala</t>
  </si>
  <si>
    <t>Chak Ayya</t>
  </si>
  <si>
    <t>Abdabad</t>
  </si>
  <si>
    <t>GPS CHAK LAKHIA</t>
  </si>
  <si>
    <t>Chak Lakhia</t>
  </si>
  <si>
    <t>chak lakhia P.O. phalia tehsil phalia district m. b.din</t>
  </si>
  <si>
    <t>Kala Shadia</t>
  </si>
  <si>
    <t>GPS NOKRIAN MUGHLAN</t>
  </si>
  <si>
    <t>Noukrian Mughalan</t>
  </si>
  <si>
    <t>noukrian mughalan</t>
  </si>
  <si>
    <t>Balgan</t>
  </si>
  <si>
    <t>Javid Akhtar Khokhar</t>
  </si>
  <si>
    <t>19677</t>
  </si>
  <si>
    <t>GMPS CHAK 254 GB AZAFI ABADI</t>
  </si>
  <si>
    <t>254 GB</t>
  </si>
  <si>
    <t>Chak# 254gb azafi abadi</t>
  </si>
  <si>
    <t>Chak #254gb</t>
  </si>
  <si>
    <t>Chak 256 gbPhalore</t>
  </si>
  <si>
    <t>Fatima Aziz</t>
  </si>
  <si>
    <t>GGPS CHAK NO.70/F-B</t>
  </si>
  <si>
    <t>Chak#70 / F-B Hasilpur</t>
  </si>
  <si>
    <t>70 F-B</t>
  </si>
  <si>
    <t>GES 61-A/15-L, MIAN CHANNU</t>
  </si>
  <si>
    <t>Chak No. 61-A/15-L, p/o 67/15-L</t>
  </si>
  <si>
    <t>Basti Dur Muhammad Kanju Wala</t>
  </si>
  <si>
    <t>Fareed abad</t>
  </si>
  <si>
    <t>GMPS TINDIAN WALA</t>
  </si>
  <si>
    <t>Tindian wala</t>
  </si>
  <si>
    <t>Moza Tindian Wala post office sheikhan Teh. lalian distt. chiniot</t>
  </si>
  <si>
    <t>Tindian Wala</t>
  </si>
  <si>
    <t>Fouzia Sadiq</t>
  </si>
  <si>
    <t>18721</t>
  </si>
  <si>
    <t>54177</t>
  </si>
  <si>
    <t>GPS BASTI KARAM KHAN</t>
  </si>
  <si>
    <t>basti karam khan</t>
  </si>
  <si>
    <t>16432</t>
  </si>
  <si>
    <t>GGHS CHAK NO 144 RB GHOTAL</t>
  </si>
  <si>
    <t>Ghartal</t>
  </si>
  <si>
    <t>check No144 to ghotal</t>
  </si>
  <si>
    <t>Check No144 Ghotal</t>
  </si>
  <si>
    <t>Bakhery Wali</t>
  </si>
  <si>
    <t>NAZIA RASHID</t>
  </si>
  <si>
    <t>GPS CHAK NO.126 NB CHAH MUNGWANA</t>
  </si>
  <si>
    <t>Chah Mangwana</t>
  </si>
  <si>
    <t>chak no.126 nb chah mangwana</t>
  </si>
  <si>
    <t>126 Nb Chahmwngwana Mangwana</t>
  </si>
  <si>
    <t>Chak No129 Nb</t>
  </si>
  <si>
    <t>Khalid Parvaiz</t>
  </si>
  <si>
    <t>GPS DALO BAWARY</t>
  </si>
  <si>
    <t>Doulo Bawary</t>
  </si>
  <si>
    <t>village doulo bawary tehsil and district hafizabad</t>
  </si>
  <si>
    <t>Lalka Dharinka</t>
  </si>
  <si>
    <t>Furqan Khalid</t>
  </si>
  <si>
    <t>17997</t>
  </si>
  <si>
    <t>GES PAF COLONY SHORKOT</t>
  </si>
  <si>
    <t>PAF colony shorkot cantt</t>
  </si>
  <si>
    <t>50842</t>
  </si>
  <si>
    <t>39356</t>
  </si>
  <si>
    <t>GGCMS IKHLAS</t>
  </si>
  <si>
    <t>Samina Yasmiin</t>
  </si>
  <si>
    <t>GGPS MC NO. 18 GUJRANWALA</t>
  </si>
  <si>
    <t>Naila Chowk</t>
  </si>
  <si>
    <t>Naila Chowk street no1</t>
  </si>
  <si>
    <t>GMPS CHAHRKAY</t>
  </si>
  <si>
    <t>Charky</t>
  </si>
  <si>
    <t>post office kamoky tensil phalia district m.bdin</t>
  </si>
  <si>
    <t>54042</t>
  </si>
  <si>
    <t>GES SHIMAR</t>
  </si>
  <si>
    <t>Gunjial Janoobi</t>
  </si>
  <si>
    <t>main street gulshon iqbal town jauharabad dist khushab</t>
  </si>
  <si>
    <t>42957</t>
  </si>
  <si>
    <t>GMPS SAHOOT BAGIAL</t>
  </si>
  <si>
    <t>Sahote Bagyal</t>
  </si>
  <si>
    <t>Shot Bagyal</t>
  </si>
  <si>
    <t>Asad Javed</t>
  </si>
  <si>
    <t>19603</t>
  </si>
  <si>
    <t>GMPS CHAK 382 JB FEROZ</t>
  </si>
  <si>
    <t>g m p school 382jb feroz</t>
  </si>
  <si>
    <t>382jb Feroz</t>
  </si>
  <si>
    <t>375jb</t>
  </si>
  <si>
    <t>NOREEN TABASUM</t>
  </si>
  <si>
    <t>GPS MANDAR BLOCK PIR MAHAL</t>
  </si>
  <si>
    <t>Katchi Kothi Pirmahal</t>
  </si>
  <si>
    <t>54048</t>
  </si>
  <si>
    <t>GMPS TUNG KALAN</t>
  </si>
  <si>
    <t>TUNG Kalan</t>
  </si>
  <si>
    <t>TUNG kalan tataly Ali</t>
  </si>
  <si>
    <t>Nabeela Salma</t>
  </si>
  <si>
    <t>GGPS MUJAVRAN</t>
  </si>
  <si>
    <t>GGPS Basti Mujaran Liaquatpur Distt.RYK</t>
  </si>
  <si>
    <t>kotla dollat</t>
  </si>
  <si>
    <t>54054</t>
  </si>
  <si>
    <t>GGPS 66 KV WAPDA COLONY</t>
  </si>
  <si>
    <t>GGPS 66kv wapda Colony sargodga</t>
  </si>
  <si>
    <t>MC Corporation</t>
  </si>
  <si>
    <t>GGPS NARO KE THATHA</t>
  </si>
  <si>
    <t>GGps naroki thatha</t>
  </si>
  <si>
    <t>54058</t>
  </si>
  <si>
    <t>GGES DHOK MAIRA</t>
  </si>
  <si>
    <t>dhoke maira po chura shareef teh jand district attock</t>
  </si>
  <si>
    <t>Dhoke Maira</t>
  </si>
  <si>
    <t>Iqbal Fatima</t>
  </si>
  <si>
    <t>GHS CHAK 147 RB CHAK JHUMRA FSD</t>
  </si>
  <si>
    <t>chak no .147 rB</t>
  </si>
  <si>
    <t>Govt High School Chak No.147 rB</t>
  </si>
  <si>
    <t>chak no.147 RB</t>
  </si>
  <si>
    <t>chak no.146 rB</t>
  </si>
  <si>
    <t>muhammad babar mumtaz</t>
  </si>
  <si>
    <t>GMPS GARHI DONGER</t>
  </si>
  <si>
    <t>Ghari Donger</t>
  </si>
  <si>
    <t>gmps ghari donger post office ahmad nagar wazirabad</t>
  </si>
  <si>
    <t>Azmat Zohara</t>
  </si>
  <si>
    <t>28936</t>
  </si>
  <si>
    <t>GGCMS ELLAH ABAD KOT TOORA ABAD</t>
  </si>
  <si>
    <t>Elllahabad</t>
  </si>
  <si>
    <t>tibba tooraabad</t>
  </si>
  <si>
    <t>Ellahabad</t>
  </si>
  <si>
    <t>Sidra Sadiq</t>
  </si>
  <si>
    <t>GES TARKHAN WALA</t>
  </si>
  <si>
    <t>Tarkhana wala</t>
  </si>
  <si>
    <t>Tarkhana wala, p/o Pir panja tehsil lalian distt. chiniot</t>
  </si>
  <si>
    <t>walla</t>
  </si>
  <si>
    <t>54067</t>
  </si>
  <si>
    <t>GPS RUKAN PURA SAHARI ROAD</t>
  </si>
  <si>
    <t>Basti Sabri</t>
  </si>
  <si>
    <t>basti saber  Sharing road kasur</t>
  </si>
  <si>
    <t>M Ali Khalid</t>
  </si>
  <si>
    <t>GPS FATEH PUR MOUZA FATEH PUR DUNYA PUR</t>
  </si>
  <si>
    <t>Moza Fateh Pur</t>
  </si>
  <si>
    <t>Moza fateh pur Tehsail dunya pur lodhran</t>
  </si>
  <si>
    <t>GGPS SHEENA GHUND</t>
  </si>
  <si>
    <t>Londy Bangi Khel</t>
  </si>
  <si>
    <t>sheena ghund</t>
  </si>
  <si>
    <t>Sheena Ghund</t>
  </si>
  <si>
    <t>Raheela Akhtar</t>
  </si>
  <si>
    <t>GGPS BASTI MURAD</t>
  </si>
  <si>
    <t>Basti zeerak wahin tehsil kahror pacca district lodhran</t>
  </si>
  <si>
    <t>49787</t>
  </si>
  <si>
    <t>GPS CHAK NO.121 NB</t>
  </si>
  <si>
    <t>121 NB</t>
  </si>
  <si>
    <t>GPS 121 NB SILLANWALI</t>
  </si>
  <si>
    <t>Chak # 135</t>
  </si>
  <si>
    <t>Muhammad Rafaqat  Hafeez Bhatti</t>
  </si>
  <si>
    <t>GGPS CHAK NO.160/M-B</t>
  </si>
  <si>
    <t>Colony160/m</t>
  </si>
  <si>
    <t>chake no 160/m.tehsil:hasilpur.district:bahwalpur</t>
  </si>
  <si>
    <t>160/M</t>
  </si>
  <si>
    <t>Fahmida Rashid</t>
  </si>
  <si>
    <t>45582</t>
  </si>
  <si>
    <t>GGPS TIBBI AWAN WALI</t>
  </si>
  <si>
    <t>BARKAT WALA - FEMALE</t>
  </si>
  <si>
    <t>dagger qureshi</t>
  </si>
  <si>
    <t>GGP/s tibbi awana wali Darya khan</t>
  </si>
  <si>
    <t>tibbi awan</t>
  </si>
  <si>
    <t>dagger weghwara</t>
  </si>
  <si>
    <t>47517</t>
  </si>
  <si>
    <t>GGPS CIVIL HOSPITAL</t>
  </si>
  <si>
    <t>Ggps civil hospital daud khel</t>
  </si>
  <si>
    <t>Paki Shahmardan</t>
  </si>
  <si>
    <t>Chandhurain Fatima Kiran</t>
  </si>
  <si>
    <t>54076</t>
  </si>
  <si>
    <t>GPS CHAK NO 13/65</t>
  </si>
  <si>
    <t>Chak No13/65</t>
  </si>
  <si>
    <t>Chak  No.13/65</t>
  </si>
  <si>
    <t>Chak  No13/65</t>
  </si>
  <si>
    <t>Fridabad</t>
  </si>
  <si>
    <t>Saif-ur-rehman</t>
  </si>
  <si>
    <t>54078</t>
  </si>
  <si>
    <t>GGPS KATCHI KANDANI</t>
  </si>
  <si>
    <t>Kachi Kandani</t>
  </si>
  <si>
    <t>Kachi kandani  notak Bhakkar</t>
  </si>
  <si>
    <t>GMPS CHAK NO 129/6-R</t>
  </si>
  <si>
    <t>129/6R</t>
  </si>
  <si>
    <t>CHAK 129/6R P/O 130/6R THS HND DIST.BWN</t>
  </si>
  <si>
    <t>Taslim Aslam</t>
  </si>
  <si>
    <t>GES 176/10-R, KHANEWAL</t>
  </si>
  <si>
    <t>Chak No 176/10R</t>
  </si>
  <si>
    <t>Government Middle School 176/10R khanewal</t>
  </si>
  <si>
    <t>Chak No 170/10R</t>
  </si>
  <si>
    <t>13165</t>
  </si>
  <si>
    <t>basti babran shahbaz pur</t>
  </si>
  <si>
    <t>Tahir Muhammad</t>
  </si>
  <si>
    <t>GES BHAKA BHATTIAN</t>
  </si>
  <si>
    <t>Bhaka Bhattian</t>
  </si>
  <si>
    <t>Village Bhaka Bhattian Tehsil &amp; District Hafizabad</t>
  </si>
  <si>
    <t>Hafiz Naseem</t>
  </si>
  <si>
    <t>50481</t>
  </si>
  <si>
    <t>GGES MC NO.1 CHICHAWATNI</t>
  </si>
  <si>
    <t>block no.7cci</t>
  </si>
  <si>
    <t>Block no 7</t>
  </si>
  <si>
    <t>Sajila Ishaq</t>
  </si>
  <si>
    <t>GPS DHEDUANA</t>
  </si>
  <si>
    <t>Dhedawona</t>
  </si>
  <si>
    <t>Moza dhedawona p/o pir kot</t>
  </si>
  <si>
    <t>GGPS BHALLA MOHRA</t>
  </si>
  <si>
    <t>Ballah Mohrha</t>
  </si>
  <si>
    <t>village ballah mohrha P.O &amp; Tehsil Sohawa district Jhelum</t>
  </si>
  <si>
    <t>MC Sohawa</t>
  </si>
  <si>
    <t>GPS KANAYAT PIR BAKHSH</t>
  </si>
  <si>
    <t>Kanyat Pir Bukhsh</t>
  </si>
  <si>
    <t>Village/p.o knayat pir bukhsh teh gujar Khan distt Rswalpindi</t>
  </si>
  <si>
    <t>Shamaila Kousar</t>
  </si>
  <si>
    <t>GPS MATHA JAI PACCA</t>
  </si>
  <si>
    <t>Tibbeh Mehrban Shah</t>
  </si>
  <si>
    <t>G.p.s Matha Jai pacca</t>
  </si>
  <si>
    <t>Matha Jai</t>
  </si>
  <si>
    <t>Muhammad Abdulkhaliq</t>
  </si>
  <si>
    <t>54091</t>
  </si>
  <si>
    <t>34390</t>
  </si>
  <si>
    <t>GPS SAID PUR MULTAN P/O TATAY PUR MULTAN</t>
  </si>
  <si>
    <t>basti duph sari mouza said pur Multan</t>
  </si>
  <si>
    <t>Chah Ali wala</t>
  </si>
  <si>
    <t>QadirPurRanSharqi</t>
  </si>
  <si>
    <t>Abdur Rauf  Shad</t>
  </si>
  <si>
    <t>GPS SEWER</t>
  </si>
  <si>
    <t>Sewer</t>
  </si>
  <si>
    <t>village Sewer, Tehsil Kot momin, district sargodha</t>
  </si>
  <si>
    <t>GGPS HAVELI GHATHAN WALI</t>
  </si>
  <si>
    <t>Haveli Ghtian Wali</t>
  </si>
  <si>
    <t>haveli ghtian wali</t>
  </si>
  <si>
    <t>Beron Raja Jung</t>
  </si>
  <si>
    <t>GMPS 145/10-R, JAHANIAN</t>
  </si>
  <si>
    <t>145/10r</t>
  </si>
  <si>
    <t>GMPS145/10r</t>
  </si>
  <si>
    <t>SHAISTA ABDUL SATTAR</t>
  </si>
  <si>
    <t>GPS MC DOUBLE PHATAK VEHARI ROAD MULTAN</t>
  </si>
  <si>
    <t>Kutab Pura</t>
  </si>
  <si>
    <t>mc double phatak verahi road multan</t>
  </si>
  <si>
    <t>Kutab Pur</t>
  </si>
  <si>
    <t>Muhammad Tariq Masood Ul Hassan</t>
  </si>
  <si>
    <t>GPS MERA KUFRI</t>
  </si>
  <si>
    <t>GPS Mera Kufri</t>
  </si>
  <si>
    <t>Hafiz Mukhtar Ahmad</t>
  </si>
  <si>
    <t>GGCMS MANGIAL</t>
  </si>
  <si>
    <t>Mangial</t>
  </si>
  <si>
    <t>GGCMS mangial school</t>
  </si>
  <si>
    <t>Quitbal</t>
  </si>
  <si>
    <t>GGCMS MALKHAN WALA</t>
  </si>
  <si>
    <t>p/o begowala, tehsil sambrial district Sialkot</t>
  </si>
  <si>
    <t>GES 57 EB</t>
  </si>
  <si>
    <t>57/EB</t>
  </si>
  <si>
    <t>Chak No 57/E.B Peerah Wala</t>
  </si>
  <si>
    <t>Chak No 57/EB</t>
  </si>
  <si>
    <t>59/EB</t>
  </si>
  <si>
    <t>Jahangir Ahmad</t>
  </si>
  <si>
    <t>GGPS MOHNI SHAH WALA</t>
  </si>
  <si>
    <t>HAIDERABAD - FEMALE</t>
  </si>
  <si>
    <t>GGPS Mohni Shah Wala</t>
  </si>
  <si>
    <t>Darbola</t>
  </si>
  <si>
    <t>Nassim Bibi</t>
  </si>
  <si>
    <t>GGPS CHAK NO.107/DNB (WEST)</t>
  </si>
  <si>
    <t>109/DNB Colony</t>
  </si>
  <si>
    <t>Chak 107/DNB(W)</t>
  </si>
  <si>
    <t>107/DNB</t>
  </si>
  <si>
    <t>40225</t>
  </si>
  <si>
    <t>GGPS RARYALA JAGDEV</t>
  </si>
  <si>
    <t>Raryala Jugdev</t>
  </si>
  <si>
    <t>Government Girls Primary School Raryala Jugdev</t>
  </si>
  <si>
    <t>Samia Shahnaz</t>
  </si>
  <si>
    <t>14269</t>
  </si>
  <si>
    <t>GPS BASTI GHAZI DANGER</t>
  </si>
  <si>
    <t>Noshara Sharki</t>
  </si>
  <si>
    <t>basti Ghazi Danger</t>
  </si>
  <si>
    <t>Basti Ghazi Danger</t>
  </si>
  <si>
    <t>GPS MULTAN KHURD NO 2</t>
  </si>
  <si>
    <t>Mohallah union council Multan khurd</t>
  </si>
  <si>
    <t>Amjad Obaidullah</t>
  </si>
  <si>
    <t>GPS DERA MUHAMMAD NAWAZ</t>
  </si>
  <si>
    <t>gps dera m nawaz</t>
  </si>
  <si>
    <t>Usama Mustafa</t>
  </si>
  <si>
    <t>GPS RUSTAM PUR MURIDKE</t>
  </si>
  <si>
    <t>Lambary</t>
  </si>
  <si>
    <t>rustam pur</t>
  </si>
  <si>
    <t>Muhammad Iqbal Shaheen</t>
  </si>
  <si>
    <t>44121</t>
  </si>
  <si>
    <t>PO Mahinwal village Lohara</t>
  </si>
  <si>
    <t>Ghulam Uma Rabbab</t>
  </si>
  <si>
    <t>GPS BAIRI WALA</t>
  </si>
  <si>
    <t>peer khaee</t>
  </si>
  <si>
    <t>GPS bairi wala Tehsil Mailsi p.o box Gahara more Dist.vehari</t>
  </si>
  <si>
    <t>bair wala</t>
  </si>
  <si>
    <t>Gahra More</t>
  </si>
  <si>
    <t>46236</t>
  </si>
  <si>
    <t>GPS DERA PAHORAN WALA</t>
  </si>
  <si>
    <t>gps Pahoran wala Noorpur Thal khushab</t>
  </si>
  <si>
    <t>Dera Pahoran wala</t>
  </si>
  <si>
    <t>GPS MOJIAN WALA</t>
  </si>
  <si>
    <t>vpo Mojianwala</t>
  </si>
  <si>
    <t>Adnan Ali Khan</t>
  </si>
  <si>
    <t>GGPS MOLVI SIKANDAR</t>
  </si>
  <si>
    <t>GGPS Molvi Sikandar</t>
  </si>
  <si>
    <t>Nasreen Kaousar</t>
  </si>
  <si>
    <t>GGHS SOKAR</t>
  </si>
  <si>
    <t>BUGHLANI</t>
  </si>
  <si>
    <t>BASTI SOKAR TEHSIL TAUNSA</t>
  </si>
  <si>
    <t>Zubaida khanum</t>
  </si>
  <si>
    <t>GGPS LOKRI SARDAR ALAM</t>
  </si>
  <si>
    <t>Ratto Kala</t>
  </si>
  <si>
    <t>GGPS LOKRI SARDAR ALAM, tehsil Bhalwal, district Sargodha.</t>
  </si>
  <si>
    <t>Sardar Alam</t>
  </si>
  <si>
    <t>Aneela Kousar</t>
  </si>
  <si>
    <t>GPS NAHLA</t>
  </si>
  <si>
    <t>Village Nahla Raiwind</t>
  </si>
  <si>
    <t>Nahla Raiwind</t>
  </si>
  <si>
    <t>Javed Shahid</t>
  </si>
  <si>
    <t>GMPS CHAK NO 145 JB</t>
  </si>
  <si>
    <t>Salara Chak #145jb</t>
  </si>
  <si>
    <t>gmps salaray chak #145jb</t>
  </si>
  <si>
    <t>Salaray Chak#145jb</t>
  </si>
  <si>
    <t>Gutti Syedan  Chak #153</t>
  </si>
  <si>
    <t>Rukhsana Arif</t>
  </si>
  <si>
    <t>25725</t>
  </si>
  <si>
    <t>GES CHAK NO. 16</t>
  </si>
  <si>
    <t>Chak 16</t>
  </si>
  <si>
    <t>chak 16</t>
  </si>
  <si>
    <t>bhawan shah p/o dera jara sahiwal sargodha</t>
  </si>
  <si>
    <t>Bhuchra Kohna</t>
  </si>
  <si>
    <t>20557</t>
  </si>
  <si>
    <t>GPS POLICE LINE</t>
  </si>
  <si>
    <t>Kamboh Colony</t>
  </si>
  <si>
    <t>kamboh colony police line gujranwala</t>
  </si>
  <si>
    <t>Muhammad Alyass</t>
  </si>
  <si>
    <t>GPS MEER KOT KOHNA</t>
  </si>
  <si>
    <t>Meer Kot</t>
  </si>
  <si>
    <t>Meer kot</t>
  </si>
  <si>
    <t>Riast Ali</t>
  </si>
  <si>
    <t>52391</t>
  </si>
  <si>
    <t>GMPS CHAK NO.48/DNB YAZMAN</t>
  </si>
  <si>
    <t>Chak No 48/DNB</t>
  </si>
  <si>
    <t>Chak no 48/DNB</t>
  </si>
  <si>
    <t>ChaK NO 48/DNB</t>
  </si>
  <si>
    <t>chak No 22/DNB</t>
  </si>
  <si>
    <t>GPS MC NO.25 GUJRANWALA</t>
  </si>
  <si>
    <t>Meher Park</t>
  </si>
  <si>
    <t>muhallah meher park sui gas road gujranwala</t>
  </si>
  <si>
    <t>GGPS WAHID FATEH GARH</t>
  </si>
  <si>
    <t>Fatehgarh</t>
  </si>
  <si>
    <t>Dispensary road Fatehgarh</t>
  </si>
  <si>
    <t>27691</t>
  </si>
  <si>
    <t>GPS MAIN MALAKWAL</t>
  </si>
  <si>
    <t>Moh:Sabari Malakwal</t>
  </si>
  <si>
    <t>Raja Zulfiqar Ali</t>
  </si>
  <si>
    <t>GMPS RUPOWALI</t>
  </si>
  <si>
    <t>Rupowali</t>
  </si>
  <si>
    <t>Village Rupowali Qila Ahemad Abad Distt Sialkot.</t>
  </si>
  <si>
    <t>Noreen Zaib</t>
  </si>
  <si>
    <t>53922</t>
  </si>
  <si>
    <t>VPO Mari tehsil &amp; district chakwal</t>
  </si>
  <si>
    <t>Bhikari Kalan</t>
  </si>
  <si>
    <t>GGHSS KOT CHUTTA</t>
  </si>
  <si>
    <t>kot chutta</t>
  </si>
  <si>
    <t>govt.girls higher secondary school kot chutta</t>
  </si>
  <si>
    <t>muncipal comettee</t>
  </si>
  <si>
    <t>ANJUM AFSHAN</t>
  </si>
  <si>
    <t>31821</t>
  </si>
  <si>
    <t>GGPS GHARYAL KHURD</t>
  </si>
  <si>
    <t>GGPS Gharyal Khurd PO box gharyal kalan tehsil Muridke district shekhiupura</t>
  </si>
  <si>
    <t>Amtal Mubshir</t>
  </si>
  <si>
    <t>53927</t>
  </si>
  <si>
    <t>GGPS DHAK LANGER</t>
  </si>
  <si>
    <t>village:Dhak p.box:chura sharif Teh:Jand Dis:Attock</t>
  </si>
  <si>
    <t>Malika Surria</t>
  </si>
  <si>
    <t>GPS NO.2 VIJH COLONY</t>
  </si>
  <si>
    <t>Vijh Coloony</t>
  </si>
  <si>
    <t>RANA  JAHANGIR ALI KHAN</t>
  </si>
  <si>
    <t>GPS SHAFI ABAD</t>
  </si>
  <si>
    <t>Shaho Channar</t>
  </si>
  <si>
    <t>shafiabad moza shaho channar khanqah sharif tehsil saddar</t>
  </si>
  <si>
    <t>Mohammad Khalid Rashid</t>
  </si>
  <si>
    <t>42928</t>
  </si>
  <si>
    <t>GMPS RAJAM</t>
  </si>
  <si>
    <t>Rajjam</t>
  </si>
  <si>
    <t>village rajjam po choha khalsa</t>
  </si>
  <si>
    <t>Naheeda Nasreen</t>
  </si>
  <si>
    <t>53935</t>
  </si>
  <si>
    <t>13206</t>
  </si>
  <si>
    <t>Kotla Rahem Ali Shah</t>
  </si>
  <si>
    <t>basti mahar kotla raham ali shah jatoi</t>
  </si>
  <si>
    <t>Riffat Kanwal</t>
  </si>
  <si>
    <t>GGPS AHMEDAL NO.1</t>
  </si>
  <si>
    <t>vpo  ahmedal</t>
  </si>
  <si>
    <t>32870</t>
  </si>
  <si>
    <t>48846</t>
  </si>
  <si>
    <t>GES CHAK NO.46 NB</t>
  </si>
  <si>
    <t>Chak 46 NB</t>
  </si>
  <si>
    <t>46 Nb</t>
  </si>
  <si>
    <t>Rana Muhammad Ramzan</t>
  </si>
  <si>
    <t>water tank from outside</t>
  </si>
  <si>
    <t>GPS CHAK NO. 56 SP</t>
  </si>
  <si>
    <t>56 S</t>
  </si>
  <si>
    <t>want bodla 56 sp</t>
  </si>
  <si>
    <t>56 SP</t>
  </si>
  <si>
    <t>Mohammad Zafar Iqbal Shahid</t>
  </si>
  <si>
    <t>GGPS NEW MOHALLA GHARBI</t>
  </si>
  <si>
    <t>p/o mangrotha east tehsil taunsa sharif  ,dg khan</t>
  </si>
  <si>
    <t>mamgrotha west</t>
  </si>
  <si>
    <t>Roubina Mumtaz</t>
  </si>
  <si>
    <t>GGPS GHOORA</t>
  </si>
  <si>
    <t>village and post office gurrah</t>
  </si>
  <si>
    <t>Farida Afsar</t>
  </si>
  <si>
    <t>imam bargah</t>
  </si>
  <si>
    <t>GGPS CHOI JANDRAN</t>
  </si>
  <si>
    <t>CHOI JANDRAN</t>
  </si>
  <si>
    <t>GGPS CHOI JANDRAN TEHSIL KALAR KAHAR DIST CHAKWAL</t>
  </si>
  <si>
    <t>electrict motor</t>
  </si>
  <si>
    <t>GPS CHAK NO.143/6-R</t>
  </si>
  <si>
    <t>chak no 143/6.r tehsil haroonabad.  distt bahawalnagar</t>
  </si>
  <si>
    <t>143/6r</t>
  </si>
  <si>
    <t>Muhammad shahbaz</t>
  </si>
  <si>
    <t>GGES BHANGALI</t>
  </si>
  <si>
    <t>GGMS Bhangali Barki road</t>
  </si>
  <si>
    <t>Rubina Anjum</t>
  </si>
  <si>
    <t>GPS MANZOOR PARK BUND ROAD SHAFIQUE ABAD</t>
  </si>
  <si>
    <t>Gang Kalan</t>
  </si>
  <si>
    <t>manzoor park shafiqabad bund road lahore</t>
  </si>
  <si>
    <t>Shafiqabad</t>
  </si>
  <si>
    <t>Abdullah Amin</t>
  </si>
  <si>
    <t>GPS SHAHBAZ WALA</t>
  </si>
  <si>
    <t>VPO Dadu.village Shahbaz wala tehsil kalur kot.dist.Bhakkar</t>
  </si>
  <si>
    <t>Shahbaz Wala</t>
  </si>
  <si>
    <t>Ghulama No 1</t>
  </si>
  <si>
    <t>Sami ullah</t>
  </si>
  <si>
    <t>50292</t>
  </si>
  <si>
    <t>GGPS LUNDA BANGI KHEL</t>
  </si>
  <si>
    <t>Tabisir</t>
  </si>
  <si>
    <t>ggpslundabangikhel</t>
  </si>
  <si>
    <t>Lundabangikhel</t>
  </si>
  <si>
    <t>Ansa Rafiq</t>
  </si>
  <si>
    <t>GPS SEWRAN WALA</t>
  </si>
  <si>
    <t>Dingana</t>
  </si>
  <si>
    <t>GPS SEWRAN WALA  TEH PIPLAN DISTRICT MIANWALI</t>
  </si>
  <si>
    <t>50225</t>
  </si>
  <si>
    <t>49672</t>
  </si>
  <si>
    <t>GES CHAK NO.136 NB</t>
  </si>
  <si>
    <t>CHAK NO 136 NB</t>
  </si>
  <si>
    <t>CHAK NO 136 NB SILLANWALI</t>
  </si>
  <si>
    <t>MUHAMMAD QASIR JAMIL</t>
  </si>
  <si>
    <t>GMPS THAPLA</t>
  </si>
  <si>
    <t>Gmps Thapla</t>
  </si>
  <si>
    <t>ADEEBA SHABNAM</t>
  </si>
  <si>
    <t>GPS CHAH RANJHA (DERA REHMAT KHAN)</t>
  </si>
  <si>
    <t>Dera Rehmat Khan</t>
  </si>
  <si>
    <t>g p s dera rehmat dist teh m b din po bhikhi sharif</t>
  </si>
  <si>
    <t>bhikhisharif</t>
  </si>
  <si>
    <t>Muhammad Irfan bashir</t>
  </si>
  <si>
    <t>18759</t>
  </si>
  <si>
    <t>GGPS CHAK 285 JB</t>
  </si>
  <si>
    <t>Moza Chak No 285jb Tehsile Gojra District TTSingh</t>
  </si>
  <si>
    <t>Chak No 285jb</t>
  </si>
  <si>
    <t>Chak No 372jb</t>
  </si>
  <si>
    <t>36844</t>
  </si>
  <si>
    <t>GGPS JHOKE VAINS KHURD</t>
  </si>
  <si>
    <t>GGPS jhoke wains khurd multan</t>
  </si>
  <si>
    <t>Zakia Qadri</t>
  </si>
  <si>
    <t>GGPS SHAH ABU TAHIR</t>
  </si>
  <si>
    <t>Machi Wagha</t>
  </si>
  <si>
    <t>GGPS SHAH ABU TAHIR AT MACHI WALA</t>
  </si>
  <si>
    <t>Machi Wagah</t>
  </si>
  <si>
    <t>Massa kotha</t>
  </si>
  <si>
    <t>GPS THATHA DHONDA</t>
  </si>
  <si>
    <t>Thatha Dhoonda</t>
  </si>
  <si>
    <t>village Thatha Dhoonha P/O Kaleke Mandi Distt Hafizabad</t>
  </si>
  <si>
    <t>GPS DERA SAROO ANA</t>
  </si>
  <si>
    <t>Dera Saroo Ana</t>
  </si>
  <si>
    <t>MC Kot Momin</t>
  </si>
  <si>
    <t>aziz-ur-rahman</t>
  </si>
  <si>
    <t>GGPS CHAH WING</t>
  </si>
  <si>
    <t>Dagar Wagwarah Sharqi</t>
  </si>
  <si>
    <t>adda anar shah</t>
  </si>
  <si>
    <t>Anar Shah</t>
  </si>
  <si>
    <t>Dagar Quershi</t>
  </si>
  <si>
    <t>Anam Jan</t>
  </si>
  <si>
    <t>GES  95/6-R</t>
  </si>
  <si>
    <t>chak no 95/6R Sahiwal</t>
  </si>
  <si>
    <t>Chak No 95 /6R</t>
  </si>
  <si>
    <t>Gulfam Yousaf</t>
  </si>
  <si>
    <t>GMPS CHAK NO. 33/4-L</t>
  </si>
  <si>
    <t>334l</t>
  </si>
  <si>
    <t>chack33/4l okara</t>
  </si>
  <si>
    <t>33/4l</t>
  </si>
  <si>
    <t>Chack 31/4l</t>
  </si>
  <si>
    <t>Durre Hussain Zafar</t>
  </si>
  <si>
    <t>42461</t>
  </si>
  <si>
    <t>GGES DAKHUHA</t>
  </si>
  <si>
    <t>Maryam Khurram</t>
  </si>
  <si>
    <t>GPS FEROZI</t>
  </si>
  <si>
    <t>basti  ferozi</t>
  </si>
  <si>
    <t>Basti Ferozi</t>
  </si>
  <si>
    <t>M C 18hazari</t>
  </si>
  <si>
    <t>Waris Ali Khan</t>
  </si>
  <si>
    <t>43847</t>
  </si>
  <si>
    <t>Qadar Pur</t>
  </si>
  <si>
    <t>qadar pur v&amp;p.o bhilomar</t>
  </si>
  <si>
    <t>GGCMS BHENI PAR</t>
  </si>
  <si>
    <t>Bhenipar</t>
  </si>
  <si>
    <t>bhai ni par</t>
  </si>
  <si>
    <t>Bheni Par</t>
  </si>
  <si>
    <t>Shabnam Tahira</t>
  </si>
  <si>
    <t>53990</t>
  </si>
  <si>
    <t>GGPS TIBBI SOLGI</t>
  </si>
  <si>
    <t>dak khna khas tibbi solgi</t>
  </si>
  <si>
    <t>53992</t>
  </si>
  <si>
    <t>GMPS GULAB GARH</t>
  </si>
  <si>
    <t>Gulab Garh</t>
  </si>
  <si>
    <t>Afshan Nageen</t>
  </si>
  <si>
    <t>41991</t>
  </si>
  <si>
    <t>GGPS MUD GAMOO</t>
  </si>
  <si>
    <t>Derashamas</t>
  </si>
  <si>
    <t>mudgammon</t>
  </si>
  <si>
    <t>Mudgammon</t>
  </si>
  <si>
    <t>Koto Mendi Shah</t>
  </si>
  <si>
    <t>Tabinda Shafi</t>
  </si>
  <si>
    <t>40941</t>
  </si>
  <si>
    <t>GES KALUWAL</t>
  </si>
  <si>
    <t>kaluwal</t>
  </si>
  <si>
    <t>kaluwal PO bhirta tehsil dina District jhelum</t>
  </si>
  <si>
    <t>53997</t>
  </si>
  <si>
    <t>GPS KOTLI NOW</t>
  </si>
  <si>
    <t>Kotli Now</t>
  </si>
  <si>
    <t>Kotli Now, Tehsil Kamoke, Gujranwala</t>
  </si>
  <si>
    <t>GGPS CHAK NO 32/P</t>
  </si>
  <si>
    <t>Bacho Bahar</t>
  </si>
  <si>
    <t>32p</t>
  </si>
  <si>
    <t>GGP/S Chak No 32/P</t>
  </si>
  <si>
    <t>peroshahi</t>
  </si>
  <si>
    <t>village pathan kot p/o bahtar teh fateh jang attock</t>
  </si>
  <si>
    <t>bahtar</t>
  </si>
  <si>
    <t>amna yousaf</t>
  </si>
  <si>
    <t>GES SHEROO WALA</t>
  </si>
  <si>
    <t>Sheroo Wala teh chobara district Layyah</t>
  </si>
  <si>
    <t>Sheroo Wala</t>
  </si>
  <si>
    <t>31216</t>
  </si>
  <si>
    <t>GGPS WARA KUMHARAN</t>
  </si>
  <si>
    <t>Wara Kumharan</t>
  </si>
  <si>
    <t>manga road raiwind wara kumharan</t>
  </si>
  <si>
    <t>Abida Firdous</t>
  </si>
  <si>
    <t>25525</t>
  </si>
  <si>
    <t>GGPS DHAPAI ANSOVAN</t>
  </si>
  <si>
    <t>Dhapia Ansovan</t>
  </si>
  <si>
    <t>p/o nonar zel zaferwal district narowal</t>
  </si>
  <si>
    <t>Dhapia ansovan</t>
  </si>
  <si>
    <t>GGPS SAKA</t>
  </si>
  <si>
    <t>vill&amp;p/o saka distric gujrat teshil kharian</t>
  </si>
  <si>
    <t>Dilawer Pur</t>
  </si>
  <si>
    <t>Maryam Firdous</t>
  </si>
  <si>
    <t>GPS ANWAR ABAD</t>
  </si>
  <si>
    <t>Head Hamid mauza rakh gharbi Teh and District Rajan Pur</t>
  </si>
  <si>
    <t>Head Hamid</t>
  </si>
  <si>
    <t>GGPS CHAK NO.75/DNB (W)</t>
  </si>
  <si>
    <t>75 DNB W</t>
  </si>
  <si>
    <t>75 DNB w p/o shahi wala teh yazman dis BwP</t>
  </si>
  <si>
    <t>75 DNB w</t>
  </si>
  <si>
    <t>31567</t>
  </si>
  <si>
    <t>19969</t>
  </si>
  <si>
    <t>GPS CHAK NO 14 JB</t>
  </si>
  <si>
    <t>Chak 14</t>
  </si>
  <si>
    <t>chak no 14 j.b</t>
  </si>
  <si>
    <t>30674</t>
  </si>
  <si>
    <t>GGES TIBBA KACHHA</t>
  </si>
  <si>
    <t>GG ES TIBBA Kachha Lahore</t>
  </si>
  <si>
    <t>TIBBA Kachha Villag</t>
  </si>
  <si>
    <t>Amna Sultan</t>
  </si>
  <si>
    <t>41717</t>
  </si>
  <si>
    <t>GPS BADLI WALA</t>
  </si>
  <si>
    <t>Badli Wala</t>
  </si>
  <si>
    <t>Mohallah Badli Wala Khushab</t>
  </si>
  <si>
    <t>Malik Nawazish Ali</t>
  </si>
  <si>
    <t>hand pu</t>
  </si>
  <si>
    <t>8687</t>
  </si>
  <si>
    <t>GGPS MC NO.9</t>
  </si>
  <si>
    <t>G.G.P.S,M.C School No:9, Block.R, D.G.khan</t>
  </si>
  <si>
    <t>filter water from plant</t>
  </si>
  <si>
    <t>GMPS ROHANA</t>
  </si>
  <si>
    <t>Basti rohana</t>
  </si>
  <si>
    <t>Sobia Musrrat</t>
  </si>
  <si>
    <t>38121</t>
  </si>
  <si>
    <t>GGPS 97/M</t>
  </si>
  <si>
    <t>Bhotaji</t>
  </si>
  <si>
    <t>chak 97m ghareeb abad</t>
  </si>
  <si>
    <t>Chak 97m Basti Ghareeb Abad</t>
  </si>
  <si>
    <t>Kalsoom  Shafi</t>
  </si>
  <si>
    <t>GPS GOHRI</t>
  </si>
  <si>
    <t>V,Gohri .PO Chak No,16.Tehsil Malakwal,District Mandi Bahauddin</t>
  </si>
  <si>
    <t>Gohr</t>
  </si>
  <si>
    <t>Khubaib Anwar</t>
  </si>
  <si>
    <t>38513</t>
  </si>
  <si>
    <t>GPS 251/WB</t>
  </si>
  <si>
    <t>Chak No 251/WB</t>
  </si>
  <si>
    <t>chak No 251/WB Tehsil Dunyapur Pur (Lodhran)</t>
  </si>
  <si>
    <t>Chak No 237/WB</t>
  </si>
  <si>
    <t>54190</t>
  </si>
  <si>
    <t>25237</t>
  </si>
  <si>
    <t>GGMPS GANJIAN WALI KALAN</t>
  </si>
  <si>
    <t>Ganjianwali Kalan</t>
  </si>
  <si>
    <t>GGPS Ganjianwali kalan near Uggoki tehsil sialkot</t>
  </si>
  <si>
    <t>52672</t>
  </si>
  <si>
    <t>38875</t>
  </si>
  <si>
    <t>GGPS MALIK BAKHAT ALI</t>
  </si>
  <si>
    <t>malik bakhat ali</t>
  </si>
  <si>
    <t>Nazra Yasmeen</t>
  </si>
  <si>
    <t>GPS WINOTA</t>
  </si>
  <si>
    <t>Winota</t>
  </si>
  <si>
    <t>winota</t>
  </si>
  <si>
    <t>GGPS KANAY WALA</t>
  </si>
  <si>
    <t>Kahny Wala</t>
  </si>
  <si>
    <t>kahnywala</t>
  </si>
  <si>
    <t>Kahnywala</t>
  </si>
  <si>
    <t>GPS ONARA</t>
  </si>
  <si>
    <t>Onara</t>
  </si>
  <si>
    <t>mouza onara post office mandi shah jewana</t>
  </si>
  <si>
    <t>8152</t>
  </si>
  <si>
    <t>GGPS CHAK NO. 2/1-R</t>
  </si>
  <si>
    <t>2/1r</t>
  </si>
  <si>
    <t>chak no 2\1r</t>
  </si>
  <si>
    <t>21r</t>
  </si>
  <si>
    <t>Mariam Javed</t>
  </si>
  <si>
    <t>54206</t>
  </si>
  <si>
    <t>11703</t>
  </si>
  <si>
    <t>GPS KHUDA BAKHASH KHAN WALA</t>
  </si>
  <si>
    <t>Chah sanghi Wala kundi chowk kot addu</t>
  </si>
  <si>
    <t>Chah Sanghi Wala</t>
  </si>
  <si>
    <t>M Younis Khan</t>
  </si>
  <si>
    <t>GPS SHAKKER BELA</t>
  </si>
  <si>
    <t>Binda ishaq</t>
  </si>
  <si>
    <t>Basti Langhi Uc Binda ishaq tehsil.Jatoi district  muzaffargarh</t>
  </si>
  <si>
    <t>Langhi</t>
  </si>
  <si>
    <t>54217</t>
  </si>
  <si>
    <t>GGPS MUD ZOHRANI</t>
  </si>
  <si>
    <t>CHUCK HAJI</t>
  </si>
  <si>
    <t>BASTI MUD ZOHRANI</t>
  </si>
  <si>
    <t>MUD ZOHRANI</t>
  </si>
  <si>
    <t>54220</t>
  </si>
  <si>
    <t>GGES GADDOKi</t>
  </si>
  <si>
    <t>Gaddoki</t>
  </si>
  <si>
    <t>Ibrahima abad</t>
  </si>
  <si>
    <t>FArzana kausar</t>
  </si>
  <si>
    <t>GPS BHOPAL WALA NO.1</t>
  </si>
  <si>
    <t>Bhopal Wala</t>
  </si>
  <si>
    <t>VPO Bhopalwala Teh. Sambrial Distt. Sialkot</t>
  </si>
  <si>
    <t>Anwar Khan</t>
  </si>
  <si>
    <t>GPS FATIANA</t>
  </si>
  <si>
    <t>Daad Fatyana</t>
  </si>
  <si>
    <t>Mouza Daad fatyana Chicha watni distt. Sahiwal</t>
  </si>
  <si>
    <t>Mouza Daad Fatyana</t>
  </si>
  <si>
    <t>28956</t>
  </si>
  <si>
    <t>GGPS VEERKY NAU</t>
  </si>
  <si>
    <t>Veerky Nau</t>
  </si>
  <si>
    <t>veerky nau</t>
  </si>
  <si>
    <t>Rubeena Aslam</t>
  </si>
  <si>
    <t>54224</t>
  </si>
  <si>
    <t>GGPS MAHIWAL</t>
  </si>
  <si>
    <t>vpo mehinwal via basharat choa</t>
  </si>
  <si>
    <t>Tauseef Fatima</t>
  </si>
  <si>
    <t>water supplyb</t>
  </si>
  <si>
    <t>34465</t>
  </si>
  <si>
    <t>GPS PURANA SHER SHAH  MULTAN</t>
  </si>
  <si>
    <t>Shar Shah</t>
  </si>
  <si>
    <t>basti tibbi hayyat Purana sher shah</t>
  </si>
  <si>
    <t>Tibbi Hayat</t>
  </si>
  <si>
    <t>Fahim Ahmad</t>
  </si>
  <si>
    <t>GMES MARI INDUS</t>
  </si>
  <si>
    <t>GGMES MARI INDUS</t>
  </si>
  <si>
    <t>Tahira Muhammad Hussain</t>
  </si>
  <si>
    <t>GES CHAK NO 63 MB</t>
  </si>
  <si>
    <t>Chak No 63 MB p/o khushab</t>
  </si>
  <si>
    <t>Chak No 63 MB</t>
  </si>
  <si>
    <t>54232</t>
  </si>
  <si>
    <t>37383</t>
  </si>
  <si>
    <t>GPMS 76/15-L, KACHA KHUH</t>
  </si>
  <si>
    <t>76/15L</t>
  </si>
  <si>
    <t>76/15L po70/15L</t>
  </si>
  <si>
    <t>Saher Raza</t>
  </si>
  <si>
    <t>38536</t>
  </si>
  <si>
    <t>38206</t>
  </si>
  <si>
    <t>GGPS SARAN WALI</t>
  </si>
  <si>
    <t>Kundi</t>
  </si>
  <si>
    <t>Govt girls primary school Saran Wala</t>
  </si>
  <si>
    <t>Basti saran wali</t>
  </si>
  <si>
    <t>Rubana Naz</t>
  </si>
  <si>
    <t>GGES 112/10-R, JAHANIAN</t>
  </si>
  <si>
    <t>112/10R</t>
  </si>
  <si>
    <t>Chak No 112/10 R jahanian</t>
  </si>
  <si>
    <t>GPS CHAH SIALAN</t>
  </si>
  <si>
    <t>Chah Sialan</t>
  </si>
  <si>
    <t>Chah Sialan Tehsil Bhera District Sargodha</t>
  </si>
  <si>
    <t>GGPS KOT JAFAR</t>
  </si>
  <si>
    <t>Kot Jafar</t>
  </si>
  <si>
    <t>GGPS KOT JAFAR POST OFFICE KADHAR TEHSIL AND DISTRICT M.B.DIN</t>
  </si>
  <si>
    <t>Kot jafar</t>
  </si>
  <si>
    <t>Makkywal</t>
  </si>
  <si>
    <t>Syeda Humera Qalib</t>
  </si>
  <si>
    <t>GPS LUNDANI LOPE</t>
  </si>
  <si>
    <t>loundani lope</t>
  </si>
  <si>
    <t>rongan p/o sakhi sarwr</t>
  </si>
  <si>
    <t>rongn</t>
  </si>
  <si>
    <t>tmun leghari</t>
  </si>
  <si>
    <t>GGES RAJIAN</t>
  </si>
  <si>
    <t>ggesrajian</t>
  </si>
  <si>
    <t>Tayyaba Yousaf</t>
  </si>
  <si>
    <t>GPS CHAK NO.200 EB</t>
  </si>
  <si>
    <t>200/eb</t>
  </si>
  <si>
    <t>chak no 200/eb</t>
  </si>
  <si>
    <t>Chak200/eb</t>
  </si>
  <si>
    <t>52008</t>
  </si>
  <si>
    <t>GGPS 1 EB</t>
  </si>
  <si>
    <t>01eb</t>
  </si>
  <si>
    <t>4958</t>
  </si>
  <si>
    <t>GGES CHAK NO.120/1-L</t>
  </si>
  <si>
    <t>120/1L</t>
  </si>
  <si>
    <t>chak 120/1L P.O 121/1L tehsil Khanpur</t>
  </si>
  <si>
    <t>Chak 120/1L</t>
  </si>
  <si>
    <t>Sumaira Nawaz</t>
  </si>
  <si>
    <t>54254</t>
  </si>
  <si>
    <t>46553</t>
  </si>
  <si>
    <t>GGPS RAILWAY STATION QUAIDABAD</t>
  </si>
  <si>
    <t>railway station quaidabad</t>
  </si>
  <si>
    <t>Zubaida Iqbal</t>
  </si>
  <si>
    <t>43574</t>
  </si>
  <si>
    <t>GGPS DHOK EITBAR</t>
  </si>
  <si>
    <t>Dhok Eitbar</t>
  </si>
  <si>
    <t>Village dhoke eitbar P/O Kotha Abdal Tehsil and district chakwal</t>
  </si>
  <si>
    <t>Dhoke Eitbar</t>
  </si>
  <si>
    <t>Tayyaba Tazeem</t>
  </si>
  <si>
    <t>GGPS KALLOKI</t>
  </si>
  <si>
    <t>Kat Sher Muhammad</t>
  </si>
  <si>
    <t>GGPS BASTI Kalloki Bahawal Nagar</t>
  </si>
  <si>
    <t>Basti Kalloki</t>
  </si>
  <si>
    <t>Sawi Wala</t>
  </si>
  <si>
    <t>GGES KHAIREY KALAN</t>
  </si>
  <si>
    <t>khiaray kalan</t>
  </si>
  <si>
    <t>GES SAGHAR PUR</t>
  </si>
  <si>
    <t>SAGHARPUR</t>
  </si>
  <si>
    <t>17999</t>
  </si>
  <si>
    <t>GPS CHAK NO 490 JB NORTH</t>
  </si>
  <si>
    <t>490 North</t>
  </si>
  <si>
    <t>chak 490 north</t>
  </si>
  <si>
    <t>Chak 490 North</t>
  </si>
  <si>
    <t>GGPS CHAK NO. 66/P</t>
  </si>
  <si>
    <t>Duniapur</t>
  </si>
  <si>
    <t>chak 66/p ,post office sahja</t>
  </si>
  <si>
    <t>54585</t>
  </si>
  <si>
    <t>GGCMS CHAVEKA ROAD</t>
  </si>
  <si>
    <t>Sohailsingh</t>
  </si>
  <si>
    <t>addah loharka minchanabad</t>
  </si>
  <si>
    <t>Addah Loharka</t>
  </si>
  <si>
    <t>Abotri</t>
  </si>
  <si>
    <t>GPS 11 KB</t>
  </si>
  <si>
    <t>Chak No11/kb</t>
  </si>
  <si>
    <t>Chak no.11/kb tehsil&amp;District Pakpattan</t>
  </si>
  <si>
    <t>Chak No/11kb</t>
  </si>
  <si>
    <t>Chak No/15kb</t>
  </si>
  <si>
    <t>GGPS CHAK NO.169/NB</t>
  </si>
  <si>
    <t>Chak169nb</t>
  </si>
  <si>
    <t>ggps 169nb sillanwali</t>
  </si>
  <si>
    <t>169nb</t>
  </si>
  <si>
    <t>Farhana Alia</t>
  </si>
  <si>
    <t>GPS CHAK 283 HR</t>
  </si>
  <si>
    <t>283/HR</t>
  </si>
  <si>
    <t>chak no.283/hr FORT abbas</t>
  </si>
  <si>
    <t>Hafiz Lal Din</t>
  </si>
  <si>
    <t>19375</t>
  </si>
  <si>
    <t>GPS CHAK 330 GB I NORTH</t>
  </si>
  <si>
    <t>Chak No 330 GB North Tehsil Pirmahal Dist. Toba Tek Singh</t>
  </si>
  <si>
    <t>330 GB NORTH</t>
  </si>
  <si>
    <t>330 GB KOTLY</t>
  </si>
  <si>
    <t>GGPS MOON LIGHT SANT NAGAR</t>
  </si>
  <si>
    <t>55 santnagar lhr</t>
  </si>
  <si>
    <t>CHOHAN PARK</t>
  </si>
  <si>
    <t>GES KHOJA</t>
  </si>
  <si>
    <t>Vpo khoja</t>
  </si>
  <si>
    <t>GGPS KOROO SHARQI</t>
  </si>
  <si>
    <t>ggps koro sharqi</t>
  </si>
  <si>
    <t>koro sharqi</t>
  </si>
  <si>
    <t>Saima qadir</t>
  </si>
  <si>
    <t>GPS CHAK NO.451/EB NO.1</t>
  </si>
  <si>
    <t>451/eb</t>
  </si>
  <si>
    <t>chak no.451/eb dist. vehari</t>
  </si>
  <si>
    <t>Mohsin Khursheed</t>
  </si>
  <si>
    <t>GPS SAGHAR</t>
  </si>
  <si>
    <t>vpo saghar tehsil talagang distt chakwal</t>
  </si>
  <si>
    <t>Shoaib Hassan</t>
  </si>
  <si>
    <t>54609</t>
  </si>
  <si>
    <t>GGES CHAK NO.161/M</t>
  </si>
  <si>
    <t>161/m</t>
  </si>
  <si>
    <t>chak no 161/m</t>
  </si>
  <si>
    <t>Chak161/m</t>
  </si>
  <si>
    <t>Asima Ijaz</t>
  </si>
  <si>
    <t>163352</t>
  </si>
  <si>
    <t>26703</t>
  </si>
  <si>
    <t>GGPS CHAK DODHU</t>
  </si>
  <si>
    <t>GGPS CHAK DODHU Teh,.zafarwal Dist.Narowal</t>
  </si>
  <si>
    <t>CHAK DODHu</t>
  </si>
  <si>
    <t>Tehmina Rafaqat</t>
  </si>
  <si>
    <t>51209</t>
  </si>
  <si>
    <t>GES CHAK NO. 281-83</t>
  </si>
  <si>
    <t>Chak No 281-83/WB Tehsil Dunyapur Lodhran</t>
  </si>
  <si>
    <t>281-83/WB</t>
  </si>
  <si>
    <t>jhandir wah</t>
  </si>
  <si>
    <t>GGPS MURAR PUR</t>
  </si>
  <si>
    <t>Mararpur</t>
  </si>
  <si>
    <t>mararpur</t>
  </si>
  <si>
    <t>Murarpur</t>
  </si>
  <si>
    <t>Chak Manjo</t>
  </si>
  <si>
    <t>Rabia Pervaiz</t>
  </si>
  <si>
    <t>GPS CHAK 44 SP WALTOHA</t>
  </si>
  <si>
    <t>44/Sp Waltoha</t>
  </si>
  <si>
    <t>GPS 44 sp waltoha markaz haveli lakha</t>
  </si>
  <si>
    <t>44/ Sp Waltoha</t>
  </si>
  <si>
    <t>1/sp Wasaway Wala</t>
  </si>
  <si>
    <t>GGPS NORYANA BOSAL</t>
  </si>
  <si>
    <t>Noryana</t>
  </si>
  <si>
    <t>P/O Noryana Bosal the. Malakwal Distt.M.B.Din</t>
  </si>
  <si>
    <t>Noryana Bosal</t>
  </si>
  <si>
    <t>KINZA NAWAZ</t>
  </si>
  <si>
    <t>25798</t>
  </si>
  <si>
    <t>GGMPS CHANDOKEY</t>
  </si>
  <si>
    <t>Chandoke</t>
  </si>
  <si>
    <t>GMPS Chandoke</t>
  </si>
  <si>
    <t>Mehvish Khan</t>
  </si>
  <si>
    <t>30597</t>
  </si>
  <si>
    <t>GGPS MODERN BHOGIWAL BAGHBAN PURA</t>
  </si>
  <si>
    <t>Bhogiwal</t>
  </si>
  <si>
    <t>Ali park bhogiwal lahore</t>
  </si>
  <si>
    <t>ali park bhogiwal</t>
  </si>
  <si>
    <t>Ghos park sarfraz colony</t>
  </si>
  <si>
    <t>Muserrat Jahan</t>
  </si>
  <si>
    <t>GGPS MANDHAL NO.1</t>
  </si>
  <si>
    <t>Basti Malik Khadim Hussain Mandhal</t>
  </si>
  <si>
    <t>Samreen Asif</t>
  </si>
  <si>
    <t>GPS SARFRAZ NAGAR</t>
  </si>
  <si>
    <t>Noor Wala Rajoa road Chiniot</t>
  </si>
  <si>
    <t>Muhammad Abubakar</t>
  </si>
  <si>
    <t>47454</t>
  </si>
  <si>
    <t>GGPS 29 DB</t>
  </si>
  <si>
    <t>chakno29 db post office 27db</t>
  </si>
  <si>
    <t>Chak No 29 Db</t>
  </si>
  <si>
    <t>Muzaffar Pur South 1 Female</t>
  </si>
  <si>
    <t>Tahseen Zia</t>
  </si>
  <si>
    <t>GGES CHAK 670/11 GB</t>
  </si>
  <si>
    <t>chak#670/11 gb</t>
  </si>
  <si>
    <t>Chak#670/11</t>
  </si>
  <si>
    <t>Sufia Iqbal</t>
  </si>
  <si>
    <t>GGPS 49/3.R</t>
  </si>
  <si>
    <t>Noor Mohad</t>
  </si>
  <si>
    <t>chak no 49.3r , post office no 49.3r teh &amp; distt okara</t>
  </si>
  <si>
    <t>49 3r</t>
  </si>
  <si>
    <t>45 Gd</t>
  </si>
  <si>
    <t>Shamila Akram</t>
  </si>
  <si>
    <t>15281</t>
  </si>
  <si>
    <t>GGES JOYA OTTAR</t>
  </si>
  <si>
    <t>Joiya Ottar</t>
  </si>
  <si>
    <t>joiya ottar</t>
  </si>
  <si>
    <t>GES SARANG WALA</t>
  </si>
  <si>
    <t>Kotla Lundan</t>
  </si>
  <si>
    <t>kotla lundan rajan pur</t>
  </si>
  <si>
    <t>SHAHID  IQBAL SAGHIR</t>
  </si>
  <si>
    <t>42840</t>
  </si>
  <si>
    <t>GPS MEHMOOD WALA NO.1</t>
  </si>
  <si>
    <t>Mehmood wala p/o dadu wala tehsil kallur kot district bhakkar</t>
  </si>
  <si>
    <t>shafaullah khan sheeraz</t>
  </si>
  <si>
    <t>GGPS BASTI SHAH SHAKOOR</t>
  </si>
  <si>
    <t>GGPS basti shah shakoor</t>
  </si>
  <si>
    <t>Shah Shakoor</t>
  </si>
  <si>
    <t>GGPS KALOJO</t>
  </si>
  <si>
    <t>Kalojo</t>
  </si>
  <si>
    <t>moh.kalojo.vpo murid</t>
  </si>
  <si>
    <t>Naseema Abbas</t>
  </si>
  <si>
    <t>18123</t>
  </si>
  <si>
    <t>GMPS CHAK NO 499 JB SOUTH</t>
  </si>
  <si>
    <t>KALUWALA</t>
  </si>
  <si>
    <t>chak  no 500 jb francisabad distance jhang</t>
  </si>
  <si>
    <t>Chak  499 SBOONI</t>
  </si>
  <si>
    <t>Rukhsana Rizwana</t>
  </si>
  <si>
    <t>20907</t>
  </si>
  <si>
    <t>GES LAWERI WALA</t>
  </si>
  <si>
    <t>Laveriwala</t>
  </si>
  <si>
    <t>GOVT E/S Laveriwala</t>
  </si>
  <si>
    <t>Jamshaid Gull</t>
  </si>
  <si>
    <t>52090</t>
  </si>
  <si>
    <t>GGPS MARI HAZARA</t>
  </si>
  <si>
    <t>Mari Hazara</t>
  </si>
  <si>
    <t>Mari Hazara Tehsil Arifwala District pakpattan</t>
  </si>
  <si>
    <t>NooraRath</t>
  </si>
  <si>
    <t>Shahnaz Khalid</t>
  </si>
  <si>
    <t>GGES LARAN</t>
  </si>
  <si>
    <t>hasil lar basti laran</t>
  </si>
  <si>
    <t>Dilshad Akhtar</t>
  </si>
  <si>
    <t>GPS KOTLI LOHARAN EAST</t>
  </si>
  <si>
    <t>Kotli loharan</t>
  </si>
  <si>
    <t>Kotli loharan East Sialkot</t>
  </si>
  <si>
    <t>Syed zulfiqar ali</t>
  </si>
  <si>
    <t>18337</t>
  </si>
  <si>
    <t>GPS SHEIKH JALAL SHAH CHAK NO 3/3</t>
  </si>
  <si>
    <t>GPS Sheikh Jalal Shah, Chak No. 3/3L, Mouza Vijhi, Tehsil Ahmad Pur Sial, Jhang</t>
  </si>
  <si>
    <t>Chak No 3/3L</t>
  </si>
  <si>
    <t>23331</t>
  </si>
  <si>
    <t>GGPS TULLAH</t>
  </si>
  <si>
    <t>Tulla</t>
  </si>
  <si>
    <t>GGPS TULLA</t>
  </si>
  <si>
    <t>TULLA</t>
  </si>
  <si>
    <t>Thekeryian</t>
  </si>
  <si>
    <t>Maryam Azmat</t>
  </si>
  <si>
    <t>32129</t>
  </si>
  <si>
    <t>GPS CHAK NO.459/EB</t>
  </si>
  <si>
    <t>459/eb</t>
  </si>
  <si>
    <t>chak NO 459/EB Burewala</t>
  </si>
  <si>
    <t>459/EB</t>
  </si>
  <si>
    <t>GPS KURLKEY ANDROON</t>
  </si>
  <si>
    <t>kurlkey androon</t>
  </si>
  <si>
    <t>Kurljey Androon</t>
  </si>
  <si>
    <t>Naseem Munir</t>
  </si>
  <si>
    <t>GPS JHANG KHUKHRAN NO.2</t>
  </si>
  <si>
    <t>jhang khokhran teh sohawa jhelum</t>
  </si>
  <si>
    <t>zafar ali khan</t>
  </si>
  <si>
    <t>GGES CHAK NO. 38</t>
  </si>
  <si>
    <t>Chak # 38</t>
  </si>
  <si>
    <t>chk#38 tehsil pattoki distt kasur</t>
  </si>
  <si>
    <t>chak # 38</t>
  </si>
  <si>
    <t>awan</t>
  </si>
  <si>
    <t>naheed fatima</t>
  </si>
  <si>
    <t>GPS NABBA</t>
  </si>
  <si>
    <t>Nabba</t>
  </si>
  <si>
    <t>village nabba post office Chakmubarak Tehsil Bhera District Sargodha</t>
  </si>
  <si>
    <t>Chakmubarak</t>
  </si>
  <si>
    <t>Hafiz Muhammad Abdullah</t>
  </si>
  <si>
    <t>GGCMES HAMZAY WALI</t>
  </si>
  <si>
    <t>basti sadat muza hamzay wali jatoi</t>
  </si>
  <si>
    <t>Vains</t>
  </si>
  <si>
    <t>GPS CHAK NO. 12</t>
  </si>
  <si>
    <t>Chak No 12</t>
  </si>
  <si>
    <t>Chak No 12 mandi bahauddin</t>
  </si>
  <si>
    <t>Syed Naeem Haider</t>
  </si>
  <si>
    <t>dhoop sari</t>
  </si>
  <si>
    <t>GGPS BATH</t>
  </si>
  <si>
    <t>Bath</t>
  </si>
  <si>
    <t>49469</t>
  </si>
  <si>
    <t>GES WADHI</t>
  </si>
  <si>
    <t>Wadhi</t>
  </si>
  <si>
    <t>vill &amp; P/O wadhi. Tehsil shahpur district Sargodha.</t>
  </si>
  <si>
    <t>Muhammad Sanaullah  Saqib</t>
  </si>
  <si>
    <t>49184</t>
  </si>
  <si>
    <t>GGPS DHOK MANGIAL</t>
  </si>
  <si>
    <t>Dhok Mangial</t>
  </si>
  <si>
    <t>dhok mangial</t>
  </si>
  <si>
    <t>Talagang Sharq</t>
  </si>
  <si>
    <t>TALAT MAH-JABEEN</t>
  </si>
  <si>
    <t>GGPS BASTI KAREEM BUX BALOCH</t>
  </si>
  <si>
    <t>M Pur Qureshian</t>
  </si>
  <si>
    <t>chak 76p mian wali qureshian</t>
  </si>
  <si>
    <t>Rasheed Khan</t>
  </si>
  <si>
    <t>Kothian Wala</t>
  </si>
  <si>
    <t>Ruksana Jabeen Masood</t>
  </si>
  <si>
    <t>GGPS MOAN BHATTIAN</t>
  </si>
  <si>
    <t>Muan Bhattian</t>
  </si>
  <si>
    <t>46721</t>
  </si>
  <si>
    <t>GPS CHASHMAI</t>
  </si>
  <si>
    <t>Poss Bangi Khel Sharqi</t>
  </si>
  <si>
    <t>Chashmai P.O Tabbi Sar</t>
  </si>
  <si>
    <t>GGPS 31 EB</t>
  </si>
  <si>
    <t>Chak  No 31/Eb</t>
  </si>
  <si>
    <t>chak No 31/EB Tehsil Arifwala, Disttic pakpattan</t>
  </si>
  <si>
    <t>Shamim Aslam</t>
  </si>
  <si>
    <t>GMPS BALIAN WALA KANDIWAL</t>
  </si>
  <si>
    <t>Balianwala</t>
  </si>
  <si>
    <t>District Chiniot Tehsil Lalian moza Balianwala kandiwal</t>
  </si>
  <si>
    <t>Fazeelat Batool</t>
  </si>
  <si>
    <t>25176</t>
  </si>
  <si>
    <t>GPS DERA MUHAMMAD ASHRAF, PINDI RAWAN</t>
  </si>
  <si>
    <t>Dera M.Ashraf Pindi Rawan</t>
  </si>
  <si>
    <t>Atif Sultan</t>
  </si>
  <si>
    <t>Kheran</t>
  </si>
  <si>
    <t>Adda Riazabad,Patti Kheran,Tehsile Choubara , District Layyah.</t>
  </si>
  <si>
    <t>Chaubara</t>
  </si>
  <si>
    <t>Muhammad Aslam Saeedi</t>
  </si>
  <si>
    <t>GGPS PATTAN</t>
  </si>
  <si>
    <t>Lundi Nashaib</t>
  </si>
  <si>
    <t>Basti Kiran, Lundi Nashaib, PO.Box Hassan Shah, Tehsil Darya Khan, Dist. Bhakkar</t>
  </si>
  <si>
    <t>Basti Kiran</t>
  </si>
  <si>
    <t>Shabana parveen</t>
  </si>
  <si>
    <t>GGPS KOTLI TALIAN</t>
  </si>
  <si>
    <t>Kotli Talian</t>
  </si>
  <si>
    <t>Post office Gohad pur Village kotli Talian</t>
  </si>
  <si>
    <t>GGPS BADAR KALAN</t>
  </si>
  <si>
    <t>Badar Ranjha</t>
  </si>
  <si>
    <t>Badar kalan</t>
  </si>
  <si>
    <t>Badar Kalan</t>
  </si>
  <si>
    <t>Ansar Parveen</t>
  </si>
  <si>
    <t>GPS DAULAT PUR</t>
  </si>
  <si>
    <t>vpo Daulatpur Tehsil Pdkhan  District Jhelum</t>
  </si>
  <si>
    <t>Mohammed Nasim Abbas</t>
  </si>
  <si>
    <t>GGPS CHAK 90 JB II KEROWAL</t>
  </si>
  <si>
    <t>Chak no 90jb ll</t>
  </si>
  <si>
    <t>chak no 90jb ll</t>
  </si>
  <si>
    <t>Chak no 94 Jb</t>
  </si>
  <si>
    <t>SADAF NOREEN</t>
  </si>
  <si>
    <t>GMPS JUNGLE IMAM SHAH</t>
  </si>
  <si>
    <t>Jungle imam shah</t>
  </si>
  <si>
    <t>Zunaira Aroos</t>
  </si>
  <si>
    <t>41956</t>
  </si>
  <si>
    <t>GGPS MAIRA KHURD</t>
  </si>
  <si>
    <t>Maira Khurd Chakri road rawalpindi</t>
  </si>
  <si>
    <t>GGPS 152/10-R, JAHANIAN</t>
  </si>
  <si>
    <t>chak no 152/10-R</t>
  </si>
  <si>
    <t>152/10-R</t>
  </si>
  <si>
    <t>Iqra Samreen</t>
  </si>
  <si>
    <t>28093</t>
  </si>
  <si>
    <t>GPS NUSRAT PUR, P/O ROTLA, TULAMBA (PEF,PSSP PHASE II) Not yet handedover</t>
  </si>
  <si>
    <t>Nusrat Pur</t>
  </si>
  <si>
    <t>Nusrat pur p/o rotla tulamba</t>
  </si>
  <si>
    <t>45213</t>
  </si>
  <si>
    <t>GPS SARGAY WALA</t>
  </si>
  <si>
    <t>Karluwala</t>
  </si>
  <si>
    <t>Sargaywala Mankera Goharwala Road</t>
  </si>
  <si>
    <t>Sargaywala</t>
  </si>
  <si>
    <t>Muhammad Saqlain</t>
  </si>
  <si>
    <t>42633</t>
  </si>
  <si>
    <t>25836</t>
  </si>
  <si>
    <t>GGPS GANDOWALI</t>
  </si>
  <si>
    <t>Gandowali</t>
  </si>
  <si>
    <t>gandowali p/o Ahmad Abad t/d Narowal</t>
  </si>
  <si>
    <t>GGPS CHAK NO.101/DNB</t>
  </si>
  <si>
    <t>101dnb</t>
  </si>
  <si>
    <t>GES DHOK JAKAR P/O TAMMAN</t>
  </si>
  <si>
    <t>Vpo tamman</t>
  </si>
  <si>
    <t>Dk Jhakhar</t>
  </si>
  <si>
    <t>GGPS DARGHAI WALA</t>
  </si>
  <si>
    <t>basti darghai wala khairpur sadaat tehsil alipur district muzzafargarh</t>
  </si>
  <si>
    <t>Darghaiwala</t>
  </si>
  <si>
    <t>Khairpur sadaat</t>
  </si>
  <si>
    <t>Najma Saeed</t>
  </si>
  <si>
    <t>GGPS MANAWAN</t>
  </si>
  <si>
    <t>village Manawan p.o noshera tehsil noshera district khushab</t>
  </si>
  <si>
    <t>Robina shahnaz</t>
  </si>
  <si>
    <t>GGCMES MUSTAFA ABAD</t>
  </si>
  <si>
    <t>GGCMES mustafa abad kasur</t>
  </si>
  <si>
    <t>Kalsoom Bano</t>
  </si>
  <si>
    <t>GGPS SADHOWAL</t>
  </si>
  <si>
    <t>Sadhowal</t>
  </si>
  <si>
    <t>village and post office sadhowal, Tehsil Pind Dadan Khan, district Jhelum</t>
  </si>
  <si>
    <t>53809</t>
  </si>
  <si>
    <t>GGPS LOHA TIBBA</t>
  </si>
  <si>
    <t>village loha tibba</t>
  </si>
  <si>
    <t>Loha Tibba</t>
  </si>
  <si>
    <t>Nargis Tahira</t>
  </si>
  <si>
    <t>GMPS TAPI WASAKA SINGH</t>
  </si>
  <si>
    <t>Tapai Wasakh Singh</t>
  </si>
  <si>
    <t>GMPS TAPI WASAKH  SINGH</t>
  </si>
  <si>
    <t>Tpai Wasakh Singh</t>
  </si>
  <si>
    <t>Nadia Nasim</t>
  </si>
  <si>
    <t>GES RAILWAY COLONY MALAKWAL</t>
  </si>
  <si>
    <t>Near Railway Station milad chowk malakwal</t>
  </si>
  <si>
    <t>Pervaiz Akhter Mehmood</t>
  </si>
  <si>
    <t>GPS  8-1/A.L</t>
  </si>
  <si>
    <t>8/1AL</t>
  </si>
  <si>
    <t>Chak # 8/1.AL</t>
  </si>
  <si>
    <t>9/1AL Akhtarabad AKHTARABAD</t>
  </si>
  <si>
    <t>Saeed Jamal</t>
  </si>
  <si>
    <t>GES CHAK NO.483/EB</t>
  </si>
  <si>
    <t>Chak No.483/EB Burewala</t>
  </si>
  <si>
    <t>483/EB</t>
  </si>
  <si>
    <t>Chak No 495/EB</t>
  </si>
  <si>
    <t>24914</t>
  </si>
  <si>
    <t>GES CHAK AADIL</t>
  </si>
  <si>
    <t>Chak Adil Sialkot</t>
  </si>
  <si>
    <t>Kourpour</t>
  </si>
  <si>
    <t>Javeed Iqbal Khokhar</t>
  </si>
  <si>
    <t>52485</t>
  </si>
  <si>
    <t>GPS WALI KOT</t>
  </si>
  <si>
    <t>wali kot dakkhana haveli lakha</t>
  </si>
  <si>
    <t>Mehar Shah Khagga</t>
  </si>
  <si>
    <t>Azrar Ahmed</t>
  </si>
  <si>
    <t>GPS CHAK 165-P</t>
  </si>
  <si>
    <t>Goth Jorah</t>
  </si>
  <si>
    <t>chak no.165/p sadiqabad</t>
  </si>
  <si>
    <t>Chak 165/p</t>
  </si>
  <si>
    <t>D-4</t>
  </si>
  <si>
    <t>Mohammad RafiqueTahir</t>
  </si>
  <si>
    <t>GGPS RANGPUR MOCHI WALA</t>
  </si>
  <si>
    <t>Ggps rangpur mochiwala</t>
  </si>
  <si>
    <t>Basti Mehmood Aba Abad</t>
  </si>
  <si>
    <t>Lubna Asghar</t>
  </si>
  <si>
    <t>GGPS  44/M</t>
  </si>
  <si>
    <t>44/M</t>
  </si>
  <si>
    <t>Chak No 44 M</t>
  </si>
  <si>
    <t>Suriya Yasmeen</t>
  </si>
  <si>
    <t>36642</t>
  </si>
  <si>
    <t>GGES TIBBA IMAM</t>
  </si>
  <si>
    <t>babi</t>
  </si>
  <si>
    <t>ggms tibba imam p/o nutkani tehsil tunsa</t>
  </si>
  <si>
    <t>tibba imam</t>
  </si>
  <si>
    <t>fateh khan</t>
  </si>
  <si>
    <t>GPS NO.1 VIJH</t>
  </si>
  <si>
    <t>vijh tehseel sahiwal district sargodha</t>
  </si>
  <si>
    <t>28890</t>
  </si>
  <si>
    <t>GMES 25/10-R, KACHA KHUH</t>
  </si>
  <si>
    <t>25/10R</t>
  </si>
  <si>
    <t>GMES 25/10R</t>
  </si>
  <si>
    <t>23/10R Kacha Khu</t>
  </si>
  <si>
    <t>naseem akram</t>
  </si>
  <si>
    <t>46314</t>
  </si>
  <si>
    <t>GPS AHMAD SHAH</t>
  </si>
  <si>
    <t>chak ahmad shah</t>
  </si>
  <si>
    <t>ahmad shah</t>
  </si>
  <si>
    <t>noor shah</t>
  </si>
  <si>
    <t>Syed Shahid Ali</t>
  </si>
  <si>
    <t>GGPS BHOUNI</t>
  </si>
  <si>
    <t>Bhouni</t>
  </si>
  <si>
    <t>village bhouni p/o bhoun tehsil kallar syedan district Rawalpindi</t>
  </si>
  <si>
    <t>Farah Zaheer</t>
  </si>
  <si>
    <t>46426</t>
  </si>
  <si>
    <t>GPS KHALIQ DAD BANDIAL</t>
  </si>
  <si>
    <t>Bandial North</t>
  </si>
  <si>
    <t>Bandial north</t>
  </si>
  <si>
    <t>GPS SHAKARGARH NO 1</t>
  </si>
  <si>
    <t>Mohala  Bralvi</t>
  </si>
  <si>
    <t>GPS shakargarh</t>
  </si>
  <si>
    <t>Mc Skg</t>
  </si>
  <si>
    <t>GPS RAKHAN WALA</t>
  </si>
  <si>
    <t>Ameer Chand Wala</t>
  </si>
  <si>
    <t>Rakhan Wala</t>
  </si>
  <si>
    <t>Amar Shahzad</t>
  </si>
  <si>
    <t>GPS CHAK NO 102 6R</t>
  </si>
  <si>
    <t>chak No. 102/6.R tehsil haroonabad</t>
  </si>
  <si>
    <t>Shehzad Sardar</t>
  </si>
  <si>
    <t>GGES DHOK AWAN DAKHLI</t>
  </si>
  <si>
    <t>GGES DHOK AWAN DAKHLI RATTA TEH.KALLAR KAHAR DIST. CHAKWAL</t>
  </si>
  <si>
    <t>49670</t>
  </si>
  <si>
    <t>GGPS DHOK WATTEY KHEL</t>
  </si>
  <si>
    <t>dhok watty khel po.dhibba karsial mainwali</t>
  </si>
  <si>
    <t>Watty Khel</t>
  </si>
  <si>
    <t>GGPS BHATTI KAY</t>
  </si>
  <si>
    <t>Bhattiky</t>
  </si>
  <si>
    <t>VPO Bhattikh,tehsil wzd,distt grw</t>
  </si>
  <si>
    <t>Bhittiky</t>
  </si>
  <si>
    <t>Neelam Manzoor</t>
  </si>
  <si>
    <t>GPS TUBE WELL GHULAM HAIDER</t>
  </si>
  <si>
    <t>Wichvenn Bala</t>
  </si>
  <si>
    <t>P.O. Bala</t>
  </si>
  <si>
    <t>53844</t>
  </si>
  <si>
    <t>42723</t>
  </si>
  <si>
    <t>GGPS SOHAWA</t>
  </si>
  <si>
    <t>village sohawa,PO Mohra Hayat</t>
  </si>
  <si>
    <t>Iram Nasim</t>
  </si>
  <si>
    <t>53845</t>
  </si>
  <si>
    <t>GGPS AKOWAL</t>
  </si>
  <si>
    <t>G G ps Akowal Trag p /o trag Teh isakhell dist Mianwali</t>
  </si>
  <si>
    <t>53847</t>
  </si>
  <si>
    <t>GPS KALAIR WALA KHURD</t>
  </si>
  <si>
    <t>gajar Gola station hafizabad</t>
  </si>
  <si>
    <t>SAGAR Kalan</t>
  </si>
  <si>
    <t>Muhammad Sufyan</t>
  </si>
  <si>
    <t>53850</t>
  </si>
  <si>
    <t>GGPS WAGHWAL BALA</t>
  </si>
  <si>
    <t>Waghwal Bala</t>
  </si>
  <si>
    <t>vill waghwal bala p/o basharat teh c s shah distt chakwal</t>
  </si>
  <si>
    <t>53851</t>
  </si>
  <si>
    <t>GPS WARA KUMHARAN</t>
  </si>
  <si>
    <t>65 chak adda manga road</t>
  </si>
  <si>
    <t>Naqeeb Ur Rahman</t>
  </si>
  <si>
    <t>GGPS KOT MUHAMMAD SADIQ</t>
  </si>
  <si>
    <t>Gunjan Dhadi</t>
  </si>
  <si>
    <t>Fazila Mahmood</t>
  </si>
  <si>
    <t>GPS DHOK DAOUD</t>
  </si>
  <si>
    <t>Dhok daoud</t>
  </si>
  <si>
    <t>p/ o dhok daoud</t>
  </si>
  <si>
    <t>52445</t>
  </si>
  <si>
    <t>GES CHAK 58/3 TUKRA</t>
  </si>
  <si>
    <t>58/3 Tukra</t>
  </si>
  <si>
    <t>ges58/3 tukra Kamala District Toba Tek Singh</t>
  </si>
  <si>
    <t>737 Gb</t>
  </si>
  <si>
    <t>GGPS KOTLA DILBAR BASTI PRAIMEE WALI</t>
  </si>
  <si>
    <t>basti praimy wali Moza Bahawal Garh kahror pacca district lodhran</t>
  </si>
  <si>
    <t>Basti Praimy wali</t>
  </si>
  <si>
    <t>GES BUDHIAR</t>
  </si>
  <si>
    <t>Budhair</t>
  </si>
  <si>
    <t>GES Budhair</t>
  </si>
  <si>
    <t>local</t>
  </si>
  <si>
    <t>GPS MAQSOODA BHATTIAN</t>
  </si>
  <si>
    <t>village maqsooda bhattian p.o and tehsil pindi bhattian district hafizabad</t>
  </si>
  <si>
    <t>Thathi Behlolpur</t>
  </si>
  <si>
    <t>GMPS BHUDANAY WALA</t>
  </si>
  <si>
    <t>Budhanay Wala</t>
  </si>
  <si>
    <t>Budhanay wala thal p/o Kotshakir tehsil 18 Hazari distric jhang</t>
  </si>
  <si>
    <t>7/1 Janobi Thal</t>
  </si>
  <si>
    <t>GPS NAZAM ABAD</t>
  </si>
  <si>
    <t>Nazamabad</t>
  </si>
  <si>
    <t>53862</t>
  </si>
  <si>
    <t>GES KOT MAPAL</t>
  </si>
  <si>
    <t>Kot Mapal P O madrajbana Tehsil Ahmad Pur Sial District jhang</t>
  </si>
  <si>
    <t>53864</t>
  </si>
  <si>
    <t>35814</t>
  </si>
  <si>
    <t>GGPS 259 WB</t>
  </si>
  <si>
    <t>chak no.259/w.b teh. Mailsi dist. vehari</t>
  </si>
  <si>
    <t>259/Wb</t>
  </si>
  <si>
    <t>GMPS CHAK NO.65</t>
  </si>
  <si>
    <t>Chak 65</t>
  </si>
  <si>
    <t>Bhail</t>
  </si>
  <si>
    <t>30694</t>
  </si>
  <si>
    <t>GGPS PANDOKI</t>
  </si>
  <si>
    <t>moza pandoki cannt teh disst lahore</t>
  </si>
  <si>
    <t>Rukhsana Muhammed Din</t>
  </si>
  <si>
    <t>53872</t>
  </si>
  <si>
    <t>GPS KOT MUHAMMAD YAR</t>
  </si>
  <si>
    <t>Kot Muhammad Yar,Mauza Allah Yar Jutta, Tehsil Shorkot (Jhang).</t>
  </si>
  <si>
    <t>Muhammad Naveed Akhtar</t>
  </si>
  <si>
    <t>GGPS CHAK NO.115/NP</t>
  </si>
  <si>
    <t>KACHI Jamal</t>
  </si>
  <si>
    <t>GGPS 115/NP tehsil Khanpur distt Rahim yar khan</t>
  </si>
  <si>
    <t>115 /NP</t>
  </si>
  <si>
    <t>Din pur Shareef</t>
  </si>
  <si>
    <t>GGES 145 EB</t>
  </si>
  <si>
    <t>145/Eb</t>
  </si>
  <si>
    <t>chak no 145/eb dak khana 143/eb</t>
  </si>
  <si>
    <t>147/Eb</t>
  </si>
  <si>
    <t>Fozia Raza</t>
  </si>
  <si>
    <t>GES CHAK NO.21 SB</t>
  </si>
  <si>
    <t>Chak 21 SB</t>
  </si>
  <si>
    <t>GES CHAK NO 21 SB TEH KOTMOMAN DISTT SARGODHA</t>
  </si>
  <si>
    <t>Chak No 21 SB</t>
  </si>
  <si>
    <t>Chak no 11 SB</t>
  </si>
  <si>
    <t>GPS TIBBA HAMID SHAH</t>
  </si>
  <si>
    <t>Tibba hamid shah</t>
  </si>
  <si>
    <t>53882</t>
  </si>
  <si>
    <t>GGPS WALGUN JHUNDA</t>
  </si>
  <si>
    <t>Walgan Jhunda</t>
  </si>
  <si>
    <t>walgan jhunda</t>
  </si>
  <si>
    <t>Feroz Wattan</t>
  </si>
  <si>
    <t>GPS JHUGIAN SYEDA UCHHALI</t>
  </si>
  <si>
    <t>VPO uchhali</t>
  </si>
  <si>
    <t>53889</t>
  </si>
  <si>
    <t>GPS CHAK LUND</t>
  </si>
  <si>
    <t>jageer Gabol</t>
  </si>
  <si>
    <t>Basti sahi ,jageer gabol</t>
  </si>
  <si>
    <t>Basti Sahi</t>
  </si>
  <si>
    <t>GES CHAK NO 131 JB EAST</t>
  </si>
  <si>
    <t>Chak No 131JB</t>
  </si>
  <si>
    <t>Chak No 131J.B East chiniot</t>
  </si>
  <si>
    <t>Chak No 131JB East</t>
  </si>
  <si>
    <t>Chak No 128 J b</t>
  </si>
  <si>
    <t>Saqib Hayat</t>
  </si>
  <si>
    <t>GPS CHAK NO 203 JB</t>
  </si>
  <si>
    <t>Chak No 203 JB Izaafi Abadi</t>
  </si>
  <si>
    <t>Iftikhar Ul Hasnain</t>
  </si>
  <si>
    <t>GPS HAMID WAH</t>
  </si>
  <si>
    <t>Alla Abad</t>
  </si>
  <si>
    <t>basti Hamid Wah p/o ratta tiba t/d vehari</t>
  </si>
  <si>
    <t>Hamid Wah</t>
  </si>
  <si>
    <t>53897</t>
  </si>
  <si>
    <t>GMPS CHAK NO.18/A</t>
  </si>
  <si>
    <t>chak 18a</t>
  </si>
  <si>
    <t>GMPS Chak 18/A</t>
  </si>
  <si>
    <t>Chak18A</t>
  </si>
  <si>
    <t>GGPS FEROZ PUR</t>
  </si>
  <si>
    <t>Feroz Pur post office Feroz Pur tehsil Zafarwal, Narowal</t>
  </si>
  <si>
    <t>GES THATHA CHANDU KALAN</t>
  </si>
  <si>
    <t>Thatha Chandu Kalan</t>
  </si>
  <si>
    <t>Post Office Kot Rahmu, Thatha Chandu Kalan, Tehsil Lalian, District Chiniot</t>
  </si>
  <si>
    <t>Kanwien Wala</t>
  </si>
  <si>
    <t>GGPS GUMTY BAHAWAL NAGAR</t>
  </si>
  <si>
    <t>chk gumty</t>
  </si>
  <si>
    <t>Gumty</t>
  </si>
  <si>
    <t>Khythranwala</t>
  </si>
  <si>
    <t>RASHIDA HANIF</t>
  </si>
  <si>
    <t>GGPS NO. 2 HARRAPA CITY</t>
  </si>
  <si>
    <t>Munnay Wala Chok Harappa City</t>
  </si>
  <si>
    <t>Gulnaz Parveen</t>
  </si>
  <si>
    <t>GGES 160/10-R, JAHANIAN</t>
  </si>
  <si>
    <t>vehniwal  female</t>
  </si>
  <si>
    <t>chak#160/10.r jahanian khanewal</t>
  </si>
  <si>
    <t>160/10.r</t>
  </si>
  <si>
    <t>GGES ARSHAD POPULAR GUJRANWALA</t>
  </si>
  <si>
    <t>gges arshad popular</t>
  </si>
  <si>
    <t>Bakhte Wala Muhalla</t>
  </si>
  <si>
    <t>GGPS 13-1AL</t>
  </si>
  <si>
    <t>13/1AL</t>
  </si>
  <si>
    <t>chak no 13/1AL Renala khurd</t>
  </si>
  <si>
    <t>13/1Al</t>
  </si>
  <si>
    <t>28747</t>
  </si>
  <si>
    <t>GPS CHAK NO.122 NB</t>
  </si>
  <si>
    <t>CHAK NO. 122 NB TEHSIL SILLANWALI DISTRICT SARGODHA</t>
  </si>
  <si>
    <t>CHAK NO. 122 NB</t>
  </si>
  <si>
    <t>CHAK NO. 135 SB</t>
  </si>
  <si>
    <t>10212</t>
  </si>
  <si>
    <t>52097</t>
  </si>
  <si>
    <t>GMPS SALAM RATH</t>
  </si>
  <si>
    <t>Salam Rath</t>
  </si>
  <si>
    <t>Salam Rath p/o Noora rath</t>
  </si>
  <si>
    <t>54691</t>
  </si>
  <si>
    <t>GPS JHOK GHANDO WALI</t>
  </si>
  <si>
    <t>Jhok Chak#3 Ucc</t>
  </si>
  <si>
    <t>p/o Mandi faizabad jhok chak# 3ucc teh &amp; district nankana sahib</t>
  </si>
  <si>
    <t>Jhok Chak# 3ucc</t>
  </si>
  <si>
    <t>Bhuchoki Paar</t>
  </si>
  <si>
    <t>GGPS MC BHANDI WALA KEHROR PACCA</t>
  </si>
  <si>
    <t>Mohallah Bhandi Wala kahror pakka</t>
  </si>
  <si>
    <t>Kahror Pacca</t>
  </si>
  <si>
    <t>Qudsia Taj Qureshi</t>
  </si>
  <si>
    <t>GGPS MANKERA NO.2</t>
  </si>
  <si>
    <t>ggps no 2 mankera</t>
  </si>
  <si>
    <t>54407</t>
  </si>
  <si>
    <t>20957</t>
  </si>
  <si>
    <t>GPS THATHI ARIAN</t>
  </si>
  <si>
    <t>Thathi Arian</t>
  </si>
  <si>
    <t>thathi arian wazirabaf</t>
  </si>
  <si>
    <t>Alahabad</t>
  </si>
  <si>
    <t>Irfan Elahi</t>
  </si>
  <si>
    <t>GGES QUTBALL</t>
  </si>
  <si>
    <t>vill&amp;p.o Qutbal via Dualtala Teh;Gujar khan Distt;Rawalpindi</t>
  </si>
  <si>
    <t>FARIDA TABBASUM</t>
  </si>
  <si>
    <t>48594</t>
  </si>
  <si>
    <t>GGES CHAK SADU VIRKAN</t>
  </si>
  <si>
    <t>Chak Sadu Virkan</t>
  </si>
  <si>
    <t>gges chak sadu virkan</t>
  </si>
  <si>
    <t>Fatima Nasrullah</t>
  </si>
  <si>
    <t>GGPS HAVELI TARKANA WALI</t>
  </si>
  <si>
    <t>GGPS hawaili tarkhana wali</t>
  </si>
  <si>
    <t>Hawaili Tarkhana Wali</t>
  </si>
  <si>
    <t>HUMMARA SHAFAAT</t>
  </si>
  <si>
    <t>38495</t>
  </si>
  <si>
    <t>GPS MAQBOOL WAH</t>
  </si>
  <si>
    <t>Gps maqbool wah teshil dunya pur district lodhran markaz zakhira</t>
  </si>
  <si>
    <t>Muhammad Tariq Shahzad</t>
  </si>
  <si>
    <t>30534</t>
  </si>
  <si>
    <t>GGPS GHOWINDI BORDER</t>
  </si>
  <si>
    <t>Village Ghawindi Border Tehsil Cantt District lahore</t>
  </si>
  <si>
    <t>Ghawindi Border</t>
  </si>
  <si>
    <t>Asal Groky</t>
  </si>
  <si>
    <t>Zahida Parveen Akhtar</t>
  </si>
  <si>
    <t>46223</t>
  </si>
  <si>
    <t>GPS KALWAL</t>
  </si>
  <si>
    <t>SHAH WALA SOUTH</t>
  </si>
  <si>
    <t>Kalwal,moza ShahWala south,Teh:NoorPur Thall district Khushab</t>
  </si>
  <si>
    <t>17491</t>
  </si>
  <si>
    <t>29883</t>
  </si>
  <si>
    <t>GGPS JHALAR ABDUL QAADIR</t>
  </si>
  <si>
    <t>Jhallar Abdul Qadir</t>
  </si>
  <si>
    <t>jhallar Abdul qadir</t>
  </si>
  <si>
    <t>GPS SARDARPUR BALHARA</t>
  </si>
  <si>
    <t>Qadir Pur Ran Multan</t>
  </si>
  <si>
    <t>Basti sardar pur balra</t>
  </si>
  <si>
    <t>Qadir Pur Rawan Sharki</t>
  </si>
  <si>
    <t>GGPS JAND NO.4</t>
  </si>
  <si>
    <t>Mohallah hussain abad jand</t>
  </si>
  <si>
    <t>Saira Khurshid</t>
  </si>
  <si>
    <t>54425</t>
  </si>
  <si>
    <t>48853</t>
  </si>
  <si>
    <t>GES CHAK NO.53 NB</t>
  </si>
  <si>
    <t>Govt E/S 53 Nb Sargodha</t>
  </si>
  <si>
    <t>53Nb</t>
  </si>
  <si>
    <t>Atta Ur Rahman</t>
  </si>
  <si>
    <t>12907</t>
  </si>
  <si>
    <t>GPS PULL NEHAR SALAM</t>
  </si>
  <si>
    <t>Basti Hussain a bad pull nehar salam</t>
  </si>
  <si>
    <t>Basti Hussain Abad</t>
  </si>
  <si>
    <t>Tyeab Hussain</t>
  </si>
  <si>
    <t>GGPS YARAY WALI</t>
  </si>
  <si>
    <t>basti yaray wali p/o khair pur sadat</t>
  </si>
  <si>
    <t>54435</t>
  </si>
  <si>
    <t>GPS SUKHA SHAH</t>
  </si>
  <si>
    <t>po , hassan shah village, sukha shah tehsile darya khan , district bhakkar</t>
  </si>
  <si>
    <t>30593</t>
  </si>
  <si>
    <t>GGES KHIZAR ABAD</t>
  </si>
  <si>
    <t>Surriya Khizar</t>
  </si>
  <si>
    <t>GGPS CHAK NO 240 JB WEST HINDLANA</t>
  </si>
  <si>
    <t>240 Handlana</t>
  </si>
  <si>
    <t>chak no 240 west handlana tehsil bhowana distt chiniot</t>
  </si>
  <si>
    <t>240 West</t>
  </si>
  <si>
    <t>Sahamal 208</t>
  </si>
  <si>
    <t>saba shabbir</t>
  </si>
  <si>
    <t>45961</t>
  </si>
  <si>
    <t>GGPS NO. 3 HADALI  NOOR HAYAT COLONY HADALI</t>
  </si>
  <si>
    <t>ggps no. 3 hadali  noor  hayat colony</t>
  </si>
  <si>
    <t>54446</t>
  </si>
  <si>
    <t>GPS NASEER KATHIA, P/O 2/8-R, TULAMBA</t>
  </si>
  <si>
    <t>Fareed Kay Kathia</t>
  </si>
  <si>
    <t>GPS Naseer Kathia Post Office Chak No 2/8-R Mirza Pur</t>
  </si>
  <si>
    <t>54447</t>
  </si>
  <si>
    <t>GPS ROGHAN</t>
  </si>
  <si>
    <t>Pos Banging Khel</t>
  </si>
  <si>
    <t>Village roghan post office tabbi sar tehsil essa khel disst mianwali</t>
  </si>
  <si>
    <t>Tola Banging Khel</t>
  </si>
  <si>
    <t>Shabir Rehman</t>
  </si>
  <si>
    <t>27982</t>
  </si>
  <si>
    <t>GPS CHAK NO. 13</t>
  </si>
  <si>
    <t>vpo Chak no13</t>
  </si>
  <si>
    <t>Chak No40</t>
  </si>
  <si>
    <t>44112</t>
  </si>
  <si>
    <t>GPS LARRI HAJIAL</t>
  </si>
  <si>
    <t>Larri Hajial</t>
  </si>
  <si>
    <t>vpo Dandot Teh CSS DIST Chkwal</t>
  </si>
  <si>
    <t>GGPS WAHI GUSSAIEN</t>
  </si>
  <si>
    <t>Wahi Gussain</t>
  </si>
  <si>
    <t>Adda Rasheedabad Wahi Gussaein</t>
  </si>
  <si>
    <t>Wahi Gussaien</t>
  </si>
  <si>
    <t>Ruqia Koussar</t>
  </si>
  <si>
    <t>GPS SANGRAN</t>
  </si>
  <si>
    <t>G.P.S. Sangran</t>
  </si>
  <si>
    <t>Muhammed Arshd</t>
  </si>
  <si>
    <t>GMPS SUGAR CANE</t>
  </si>
  <si>
    <t>jahanabad</t>
  </si>
  <si>
    <t>Mumtazkot</t>
  </si>
  <si>
    <t>Abdulqayyum</t>
  </si>
  <si>
    <t>GGPS NO.1 CHAL PUR</t>
  </si>
  <si>
    <t>Chalpur</t>
  </si>
  <si>
    <t>Atika Jamal</t>
  </si>
  <si>
    <t>GGPS CHAK NO.151 NB KALYARAN WALA</t>
  </si>
  <si>
    <t>Chak 151nb</t>
  </si>
  <si>
    <t>chak 151nb(k)</t>
  </si>
  <si>
    <t>151nb K</t>
  </si>
  <si>
    <t>Bushra Nourin</t>
  </si>
  <si>
    <t>GGCMS PHARIAN WALI</t>
  </si>
  <si>
    <t>GGCMS Pahrianwali</t>
  </si>
  <si>
    <t>GPS SABOO WALA</t>
  </si>
  <si>
    <t>saboowala Moza meer Muhammad  Teh a.p sial jhang</t>
  </si>
  <si>
    <t>Saboowala</t>
  </si>
  <si>
    <t>GGPS JAAM JAN MUHAMMAD</t>
  </si>
  <si>
    <t>kachi mandi lqp</t>
  </si>
  <si>
    <t>Jam Jan Muhammad</t>
  </si>
  <si>
    <t>Saddiqa Bano</t>
  </si>
  <si>
    <t>GGPS GANJIAN WALI KHURD</t>
  </si>
  <si>
    <t>Ganjianwali Khurd</t>
  </si>
  <si>
    <t>GG ps gunjian wali khurd near Adalat ghar sialkot</t>
  </si>
  <si>
    <t>Adalat Grah</t>
  </si>
  <si>
    <t>Anis Fatima</t>
  </si>
  <si>
    <t>GPS DHONI</t>
  </si>
  <si>
    <t>Village Dhoni Po 14/66 tehsil &amp; district Nankana Sahib</t>
  </si>
  <si>
    <t>Dhoni</t>
  </si>
  <si>
    <t>zahid imran</t>
  </si>
  <si>
    <t>GPS Dera Muhammad Ashraf</t>
  </si>
  <si>
    <t>Dera Noor Muhammad</t>
  </si>
  <si>
    <t>Mehreen Habibullah</t>
  </si>
  <si>
    <t>GGES GULSHAN PURA KOTMOMIN</t>
  </si>
  <si>
    <t>haveli Gulshanpura  moza uppi  tensile kotmomin district sargodha</t>
  </si>
  <si>
    <t>Haveli Gulshanpura</t>
  </si>
  <si>
    <t>Chak 19 SB</t>
  </si>
  <si>
    <t>Sumara Shamshad</t>
  </si>
  <si>
    <t>GGCMS CHAK NO.24/DNB</t>
  </si>
  <si>
    <t>24DNB</t>
  </si>
  <si>
    <t>24dnb yazman</t>
  </si>
  <si>
    <t>22DNB</t>
  </si>
  <si>
    <t>bakhtawersaleem</t>
  </si>
  <si>
    <t>33809</t>
  </si>
  <si>
    <t>GGPS BHAKHAL BHIR BASTI EJAZ ABAD OLD DUNYA PUR ROAD</t>
  </si>
  <si>
    <t>Bakhal Bhir</t>
  </si>
  <si>
    <t>Government Girls Primary School Bakhal Bhir Old Dunya Pur Road Multan</t>
  </si>
  <si>
    <t>Ejaz Abad</t>
  </si>
  <si>
    <t>Bhanni</t>
  </si>
  <si>
    <t>Aalia Parveen</t>
  </si>
  <si>
    <t>47585</t>
  </si>
  <si>
    <t>GGPS DILLY WALI EAST</t>
  </si>
  <si>
    <t>GGPS DILLEWALI EAST</t>
  </si>
  <si>
    <t>DILLEWALI</t>
  </si>
  <si>
    <t>GPS 1/M EAST</t>
  </si>
  <si>
    <t>Kot Qadir</t>
  </si>
  <si>
    <t>GPS CHAK NO 412 JB</t>
  </si>
  <si>
    <t>Chak#412jb</t>
  </si>
  <si>
    <t>chak#412jb  P/O Shorkot Cantt TEH Shorkot District Jhang</t>
  </si>
  <si>
    <t>Chak #412jb</t>
  </si>
  <si>
    <t>Chak#497jb</t>
  </si>
  <si>
    <t>GGPS CHAKORA</t>
  </si>
  <si>
    <t>vill /p/o chakora</t>
  </si>
  <si>
    <t>Miss Saiqa rehmat</t>
  </si>
  <si>
    <t>53278</t>
  </si>
  <si>
    <t>GPS CHAK NO. 24/2-L</t>
  </si>
  <si>
    <t>27/2L</t>
  </si>
  <si>
    <t>GGPS DHOK ZAWAR</t>
  </si>
  <si>
    <t>Village and P/O Dhoke Zawar dakhli rehna sadat Teh Kallar Kahar Distt Chakwal</t>
  </si>
  <si>
    <t>Anisa Faiz</t>
  </si>
  <si>
    <t>GES CHAK NO.87 WB</t>
  </si>
  <si>
    <t>87wb,vehari</t>
  </si>
  <si>
    <t>49883</t>
  </si>
  <si>
    <t>GES NOOREY WALA</t>
  </si>
  <si>
    <t>Thathi Lang</t>
  </si>
  <si>
    <t>Noorey Wala ,tehsil Sahiwal, District Sargodha</t>
  </si>
  <si>
    <t>54281</t>
  </si>
  <si>
    <t>GPS CHAK NO 29 MB</t>
  </si>
  <si>
    <t>Chak No29mb</t>
  </si>
  <si>
    <t>gps ck no 29mb tehsil noor pur thal district khushab</t>
  </si>
  <si>
    <t>23396</t>
  </si>
  <si>
    <t>GPS CHAK HASSAIN</t>
  </si>
  <si>
    <t>Chak Hussain</t>
  </si>
  <si>
    <t>Chak Hussain p.o.Bagrianwala tehsil kharian district Gujrat</t>
  </si>
  <si>
    <t>Bagarian Wala</t>
  </si>
  <si>
    <t>8307</t>
  </si>
  <si>
    <t>GPS ISLAMIA NO.1 JALAL PUR JATTAN</t>
  </si>
  <si>
    <t>circular road opposite  national bank . jpj</t>
  </si>
  <si>
    <t>GPS CHAK NO.14 NB</t>
  </si>
  <si>
    <t>Chak  No 14 NB</t>
  </si>
  <si>
    <t>Chak No 14 NB Bhalwal</t>
  </si>
  <si>
    <t>Chak No14 NB</t>
  </si>
  <si>
    <t>Chak No 13 NB</t>
  </si>
  <si>
    <t>GPS JAMAN</t>
  </si>
  <si>
    <t>Village jamman post office angoori</t>
  </si>
  <si>
    <t>Shamsa Pervaiz</t>
  </si>
  <si>
    <t>GGPS KAHEERI</t>
  </si>
  <si>
    <t>basti kaheeri p/o khairpur sadat tehsil alipur district muzaffar garh</t>
  </si>
  <si>
    <t>Basti Kaheeri</t>
  </si>
  <si>
    <t>Rabia nazir</t>
  </si>
  <si>
    <t>GPS KALWAL NO 1</t>
  </si>
  <si>
    <t>kalwal Tehsil Kallur Kot distt bhakkar</t>
  </si>
  <si>
    <t>GMPS GHAZI MOHAMMAD WALA (CHAWAN WALA)</t>
  </si>
  <si>
    <t>chavan wala</t>
  </si>
  <si>
    <t>Chavan Wala</t>
  </si>
  <si>
    <t>GGPS CHAK NO.104/DNB</t>
  </si>
  <si>
    <t>104DNB</t>
  </si>
  <si>
    <t>chak no. 104/dnb tehsil yazman district bwp</t>
  </si>
  <si>
    <t>Chak 104/dnb</t>
  </si>
  <si>
    <t>49908</t>
  </si>
  <si>
    <t>GES THATTI RAJU</t>
  </si>
  <si>
    <t>Thatti Raju</t>
  </si>
  <si>
    <t>GES Thatti Raju Tehsil Sahiwal Distt Sargodha</t>
  </si>
  <si>
    <t>GPS CHAK 745 GB</t>
  </si>
  <si>
    <t>chack no 720 g.b</t>
  </si>
  <si>
    <t>745 G B</t>
  </si>
  <si>
    <t>760 Nasir Nagar</t>
  </si>
  <si>
    <t>GPS MUD DILSHAD</t>
  </si>
  <si>
    <t>Dhagoo</t>
  </si>
  <si>
    <t>Mud Dilshad</t>
  </si>
  <si>
    <t>Abdul Hanan</t>
  </si>
  <si>
    <t>GES NABI SHAH</t>
  </si>
  <si>
    <t>basti nabi shah tehsil rojhan dist. rajan pur</t>
  </si>
  <si>
    <t>GGPS DARBAR MIAN BAHAWAL SHER</t>
  </si>
  <si>
    <t>Bhawal Sher</t>
  </si>
  <si>
    <t>Sarwari Begum</t>
  </si>
  <si>
    <t>26072</t>
  </si>
  <si>
    <t>41804</t>
  </si>
  <si>
    <t>GMPS JATTAL</t>
  </si>
  <si>
    <t>Jattal</t>
  </si>
  <si>
    <t>government model school jattal</t>
  </si>
  <si>
    <t>Zarina Hameed</t>
  </si>
  <si>
    <t>GPS BASTI NAMRI</t>
  </si>
  <si>
    <t>146p</t>
  </si>
  <si>
    <t>Gps Basti nimbri</t>
  </si>
  <si>
    <t>M Bukhash Tahir</t>
  </si>
  <si>
    <t>34959</t>
  </si>
  <si>
    <t>43826</t>
  </si>
  <si>
    <t>GPS FAZAL ELLAHI</t>
  </si>
  <si>
    <t>GPS Fazal Elahi V.P.O Thoha Mehram Khan Teh Talagang Distt Chakwal</t>
  </si>
  <si>
    <t>Thoha Mehram Khan1</t>
  </si>
  <si>
    <t>Niaz Hussain</t>
  </si>
  <si>
    <t>26576</t>
  </si>
  <si>
    <t>GPS BALSHAHAN</t>
  </si>
  <si>
    <t>Balshahan</t>
  </si>
  <si>
    <t>Village Balshahan Tehsil Zafarwal Distt. Narowal</t>
  </si>
  <si>
    <t>Depokey</t>
  </si>
  <si>
    <t>GGPS SEHWAL</t>
  </si>
  <si>
    <t>Sehwal</t>
  </si>
  <si>
    <t>vpo sehwal</t>
  </si>
  <si>
    <t>Nobia Ameer</t>
  </si>
  <si>
    <t>GGES GHANDRAN CHAK NO.86/RB</t>
  </si>
  <si>
    <t>86 Rb</t>
  </si>
  <si>
    <t>GGES Ghandran chak 86 rb</t>
  </si>
  <si>
    <t>Ghandran</t>
  </si>
  <si>
    <t>Kot Nizam Deen</t>
  </si>
  <si>
    <t>GMPS HAVAILI HAJI MAHMOOD</t>
  </si>
  <si>
    <t>Alayana</t>
  </si>
  <si>
    <t>post office kot shakir</t>
  </si>
  <si>
    <t>Haveli Haji  Mehmood</t>
  </si>
  <si>
    <t>7/1 Thal Jnubi</t>
  </si>
  <si>
    <t>Village kattowal P/O Rattowal tehsil&amp; disst M.B.Din</t>
  </si>
  <si>
    <t>GPS UPPI BANGLOW</t>
  </si>
  <si>
    <t>Uppi Banglow</t>
  </si>
  <si>
    <t>Gps uppi banglow</t>
  </si>
  <si>
    <t>Mc/Kotmomin</t>
  </si>
  <si>
    <t>GMPS KOHALI</t>
  </si>
  <si>
    <t>vpo kohali shwaha jhelum</t>
  </si>
  <si>
    <t>Asma Amees</t>
  </si>
  <si>
    <t>46546</t>
  </si>
  <si>
    <t>GGPS DERA KALLUAN WALA</t>
  </si>
  <si>
    <t>uttra janubi</t>
  </si>
  <si>
    <t>dera kaluanwala</t>
  </si>
  <si>
    <t>dera kaluan wala</t>
  </si>
  <si>
    <t>uttrajanubi</t>
  </si>
  <si>
    <t>khoula latif</t>
  </si>
  <si>
    <t>21274</t>
  </si>
  <si>
    <t>GMPS KOT RATTA</t>
  </si>
  <si>
    <t>p o box khas kot ratta tehsil Wzr dist Grw</t>
  </si>
  <si>
    <t>Jamky Chatha</t>
  </si>
  <si>
    <t>Sidra saif Ullah</t>
  </si>
  <si>
    <t>GGES 20/1-AL</t>
  </si>
  <si>
    <t>20/1al</t>
  </si>
  <si>
    <t>20/1..al</t>
  </si>
  <si>
    <t>25/1-al</t>
  </si>
  <si>
    <t>GES JOCHA MAMDOT</t>
  </si>
  <si>
    <t>Jocha Mamdot</t>
  </si>
  <si>
    <t>Aamir Naseer</t>
  </si>
  <si>
    <t>27828</t>
  </si>
  <si>
    <t>GMPS CHAK DADAN ZEREEN</t>
  </si>
  <si>
    <t>Chak Daddan</t>
  </si>
  <si>
    <t>chak daddan zareen</t>
  </si>
  <si>
    <t>Chak Daddan Zareen</t>
  </si>
  <si>
    <t>sarwar abad p/o box buchal kalan</t>
  </si>
  <si>
    <t>Asia Nasreen</t>
  </si>
  <si>
    <t>GPS MONGI THALI</t>
  </si>
  <si>
    <t>Mongi Thali</t>
  </si>
  <si>
    <t>GPS mongithali</t>
  </si>
  <si>
    <t>Bhaiwal</t>
  </si>
  <si>
    <t>GGPS HAVELI</t>
  </si>
  <si>
    <t>vpo orang abad village haveli jand attock</t>
  </si>
  <si>
    <t>Um-e-Rubab</t>
  </si>
  <si>
    <t>37712</t>
  </si>
  <si>
    <t>GPS SALEEM KAY DAHAR, P/O 2/8-R, TULAMBA</t>
  </si>
  <si>
    <t>Bopri Muhammad Rahman</t>
  </si>
  <si>
    <t>mouza bopri Muhammad Rahman Saleem kay Dahar post office 2/8-R Mirza pur Tehsil Mian Channu District Khanewal</t>
  </si>
  <si>
    <t>Saleem K Dahar</t>
  </si>
  <si>
    <t>Bagh Ali</t>
  </si>
  <si>
    <t>GPS LANGAR MEERA (JHOKE IQBAL)</t>
  </si>
  <si>
    <t>Langer Meera</t>
  </si>
  <si>
    <t>Gps langermeera teh.kalur kot district.bhakkar</t>
  </si>
  <si>
    <t>GGPS RATAN PURA</t>
  </si>
  <si>
    <t>rattanpura post office chakk no.44 teh.ferozwala distt sheikhupura</t>
  </si>
  <si>
    <t>Chak No44</t>
  </si>
  <si>
    <t>Nazneen Tahir</t>
  </si>
  <si>
    <t>29204</t>
  </si>
  <si>
    <t>GPS HAVALI KHUSHAL SINGH</t>
  </si>
  <si>
    <t>Chrewan</t>
  </si>
  <si>
    <t>Haveli Khushal Singh</t>
  </si>
  <si>
    <t>Hafiz Najeeb Ullah</t>
  </si>
  <si>
    <t>GGPS DHOK GALI</t>
  </si>
  <si>
    <t>village Dhok Gali PO malhowali</t>
  </si>
  <si>
    <t>Dhok Gali</t>
  </si>
  <si>
    <t>Humaira Wahab</t>
  </si>
  <si>
    <t>Jaaivain</t>
  </si>
  <si>
    <t>Government Girls Elementary school, Riaz Abad, moza jaaivain</t>
  </si>
  <si>
    <t>GMPS BINDI LAL MUREED</t>
  </si>
  <si>
    <t>Pindi lal mureed</t>
  </si>
  <si>
    <t>Pindi lal mureed p /o lau district jhang</t>
  </si>
  <si>
    <t>Shagufta talib</t>
  </si>
  <si>
    <t>25523</t>
  </si>
  <si>
    <t>GGPS AMREEK PURA</t>
  </si>
  <si>
    <t>Amreekpura</t>
  </si>
  <si>
    <t>amreek pura</t>
  </si>
  <si>
    <t>Alywali</t>
  </si>
  <si>
    <t>Sughra Tabasam</t>
  </si>
  <si>
    <t>GES KUNNAL SHERUANA</t>
  </si>
  <si>
    <t>Kunnal Sherowana</t>
  </si>
  <si>
    <t>Kunnal Sherowana Post office Machiwal tehsile 18hazari District Jhang</t>
  </si>
  <si>
    <t>7/2 thal janobi Machiwal</t>
  </si>
  <si>
    <t>GES UTRA</t>
  </si>
  <si>
    <t>village post office uttra khushab</t>
  </si>
  <si>
    <t>GPS NO. 4 BASIR PUR</t>
  </si>
  <si>
    <t>Mohalla Sheikhupura Basirpur Tehsil pur district Okara</t>
  </si>
  <si>
    <t>MC Basirpur</t>
  </si>
  <si>
    <t>GES MANSOOR WALI</t>
  </si>
  <si>
    <t>Muhammad Rafique Ahmed Dhilon</t>
  </si>
  <si>
    <t>GPS KOT FAZAL AHMAD</t>
  </si>
  <si>
    <t>Kot Fazal Ahmad</t>
  </si>
  <si>
    <t>GES HYD SONS HYE</t>
  </si>
  <si>
    <t>Talewala</t>
  </si>
  <si>
    <t>Flood colony</t>
  </si>
  <si>
    <t>Flood Colony</t>
  </si>
  <si>
    <t>GGES 193/P</t>
  </si>
  <si>
    <t>193p</t>
  </si>
  <si>
    <t>chak#193p</t>
  </si>
  <si>
    <t>Uruj Riaz</t>
  </si>
  <si>
    <t>GPS SAHARI</t>
  </si>
  <si>
    <t>SAHARI</t>
  </si>
  <si>
    <t>sahari po same skg.</t>
  </si>
  <si>
    <t>GGPS ISLAM PURA</t>
  </si>
  <si>
    <t>islmpura kahna nau lahore</t>
  </si>
  <si>
    <t>Islmpura</t>
  </si>
  <si>
    <t>GGES NEW NOSHARA</t>
  </si>
  <si>
    <t>new noshehra</t>
  </si>
  <si>
    <t>New Noshehra
Jalal Pur Jattan</t>
  </si>
  <si>
    <t>jalal pur jattan</t>
  </si>
  <si>
    <t>Yasmeen Imtiaz</t>
  </si>
  <si>
    <t>GGPS BASTI WASEERAN</t>
  </si>
  <si>
    <t>Tahli Tlbani</t>
  </si>
  <si>
    <t>ada khaji wala sharki p/o  tahli tlbani  kpt  bahawalpur</t>
  </si>
  <si>
    <t>Sayyad Imam Shah</t>
  </si>
  <si>
    <t>51696</t>
  </si>
  <si>
    <t>GPS HARDIT PUR</t>
  </si>
  <si>
    <t>Hard it Pur</t>
  </si>
  <si>
    <t>chak  hard it pur</t>
  </si>
  <si>
    <t>17-sp</t>
  </si>
  <si>
    <t>GPS NANGAL BUCHER</t>
  </si>
  <si>
    <t>Nangal bucher</t>
  </si>
  <si>
    <t>nangal bucher tehsil muridke distt sheikhupura</t>
  </si>
  <si>
    <t>GES 19/D</t>
  </si>
  <si>
    <t>Chak#19/D</t>
  </si>
  <si>
    <t>chak#19/d p/o shergarh tehsil depalpur distt.okara.</t>
  </si>
  <si>
    <t>Dhool Chourh</t>
  </si>
  <si>
    <t>Muhammad Rafique shahid</t>
  </si>
  <si>
    <t>GGPS HAJI SULTAN MEHMOOD PALUWAN</t>
  </si>
  <si>
    <t>Dera Haji Sultan Mehmood Paluan</t>
  </si>
  <si>
    <t>ggps dera haji sultan mehmood plu'an village roda daak khana khas roda tehsil and District khushab</t>
  </si>
  <si>
    <t>Farah Saleem</t>
  </si>
  <si>
    <t>30091</t>
  </si>
  <si>
    <t>GMPS HAVELI KUMHARAN WALI</t>
  </si>
  <si>
    <t>Haveli Kumharan Wali</t>
  </si>
  <si>
    <t>Haveli kumharan wali Baroon Raja Jang</t>
  </si>
  <si>
    <t>32979</t>
  </si>
  <si>
    <t>GGCMES GAON MANGTANWALA</t>
  </si>
  <si>
    <t>Village Mangtawala</t>
  </si>
  <si>
    <t>gaon mangtawala  tehsil and district Nankana sahib</t>
  </si>
  <si>
    <t>Mangtawala</t>
  </si>
  <si>
    <t>43410</t>
  </si>
  <si>
    <t>GGPS MURID NO. 2</t>
  </si>
  <si>
    <t>vpo Mureed tehsil.and dist. chakwal</t>
  </si>
  <si>
    <t>Azra naheed</t>
  </si>
  <si>
    <t>GES FAIZ ABAD KHANPUR</t>
  </si>
  <si>
    <t>GES Faiz abad khanpur</t>
  </si>
  <si>
    <t>Dinpur Shareef</t>
  </si>
  <si>
    <t>Malik Mohammad Ramzan</t>
  </si>
  <si>
    <t>GGES HARI CHAND</t>
  </si>
  <si>
    <t>basti hari chand</t>
  </si>
  <si>
    <t>Hari Chand</t>
  </si>
  <si>
    <t>Mobeen Kousar</t>
  </si>
  <si>
    <t>GGPS BARA DARI</t>
  </si>
  <si>
    <t>Chk Basawa</t>
  </si>
  <si>
    <t>Baradari</t>
  </si>
  <si>
    <t>Rakh bloch</t>
  </si>
  <si>
    <t>Fozia Inayat</t>
  </si>
  <si>
    <t>GGPS CHAK 369 JB II SARJA</t>
  </si>
  <si>
    <t>369 Jb II</t>
  </si>
  <si>
    <t>chak no 369 jb II</t>
  </si>
  <si>
    <t>Chak No 158jb</t>
  </si>
  <si>
    <t>Asifa Mussarrat</t>
  </si>
  <si>
    <t>GGCMS MODEL 12/8-AR TULAMBA</t>
  </si>
  <si>
    <t>Chuk No 12/8ar</t>
  </si>
  <si>
    <t>gcmp/s12/8ar</t>
  </si>
  <si>
    <t>Chuk No12/8ar</t>
  </si>
  <si>
    <t>Chuk No 14/8ar</t>
  </si>
  <si>
    <t>GGPS 17 KB MERKAZ QABOOLA</t>
  </si>
  <si>
    <t>17kb</t>
  </si>
  <si>
    <t>17kb Thesil Arifwala Distt Pakpattan</t>
  </si>
  <si>
    <t>17KB</t>
  </si>
  <si>
    <t>Aisha Ghufar</t>
  </si>
  <si>
    <t>GGPS CHAK NO 166 NIKAY DUB</t>
  </si>
  <si>
    <t>Chak No169 jb</t>
  </si>
  <si>
    <t>chak no.166 nikkay dub</t>
  </si>
  <si>
    <t>Chak No166 Nikay Dub</t>
  </si>
  <si>
    <t>Chak No169 Jb</t>
  </si>
  <si>
    <t>GPS BHARE WALA</t>
  </si>
  <si>
    <t>Bahary Wala</t>
  </si>
  <si>
    <t>bahary wala p/o harnoli teh piplan dist mianwali</t>
  </si>
  <si>
    <t>8759</t>
  </si>
  <si>
    <t>GGPS BASTI SURANI</t>
  </si>
  <si>
    <t>basti Surani mouza mahal Khakhi p.o rukan wali Teh.dist. M garh</t>
  </si>
  <si>
    <t>Basti Surani</t>
  </si>
  <si>
    <t>shamim Kaousar</t>
  </si>
  <si>
    <t>GPS KUKAR PINDI</t>
  </si>
  <si>
    <t>Kukar Pindi</t>
  </si>
  <si>
    <t>Kukar pindi</t>
  </si>
  <si>
    <t>Akhtar Mahmood</t>
  </si>
  <si>
    <t>GGPS MOHALA ANSARIAN</t>
  </si>
  <si>
    <t>Mohallah Ansarian  Skg</t>
  </si>
  <si>
    <t>mohallah ansarian shakargarh tehsil shakargarh district Narowal</t>
  </si>
  <si>
    <t>Gulshad Bibi Mohammad Maqbool</t>
  </si>
  <si>
    <t>GES CHAK 120/P</t>
  </si>
  <si>
    <t>Chak No 120P</t>
  </si>
  <si>
    <t>Chak No 120p</t>
  </si>
  <si>
    <t>148p</t>
  </si>
  <si>
    <t>GGES GHANDIAN</t>
  </si>
  <si>
    <t>Shahida  Parveen</t>
  </si>
  <si>
    <t>GGPS CHAK NO 323 TDA</t>
  </si>
  <si>
    <t>Chalk No 323</t>
  </si>
  <si>
    <t>GGPS chalk no323/TDA ada Jamal chappri</t>
  </si>
  <si>
    <t>Chalk No 323/TDA</t>
  </si>
  <si>
    <t>Jamal Chappri</t>
  </si>
  <si>
    <t>30584</t>
  </si>
  <si>
    <t>GGPS APWA MODEL WARIS ROAD LAHORE</t>
  </si>
  <si>
    <t>Waris Road Lhr</t>
  </si>
  <si>
    <t>Govt apwa girls primary school waris</t>
  </si>
  <si>
    <t>Waris Road</t>
  </si>
  <si>
    <t>54872</t>
  </si>
  <si>
    <t>GGES SARAICH</t>
  </si>
  <si>
    <t>saraich</t>
  </si>
  <si>
    <t>Rahila Yasmeen</t>
  </si>
  <si>
    <t>GGPS DAULTALA</t>
  </si>
  <si>
    <t>vpo Daultala tehsil gujar khan rawalpindi</t>
  </si>
  <si>
    <t>GPS CHAK NO 72 TDA</t>
  </si>
  <si>
    <t>72 TDA</t>
  </si>
  <si>
    <t>Chak no 72 TDA</t>
  </si>
  <si>
    <t>78 Ml</t>
  </si>
  <si>
    <t>54877</t>
  </si>
  <si>
    <t>GGPS JAVED ABAD</t>
  </si>
  <si>
    <t>Mohammad Shah P/O Shadia</t>
  </si>
  <si>
    <t>Mohammad Shah</t>
  </si>
  <si>
    <t>Khudeja Bibi</t>
  </si>
  <si>
    <t>27434</t>
  </si>
  <si>
    <t>GGPS BALOCHAN VATTOWAN</t>
  </si>
  <si>
    <t>Wattwan wala</t>
  </si>
  <si>
    <t>Wattwan Wala</t>
  </si>
  <si>
    <t>Sadhoky</t>
  </si>
  <si>
    <t>Faiza Islam</t>
  </si>
  <si>
    <t>GGPS TAKIA KALAN</t>
  </si>
  <si>
    <t>Takia Kalan</t>
  </si>
  <si>
    <t>village takia kalan narowal</t>
  </si>
  <si>
    <t>Shumaila Kiran</t>
  </si>
  <si>
    <t>54884</t>
  </si>
  <si>
    <t>GMPS BHATTI MANSOOR</t>
  </si>
  <si>
    <t>Bhatti Mansoor</t>
  </si>
  <si>
    <t>bhatti mansoor</t>
  </si>
  <si>
    <t>Aamra Ahmad</t>
  </si>
  <si>
    <t>GGPS AFZAL MANA CHISHTI</t>
  </si>
  <si>
    <t>Muhammad Nawaz Pura</t>
  </si>
  <si>
    <t>Basti khalida abaad near bypass bahawalnagar</t>
  </si>
  <si>
    <t>Khalida Abaad</t>
  </si>
  <si>
    <t>GPS 46 KB</t>
  </si>
  <si>
    <t>46kb</t>
  </si>
  <si>
    <t>50kb</t>
  </si>
  <si>
    <t>GGPS PALLU WALA</t>
  </si>
  <si>
    <t>pallu wala</t>
  </si>
  <si>
    <t>pallu.wala ada shehnal</t>
  </si>
  <si>
    <t>chak himta</t>
  </si>
  <si>
    <t>Gulzar Bibi</t>
  </si>
  <si>
    <t>54892</t>
  </si>
  <si>
    <t>Gmps waryam</t>
  </si>
  <si>
    <t>Suraiya Begum</t>
  </si>
  <si>
    <t>GPS TIBBA RAMCHAND</t>
  </si>
  <si>
    <t>Shah Alam</t>
  </si>
  <si>
    <t>Village Shah Alam Post Office Tibba Naina Teh.K.kot District Bhakkar</t>
  </si>
  <si>
    <t>18659</t>
  </si>
  <si>
    <t>GPS CHAK 335 JB</t>
  </si>
  <si>
    <t>Dost Pur</t>
  </si>
  <si>
    <t>chak no. 335 jb tehsil gojra Disstt.. t. t. Singh</t>
  </si>
  <si>
    <t>335jb</t>
  </si>
  <si>
    <t>35008</t>
  </si>
  <si>
    <t>GGPS CHAK NO.47 SB</t>
  </si>
  <si>
    <t>47sb</t>
  </si>
  <si>
    <t>Chak No 108sb</t>
  </si>
  <si>
    <t>Attia Mehreen</t>
  </si>
  <si>
    <t>50480</t>
  </si>
  <si>
    <t>GGPS GAUOO SHALLA</t>
  </si>
  <si>
    <t>Govt Girls Primary School Gau Shalla  Chichawatni</t>
  </si>
  <si>
    <t>M C  Urban</t>
  </si>
  <si>
    <t>Maqsooda Begum</t>
  </si>
  <si>
    <t>GGPS KOHAL KALAN</t>
  </si>
  <si>
    <t>Mouza Kohal Kalan</t>
  </si>
  <si>
    <t>mouza kohal kalan</t>
  </si>
  <si>
    <t>BUSHRA NOREEN</t>
  </si>
  <si>
    <t>GPS CHANI MITTHA</t>
  </si>
  <si>
    <t>Chanimitha</t>
  </si>
  <si>
    <t>chani mitha</t>
  </si>
  <si>
    <t>Chani Mitha</t>
  </si>
  <si>
    <t>Mustansar Abbas</t>
  </si>
  <si>
    <t>32686</t>
  </si>
  <si>
    <t>27573</t>
  </si>
  <si>
    <t>54901</t>
  </si>
  <si>
    <t>GPS CHAK NO.215/9-R</t>
  </si>
  <si>
    <t>CHAK NO. 215/9R</t>
  </si>
  <si>
    <t>215/9R</t>
  </si>
  <si>
    <t>CHAK 213/9R</t>
  </si>
  <si>
    <t>24924</t>
  </si>
  <si>
    <t>GPS KHAJURI WAL</t>
  </si>
  <si>
    <t>KHAJURIWAL</t>
  </si>
  <si>
    <t>VILLAGE KHAJURIWAL P/O KOTLI LOHARAN WEST SIALKOT</t>
  </si>
  <si>
    <t>HAMID AKHTAR</t>
  </si>
  <si>
    <t>GES KOTEHRA JABBI P.O MULTAN KHURD</t>
  </si>
  <si>
    <t>village kotehra po Multan Khurd tehsil Talagang district Chakwal</t>
  </si>
  <si>
    <t>Abdullah Khan</t>
  </si>
  <si>
    <t>GPS faiz abad</t>
  </si>
  <si>
    <t>GPS KOT UMRANA</t>
  </si>
  <si>
    <t>KOTUMRANA</t>
  </si>
  <si>
    <t>kotumrana</t>
  </si>
  <si>
    <t>Syed Sajjad Haider Bukhari</t>
  </si>
  <si>
    <t>54909</t>
  </si>
  <si>
    <t>GPS HAYAT WALA</t>
  </si>
  <si>
    <t>moza ali dasti kot sultan</t>
  </si>
  <si>
    <t>Chachu wala</t>
  </si>
  <si>
    <t>GGPS KACHI PUMP WALI RASHEED COLONY</t>
  </si>
  <si>
    <t>Shamsa Abad</t>
  </si>
  <si>
    <t>Muhallah Shamsa abad tehsil and district gujranwala</t>
  </si>
  <si>
    <t>Nasira Irshad</t>
  </si>
  <si>
    <t>GGPS KUCHH TUNDER KHEL</t>
  </si>
  <si>
    <t>Kutch Tunder Khel</t>
  </si>
  <si>
    <t>village kutch tunder khel</t>
  </si>
  <si>
    <t>Village Kutch Tunder Khel</t>
  </si>
  <si>
    <t>naheed akhter</t>
  </si>
  <si>
    <t>GGPS CHEMEKI SAHI</t>
  </si>
  <si>
    <t>Chak No 20 / 72</t>
  </si>
  <si>
    <t>G G M P S Chemey KeSahiChak no 20/72 P/o Syedwala Tehsil &amp; Distt Nankana Sahib</t>
  </si>
  <si>
    <t>Chak No 20/72</t>
  </si>
  <si>
    <t>nasira fiaz</t>
  </si>
  <si>
    <t>GGPS PULL FAROOQ ABAD</t>
  </si>
  <si>
    <t>pull farooqabad basti shery wali</t>
  </si>
  <si>
    <t>Pull Farooqabad</t>
  </si>
  <si>
    <t>Miss Rahat Feroz</t>
  </si>
  <si>
    <t>29439</t>
  </si>
  <si>
    <t>GGES THEH BHALLO</t>
  </si>
  <si>
    <t>Theh Bhaloo</t>
  </si>
  <si>
    <t>Government girls elementary school theh bhaloo kasur</t>
  </si>
  <si>
    <t>Khalida Sharif</t>
  </si>
  <si>
    <t>43361</t>
  </si>
  <si>
    <t>GPS PINWAL</t>
  </si>
  <si>
    <t>PINWAL</t>
  </si>
  <si>
    <t>VPO PINWAL TEH &amp; DISTT CHAKWAL</t>
  </si>
  <si>
    <t>GGES HERNOLI NO. 1</t>
  </si>
  <si>
    <t>harnoli,tehsil piplan.dist.mianwali</t>
  </si>
  <si>
    <t>GES BAHADUR SHAH, P/O MOHRI PUR, SARAI SIDHU</t>
  </si>
  <si>
    <t>Manga Werid</t>
  </si>
  <si>
    <t>darbar peer bahadur shah mohripur kabirwala</t>
  </si>
  <si>
    <t>Marhi Sohu</t>
  </si>
  <si>
    <t>29938</t>
  </si>
  <si>
    <t>GGPS SADAR DIN NO. 3</t>
  </si>
  <si>
    <t>ggps no3 shah sadar din</t>
  </si>
  <si>
    <t>Bakhshan Wala</t>
  </si>
  <si>
    <t>GGPS CHAK NO 58/P</t>
  </si>
  <si>
    <t>ggps58p</t>
  </si>
  <si>
    <t>Chak58p</t>
  </si>
  <si>
    <t>Deen Pur Shareef</t>
  </si>
  <si>
    <t>GGPS MOUZA ALLAH ABAD</t>
  </si>
  <si>
    <t>Govt.girls primary school monza Allah abad</t>
  </si>
  <si>
    <t>GPS CHAK NO.56/KB</t>
  </si>
  <si>
    <t>56kb</t>
  </si>
  <si>
    <t>GPS 56kb Teh &amp;Dis  Vehari</t>
  </si>
  <si>
    <t>Hafiz Liaquat Ali</t>
  </si>
  <si>
    <t>GGPS KHARKKAN</t>
  </si>
  <si>
    <t>Kharkkan</t>
  </si>
  <si>
    <t>Village kharkkan b 0 box khas rwp</t>
  </si>
  <si>
    <t>Tahria</t>
  </si>
  <si>
    <t>Sadia Minhas</t>
  </si>
  <si>
    <t>GGPS 36/SP KALAN</t>
  </si>
  <si>
    <t>36/SP</t>
  </si>
  <si>
    <t>36/sp (kalan) teh.&amp;distt pakpattan</t>
  </si>
  <si>
    <t>36 /Sp</t>
  </si>
  <si>
    <t>30 /sp</t>
  </si>
  <si>
    <t>Rahila Maqsood</t>
  </si>
  <si>
    <t>GMPS KHAIR</t>
  </si>
  <si>
    <t>village khair  p/o nagial tehsil pind dadan khan district jhelum</t>
  </si>
  <si>
    <t>Khair</t>
  </si>
  <si>
    <t>Uzma Kausar</t>
  </si>
  <si>
    <t>GGES DUBURJI VIRKAN</t>
  </si>
  <si>
    <t>duburji virkn</t>
  </si>
  <si>
    <t>GGES duburji virkan</t>
  </si>
  <si>
    <t>Duburji virkan</t>
  </si>
  <si>
    <t>Mari bhindaran</t>
  </si>
  <si>
    <t>GPS MAJOKA</t>
  </si>
  <si>
    <t>mouza  majoka  tehsil Darya  Khan Bhakkar</t>
  </si>
  <si>
    <t>GGES CHAK NO.157/M</t>
  </si>
  <si>
    <t>Chak 157M</t>
  </si>
  <si>
    <t>Chak 157/M Hasilpur</t>
  </si>
  <si>
    <t>Chak 157/M</t>
  </si>
  <si>
    <t>Chak 163/M</t>
  </si>
  <si>
    <t>30850</t>
  </si>
  <si>
    <t>GGPS ATTO ASAL</t>
  </si>
  <si>
    <t>Rifat Naheed</t>
  </si>
  <si>
    <t>GGPS CHAHAR KAY</t>
  </si>
  <si>
    <t>Chaharke</t>
  </si>
  <si>
    <t>village chaharke p.o talwandi bhindran narowal</t>
  </si>
  <si>
    <t>Nasreen Ghulam Nabi</t>
  </si>
  <si>
    <t>GMPS KHOKHRAN</t>
  </si>
  <si>
    <t>mouza khokhar p/o kot shakir</t>
  </si>
  <si>
    <t>SADIA SARWAR</t>
  </si>
  <si>
    <t>23296</t>
  </si>
  <si>
    <t>GGCMS LEHNA SINGH</t>
  </si>
  <si>
    <t>Lehna Singh</t>
  </si>
  <si>
    <t>govt. community model school lehna singh</t>
  </si>
  <si>
    <t>Fozia Shahid</t>
  </si>
  <si>
    <t>GGPS HUNJRA</t>
  </si>
  <si>
    <t>vpo Hunjra tehsil and district gujrat</t>
  </si>
  <si>
    <t>Chak Manjoo</t>
  </si>
  <si>
    <t>GPS CHAK NO. 235/WB</t>
  </si>
  <si>
    <t>Chak#235wb</t>
  </si>
  <si>
    <t>237wb</t>
  </si>
  <si>
    <t>Irshad Hussain Tahir</t>
  </si>
  <si>
    <t>GPS NOKHER NAI ABADI</t>
  </si>
  <si>
    <t>Nokhar Nai Abadi</t>
  </si>
  <si>
    <t>Ba Muqaam Madrissa Qari Altaf Sb, Nokhar Nai Abadi</t>
  </si>
  <si>
    <t>54298</t>
  </si>
  <si>
    <t>47777</t>
  </si>
  <si>
    <t>GPS MURID ABBAS SHAH</t>
  </si>
  <si>
    <t>Mureed abas shah Teh Piplan Dist Mianwali</t>
  </si>
  <si>
    <t>Mureed Abas Shah</t>
  </si>
  <si>
    <t>Syed Qamar Abas Bukhari</t>
  </si>
  <si>
    <t>GGES RASOOL PUR</t>
  </si>
  <si>
    <t>Village n p.o box rasoolpur</t>
  </si>
  <si>
    <t>Asima Mahmood</t>
  </si>
  <si>
    <t>42582</t>
  </si>
  <si>
    <t>GPS LODHEY</t>
  </si>
  <si>
    <t>Loday</t>
  </si>
  <si>
    <t>village loday p/o Daultala Tehsil G.k Distt Rwp</t>
  </si>
  <si>
    <t>Krunb ilyas</t>
  </si>
  <si>
    <t>Tehrim Liaqat</t>
  </si>
  <si>
    <t>GPS CHAK NO. 145/6-R</t>
  </si>
  <si>
    <t>chak no 145/6.r</t>
  </si>
  <si>
    <t>145/6R</t>
  </si>
  <si>
    <t>GMPS DHAPY MEHTAB SINGH</t>
  </si>
  <si>
    <t>Dhapi Mehtab Daphi mehtab Sing</t>
  </si>
  <si>
    <t>Dhapi Mehtab Singh district Gujranwala Tahsil wazirabad</t>
  </si>
  <si>
    <t>Dhapi Mehtab Singh</t>
  </si>
  <si>
    <t>Sahran</t>
  </si>
  <si>
    <t>Shaheda Perveen</t>
  </si>
  <si>
    <t>30051</t>
  </si>
  <si>
    <t>GGPS LONGOKI</t>
  </si>
  <si>
    <t>village Longoki</t>
  </si>
  <si>
    <t>Roussa</t>
  </si>
  <si>
    <t>SAKINA NISAR</t>
  </si>
  <si>
    <t>GMPS THATTA PROTHIAN</t>
  </si>
  <si>
    <t>Thatha Prothian</t>
  </si>
  <si>
    <t>thatha prothian tehsil pindi bhattian district hafizabad</t>
  </si>
  <si>
    <t>Zamurd Raza</t>
  </si>
  <si>
    <t>GES CHAK NO 244 JB</t>
  </si>
  <si>
    <t>Chak no. 244 JB</t>
  </si>
  <si>
    <t>Chak No 244 JB</t>
  </si>
  <si>
    <t>Chak No 210 JB Tarar</t>
  </si>
  <si>
    <t>Azhar Naeem</t>
  </si>
  <si>
    <t>44145</t>
  </si>
  <si>
    <t>GGPS PAREHRA</t>
  </si>
  <si>
    <t>Parehra</t>
  </si>
  <si>
    <t>village parehra po mehinwal</t>
  </si>
  <si>
    <t>GGES MARDOWAL</t>
  </si>
  <si>
    <t>Mardowal</t>
  </si>
  <si>
    <t>GGE/S Mardowal(Shakargarh)</t>
  </si>
  <si>
    <t>43765</t>
  </si>
  <si>
    <t>GPS DHOK MANGAA</t>
  </si>
  <si>
    <t>vpo saghar tehsil talagang district chakwal</t>
  </si>
  <si>
    <t>Dhok Manga</t>
  </si>
  <si>
    <t>rukhsana begum</t>
  </si>
  <si>
    <t>GPS TAHIR KHAN WALA</t>
  </si>
  <si>
    <t>Tahla Khatwan</t>
  </si>
  <si>
    <t>Tahir Khan wala Tehsil Noor Pur District khushab</t>
  </si>
  <si>
    <t>Tahir Khan Wala</t>
  </si>
  <si>
    <t>49430</t>
  </si>
  <si>
    <t>51329</t>
  </si>
  <si>
    <t>GES WARSEEN</t>
  </si>
  <si>
    <t>chak warseen teh. distt. pakpattan</t>
  </si>
  <si>
    <t>Omer Farooq</t>
  </si>
  <si>
    <t>54331</t>
  </si>
  <si>
    <t>GMPS MUNDAIR KALAN</t>
  </si>
  <si>
    <t>Mandair Kalan</t>
  </si>
  <si>
    <t>mundair kalan</t>
  </si>
  <si>
    <t>Zeenat Shehla</t>
  </si>
  <si>
    <t>54308</t>
  </si>
  <si>
    <t>GPS BASTI RATTA</t>
  </si>
  <si>
    <t>GPS Basti Ratta</t>
  </si>
  <si>
    <t>GPS MC 3-B KHANEWAL</t>
  </si>
  <si>
    <t>Mujahidabad khanewal</t>
  </si>
  <si>
    <t>Mujjahidabad</t>
  </si>
  <si>
    <t>GPS ARABIC CHAK NO.17/DNB</t>
  </si>
  <si>
    <t>17 /Dnb</t>
  </si>
  <si>
    <t>GES AQIL WALA</t>
  </si>
  <si>
    <t>Aqil wala sohia thal  kotsultan layyah</t>
  </si>
  <si>
    <t>Aqil Wala</t>
  </si>
  <si>
    <t>Mujeeb Ahmad</t>
  </si>
  <si>
    <t>GPS CHAK NO 335/HR</t>
  </si>
  <si>
    <t>Chak NO 335 HR</t>
  </si>
  <si>
    <t>chak NO 335 HR</t>
  </si>
  <si>
    <t>GGPS MANGAL WALA</t>
  </si>
  <si>
    <t>Mangal wala</t>
  </si>
  <si>
    <t>Zainab Ameer</t>
  </si>
  <si>
    <t>GES BASTI ADAM SOHABA</t>
  </si>
  <si>
    <t>164/p</t>
  </si>
  <si>
    <t>basti adam sahaba</t>
  </si>
  <si>
    <t>Basti Adam Sahaba</t>
  </si>
  <si>
    <t>Ehsan Ullah Bajwa</t>
  </si>
  <si>
    <t>28955</t>
  </si>
  <si>
    <t>GGPS KHOKHAR TOCHAR</t>
  </si>
  <si>
    <t>Khokhar Toucher</t>
  </si>
  <si>
    <t>khokhar toucher p/o talwandi teh chunian disst kasur</t>
  </si>
  <si>
    <t>Bhagyana Khurd</t>
  </si>
  <si>
    <t>GPS CHAK NO. 38 EAST</t>
  </si>
  <si>
    <t>Chak 38 East</t>
  </si>
  <si>
    <t>chak no 38 east</t>
  </si>
  <si>
    <t>GGPS SULTAN PUR NO. 3</t>
  </si>
  <si>
    <t>Mison Cot Boha</t>
  </si>
  <si>
    <t>basti kothy wala  uc&amp;moza mison cot boha  sultan pur tahsil ali pur</t>
  </si>
  <si>
    <t>Kothy Wala Sultan Pur</t>
  </si>
  <si>
    <t>uzma naz</t>
  </si>
  <si>
    <t>GGPS DEYAH WALA</t>
  </si>
  <si>
    <t>Bati Deyah wala post office Qureshi wala teh&amp; district lodhran</t>
  </si>
  <si>
    <t>Deyah Wala</t>
  </si>
  <si>
    <t>Sad Ula Pur</t>
  </si>
  <si>
    <t>Shahwana Naz</t>
  </si>
  <si>
    <t>GGPS JALIL PUR, ABDUL HAKIM</t>
  </si>
  <si>
    <t>JalilPur</t>
  </si>
  <si>
    <t>government girls primary school JalilPur markz gobaind garh tehsil kabirwala district khanewal</t>
  </si>
  <si>
    <t>Rukhsana Tabassam</t>
  </si>
  <si>
    <t>GGPS FATEH JANG NO.2</t>
  </si>
  <si>
    <t>govt girls primary school no 2 fateh jang</t>
  </si>
  <si>
    <t>TMA fateh jang</t>
  </si>
  <si>
    <t>Sabahat Jahan</t>
  </si>
  <si>
    <t>GGES MURAD WAL</t>
  </si>
  <si>
    <t>Muradwal</t>
  </si>
  <si>
    <t>Ggesmuradwal, po Haria, malakwal, mandi bhauddin.</t>
  </si>
  <si>
    <t>Arooj Fatima</t>
  </si>
  <si>
    <t>GGPS MAHAL JALAL PUR</t>
  </si>
  <si>
    <t>Mahal Jalal Pur</t>
  </si>
  <si>
    <t>village mahal jalal pur. tehsile zafarwal</t>
  </si>
  <si>
    <t>Qudsia Nazir</t>
  </si>
  <si>
    <t>GPS GUL MUHAMMAD KALOI</t>
  </si>
  <si>
    <t>Ghari pusht</t>
  </si>
  <si>
    <t>Mauza ghari pusht p/o sakhi sarwar rakhi muhn D g khan</t>
  </si>
  <si>
    <t>Tuman Leghari Zairien</t>
  </si>
  <si>
    <t>GPS CHAK NO 501 JB</t>
  </si>
  <si>
    <t>Chak No 501</t>
  </si>
  <si>
    <t>chak no 501 p/o same Teh Shorkot Disst Jha ng</t>
  </si>
  <si>
    <t>Chak  No 501</t>
  </si>
  <si>
    <t>Chak No 497</t>
  </si>
  <si>
    <t>54361</t>
  </si>
  <si>
    <t>29135</t>
  </si>
  <si>
    <t>GGES MUMMAN WALA</t>
  </si>
  <si>
    <t>Mamman wala</t>
  </si>
  <si>
    <t>GGES mammanwala</t>
  </si>
  <si>
    <t>Mammanwala</t>
  </si>
  <si>
    <t>Nasim Amin</t>
  </si>
  <si>
    <t>22961</t>
  </si>
  <si>
    <t>GGES BIDDRMURJAN</t>
  </si>
  <si>
    <t>G.G.E.S Bidder Marjan post office Kharian tehsil Kharian district Gujrat</t>
  </si>
  <si>
    <t>Syedah Riffat Saara</t>
  </si>
  <si>
    <t>26956</t>
  </si>
  <si>
    <t>GPS CHANI HANJRANWAN</t>
  </si>
  <si>
    <t>Chhani Hanjranwan</t>
  </si>
  <si>
    <t>chhani Hanjranwan post office Lalkay tehsil and district Hafizabad</t>
  </si>
  <si>
    <t>Dherankay Merdadkay</t>
  </si>
  <si>
    <t>Usman Shaukat</t>
  </si>
  <si>
    <t>GES CHAK NO.33/BC ( W )</t>
  </si>
  <si>
    <t>Chack No 33 /bc</t>
  </si>
  <si>
    <t>chack no 33bc (w)</t>
  </si>
  <si>
    <t>Chack No 33/bc</t>
  </si>
  <si>
    <t>Abas Nagger</t>
  </si>
  <si>
    <t>Saeed Ahmed Abbasi</t>
  </si>
  <si>
    <t>GGPS CHHANI DAL</t>
  </si>
  <si>
    <t>Channi Dall</t>
  </si>
  <si>
    <t>GGPS CHANNI DAL</t>
  </si>
  <si>
    <t>Riaz Begum</t>
  </si>
  <si>
    <t>GGCMS CHAK NO.158/M</t>
  </si>
  <si>
    <t>Chak No 158/M</t>
  </si>
  <si>
    <t>Chak no 158/M</t>
  </si>
  <si>
    <t>Sidra Tahir</t>
  </si>
  <si>
    <t>GGPS SARGANI WALA</t>
  </si>
  <si>
    <t>sargani wala</t>
  </si>
  <si>
    <t>p/o sargani wala karor lal eason district layyah</t>
  </si>
  <si>
    <t>ali rajan</t>
  </si>
  <si>
    <t>zeenat bibi</t>
  </si>
  <si>
    <t>GGPS KALOPADA</t>
  </si>
  <si>
    <t>Kalupadda</t>
  </si>
  <si>
    <t>Ggps kalupadda</t>
  </si>
  <si>
    <t>Naeema Parveen</t>
  </si>
  <si>
    <t>GGPS CHAK NO 406 TDA</t>
  </si>
  <si>
    <t>Chk no 406 TDA tehsil choubra District layyah</t>
  </si>
  <si>
    <t>Town Committee Choubara</t>
  </si>
  <si>
    <t>GPS CHAK NO 114/6-R</t>
  </si>
  <si>
    <t>GGES CHAK NO. 2/G</t>
  </si>
  <si>
    <t>2/g</t>
  </si>
  <si>
    <t>chak no. 2/G</t>
  </si>
  <si>
    <t>GPS SHAH RAI BAHADAR</t>
  </si>
  <si>
    <t>Shah Rai Bahadur</t>
  </si>
  <si>
    <t>village Shah Rai Bahadur, PO Shah Rai Saadullah</t>
  </si>
  <si>
    <t>GGES KEERIAN WALI NO. 1 (MUHAMMAD NAGAR NO.1)</t>
  </si>
  <si>
    <t>M Nagar-1</t>
  </si>
  <si>
    <t>Muhammad Nagar-1</t>
  </si>
  <si>
    <t>Asiya Perveen</t>
  </si>
  <si>
    <t>GPS PINDI BAKHASHA</t>
  </si>
  <si>
    <t>Pindi Bakhsah</t>
  </si>
  <si>
    <t>Government primary school Pindi Bakhsha Shakargarh</t>
  </si>
  <si>
    <t>Pindi Bakhsha</t>
  </si>
  <si>
    <t>Nurang Abad</t>
  </si>
  <si>
    <t>Muhammad Nadeem Younis</t>
  </si>
  <si>
    <t>35204</t>
  </si>
  <si>
    <t>GPS CHAK NO.451/EB NO.2</t>
  </si>
  <si>
    <t>GPS no 2 chak no 451/eb Pi Link</t>
  </si>
  <si>
    <t>451/eb Pi Link</t>
  </si>
  <si>
    <t>Chak 457/eb</t>
  </si>
  <si>
    <t>GGPS TALIB DHANDI</t>
  </si>
  <si>
    <t>Talob Dhandi</t>
  </si>
  <si>
    <t>G G PS Talib Dhandi</t>
  </si>
  <si>
    <t>Talib Dhandi</t>
  </si>
  <si>
    <t>Bindor Abasiyan</t>
  </si>
  <si>
    <t>35695</t>
  </si>
  <si>
    <t>GPS FATEH PUR NO. 2</t>
  </si>
  <si>
    <t>Fateh  Pur</t>
  </si>
  <si>
    <t>GPS MEHDI PUR</t>
  </si>
  <si>
    <t>mehdi pur</t>
  </si>
  <si>
    <t>Muhammad ILYAS KHAN</t>
  </si>
  <si>
    <t>GGCMS GHAZI ABAD ABDULLAH PUR</t>
  </si>
  <si>
    <t>basti Ghaziabad garhmahraja</t>
  </si>
  <si>
    <t>Basti Ghaziabad Aad</t>
  </si>
  <si>
    <t>MC Garh Maharaja</t>
  </si>
  <si>
    <t>Bushara Parveen</t>
  </si>
  <si>
    <t>54788</t>
  </si>
  <si>
    <t>GPS SULEMAN</t>
  </si>
  <si>
    <t>Moza Suleman, tehsil bhowana, district chiniot</t>
  </si>
  <si>
    <t>28770</t>
  </si>
  <si>
    <t>GPS WEERKEY NOU</t>
  </si>
  <si>
    <t>Veerkay Nau</t>
  </si>
  <si>
    <t>Veerkay Nau P/O Talwandi P/C  55020</t>
  </si>
  <si>
    <t>GMPS PIPLI SYEDAN</t>
  </si>
  <si>
    <t>Piplisyedan</t>
  </si>
  <si>
    <t>pipli syedan teh noorpur</t>
  </si>
  <si>
    <t>Jura Kalan</t>
  </si>
  <si>
    <t>Shehla mumtaz</t>
  </si>
  <si>
    <t>GMPS MANGRIL</t>
  </si>
  <si>
    <t>Mangril</t>
  </si>
  <si>
    <t>mangril PO box Sabowal tehsil shahpur district sargodha</t>
  </si>
  <si>
    <t>27437</t>
  </si>
  <si>
    <t>GGPS JALAL PUR KOHNA</t>
  </si>
  <si>
    <t>jalal pur</t>
  </si>
  <si>
    <t>jalal pur kohna P/O jalal pur bhattian District: hafizabad</t>
  </si>
  <si>
    <t>jalal pur kohna</t>
  </si>
  <si>
    <t>Jalal pur bhattian</t>
  </si>
  <si>
    <t>Farhat Rehana</t>
  </si>
  <si>
    <t>GPS SOHEY WALA</t>
  </si>
  <si>
    <t>soheywala wala</t>
  </si>
  <si>
    <t>Soheywala Wala</t>
  </si>
  <si>
    <t>Ghulaman2</t>
  </si>
  <si>
    <t>Adnan Ahmad Khan</t>
  </si>
  <si>
    <t>GES CHAK NO.463 EB</t>
  </si>
  <si>
    <t>463EB</t>
  </si>
  <si>
    <t>CHAK NO 463/EB</t>
  </si>
  <si>
    <t>CHAK NO 447/EB</t>
  </si>
  <si>
    <t>11478</t>
  </si>
  <si>
    <t>GGPS FAIZ PUR</t>
  </si>
  <si>
    <t>Lati</t>
  </si>
  <si>
    <t>basti warn moza lati p/o seet pur</t>
  </si>
  <si>
    <t>Faheem Zahra</t>
  </si>
  <si>
    <t>GMPS DOLAT WALA</t>
  </si>
  <si>
    <t>Dolatwala</t>
  </si>
  <si>
    <t>Lukmor</t>
  </si>
  <si>
    <t>36243</t>
  </si>
  <si>
    <t>GPS CHAK NO.95/WB</t>
  </si>
  <si>
    <t>Chak 95</t>
  </si>
  <si>
    <t>Chak 95 Wb</t>
  </si>
  <si>
    <t>GPS SADIQ NAGAR</t>
  </si>
  <si>
    <t>Basti Jam Bahadur,Mouza Nonari, Rahim Yar Khan</t>
  </si>
  <si>
    <t>Jam Bahadur</t>
  </si>
  <si>
    <t>ABDUL-SAMAD</t>
  </si>
  <si>
    <t>GGPS CHAK NO 266 WEST</t>
  </si>
  <si>
    <t>266 west</t>
  </si>
  <si>
    <t>266 West</t>
  </si>
  <si>
    <t>Gawans</t>
  </si>
  <si>
    <t>Ijaz Akhtar Sial</t>
  </si>
  <si>
    <t>water kular</t>
  </si>
  <si>
    <t>GGPS CHAK NO 20 MB</t>
  </si>
  <si>
    <t>20mb</t>
  </si>
  <si>
    <t>GGPS  chak no 20mb Teh Noorpur Dis. khushab</t>
  </si>
  <si>
    <t>Jameela Ifra</t>
  </si>
  <si>
    <t>GPS KHIZAR WALA SONHARA WASAWA</t>
  </si>
  <si>
    <t>Sohra Wasawa</t>
  </si>
  <si>
    <t>cha sumandri wala sohara wasawa kot sultan</t>
  </si>
  <si>
    <t>Sohara Wasawa</t>
  </si>
  <si>
    <t>GGPS KOT SARDAR MUHAMMAD HUSSAIN</t>
  </si>
  <si>
    <t>fareehazafar99@gmail.com</t>
  </si>
  <si>
    <t>Shazia irshad</t>
  </si>
  <si>
    <t>47659</t>
  </si>
  <si>
    <t>GGES DHOK SATALA CHAKRALA MIANWALI</t>
  </si>
  <si>
    <t>dhok satala</t>
  </si>
  <si>
    <t>Dhok Satala</t>
  </si>
  <si>
    <t>Sobia Khan</t>
  </si>
  <si>
    <t>GGES MANDIR</t>
  </si>
  <si>
    <t>Mandir</t>
  </si>
  <si>
    <t>village and po mandir tehsil kharian district gujrat</t>
  </si>
  <si>
    <t>Dhorla</t>
  </si>
  <si>
    <t>15809</t>
  </si>
  <si>
    <t>GPS CHAK 114 JB FSD</t>
  </si>
  <si>
    <t>chak no114 jb</t>
  </si>
  <si>
    <t>115jb</t>
  </si>
  <si>
    <t>GPS 165 WB</t>
  </si>
  <si>
    <t>165 Wb</t>
  </si>
  <si>
    <t>165 wb</t>
  </si>
  <si>
    <t>GGPS BORRA</t>
  </si>
  <si>
    <t>boora</t>
  </si>
  <si>
    <t>GGPS BOORA P.O head rasul tehsil&amp; distt m.b.din</t>
  </si>
  <si>
    <t>kot baloch</t>
  </si>
  <si>
    <t>10266</t>
  </si>
  <si>
    <t>GPS MONG WADH BASTI MONG WALA P/O TATEY PUR</t>
  </si>
  <si>
    <t>Mong Wadh</t>
  </si>
  <si>
    <t>Basti mong wash multan</t>
  </si>
  <si>
    <t>Tata Pur</t>
  </si>
  <si>
    <t>GMPS CHAK NO. 20 KB</t>
  </si>
  <si>
    <t>20kb</t>
  </si>
  <si>
    <t>Chak no. 20,kb</t>
  </si>
  <si>
    <t>GGES POOHLA</t>
  </si>
  <si>
    <t>poohla tehsil sahiwal district sargodha</t>
  </si>
  <si>
    <t>GPS JAHANIAN NO.2 JAHANIAN</t>
  </si>
  <si>
    <t>jahania city</t>
  </si>
  <si>
    <t>GGPS NO. 2 HADALI</t>
  </si>
  <si>
    <t>Mohala Sumliyo Wala Hadali</t>
  </si>
  <si>
    <t>Safia Khatoon</t>
  </si>
  <si>
    <t>23456</t>
  </si>
  <si>
    <t>GPS CHAK NO 199 JB</t>
  </si>
  <si>
    <t>Chak No199 JB Tehsil Bhawana Distt Chiniot</t>
  </si>
  <si>
    <t>Rehmoana</t>
  </si>
  <si>
    <t>Muhammad Subhan ullah Khan</t>
  </si>
  <si>
    <t>GMPS CHAK NO.13 NB RAJGAN</t>
  </si>
  <si>
    <t>13 Nb Rajgan</t>
  </si>
  <si>
    <t>Gmps 13 nb rajgan</t>
  </si>
  <si>
    <t>Chak 13nb rajgan</t>
  </si>
  <si>
    <t>13nb</t>
  </si>
  <si>
    <t>GES CHAK NO 126 JB</t>
  </si>
  <si>
    <t>Chak No 126/JB</t>
  </si>
  <si>
    <t>GPS CHAK 259 GB</t>
  </si>
  <si>
    <t>259gb</t>
  </si>
  <si>
    <t>chak 314gb</t>
  </si>
  <si>
    <t>Chak 259 gb</t>
  </si>
  <si>
    <t>chak #184 GB</t>
  </si>
  <si>
    <t>Muhammad Munib Kousar</t>
  </si>
  <si>
    <t>GPS CHAK NO.110 NB</t>
  </si>
  <si>
    <t>110Nb</t>
  </si>
  <si>
    <t>Chak #110Nb Sargodha</t>
  </si>
  <si>
    <t>104Nb</t>
  </si>
  <si>
    <t>GPS CHAK 570 GB II</t>
  </si>
  <si>
    <t>chak. no 570 gb ||</t>
  </si>
  <si>
    <t>570 GB</t>
  </si>
  <si>
    <t>644 GB</t>
  </si>
  <si>
    <t>GGPS KAKWANI WALA</t>
  </si>
  <si>
    <t>Basti dhool dakhana khas khair pur sadat</t>
  </si>
  <si>
    <t>Shazia tabassum</t>
  </si>
  <si>
    <t>48231</t>
  </si>
  <si>
    <t>GPS NASIM ABAD</t>
  </si>
  <si>
    <t>Mahboob Elahi</t>
  </si>
  <si>
    <t>16641</t>
  </si>
  <si>
    <t>GPS KOTLA MOAZIZ-UD-DIN</t>
  </si>
  <si>
    <t>Kotla Moaziz Ud Din</t>
  </si>
  <si>
    <t>Basti Lalu Khan , Mouza Kotla Moaziz Ud Din</t>
  </si>
  <si>
    <t>Basti Lalu Khan</t>
  </si>
  <si>
    <t>Muhammad Nouman Ali</t>
  </si>
  <si>
    <t>GPS CHAK NO 8 GHAGH</t>
  </si>
  <si>
    <t>8 ghagh</t>
  </si>
  <si>
    <t>GPS Chak no.8 Ghagh</t>
  </si>
  <si>
    <t>8 Ghagh</t>
  </si>
  <si>
    <t>GPS MARYAL</t>
  </si>
  <si>
    <t>village maryal PO maryal tehsil shakargarh district narowal</t>
  </si>
  <si>
    <t>GGPS GHARIB ABAD GALIB STREET 3</t>
  </si>
  <si>
    <t>Faisal Abad</t>
  </si>
  <si>
    <t>GGPS Greeb abad school sdk</t>
  </si>
  <si>
    <t>27924</t>
  </si>
  <si>
    <t>GGES HEAD RASOOL</t>
  </si>
  <si>
    <t>Head Rasul</t>
  </si>
  <si>
    <t>GES Head Rasul VPO Head Rasul, Canal Colony Head Rasul</t>
  </si>
  <si>
    <t>Sultana Razia</t>
  </si>
  <si>
    <t>19076</t>
  </si>
  <si>
    <t>GMPS CHAK 686/27 GB</t>
  </si>
  <si>
    <t>686/27</t>
  </si>
  <si>
    <t>chak no 686/27 G.B tehsil pirmahal district toba tek sing</t>
  </si>
  <si>
    <t>686/27GB</t>
  </si>
  <si>
    <t>Khursheeda Abad</t>
  </si>
  <si>
    <t>Bushra Akram</t>
  </si>
  <si>
    <t>GGPS BASTI REHMAN PURA</t>
  </si>
  <si>
    <t>Daftu</t>
  </si>
  <si>
    <t>GGPS basti Rehman Pura</t>
  </si>
  <si>
    <t>Shafqut Fatima</t>
  </si>
  <si>
    <t>19303</t>
  </si>
  <si>
    <t>KOT SHAHBAZ GEHLAN HITHAR P/O SAME TEH. CHUNIAN DISTT KASUR</t>
  </si>
  <si>
    <t>Abdul Naeem Bhutta</t>
  </si>
  <si>
    <t>GPS CHAK 257 GB II</t>
  </si>
  <si>
    <t>Chak No 257 GB</t>
  </si>
  <si>
    <t>51364</t>
  </si>
  <si>
    <t>GGES KOT BHUBHAR</t>
  </si>
  <si>
    <t>Bhubbar</t>
  </si>
  <si>
    <t>Government Girls high School kot bhubbar</t>
  </si>
  <si>
    <t>Kot Bhubbar</t>
  </si>
  <si>
    <t>Paca  sidhar</t>
  </si>
  <si>
    <t>Haleema Begum</t>
  </si>
  <si>
    <t>37689</t>
  </si>
  <si>
    <t>GGPS CHAK 56 HAIDER ABAD, TULAMBA</t>
  </si>
  <si>
    <t>ggps 56 haiderabad</t>
  </si>
  <si>
    <t>56 Haiderabad</t>
  </si>
  <si>
    <t>3/8 R</t>
  </si>
  <si>
    <t>Nusrat Fatima</t>
  </si>
  <si>
    <t>14912</t>
  </si>
  <si>
    <t>GGES CHAK NO.50 SB</t>
  </si>
  <si>
    <t>50 Sb</t>
  </si>
  <si>
    <t>gges 50 sb sillanwali</t>
  </si>
  <si>
    <t>Chak 50 Sb</t>
  </si>
  <si>
    <t>Chak 136 Sb</t>
  </si>
  <si>
    <t>GPS CHAK NO.98 NB</t>
  </si>
  <si>
    <t>Chak 98 nb</t>
  </si>
  <si>
    <t>Chak 100 nb</t>
  </si>
  <si>
    <t>Sohail Anjam</t>
  </si>
  <si>
    <t>GGCMS CHAK NO.17 NB</t>
  </si>
  <si>
    <t>17 NB</t>
  </si>
  <si>
    <t>GCM P/S CHAK NO 17 NB</t>
  </si>
  <si>
    <t>Chak No 17NB</t>
  </si>
  <si>
    <t>46204</t>
  </si>
  <si>
    <t>GPS BAGIAN WALA</t>
  </si>
  <si>
    <t>Bhan baggian wala NOORPUR</t>
  </si>
  <si>
    <t>Bhan Baggian Wala</t>
  </si>
  <si>
    <t>NoorPur Rural</t>
  </si>
  <si>
    <t>Muhammad Fayaz</t>
  </si>
  <si>
    <t>45045</t>
  </si>
  <si>
    <t>GPS AHMED WAH</t>
  </si>
  <si>
    <t>Kot Karam khan</t>
  </si>
  <si>
    <t>Ahmed wah School Markaz Bangla Shereen Ryk.</t>
  </si>
  <si>
    <t>Kot karam khan</t>
  </si>
  <si>
    <t>Rais Muhammad Jamal</t>
  </si>
  <si>
    <t>GGPS LOKO SHADE KUNDIAN</t>
  </si>
  <si>
    <t>ggps locoshed1965@gmail.com</t>
  </si>
  <si>
    <t>Zeenat Fatima</t>
  </si>
  <si>
    <t>GGPS CHAK NO 221 TDA</t>
  </si>
  <si>
    <t>Moj Grh</t>
  </si>
  <si>
    <t>Chak no 221/tda tehsil kror district layyah</t>
  </si>
  <si>
    <t>221/TDA</t>
  </si>
  <si>
    <t>36171</t>
  </si>
  <si>
    <t>GES PEER MURAD</t>
  </si>
  <si>
    <t>Govt Elementary School, Peer Murad,Vehari</t>
  </si>
  <si>
    <t>Ward No 23</t>
  </si>
  <si>
    <t>GGPS JUMAH WALI</t>
  </si>
  <si>
    <t>Basti Jummah Wali</t>
  </si>
  <si>
    <t>Jummah Wali</t>
  </si>
  <si>
    <t>Mehvish Raza</t>
  </si>
  <si>
    <t>G/p/S  Khan Zaman wala</t>
  </si>
  <si>
    <t>Khan Zaman Wala</t>
  </si>
  <si>
    <t>Abdul Karim Khan</t>
  </si>
  <si>
    <t>GGPS 274/HR-E</t>
  </si>
  <si>
    <t>274/HR East</t>
  </si>
  <si>
    <t>274/hr east Fort Abbas</t>
  </si>
  <si>
    <t>274/hr east</t>
  </si>
  <si>
    <t>Mc Fort Abbas</t>
  </si>
  <si>
    <t>Shazia Tanveer</t>
  </si>
  <si>
    <t>GES NO.1 CHAK NO.173 NB SOBHAGA</t>
  </si>
  <si>
    <t>sobhaga</t>
  </si>
  <si>
    <t>GGPS CHAK NO 37 ML</t>
  </si>
  <si>
    <t>chak no 37 ML p.o jandanwala tehsil kallur kot dist. Bhakkar</t>
  </si>
  <si>
    <t>chak mo 37 ML</t>
  </si>
  <si>
    <t>chak no 40 ML</t>
  </si>
  <si>
    <t>GMPS DHAKOO</t>
  </si>
  <si>
    <t>p.o chakwal village dhakoo</t>
  </si>
  <si>
    <t>GGCMS CHANAN WALA</t>
  </si>
  <si>
    <t>Ali  wali</t>
  </si>
  <si>
    <t>Fateh Pur Road Basti Chanan wala Ali Pur</t>
  </si>
  <si>
    <t>Shagufta Naveed</t>
  </si>
  <si>
    <t>GGPS GADAAI</t>
  </si>
  <si>
    <t>gpodulle wala tesil daraya khan dist bhakkar</t>
  </si>
  <si>
    <t>hafiza</t>
  </si>
  <si>
    <t>GPS 85/5-L</t>
  </si>
  <si>
    <t>85/5-L</t>
  </si>
  <si>
    <t>85/5 SWL</t>
  </si>
  <si>
    <t>85/5L</t>
  </si>
  <si>
    <t>Mahram Khan</t>
  </si>
  <si>
    <t>34341</t>
  </si>
  <si>
    <t>GPS RASOOL PUR MOZA RASOOL PUR  MULTAN</t>
  </si>
  <si>
    <t>Rasulpur, multan</t>
  </si>
  <si>
    <t>Muhammad Asghar Dilshad</t>
  </si>
  <si>
    <t>Sialanwala Bala</t>
  </si>
  <si>
    <t>Bala Shreef</t>
  </si>
  <si>
    <t>52961</t>
  </si>
  <si>
    <t>GGPS BASTI NAVEED KHAN</t>
  </si>
  <si>
    <t>Basti Naveed Khan</t>
  </si>
  <si>
    <t>Basti naveed khan depalpur</t>
  </si>
  <si>
    <t>Yasmin Bano</t>
  </si>
  <si>
    <t>GMPS JODH</t>
  </si>
  <si>
    <t>jodh</t>
  </si>
  <si>
    <t>moza jodh p/o lalian tehsil lalian district chiniot</t>
  </si>
  <si>
    <t>49332</t>
  </si>
  <si>
    <t>GGPS CHAK NO.71 NB</t>
  </si>
  <si>
    <t>chak 71nb</t>
  </si>
  <si>
    <t>sharifan bibi</t>
  </si>
  <si>
    <t>GPS DERA MALIK MANZOOR</t>
  </si>
  <si>
    <t>Kot faqira</t>
  </si>
  <si>
    <t>Basti bari moza kot faqira dakhana muhammed pur lamma, tehsil sadik abad</t>
  </si>
  <si>
    <t>Basti bari</t>
  </si>
  <si>
    <t>Muhammed pur Lamma</t>
  </si>
  <si>
    <t>Asif Shabbir</t>
  </si>
  <si>
    <t>GGPS DAPHI</t>
  </si>
  <si>
    <t>Daphai</t>
  </si>
  <si>
    <t>VPO Head Rasul GGPS Dhapai ,M B Din</t>
  </si>
  <si>
    <t>Saima Iram</t>
  </si>
  <si>
    <t>GPS CHAK NO. 134/1-L</t>
  </si>
  <si>
    <t>134/1L</t>
  </si>
  <si>
    <t>chak No. 134/1L Tehsil Khanpur Disst Rahim Yar Khan</t>
  </si>
  <si>
    <t>134/1-L</t>
  </si>
  <si>
    <t>Bhattah Shaikhan</t>
  </si>
  <si>
    <t>53846</t>
  </si>
  <si>
    <t>GPS NO.1 WARBURTON</t>
  </si>
  <si>
    <t>Main bazar warburton city</t>
  </si>
  <si>
    <t>MC Warburton</t>
  </si>
  <si>
    <t>GGPS RATTO CHAK</t>
  </si>
  <si>
    <t>Rattochak</t>
  </si>
  <si>
    <t>GGPs Rattochak</t>
  </si>
  <si>
    <t>Shahpur Bhangoo</t>
  </si>
  <si>
    <t>Fahimda Begium</t>
  </si>
  <si>
    <t>GGCMS THATHA SURTAN</t>
  </si>
  <si>
    <t>thatha soortan markaz barkhurdar tehsil dist nns</t>
  </si>
  <si>
    <t>Thatha Soortan</t>
  </si>
  <si>
    <t>Sadia Talib</t>
  </si>
  <si>
    <t>36270</t>
  </si>
  <si>
    <t>GPS ARA MANSOOR</t>
  </si>
  <si>
    <t>Arra Mansoor</t>
  </si>
  <si>
    <t>Mauza Arramansoor po box ludden tehsil and district Vehari</t>
  </si>
  <si>
    <t>Alliuddin</t>
  </si>
  <si>
    <t>GGES CHAK NO. 38 GHARBI</t>
  </si>
  <si>
    <t>Chak #38 Garbi</t>
  </si>
  <si>
    <t>chak#38 Garbi Teh&amp; district M.B.Din</t>
  </si>
  <si>
    <t>Zaib Un Nissa</t>
  </si>
  <si>
    <t>GPS BAGARIAN WALA</t>
  </si>
  <si>
    <t>Village Bagrianwala P.O Mangowal Tehsil Kharian District Gujrat</t>
  </si>
  <si>
    <t>Tariq Mehmoo</t>
  </si>
  <si>
    <t>GPS MARAY</t>
  </si>
  <si>
    <t>Maray</t>
  </si>
  <si>
    <t>GPS Maray KOTMOMIN, Sargodha.</t>
  </si>
  <si>
    <t>Wah Miana</t>
  </si>
  <si>
    <t>IMRAN HUSSAIN</t>
  </si>
  <si>
    <t>GGES DHOK MIANI CHAKRALA MIANWALI</t>
  </si>
  <si>
    <t>Dhok miani</t>
  </si>
  <si>
    <t>Dhok Miani</t>
  </si>
  <si>
    <t>29129</t>
  </si>
  <si>
    <t>GGES BADAR PUR</t>
  </si>
  <si>
    <t>Badar Pur</t>
  </si>
  <si>
    <t>Badar pur village p/o Mustafa abad</t>
  </si>
  <si>
    <t>RUKHSANA BANO</t>
  </si>
  <si>
    <t>47858</t>
  </si>
  <si>
    <t>GPS WANDHA AULAD HUSSAIN SHAH</t>
  </si>
  <si>
    <t>kacha nowshera</t>
  </si>
  <si>
    <t>Kacha nowshera Kacha nowshera</t>
  </si>
  <si>
    <t>GPS FALAK SHER NOON</t>
  </si>
  <si>
    <t>GPS Falak Sher Noon</t>
  </si>
  <si>
    <t>GPS PATTI GHAREEB SHAH</t>
  </si>
  <si>
    <t>Bait Qaim shah</t>
  </si>
  <si>
    <t>Basti leghari post office Danreen moza bait qaim shah Tehsil and District MuzAffar Garh</t>
  </si>
  <si>
    <t>37038</t>
  </si>
  <si>
    <t>GPS BASTI NAKYNA WALI</t>
  </si>
  <si>
    <t>moza barajh sargana p/o sarai sidhu tehsil kabirwala district khanewal</t>
  </si>
  <si>
    <t>Basti Nakyana Wali</t>
  </si>
  <si>
    <t>GGPS MOZA BHATIAN</t>
  </si>
  <si>
    <t>GGPS Moza Bhattian</t>
  </si>
  <si>
    <t>Moza Bhattian</t>
  </si>
  <si>
    <t>Naseem Khushi</t>
  </si>
  <si>
    <t>37846</t>
  </si>
  <si>
    <t>GMPS KHDVOO WALA, JAHANIAN</t>
  </si>
  <si>
    <t>138 /10r</t>
  </si>
  <si>
    <t>khuduwala</t>
  </si>
  <si>
    <t>Khuduwala</t>
  </si>
  <si>
    <t>136-10r</t>
  </si>
  <si>
    <t>Rushda Rani</t>
  </si>
  <si>
    <t>34624</t>
  </si>
  <si>
    <t>48114</t>
  </si>
  <si>
    <t>govt E S Phularwan</t>
  </si>
  <si>
    <t>Rao Tasawwar Khan</t>
  </si>
  <si>
    <t>ranted water</t>
  </si>
  <si>
    <t>GPS DERA RAJA JURA</t>
  </si>
  <si>
    <t>Jura sakesar</t>
  </si>
  <si>
    <t>Rata pind colony dera raja jura jura sakesar</t>
  </si>
  <si>
    <t>Rata Pind Colony Dera Raja jura</t>
  </si>
  <si>
    <t>Jura Sakesar Bar</t>
  </si>
  <si>
    <t>Muhammed Saleem Usman</t>
  </si>
  <si>
    <t>18654</t>
  </si>
  <si>
    <t>GPS CHAK 360 JB I</t>
  </si>
  <si>
    <t>360 Jb1</t>
  </si>
  <si>
    <t>Chak no 360 JB Bubak teh gojra distt t t Singh po same ,GPS 360 JB 1</t>
  </si>
  <si>
    <t>360jb 1</t>
  </si>
  <si>
    <t>360 JB Bubak</t>
  </si>
  <si>
    <t>Muhammad Afzal Zahid</t>
  </si>
  <si>
    <t>Shahpur Thal</t>
  </si>
  <si>
    <t>Shahpur Tehsil Karor District Layyah</t>
  </si>
  <si>
    <t>12717</t>
  </si>
  <si>
    <t>gadai sharki</t>
  </si>
  <si>
    <t>bastisoharani</t>
  </si>
  <si>
    <t>gadai sherqi</t>
  </si>
  <si>
    <t>Namat Ullah</t>
  </si>
  <si>
    <t>11484</t>
  </si>
  <si>
    <t>GGPS WALWAT</t>
  </si>
  <si>
    <t>Basti walwat GGPS walwat KhairPur sadat teh Ali Pur</t>
  </si>
  <si>
    <t>Basti Walwat</t>
  </si>
  <si>
    <t>Bushra Fazal</t>
  </si>
  <si>
    <t>GPS HAVELI NATHOKA</t>
  </si>
  <si>
    <t>Baggi</t>
  </si>
  <si>
    <t>Haveli nathoka post office Sail Sharif District Sargodha</t>
  </si>
  <si>
    <t>Haveli nathoka</t>
  </si>
  <si>
    <t>Sail Sharif</t>
  </si>
  <si>
    <t>GPS TIBBA HASHMAT</t>
  </si>
  <si>
    <t>Ubhan</t>
  </si>
  <si>
    <t>tibba hashmat moza ubhan</t>
  </si>
  <si>
    <t>Tibba Hashmat</t>
  </si>
  <si>
    <t>GPS QUTTUB WALA ISMAIL ABAD P/O MULTAN</t>
  </si>
  <si>
    <t>Tibba Masoodpur</t>
  </si>
  <si>
    <t>GPS quttubwala Chahghouswala Ismail Abad  multan</t>
  </si>
  <si>
    <t>Qutab Wala</t>
  </si>
  <si>
    <t>TIBA Masood Pur</t>
  </si>
  <si>
    <t>Aziz-ur-rahman</t>
  </si>
  <si>
    <t>GPS CHAK NO 295 HR</t>
  </si>
  <si>
    <t>295/HR</t>
  </si>
  <si>
    <t>Chak 295/HR tehsil fort abbas</t>
  </si>
  <si>
    <t>GPS CHAK NO 7/NP</t>
  </si>
  <si>
    <t>7NP</t>
  </si>
  <si>
    <t>7NP P/O LAKAR WALI SADIQ ABAD</t>
  </si>
  <si>
    <t>ROSHAN BHIAT</t>
  </si>
  <si>
    <t>Muhammad Ibrahim Naseem</t>
  </si>
  <si>
    <t>49978</t>
  </si>
  <si>
    <t>GPS MC JADEED NO. 6 CHINIOT</t>
  </si>
  <si>
    <t>Jhurken</t>
  </si>
  <si>
    <t>Near railway crossing salara road moh jhurken chiniot.</t>
  </si>
  <si>
    <t>M C CHINIOT</t>
  </si>
  <si>
    <t>GGPS CHAK 3 FW DOLAT ALI</t>
  </si>
  <si>
    <t>3fw Dolat Ali</t>
  </si>
  <si>
    <t>3fw dolat ali chishtian</t>
  </si>
  <si>
    <t>3/fw Dolat Ali</t>
  </si>
  <si>
    <t>GPS AROTI</t>
  </si>
  <si>
    <t>Aroti</t>
  </si>
  <si>
    <t>Mauza bhoti tehseel peermahal</t>
  </si>
  <si>
    <t>Mauza Aroti</t>
  </si>
  <si>
    <t>Nawab Bhotti</t>
  </si>
  <si>
    <t>52089</t>
  </si>
  <si>
    <t>GGES JALAL JAMMOON POST OFFICE MARI HAZARA</t>
  </si>
  <si>
    <t>Jalal Jammu</t>
  </si>
  <si>
    <t>gges jlal jammu post office mari hazara tehsil arifwala distrct pakpattn</t>
  </si>
  <si>
    <t>GPS TIBBI JOGGI</t>
  </si>
  <si>
    <t>Tibbi Joggi</t>
  </si>
  <si>
    <t>Qadrabad</t>
  </si>
  <si>
    <t>Farooq Niamat</t>
  </si>
  <si>
    <t>GGPS CHAK NO 266 EAST</t>
  </si>
  <si>
    <t>Ameeery Wala</t>
  </si>
  <si>
    <t>chak no 266 east jhang</t>
  </si>
  <si>
    <t>Ameery Wali Abadi</t>
  </si>
  <si>
    <t>23132</t>
  </si>
  <si>
    <t>GGES DHALKAKA</t>
  </si>
  <si>
    <t>Dhal kakka</t>
  </si>
  <si>
    <t>Dhal Kakka</t>
  </si>
  <si>
    <t>Sana Gulzar</t>
  </si>
  <si>
    <t>GGPS UDDIAN SHARIF</t>
  </si>
  <si>
    <t>uddian sharif</t>
  </si>
  <si>
    <t>ggps uddian sharif tehsil kot momin distt sargodha</t>
  </si>
  <si>
    <t>halapur</t>
  </si>
  <si>
    <t>Anam Iltaf</t>
  </si>
  <si>
    <t>GES CHAK ABBAS</t>
  </si>
  <si>
    <t>Chak Abbas</t>
  </si>
  <si>
    <t>Basti Noor pur p o Chak Abbas</t>
  </si>
  <si>
    <t>Jam Zahoor Ahmad</t>
  </si>
  <si>
    <t>49368</t>
  </si>
  <si>
    <t>GGPS NO.4 CHAK NO.10 REMOUNT DEPOT SARGODHA</t>
  </si>
  <si>
    <t>Chak 10 Remount Depot</t>
  </si>
  <si>
    <t>school no 4 chak 10 R/D</t>
  </si>
  <si>
    <t>Chak No 10 Remount Depot</t>
  </si>
  <si>
    <t>Bari Mandi</t>
  </si>
  <si>
    <t>GGPS HABIB ABAD PIPLAN</t>
  </si>
  <si>
    <t>Govt Primary School Habibabad</t>
  </si>
  <si>
    <t>Shabana Naseer</t>
  </si>
  <si>
    <t>9961</t>
  </si>
  <si>
    <t>26761</t>
  </si>
  <si>
    <t>GPS PURNY</t>
  </si>
  <si>
    <t>Porni</t>
  </si>
  <si>
    <t>village porni post office dehlra tehsil shakargarh district narrowal</t>
  </si>
  <si>
    <t>GGPS SHEIKH</t>
  </si>
  <si>
    <t>District Sargodha Tehsil Sahiwal P/o Sahibah Balouchan Village Shaikh</t>
  </si>
  <si>
    <t>Sheikh</t>
  </si>
  <si>
    <t>Shaista Kanwal</t>
  </si>
  <si>
    <t>GGPS SARDAR KOURY KHAN</t>
  </si>
  <si>
    <t>Futfarqa</t>
  </si>
  <si>
    <t>Ghalwan-1</t>
  </si>
  <si>
    <t>Sughra Hay at</t>
  </si>
  <si>
    <t>45068</t>
  </si>
  <si>
    <t>GMPS CHAK NO. 39 ML</t>
  </si>
  <si>
    <t>chak no 39 ml</t>
  </si>
  <si>
    <t>Chak no 39 ml</t>
  </si>
  <si>
    <t>Chak no 40ml</t>
  </si>
  <si>
    <t>Tahira Muneer</t>
  </si>
  <si>
    <t>34592</t>
  </si>
  <si>
    <t>GGPS CHAK 11 FAIZ P/O BASTI MALUK</t>
  </si>
  <si>
    <t>11 Faiz</t>
  </si>
  <si>
    <t>11 Faiz,pull dawoa</t>
  </si>
  <si>
    <t>11faiz</t>
  </si>
  <si>
    <t>Basti Maluk</t>
  </si>
  <si>
    <t>GPS CHAK 397 JB II</t>
  </si>
  <si>
    <t>397 Jb</t>
  </si>
  <si>
    <t>chak no. 397 jb ii nawab colony</t>
  </si>
  <si>
    <t>397 Jb II</t>
  </si>
  <si>
    <t>388jb</t>
  </si>
  <si>
    <t>49770</t>
  </si>
  <si>
    <t>GPS CHAK NO.133 NB</t>
  </si>
  <si>
    <t>Chak no 133 nb</t>
  </si>
  <si>
    <t>chak no 133 nb</t>
  </si>
  <si>
    <t>Sobhga</t>
  </si>
  <si>
    <t>ATTA  ULLAH</t>
  </si>
  <si>
    <t>GES SHEIKHUPURA, ABDUL HAKIM</t>
  </si>
  <si>
    <t>moza sheikhupura p/o kot islam kabirwala khanewal</t>
  </si>
  <si>
    <t>37862</t>
  </si>
  <si>
    <t>GMES 54/10-R JAHANIAN</t>
  </si>
  <si>
    <t>54/10R</t>
  </si>
  <si>
    <t>Chak No 54/10R</t>
  </si>
  <si>
    <t>chak no 54/10R</t>
  </si>
  <si>
    <t>Tahira Nasrin</t>
  </si>
  <si>
    <t>GES RAFIQUE MUD RANJA</t>
  </si>
  <si>
    <t>Basti Mud Ranjha azim Pur Tehsil Liaquat Pur Distt Rahim Yar Khan</t>
  </si>
  <si>
    <t>Basti Mud Ranjha</t>
  </si>
  <si>
    <t>GES KEELAY</t>
  </si>
  <si>
    <t>keelay p/o same tehseel &amp; district sheikhupura</t>
  </si>
  <si>
    <t>Post office watto village shergarh</t>
  </si>
  <si>
    <t>Jaurakalan</t>
  </si>
  <si>
    <t>Mueed Sher</t>
  </si>
  <si>
    <t>PO Mulanwali</t>
  </si>
  <si>
    <t>Asma Saeed</t>
  </si>
  <si>
    <t>33696</t>
  </si>
  <si>
    <t>GPS NISHTAR COLONY MULTAN</t>
  </si>
  <si>
    <t>Ward November 58</t>
  </si>
  <si>
    <t>Nishtar colony multan</t>
  </si>
  <si>
    <t>Nishtar Colony</t>
  </si>
  <si>
    <t>Nishter Town</t>
  </si>
  <si>
    <t>Abdullah Shakeel</t>
  </si>
  <si>
    <t>10756</t>
  </si>
  <si>
    <t>GPS LODHRA</t>
  </si>
  <si>
    <t>GPS LODHRA SUMRA NASHAIB</t>
  </si>
  <si>
    <t>GGPS 237/P</t>
  </si>
  <si>
    <t>237p</t>
  </si>
  <si>
    <t>chack No 237p Bangla Manthar</t>
  </si>
  <si>
    <t>Chack No 237p</t>
  </si>
  <si>
    <t>GPS CHAK NO.173/7-R SHARQI</t>
  </si>
  <si>
    <t>173-7R E</t>
  </si>
  <si>
    <t>Chak No 173-7.R (E)P.O.Same Tehsil Fortabbas Distt: Bahawalnagar</t>
  </si>
  <si>
    <t>176-7R</t>
  </si>
  <si>
    <t>GPS KASHIF NAGAR</t>
  </si>
  <si>
    <t>Mubarak pur</t>
  </si>
  <si>
    <t>mubarak pur</t>
  </si>
  <si>
    <t>Topi wala</t>
  </si>
  <si>
    <t>25809</t>
  </si>
  <si>
    <t>GGPS MAHIAN WALA</t>
  </si>
  <si>
    <t>Mahian Wala</t>
  </si>
  <si>
    <t>mahian wala</t>
  </si>
  <si>
    <t>Rukhsana Bano</t>
  </si>
  <si>
    <t>GPS SHAHDI WALA</t>
  </si>
  <si>
    <t>shadiwala p/o rabana tehsil sahiwal district sargodha</t>
  </si>
  <si>
    <t>GPS KOT HAIDER SHAH</t>
  </si>
  <si>
    <t>Kot Haider Shah</t>
  </si>
  <si>
    <t>Moza kot haider shah</t>
  </si>
  <si>
    <t>17230</t>
  </si>
  <si>
    <t>GGPS DERA GUJRAN WALA</t>
  </si>
  <si>
    <t>ggpsderagujranwala4db@gmail.com</t>
  </si>
  <si>
    <t>37084</t>
  </si>
  <si>
    <t>GES 74/10-R, KHANEWAL</t>
  </si>
  <si>
    <t>74/10R</t>
  </si>
  <si>
    <t>chak no.74/10R</t>
  </si>
  <si>
    <t>Wakeel Abbas</t>
  </si>
  <si>
    <t>GPS NANOANA GHARBI</t>
  </si>
  <si>
    <t>kaleki mandi sharqi</t>
  </si>
  <si>
    <t>Nanoana Gharbi</t>
  </si>
  <si>
    <t>Hafiz Muhammad Tufail Anjum</t>
  </si>
  <si>
    <t>GGPS BHANGOO NO 2</t>
  </si>
  <si>
    <t>ggps bhangoo #2 chah shufa wala shorkot city</t>
  </si>
  <si>
    <t>Moaza Bhangoo</t>
  </si>
  <si>
    <t>GMPS AZIZ PUR BASTI AZIZ PUR</t>
  </si>
  <si>
    <t>Chandler Wali</t>
  </si>
  <si>
    <t>Aziz pur basti</t>
  </si>
  <si>
    <t>Nasreen Ibrahim</t>
  </si>
  <si>
    <t>19404</t>
  </si>
  <si>
    <t>GES CHAK 342 GB</t>
  </si>
  <si>
    <t>Choharwala</t>
  </si>
  <si>
    <t>chak no 342 GB TOBA TEK SINGH</t>
  </si>
  <si>
    <t>GGES NOOR JAMAL JANUBI</t>
  </si>
  <si>
    <t>Noor Jamal Janubi</t>
  </si>
  <si>
    <t>village noor Jamal post office Haslanwala teh phalia district m b din</t>
  </si>
  <si>
    <t>37595</t>
  </si>
  <si>
    <t>GMES 47-A/15-L, MIAN CHANNU</t>
  </si>
  <si>
    <t>47-A/ 15-L</t>
  </si>
  <si>
    <t>chk#47A/15-L mian channu</t>
  </si>
  <si>
    <t>47-A/15-L</t>
  </si>
  <si>
    <t>124/15-L</t>
  </si>
  <si>
    <t>Noor Afshan Khan</t>
  </si>
  <si>
    <t>GPS CHAK 587 GB JARANWALA FSD</t>
  </si>
  <si>
    <t>Chak 587 GB</t>
  </si>
  <si>
    <t>Chak No 587 GB</t>
  </si>
  <si>
    <t>Chak 569 GB</t>
  </si>
  <si>
    <t>Muhammad javed Iqbal</t>
  </si>
  <si>
    <t>GMPS KHAWAJA BUKHSH BODLA</t>
  </si>
  <si>
    <t>Khwaja Bux Bodla</t>
  </si>
  <si>
    <t>g m p s. kwaja bux bodla</t>
  </si>
  <si>
    <t>GGPS INAYAT PUR NASIR NAGAR MULTAN</t>
  </si>
  <si>
    <t>Adda bund bosan Anayat pur nasir nagar</t>
  </si>
  <si>
    <t>Anayat pur</t>
  </si>
  <si>
    <t>Kousar Bukhari</t>
  </si>
  <si>
    <t>GGPS PONTA MALANA</t>
  </si>
  <si>
    <t>Ponta Malana</t>
  </si>
  <si>
    <t>basti qadir wala moza ponta malana</t>
  </si>
  <si>
    <t>Qadir Wala</t>
  </si>
  <si>
    <t>Aloday Wali</t>
  </si>
  <si>
    <t>Afshana Bibi</t>
  </si>
  <si>
    <t>GES BINDA BAHOO SHAH</t>
  </si>
  <si>
    <t>Binda Bahoo  Shah</t>
  </si>
  <si>
    <t>basti madada mouza Binda Bahoo Shah p/o shahani tehsil&amp; district bhakkar</t>
  </si>
  <si>
    <t>Basti Madada</t>
  </si>
  <si>
    <t>Abidullah Khan</t>
  </si>
  <si>
    <t>54218</t>
  </si>
  <si>
    <t>GGPS CHAH MURAD WALA</t>
  </si>
  <si>
    <t>Chah Murad Wala dakhli basti ghazi shah District jhang</t>
  </si>
  <si>
    <t>Chah Murad Wala</t>
  </si>
  <si>
    <t>Raazia Rasheed</t>
  </si>
  <si>
    <t>7519</t>
  </si>
  <si>
    <t>33951</t>
  </si>
  <si>
    <t>GPS THATTHA PURBANA</t>
  </si>
  <si>
    <t>Koary Shah Bala</t>
  </si>
  <si>
    <t>thatha purbana zareen</t>
  </si>
  <si>
    <t>Thatha Purbana Zareen</t>
  </si>
  <si>
    <t>11321</t>
  </si>
  <si>
    <t>GGPS MITHAN WALI</t>
  </si>
  <si>
    <t>basti haji kreem bakhsh gopang moza mithan wali</t>
  </si>
  <si>
    <t>Basti Mithan Wali</t>
  </si>
  <si>
    <t>Gabar Arrain</t>
  </si>
  <si>
    <t>GGPS CHAK NO. 565/TDA</t>
  </si>
  <si>
    <t>565 tda</t>
  </si>
  <si>
    <t>chack no 565tda</t>
  </si>
  <si>
    <t>mir pur bhagal</t>
  </si>
  <si>
    <t>Sehrish Iram</t>
  </si>
  <si>
    <t>GES CHAK NO.100/ML</t>
  </si>
  <si>
    <t>100/ml</t>
  </si>
  <si>
    <t>chak no 100/ml</t>
  </si>
  <si>
    <t>Azkarullah</t>
  </si>
  <si>
    <t>GGES NO.1 PIR MAHAL MADINA BLOCK</t>
  </si>
  <si>
    <t>g g e s no 1 madina block pir mahal</t>
  </si>
  <si>
    <t>Madina Block Pir Mahal</t>
  </si>
  <si>
    <t>GPS BHANI SHAHBAN KHICHI 27/14-L</t>
  </si>
  <si>
    <t>27/14 Bs</t>
  </si>
  <si>
    <t>chak 27/14</t>
  </si>
  <si>
    <t>27/14</t>
  </si>
  <si>
    <t>Muhammad Nawaz Sajid</t>
  </si>
  <si>
    <t>GPS CHAK NO 184/P</t>
  </si>
  <si>
    <t>Chak No. 184/p</t>
  </si>
  <si>
    <t>Chak No. 184/p P/o Bangla Manthar Tehsil Sadiqabad District Rahim yar Khan</t>
  </si>
  <si>
    <t>Chak No. 184/P</t>
  </si>
  <si>
    <t>Chak no. 186/p</t>
  </si>
  <si>
    <t>GES SAMBRIAL</t>
  </si>
  <si>
    <t>moh. Darulislam</t>
  </si>
  <si>
    <t>Muhammad Idrees Rahi</t>
  </si>
  <si>
    <t>GGPS BASTI MONDAN</t>
  </si>
  <si>
    <t>basti mondan</t>
  </si>
  <si>
    <t>Basti Mondan</t>
  </si>
  <si>
    <t>Qaimpur 20</t>
  </si>
  <si>
    <t>GMPS MEERAN PUR COLONY</t>
  </si>
  <si>
    <t>khokhar Abad</t>
  </si>
  <si>
    <t>Hina Gul</t>
  </si>
  <si>
    <t>GPS 100/ WM</t>
  </si>
  <si>
    <t>Chak 100/wm</t>
  </si>
  <si>
    <t>GPS100/wm sahiwal</t>
  </si>
  <si>
    <t>Chak No 100/wm</t>
  </si>
  <si>
    <t>1/10l</t>
  </si>
  <si>
    <t>AHMAD DIN</t>
  </si>
  <si>
    <t>GGPS BASTI SAYIDDA</t>
  </si>
  <si>
    <t>Basti saydan</t>
  </si>
  <si>
    <t>Basti Saydan</t>
  </si>
  <si>
    <t>GGPS 88-A/10-R PAKKI BHENI, KHANEWAL</t>
  </si>
  <si>
    <t>88/10_R pakki bheni</t>
  </si>
  <si>
    <t>Allah waris colony</t>
  </si>
  <si>
    <t>Farzana Tasneem</t>
  </si>
  <si>
    <t>GES MIAN HAKEM</t>
  </si>
  <si>
    <t>mian Hakim</t>
  </si>
  <si>
    <t>mian hakim P/O Luddan Teh &amp; Distt Vehari</t>
  </si>
  <si>
    <t>Dad kamera</t>
  </si>
  <si>
    <t>liaqat abad bhalwal</t>
  </si>
  <si>
    <t>43871</t>
  </si>
  <si>
    <t>GPS GADALI</t>
  </si>
  <si>
    <t>Gadali</t>
  </si>
  <si>
    <t>vpo bhilomar T Talagang D Chakwal</t>
  </si>
  <si>
    <t>GGPS JASSAY WALA QADIRPUR LAR</t>
  </si>
  <si>
    <t>Jassy Wala</t>
  </si>
  <si>
    <t>GGPS Jassy wala Domra</t>
  </si>
  <si>
    <t>Shahida Kausar</t>
  </si>
  <si>
    <t>GPS BLOCK NO. 2 CHANGA MANGA</t>
  </si>
  <si>
    <t>Forest colony Block no 2 Changa Manga tehsil chunian</t>
  </si>
  <si>
    <t>Block No2</t>
  </si>
  <si>
    <t>ABDULLAH SALEEM</t>
  </si>
  <si>
    <t>31062</t>
  </si>
  <si>
    <t>GPS CHAH TAMBULI</t>
  </si>
  <si>
    <t>Chah Tamoly</t>
  </si>
  <si>
    <t>Chah Tamoly Multan Road Lahore</t>
  </si>
  <si>
    <t>Rashid Masih</t>
  </si>
  <si>
    <t>GGPS GANJAY WALA</t>
  </si>
  <si>
    <t>Ganjay Wala</t>
  </si>
  <si>
    <t>ganjay wala tehsil lalian district chiniot</t>
  </si>
  <si>
    <t>Shazia Nazir</t>
  </si>
  <si>
    <t>GGPS MC NO.1 KHUSHAB</t>
  </si>
  <si>
    <t>anarkali bazar khushab</t>
  </si>
  <si>
    <t>M C Khushab</t>
  </si>
  <si>
    <t>Nusrat shaheen</t>
  </si>
  <si>
    <t>30711</t>
  </si>
  <si>
    <t>GGPS BAO BHOLA LAHORE CANTT</t>
  </si>
  <si>
    <t>Bao Bhola</t>
  </si>
  <si>
    <t>village bao bhola LHR</t>
  </si>
  <si>
    <t>Jahmam</t>
  </si>
  <si>
    <t>Beenash Rubab</t>
  </si>
  <si>
    <t>ggps jalalabad</t>
  </si>
  <si>
    <t>Lalpeer</t>
  </si>
  <si>
    <t>GPS BHAROKE VIRKAN</t>
  </si>
  <si>
    <t>Bharoke Virkan</t>
  </si>
  <si>
    <t>moza bharoke virkan tehsil  kamoke  distt. grw</t>
  </si>
  <si>
    <t>54773</t>
  </si>
  <si>
    <t>GGPS MUZA DHUKRAN</t>
  </si>
  <si>
    <t>Dhukran</t>
  </si>
  <si>
    <t>muza dhukran basti gulam qasim</t>
  </si>
  <si>
    <t>yasmeen Kousar</t>
  </si>
  <si>
    <t>28271</t>
  </si>
  <si>
    <t>GPS BHEROWAL NO.1</t>
  </si>
  <si>
    <t>vpo Bherowal teh. phalia dist. m.b.din</t>
  </si>
  <si>
    <t>45646</t>
  </si>
  <si>
    <t>GPS LAKRAN WALI</t>
  </si>
  <si>
    <t>lak kalan</t>
  </si>
  <si>
    <t>basti lakran â‚©ali</t>
  </si>
  <si>
    <t>Iak kalan</t>
  </si>
  <si>
    <t>kharral</t>
  </si>
  <si>
    <t>40782</t>
  </si>
  <si>
    <t>GPS UMAR DI BHAN</t>
  </si>
  <si>
    <t>Hamun Wala</t>
  </si>
  <si>
    <t>bhan Umar p/O Basti Bakhtawar</t>
  </si>
  <si>
    <t>Bhan Umar</t>
  </si>
  <si>
    <t>Hamun Wali</t>
  </si>
  <si>
    <t>GGPS HARSA BULLAH NO. 2</t>
  </si>
  <si>
    <t>HARRIAN WALA MOUZA HUSSAIN KHAN, CHINIOT</t>
  </si>
  <si>
    <t>HARRIAN WALA</t>
  </si>
  <si>
    <t>Shagufta Hameed</t>
  </si>
  <si>
    <t>GGPS ARJWAIN SHARIF NO 1</t>
  </si>
  <si>
    <t>Arjwain Sharif</t>
  </si>
  <si>
    <t>Ggps arjwain Sharif no 1 multan</t>
  </si>
  <si>
    <t>M Pur Ghoota</t>
  </si>
  <si>
    <t>Khushnood begum</t>
  </si>
  <si>
    <t>GPS BADAR BHOON</t>
  </si>
  <si>
    <t>Badar Bhone</t>
  </si>
  <si>
    <t>Badar.bhoon po sial shareef teh sahiwal district sargodha</t>
  </si>
  <si>
    <t>54784</t>
  </si>
  <si>
    <t>GGPS DERA HASNANA</t>
  </si>
  <si>
    <t>Dera Hasnana</t>
  </si>
  <si>
    <t>V p/o Rukkan Tehsil Malakwal District Mandi Bha uddin</t>
  </si>
  <si>
    <t>Syeda Sibgha Hassan</t>
  </si>
  <si>
    <t>Basti ranjha</t>
  </si>
  <si>
    <t>chah shahi wala khail abad post office shadan lund tahsil d g khan district d g khan</t>
  </si>
  <si>
    <t>Farhat Latif</t>
  </si>
  <si>
    <t>GGPS MASSA SINGH KOHNA</t>
  </si>
  <si>
    <t>Massa Singh Kona</t>
  </si>
  <si>
    <t>Govt girls primary school massa singh kona</t>
  </si>
  <si>
    <t>Farzana Tahira</t>
  </si>
  <si>
    <t>32695</t>
  </si>
  <si>
    <t>GGES BURKHURDAR</t>
  </si>
  <si>
    <t>Barkhurdar Teh. &amp; Disst. Nankana Sahib</t>
  </si>
  <si>
    <t>GPS CHAK NO 457 EB</t>
  </si>
  <si>
    <t>Chak No 457EB</t>
  </si>
  <si>
    <t>Chak No 457 EB Burewala</t>
  </si>
  <si>
    <t>GES MUHAMMAD KHAN</t>
  </si>
  <si>
    <t>Basti Muhammad Khan</t>
  </si>
  <si>
    <t>Muhammad Kha</t>
  </si>
  <si>
    <t>Mc Zahirpir</t>
  </si>
  <si>
    <t>GPS GADGOOR</t>
  </si>
  <si>
    <t>Gadgoor</t>
  </si>
  <si>
    <t>Gps Gadgoor</t>
  </si>
  <si>
    <t>Nawan Manaka</t>
  </si>
  <si>
    <t>Ansar Hayat</t>
  </si>
  <si>
    <t>GPS DERA MADAT KHELAN WALA</t>
  </si>
  <si>
    <t>Madat Wala</t>
  </si>
  <si>
    <t>Madat Khelanwala, P. O  Trag, Mianwali</t>
  </si>
  <si>
    <t>Madat Khelanwala</t>
  </si>
  <si>
    <t>54802</t>
  </si>
  <si>
    <t>GPS CHAK NO 185/7-R S</t>
  </si>
  <si>
    <t>GPS 185/7R South P.O. khichiwala Tehsi FortAbbas</t>
  </si>
  <si>
    <t>Chak No 185/7R</t>
  </si>
  <si>
    <t>GGPS BEHAK DIAM</t>
  </si>
  <si>
    <t>Bhack Daim</t>
  </si>
  <si>
    <t>bahik daim tehsil kotmomin</t>
  </si>
  <si>
    <t>Bhakdaim</t>
  </si>
  <si>
    <t>Ansar Naseem</t>
  </si>
  <si>
    <t>GGPS 37/4.L</t>
  </si>
  <si>
    <t>chak no.37/4L okara</t>
  </si>
  <si>
    <t>GMPS SANGRAI PUR</t>
  </si>
  <si>
    <t>Sangray Pur</t>
  </si>
  <si>
    <t>village sangraypur post office khan pur seydan tehsile pasrur dist sialkot</t>
  </si>
  <si>
    <t>Duhlum Khalwan</t>
  </si>
  <si>
    <t>GPS RAHDARI</t>
  </si>
  <si>
    <t>GGES CHAK NO.75/F</t>
  </si>
  <si>
    <t>chak no 75/f po 73/f hasilpur</t>
  </si>
  <si>
    <t>75/f</t>
  </si>
  <si>
    <t>Shugufta Iqbal</t>
  </si>
  <si>
    <t>GPS TAHIR ABAD</t>
  </si>
  <si>
    <t>Khhola</t>
  </si>
  <si>
    <t>gps tahirabad khanqah sirajia chashma teh piplan mianwali</t>
  </si>
  <si>
    <t>8815</t>
  </si>
  <si>
    <t>GGPS BASTI KHULANG</t>
  </si>
  <si>
    <t>Jhalarain</t>
  </si>
  <si>
    <t>g g p/s basti khulang</t>
  </si>
  <si>
    <t>Basti Khulang</t>
  </si>
  <si>
    <t>43562</t>
  </si>
  <si>
    <t>GGES OTHWAL</t>
  </si>
  <si>
    <t>Uthwal</t>
  </si>
  <si>
    <t>v.p.o Uthwal Teh &amp; distt Chakwal</t>
  </si>
  <si>
    <t>Ballo Kassar</t>
  </si>
  <si>
    <t>GPS CHICHOKI MALIAN</t>
  </si>
  <si>
    <t>Chichuki Malliyan</t>
  </si>
  <si>
    <t>Khorshid Muhammad</t>
  </si>
  <si>
    <t>20543</t>
  </si>
  <si>
    <t>GPS F D SHERANWALA BAGH</t>
  </si>
  <si>
    <t>Sheran Wala Bagh</t>
  </si>
  <si>
    <t>GPS KALA KHAMBRAN</t>
  </si>
  <si>
    <t>Kalakhambra</t>
  </si>
  <si>
    <t>vill Kalakhambra po gohad pur sialkot</t>
  </si>
  <si>
    <t>Balanwala</t>
  </si>
  <si>
    <t>shabir hussain</t>
  </si>
  <si>
    <t>GGPS FAZILPUR NO. 2</t>
  </si>
  <si>
    <t>GPS no 2 fazilpur</t>
  </si>
  <si>
    <t>GGPS CHAK NO 1/3-L WAJHI</t>
  </si>
  <si>
    <t>Wihji</t>
  </si>
  <si>
    <t>GGPS 1/3L wihji</t>
  </si>
  <si>
    <t>Al-Fateh Abad</t>
  </si>
  <si>
    <t>Kapori</t>
  </si>
  <si>
    <t>54608</t>
  </si>
  <si>
    <t>GPS WINGAY</t>
  </si>
  <si>
    <t>Wingay</t>
  </si>
  <si>
    <t>GPS PAK WELFARE SOCIETY FAZAL PURA</t>
  </si>
  <si>
    <t>KOT KHAWAJA SAEED</t>
  </si>
  <si>
    <t>MAIN ROAD FAZAL PURA KOT KHAWAJA SAEED LAHORE</t>
  </si>
  <si>
    <t>SHAH NOOR PARK</t>
  </si>
  <si>
    <t>majida Bibi</t>
  </si>
  <si>
    <t>GPS NO. 3 NOON COLONY SILLANWALI</t>
  </si>
  <si>
    <t>MC-Sillanwali</t>
  </si>
  <si>
    <t>Noon Colony Sillanwali</t>
  </si>
  <si>
    <t>GES KOT QAZI</t>
  </si>
  <si>
    <t>Ges kot Qazi Teh Lalian Dist chiniot</t>
  </si>
  <si>
    <t>GGPS GOUSIA COLONY</t>
  </si>
  <si>
    <t>Ghousiacolony</t>
  </si>
  <si>
    <t>ghousia colony</t>
  </si>
  <si>
    <t>18765</t>
  </si>
  <si>
    <t>GGPS JINDOO CHANNAR NO.1</t>
  </si>
  <si>
    <t>Jindo Channar</t>
  </si>
  <si>
    <t>mouza jindo channar basti ghulam rassol</t>
  </si>
  <si>
    <t>Mud Peer Waah</t>
  </si>
  <si>
    <t>Mumtaz perveen</t>
  </si>
  <si>
    <t>51639</t>
  </si>
  <si>
    <t>GGPS ALAM DUHDI</t>
  </si>
  <si>
    <t>AlamDhudi</t>
  </si>
  <si>
    <t>GGPS Alam dhudi</t>
  </si>
  <si>
    <t>Alam Dhudi</t>
  </si>
  <si>
    <t>Feroz Pur Chistian</t>
  </si>
  <si>
    <t>Abida Abbasi</t>
  </si>
  <si>
    <t>GES SUNAKKI</t>
  </si>
  <si>
    <t>Sunakki</t>
  </si>
  <si>
    <t>GES sunakki muzaffargarh</t>
  </si>
  <si>
    <t>37907</t>
  </si>
  <si>
    <t>GMPS 98/10-R</t>
  </si>
  <si>
    <t>98/10R</t>
  </si>
  <si>
    <t>Jamila Akram</t>
  </si>
  <si>
    <t>GPS MC JADEED NO. 1 CHINIOT</t>
  </si>
  <si>
    <t>GPS MC JADID NO.1 CHINIOT</t>
  </si>
  <si>
    <t>Asif Zafar</t>
  </si>
  <si>
    <t>Chinapora</t>
  </si>
  <si>
    <t>village utrawan wala</t>
  </si>
  <si>
    <t>Utranwan Wala</t>
  </si>
  <si>
    <t>GPS CHAK NO 3 GHAGH</t>
  </si>
  <si>
    <t>chak no 3 Ghagh</t>
  </si>
  <si>
    <t>Raja Sultan Sikander</t>
  </si>
  <si>
    <t>GPS BURJ RAM SINGH</t>
  </si>
  <si>
    <t>BURJ RAN SINGH P/O TALWANDI</t>
  </si>
  <si>
    <t>BURJ RAN SINGH</t>
  </si>
  <si>
    <t>Ahtram ul haq</t>
  </si>
  <si>
    <t>GPS JAMAL WALA</t>
  </si>
  <si>
    <t>JAMAL wala Moza Qadirpur Bakhsha Tehsil&amp;district jhang</t>
  </si>
  <si>
    <t>JAMAL wala</t>
  </si>
  <si>
    <t>GES BHOCHRA JADEED</t>
  </si>
  <si>
    <t>dara.teh.sahiwal.distt.sargodha</t>
  </si>
  <si>
    <t>Kot Ameer Khan</t>
  </si>
  <si>
    <t>Bhochra Khuna</t>
  </si>
  <si>
    <t>GPS MODEL SHAH MEHMOOD</t>
  </si>
  <si>
    <t>Habib Mision</t>
  </si>
  <si>
    <t>GMP/S Shah Mehmood pur Moza Habib Mision.</t>
  </si>
  <si>
    <t>zahida anjum</t>
  </si>
  <si>
    <t>34501</t>
  </si>
  <si>
    <t>GGPS RASOOL PUR P/O JHOK VENCE</t>
  </si>
  <si>
    <t>Basti Rasool Pur</t>
  </si>
  <si>
    <t>Shehla kanwal</t>
  </si>
  <si>
    <t>GES DEENO SHAH AHMED PUR LAMA</t>
  </si>
  <si>
    <t>Dinu Shah</t>
  </si>
  <si>
    <t>Govt E/S Dinu shah</t>
  </si>
  <si>
    <t>Muhammad Iqbal Mehtab</t>
  </si>
  <si>
    <t>GPS TUBEWELL DOST MOHAMMAD WALA</t>
  </si>
  <si>
    <t>Dost Muhammad Wala</t>
  </si>
  <si>
    <t>Tube well dost Muhammad chak 379/WB Tehsil Dunyapur district LODHRAN</t>
  </si>
  <si>
    <t>379/WB</t>
  </si>
  <si>
    <t>Ali Haider Raza</t>
  </si>
  <si>
    <t>GPS CHENA KARM ALI</t>
  </si>
  <si>
    <t>Cheena Karam Ali</t>
  </si>
  <si>
    <t>chak dilawar k kathye moza cheena karam ali sahiwal</t>
  </si>
  <si>
    <t>Dilawar K Kathye</t>
  </si>
  <si>
    <t>GGPS BASTI BOCHRA</t>
  </si>
  <si>
    <t>Bochra</t>
  </si>
  <si>
    <t>basti bochra,p.o box dajal,</t>
  </si>
  <si>
    <t>Basti Bochra</t>
  </si>
  <si>
    <t>Waha Lashary</t>
  </si>
  <si>
    <t>GMPS BELA BHORANA</t>
  </si>
  <si>
    <t>Bhorana</t>
  </si>
  <si>
    <t>mouza bhorana p/o salyana jhang</t>
  </si>
  <si>
    <t>Haweli Sheikh Rajo</t>
  </si>
  <si>
    <t>Asif Shehzad</t>
  </si>
  <si>
    <t>GGES DHONDYAN WALA</t>
  </si>
  <si>
    <t>Dhoondianwala</t>
  </si>
  <si>
    <t>dhondianwala TEHSIL NOSHEHRA VIRKAN DISTRICT GUJRANWALA</t>
  </si>
  <si>
    <t>Dhondianwala</t>
  </si>
  <si>
    <t>Mehwish Irfan</t>
  </si>
  <si>
    <t>GGES BHATIAL</t>
  </si>
  <si>
    <t>Bhtyal</t>
  </si>
  <si>
    <t>vil bhtyal po kashmir colony</t>
  </si>
  <si>
    <t>Munaza Hameed</t>
  </si>
  <si>
    <t>GES CHAK NO.188/WB</t>
  </si>
  <si>
    <t>chak no 188/W.B mailsi vehari</t>
  </si>
  <si>
    <t>GGPS 44 WB (NEW)</t>
  </si>
  <si>
    <t>44/wb</t>
  </si>
  <si>
    <t>GGPS/44/wb new</t>
  </si>
  <si>
    <t>GMPS CHAK NO. 10 TDA</t>
  </si>
  <si>
    <t>10 Tda</t>
  </si>
  <si>
    <t>G.M.P. School chak 10 tda</t>
  </si>
  <si>
    <t>Chak 10 Tda</t>
  </si>
  <si>
    <t>Nishat Begum</t>
  </si>
  <si>
    <t>GGCMS FEROZWALA</t>
  </si>
  <si>
    <t>Ferozewala Teh/District Gujranwala</t>
  </si>
  <si>
    <t>Farhat Hameed</t>
  </si>
  <si>
    <t>39768</t>
  </si>
  <si>
    <t>GGHS ALI LANGAH</t>
  </si>
  <si>
    <t>Ali Langah</t>
  </si>
  <si>
    <t>govt girls high schol ali langah tehsil shakargarh district narowal</t>
  </si>
  <si>
    <t>GGHS DANDIAN</t>
  </si>
  <si>
    <t>Wandho</t>
  </si>
  <si>
    <t>GGHS  Dandian</t>
  </si>
  <si>
    <t>51735</t>
  </si>
  <si>
    <t>GGPS SANDA BANGI KHEL</t>
  </si>
  <si>
    <t>Village Sanda Bangi Khel, po tola Bangi Khel,Tehsil Isa Khel district mianwali</t>
  </si>
  <si>
    <t>Sanda Bangi Khel</t>
  </si>
  <si>
    <t>Nusrat Khurshid</t>
  </si>
  <si>
    <t>From Community</t>
  </si>
  <si>
    <t>GGES CHAK NO.45/DB</t>
  </si>
  <si>
    <t>Cha No45/DB</t>
  </si>
  <si>
    <t>Chak No.45/DB</t>
  </si>
  <si>
    <t>Chak No 45/DB</t>
  </si>
  <si>
    <t>Azra Nazeer</t>
  </si>
  <si>
    <t>GMPS AKHORI</t>
  </si>
  <si>
    <t>VPO AKHORI TEH &amp; DIST ATTOCK</t>
  </si>
  <si>
    <t>17485</t>
  </si>
  <si>
    <t>41783</t>
  </si>
  <si>
    <t>GES MUSLIM MANDAR RAILWAY</t>
  </si>
  <si>
    <t>railway road narowal</t>
  </si>
  <si>
    <t>Kikarwala</t>
  </si>
  <si>
    <t>kikker wala,Tehsil Nowshera virkan, District Gujranwala, p/o phamma sarai.</t>
  </si>
  <si>
    <t>Kikker wala</t>
  </si>
  <si>
    <t>GPS CHAK 371/WB</t>
  </si>
  <si>
    <t>371wb</t>
  </si>
  <si>
    <t>chak no 371/wb</t>
  </si>
  <si>
    <t>Chak 353wb</t>
  </si>
  <si>
    <t>45061</t>
  </si>
  <si>
    <t>GMPS PHULLEY WALA</t>
  </si>
  <si>
    <t>Chah PHULLAY wala</t>
  </si>
  <si>
    <t>PHULLAY wala</t>
  </si>
  <si>
    <t>GPS MODEL CHAK NO.30/BC (W)</t>
  </si>
  <si>
    <t>Chak # 30 b.c (w) dera bakha bahawalpur</t>
  </si>
  <si>
    <t>4 BC</t>
  </si>
  <si>
    <t>35994</t>
  </si>
  <si>
    <t>GGPS DHOK JAT</t>
  </si>
  <si>
    <t>Dhok Jatt</t>
  </si>
  <si>
    <t>dhok jatt</t>
  </si>
  <si>
    <t>GES MUHAMMAD PUR SANSARAN</t>
  </si>
  <si>
    <t>Muhammad Pur sansaran</t>
  </si>
  <si>
    <t>Muhammad pur sansaran Tehsil Mnchinabad District Bahawalnagar</t>
  </si>
  <si>
    <t>12595</t>
  </si>
  <si>
    <t>GPS QAMAR DIN BODLA</t>
  </si>
  <si>
    <t>Qamar Din Bodla</t>
  </si>
  <si>
    <t>moza Qamar Din Bodla</t>
  </si>
  <si>
    <t>46048</t>
  </si>
  <si>
    <t>GGHS LUKOO</t>
  </si>
  <si>
    <t>Lukoo</t>
  </si>
  <si>
    <t>Govt.Girls High School lukoo</t>
  </si>
  <si>
    <t>Ayesha Nisar</t>
  </si>
  <si>
    <t>GHS 178/7R</t>
  </si>
  <si>
    <t>chak no 178/7r Tehsil fortabbas district bahawaln agar</t>
  </si>
  <si>
    <t>178/7r</t>
  </si>
  <si>
    <t>GMPS HADALA</t>
  </si>
  <si>
    <t>Hadala</t>
  </si>
  <si>
    <t>Village Hadala Teh Dina</t>
  </si>
  <si>
    <t>Mcdina</t>
  </si>
  <si>
    <t>Amina Parveen</t>
  </si>
  <si>
    <t>GGPS KHATKANA GRASS MANDI</t>
  </si>
  <si>
    <t>Ramzan Abad</t>
  </si>
  <si>
    <t>ramzan abad khatkana road multan</t>
  </si>
  <si>
    <t>GGPS JOJH</t>
  </si>
  <si>
    <t>Jojh</t>
  </si>
  <si>
    <t>ggpsjojh post office sabzpeer teh hassanabdal district attock</t>
  </si>
  <si>
    <t>Mehwish Naseem</t>
  </si>
  <si>
    <t>36451</t>
  </si>
  <si>
    <t>mouza allahabad</t>
  </si>
  <si>
    <t>Iffat Shahnaz</t>
  </si>
  <si>
    <t>GGPS CHAK NO.46/DB (E)</t>
  </si>
  <si>
    <t>Chak No. 46/DB E</t>
  </si>
  <si>
    <t>Chak No. 46/DB</t>
  </si>
  <si>
    <t>chak no. 46/dB E</t>
  </si>
  <si>
    <t>30246</t>
  </si>
  <si>
    <t>GGHS KOT SULTAN</t>
  </si>
  <si>
    <t>JAM RID</t>
  </si>
  <si>
    <t>KOT SULTAN URBAN</t>
  </si>
  <si>
    <t>ROBINA TEHSEEN</t>
  </si>
  <si>
    <t>49965</t>
  </si>
  <si>
    <t>GPS MONGO WALI</t>
  </si>
  <si>
    <t>Mongowali</t>
  </si>
  <si>
    <t>gps mongowali</t>
  </si>
  <si>
    <t>Noreywala</t>
  </si>
  <si>
    <t>9659</t>
  </si>
  <si>
    <t>GGPS CHAK 274/HR (W)</t>
  </si>
  <si>
    <t>274 Hr W</t>
  </si>
  <si>
    <t>274 HR (W)</t>
  </si>
  <si>
    <t>274 HR  W</t>
  </si>
  <si>
    <t>GGPS CHAK 24/77</t>
  </si>
  <si>
    <t>Chalk no 24/77 p/o syedwala</t>
  </si>
  <si>
    <t>Ckak 24/77</t>
  </si>
  <si>
    <t>GPS JABBI GHARBI</t>
  </si>
  <si>
    <t>GPS jabbi gharbi.v.p.o. jabbi .The &amp; distt .khushab</t>
  </si>
  <si>
    <t>54677</t>
  </si>
  <si>
    <t>GGPS 58/SP BAGYANA</t>
  </si>
  <si>
    <t>58/sp</t>
  </si>
  <si>
    <t>58/sp bakyana</t>
  </si>
  <si>
    <t>Asifa Bashir</t>
  </si>
  <si>
    <t>GPS CHAK NO.104/NP</t>
  </si>
  <si>
    <t>Chak 105 Np</t>
  </si>
  <si>
    <t>Chak no 104 np</t>
  </si>
  <si>
    <t>GGPS 163/P</t>
  </si>
  <si>
    <t>163p</t>
  </si>
  <si>
    <t>ggps163p m.khan postel address</t>
  </si>
  <si>
    <t>GPS CHAK NO. 42/DB</t>
  </si>
  <si>
    <t>Chakok</t>
  </si>
  <si>
    <t>Chak no 42db teh noopur. dist khushab punjab</t>
  </si>
  <si>
    <t>Chak No 42db</t>
  </si>
  <si>
    <t>Rangpur Bagur</t>
  </si>
  <si>
    <t>GGPS DAU KHELAN WALA</t>
  </si>
  <si>
    <t>Ggpsdaukhel Chhidru</t>
  </si>
  <si>
    <t>GPS RAKH MAKHDOOM VENOI, P/O 11/AH, KHANEWAL</t>
  </si>
  <si>
    <t>Rakh Makhdum Vinoi</t>
  </si>
  <si>
    <t>gps rakh makhfum vinoi. p/o chak No 11/AH</t>
  </si>
  <si>
    <t>Chak No 12/AH</t>
  </si>
  <si>
    <t>Muddasdar Hassan</t>
  </si>
  <si>
    <t>GMMS 151/10-R, JAHANIAN</t>
  </si>
  <si>
    <t>151/10 R</t>
  </si>
  <si>
    <t>Govt.Model Middle school 151/10 r</t>
  </si>
  <si>
    <t>Shabnum Javeed</t>
  </si>
  <si>
    <t>GGPS BABU RAI</t>
  </si>
  <si>
    <t>babu rai</t>
  </si>
  <si>
    <t>Babu rai</t>
  </si>
  <si>
    <t>salaray</t>
  </si>
  <si>
    <t>Robina rehman</t>
  </si>
  <si>
    <t>GES QASBA RUKAN PUR</t>
  </si>
  <si>
    <t>Galoor Masu Khan</t>
  </si>
  <si>
    <t>Chack  Jhelareen</t>
  </si>
  <si>
    <t>Basti  Gud  Pur  Po  Lohar  Wala  DGKhan</t>
  </si>
  <si>
    <t>Basti  Gud Pur</t>
  </si>
  <si>
    <t>Basti  Khosa</t>
  </si>
  <si>
    <t>GGES CHAK NO 106 ML</t>
  </si>
  <si>
    <t>chak 106 Ml</t>
  </si>
  <si>
    <t>Chak 106 ML</t>
  </si>
  <si>
    <t>Fateh Pur Urban</t>
  </si>
  <si>
    <t>GPS CHAK NO.168/171 NB</t>
  </si>
  <si>
    <t>Chak No168/171 NB</t>
  </si>
  <si>
    <t>Chak No. 168 NB</t>
  </si>
  <si>
    <t>Chak No169 NB</t>
  </si>
  <si>
    <t>41393</t>
  </si>
  <si>
    <t>40519</t>
  </si>
  <si>
    <t>GPS SHAH ABAD</t>
  </si>
  <si>
    <t>Muridke Gaon</t>
  </si>
  <si>
    <t>Bangla Nehar Sargodha Road Farooqabad</t>
  </si>
  <si>
    <t>Riaz Mahmood</t>
  </si>
  <si>
    <t>GMPS KOT KHUSHHAL SINGH</t>
  </si>
  <si>
    <t>village kot Khushal  Singh post office  muhammadi pur0</t>
  </si>
  <si>
    <t>Kot Khushal Singh</t>
  </si>
  <si>
    <t>Sadia Sabir</t>
  </si>
  <si>
    <t>GGPS 48 KB</t>
  </si>
  <si>
    <t>48/kb</t>
  </si>
  <si>
    <t>Chak no 48/KB burewala</t>
  </si>
  <si>
    <t>11018</t>
  </si>
  <si>
    <t>43132</t>
  </si>
  <si>
    <t>GES CHAK BAQAR SHAH</t>
  </si>
  <si>
    <t>Asmat Zia</t>
  </si>
  <si>
    <t>GGPS CHAK BUKHTAWAR</t>
  </si>
  <si>
    <t>Chak Bakhtawar</t>
  </si>
  <si>
    <t>VPO Chak Bakhtawar Tehsil Kharian District Gujrat</t>
  </si>
  <si>
    <t>Guliyana</t>
  </si>
  <si>
    <t>GPS CHAK NO.7/4-R</t>
  </si>
  <si>
    <t>7/4 R</t>
  </si>
  <si>
    <t>p/o rangpur mauza kaudiwal</t>
  </si>
  <si>
    <t>chak no7/4/R</t>
  </si>
  <si>
    <t>52150</t>
  </si>
  <si>
    <t>GGCMES 121 EB</t>
  </si>
  <si>
    <t>M Nagar</t>
  </si>
  <si>
    <t>Chak no 121/ EB</t>
  </si>
  <si>
    <t>121/EB</t>
  </si>
  <si>
    <t>14991</t>
  </si>
  <si>
    <t>GPS THATTA NOOR KA 580 GB</t>
  </si>
  <si>
    <t>Thattha Noor Ka</t>
  </si>
  <si>
    <t>chack no 580 gb jaranwala</t>
  </si>
  <si>
    <t>580 Gb</t>
  </si>
  <si>
    <t>378 Gb</t>
  </si>
  <si>
    <t>GMPS KHERA MUSA (PALAM PURA)</t>
  </si>
  <si>
    <t>Nankchand</t>
  </si>
  <si>
    <t>GMPS Khera Musa</t>
  </si>
  <si>
    <t>Khera Musa</t>
  </si>
  <si>
    <t>Ganga Sing</t>
  </si>
  <si>
    <t>Sumera Younas</t>
  </si>
  <si>
    <t>GES CHAK NO 225 JB</t>
  </si>
  <si>
    <t>Chak No225 Jb</t>
  </si>
  <si>
    <t>G.E.S.  Chak No. 225 JB, Bhowana</t>
  </si>
  <si>
    <t>Chak No 225</t>
  </si>
  <si>
    <t>Mangoana</t>
  </si>
  <si>
    <t>51565</t>
  </si>
  <si>
    <t>10557</t>
  </si>
  <si>
    <t>GES CHAK NO 168 TDA</t>
  </si>
  <si>
    <t>Chak No 168/TDA</t>
  </si>
  <si>
    <t>chak no 168/TDA P/O ladhana tehsil &amp; district layyah</t>
  </si>
  <si>
    <t>Chak No 164-A/TDA</t>
  </si>
  <si>
    <t>Saleem ullah</t>
  </si>
  <si>
    <t>GGES SHAREENH</t>
  </si>
  <si>
    <t>gges shareenh</t>
  </si>
  <si>
    <t>Iram naz</t>
  </si>
  <si>
    <t>GGPS BASTI ZOHAR ALI</t>
  </si>
  <si>
    <t>GGPS Zohar ali</t>
  </si>
  <si>
    <t>Zohar ali</t>
  </si>
  <si>
    <t>Mison kot buha</t>
  </si>
  <si>
    <t>GGES QUTBA</t>
  </si>
  <si>
    <t>Qutbah</t>
  </si>
  <si>
    <t>GGES/ Qutbah</t>
  </si>
  <si>
    <t>Fathy Pur</t>
  </si>
  <si>
    <t>GGPS AL-SHAMAS-UL-QAMAR (NEW NAME)</t>
  </si>
  <si>
    <t>GGPS Al Shamas ul Qamar Sial Sharif</t>
  </si>
  <si>
    <t>GPS ALI KHAN KHAIL</t>
  </si>
  <si>
    <t>Lukkoo</t>
  </si>
  <si>
    <t>lukkoo</t>
  </si>
  <si>
    <t>MUHAMMAD DANISH WATTOO</t>
  </si>
  <si>
    <t>GES WAHI SALAMAT ROY</t>
  </si>
  <si>
    <t>G E S Wahi Salamat Ray</t>
  </si>
  <si>
    <t>Hati Motan Mall</t>
  </si>
  <si>
    <t>GES THATHI NOOR</t>
  </si>
  <si>
    <t>thatti noor Tehsil bhalwal dist Sargodha</t>
  </si>
  <si>
    <t>Thatti  Noor</t>
  </si>
  <si>
    <t>GMMS BASTI NAU DAKHLI</t>
  </si>
  <si>
    <t>BANGALWALA</t>
  </si>
  <si>
    <t>BASTI NAU DAAKHLI, MULTAN</t>
  </si>
  <si>
    <t>BASTI NAU DAAHLI</t>
  </si>
  <si>
    <t>SHABAN ALI</t>
  </si>
  <si>
    <t>38806</t>
  </si>
  <si>
    <t>GES 149/9-L</t>
  </si>
  <si>
    <t>Chak No 149/9L</t>
  </si>
  <si>
    <t>Chak No.149/9L Tehsil &amp; District Sahiwal</t>
  </si>
  <si>
    <t>GGES CHAK NO. 146 ML</t>
  </si>
  <si>
    <t>chak146ml</t>
  </si>
  <si>
    <t>chak no 146ml</t>
  </si>
  <si>
    <t>chak518TDA</t>
  </si>
  <si>
    <t>GES KHANPUR SHUMALI</t>
  </si>
  <si>
    <t>Maoza Khanpur Shumali, bhakkar</t>
  </si>
  <si>
    <t>Maoza Khanpur  Shumali</t>
  </si>
  <si>
    <t>Saray Mohajir 205TDA</t>
  </si>
  <si>
    <t>GPS MC NO. 2 CHICHAWTNI BLOCK NO.2</t>
  </si>
  <si>
    <t>Block no.2 Chichawatni</t>
  </si>
  <si>
    <t>TAHIR FAROOQ</t>
  </si>
  <si>
    <t>GPS MOADIB CHAK NO.104/NP NAWAN KOT</t>
  </si>
  <si>
    <t>moza qazi tahir shaheed p/o nawankot khan pur ryk</t>
  </si>
  <si>
    <t>Chak 104 /np</t>
  </si>
  <si>
    <t>GPS DHOK KANJAN</t>
  </si>
  <si>
    <t>Village and P O Kamra Teh Fateh jang Attock</t>
  </si>
  <si>
    <t>GPS KALO WALI</t>
  </si>
  <si>
    <t>VPO kalowali The&amp;Distt M B Din</t>
  </si>
  <si>
    <t>Kandhan Wala</t>
  </si>
  <si>
    <t>Naveed Arshad</t>
  </si>
  <si>
    <t>GGES 86/5 (AB)</t>
  </si>
  <si>
    <t>86/5R AB</t>
  </si>
  <si>
    <t>GGES 86/5 R AB Haroonabad</t>
  </si>
  <si>
    <t>Razia Beghum</t>
  </si>
  <si>
    <t>GES TAITRI</t>
  </si>
  <si>
    <t>Taitri</t>
  </si>
  <si>
    <t>Govt E/s Taitri tehsil Noor pur District khushab</t>
  </si>
  <si>
    <t>GES NOON DAGGAR</t>
  </si>
  <si>
    <t>nooon daggar tehsil kallur kot distt.Bhakkar</t>
  </si>
  <si>
    <t>abdul rahim</t>
  </si>
  <si>
    <t>GGPS CHAK 369 JB I JUDHA NAGARI</t>
  </si>
  <si>
    <t>Chak #369 Jb</t>
  </si>
  <si>
    <t>chak # 369 jb 1 jodha ngri</t>
  </si>
  <si>
    <t>369jb</t>
  </si>
  <si>
    <t>Chak #158 Gb</t>
  </si>
  <si>
    <t>12842</t>
  </si>
  <si>
    <t>Qutub Abrind</t>
  </si>
  <si>
    <t>GGPS Azizabad shahjmal</t>
  </si>
  <si>
    <t>Shahjmal</t>
  </si>
  <si>
    <t>34519</t>
  </si>
  <si>
    <t>GGMES DAUD</t>
  </si>
  <si>
    <t>daud</t>
  </si>
  <si>
    <t>Pajuwali</t>
  </si>
  <si>
    <t>Shafqat Ara</t>
  </si>
  <si>
    <t>GPS WAHID BUX LAR</t>
  </si>
  <si>
    <t>Wahid bux Lar</t>
  </si>
  <si>
    <t>government primary school wahid bux lar</t>
  </si>
  <si>
    <t>47354</t>
  </si>
  <si>
    <t>GGPS ZALLA</t>
  </si>
  <si>
    <t>Moza Zalla, UC Gulmeri</t>
  </si>
  <si>
    <t>Jag Sabhai</t>
  </si>
  <si>
    <t>GMPS GAJRAN WALI</t>
  </si>
  <si>
    <t>Gajranwali</t>
  </si>
  <si>
    <t>Village Gajranwali tehsil wnd district HafiZabad</t>
  </si>
  <si>
    <t>Farah Ghaffar</t>
  </si>
  <si>
    <t>Noor Jamal (N)</t>
  </si>
  <si>
    <t>Fatah Bhand</t>
  </si>
  <si>
    <t>Benish  Sana</t>
  </si>
  <si>
    <t>GES 59/10-R</t>
  </si>
  <si>
    <t>GES. 59.10R. Khanewal</t>
  </si>
  <si>
    <t>73/10-R</t>
  </si>
  <si>
    <t>Muhammad Iqbal Nasir</t>
  </si>
  <si>
    <t>Rajuwala</t>
  </si>
  <si>
    <t>Rajuwala p/o Donga Bonga Tehsil &amp; District Bahawalnagar</t>
  </si>
  <si>
    <t>Sofia Alam</t>
  </si>
  <si>
    <t>49193</t>
  </si>
  <si>
    <t>GGPS NO.2 CHAK NO.90 SB</t>
  </si>
  <si>
    <t>Anwraabad</t>
  </si>
  <si>
    <t>g g p s no 2 Chak 90 s.b</t>
  </si>
  <si>
    <t>90 Sb</t>
  </si>
  <si>
    <t>36sb</t>
  </si>
  <si>
    <t>Rahila Kanwal</t>
  </si>
  <si>
    <t>GPS CHAK NO.155 NB</t>
  </si>
  <si>
    <t>Chak No 155 NB</t>
  </si>
  <si>
    <t>chak No 155NB</t>
  </si>
  <si>
    <t>Shahnikdur</t>
  </si>
  <si>
    <t>GGPS TUBE WELL ABDUL GHAFOOR</t>
  </si>
  <si>
    <t>GGPS Tube Well Abdul Ghafoor.</t>
  </si>
  <si>
    <t>Chak 665/6gb</t>
  </si>
  <si>
    <t>Sameea Aslam</t>
  </si>
  <si>
    <t>49942</t>
  </si>
  <si>
    <t>GPS GHAZNI</t>
  </si>
  <si>
    <t>Muhammad Ali Wala</t>
  </si>
  <si>
    <t>Ghazni Tehsil Sahiwal District Sargodha</t>
  </si>
  <si>
    <t>Ghazni</t>
  </si>
  <si>
    <t>GGPS CHAK 271/1-L</t>
  </si>
  <si>
    <t>271/1l</t>
  </si>
  <si>
    <t>Chak No 271/1l</t>
  </si>
  <si>
    <t>225/1l</t>
  </si>
  <si>
    <t>Ana Sharmeen</t>
  </si>
  <si>
    <t>GPS SOHARAY WALA</t>
  </si>
  <si>
    <t>V&amp;P:Roda,teh&amp;distt:Khushab</t>
  </si>
  <si>
    <t>NASIR HUSSAIN</t>
  </si>
  <si>
    <t>42345</t>
  </si>
  <si>
    <t>GHS RAMAN</t>
  </si>
  <si>
    <t>54889</t>
  </si>
  <si>
    <t>GPS CHAK NO. 237 JB (WEST)</t>
  </si>
  <si>
    <t>Chak No 237 JB West</t>
  </si>
  <si>
    <t>Chak No.237 JB West Tehsil Bhowana Distt Chiniot</t>
  </si>
  <si>
    <t>Chak No  237 JB West</t>
  </si>
  <si>
    <t>Chak No 184 JB Sial</t>
  </si>
  <si>
    <t>Muhammad Javaid Haral</t>
  </si>
  <si>
    <t>basti janglah mouza Murad pur janobi tehsil Ali pur district muzaffar garh</t>
  </si>
  <si>
    <t>GGES CDG JUNIOR MODEL ISLAM NAGAR SHAHDARA</t>
  </si>
  <si>
    <t>st no 1 nasar colony shahdara</t>
  </si>
  <si>
    <t>Naser  Colony</t>
  </si>
  <si>
    <t>Naser Colony</t>
  </si>
  <si>
    <t>Sajida Mehboob</t>
  </si>
  <si>
    <t>52062</t>
  </si>
  <si>
    <t>GGPS 29 EB P.O. 19 EB</t>
  </si>
  <si>
    <t>29eb</t>
  </si>
  <si>
    <t>chalk no 29/eb</t>
  </si>
  <si>
    <t>29/eb</t>
  </si>
  <si>
    <t>Peer Sadar Deen</t>
  </si>
  <si>
    <t>35125</t>
  </si>
  <si>
    <t>GPS RAIKEY</t>
  </si>
  <si>
    <t>vpo raikay teh phalia district m b din</t>
  </si>
  <si>
    <t>Ikram Shahzad Aslam</t>
  </si>
  <si>
    <t>10034</t>
  </si>
  <si>
    <t>GHS PUL BAJWAN</t>
  </si>
  <si>
    <t>Pulbajwan</t>
  </si>
  <si>
    <t>pulbajwan</t>
  </si>
  <si>
    <t>Majid Hussain</t>
  </si>
  <si>
    <t>GPS CHAK NO. 56/D (NEW)</t>
  </si>
  <si>
    <t>56/d New</t>
  </si>
  <si>
    <t>chak no 56/d New P/O chak badi tehsil and district PAKPATTAN</t>
  </si>
  <si>
    <t>Hellah Wattowan</t>
  </si>
  <si>
    <t>Maqsoom Hayder</t>
  </si>
  <si>
    <t>GPS JAM</t>
  </si>
  <si>
    <t>Jam</t>
  </si>
  <si>
    <t>gps jam mouza jam p/o notak tehsil bhakkar</t>
  </si>
  <si>
    <t>17436</t>
  </si>
  <si>
    <t>GGPS CHAK NO 219 JB</t>
  </si>
  <si>
    <t>Chak No 219/JB</t>
  </si>
  <si>
    <t>Chak No.219/JB Tehsil &amp; Disrict Jang</t>
  </si>
  <si>
    <t>Chak No 265/JB</t>
  </si>
  <si>
    <t>RUKHSANA  TUBBSUM</t>
  </si>
  <si>
    <t>GES KOT NAWAN</t>
  </si>
  <si>
    <t>Solungy Awan</t>
  </si>
  <si>
    <t>Azhar Munir</t>
  </si>
  <si>
    <t>GPS CHAK 357 GB PO 128 GB</t>
  </si>
  <si>
    <t>Nilianwala</t>
  </si>
  <si>
    <t>chak no 357gb</t>
  </si>
  <si>
    <t>Chak No 357 Gb</t>
  </si>
  <si>
    <t>Riaz Hussain Anjum</t>
  </si>
  <si>
    <t>GGES CHAWEKA (BWN)</t>
  </si>
  <si>
    <t>chaweka</t>
  </si>
  <si>
    <t>chewaka utar p/o jphlsn arian</t>
  </si>
  <si>
    <t>tomba qalander shah</t>
  </si>
  <si>
    <t>Nasim Akther</t>
  </si>
  <si>
    <t>GPS CHAK NO 94 JB</t>
  </si>
  <si>
    <t>94 JB GOJRA</t>
  </si>
  <si>
    <t>94 JB TEH. GOJRA</t>
  </si>
  <si>
    <t>CHAK NO 94 JB</t>
  </si>
  <si>
    <t>KASHIF MAHMOOD</t>
  </si>
  <si>
    <t>GPS BASTI GHAZAR P/O MUZAFAARABAD</t>
  </si>
  <si>
    <t>Jakhar pur</t>
  </si>
  <si>
    <t>Basti gazar MUZAFFARABAD multan</t>
  </si>
  <si>
    <t>GGES CHAK NO 160 TDA</t>
  </si>
  <si>
    <t>chak#160/TDA jawali jamman shah layyah</t>
  </si>
  <si>
    <t>Basti Jawali</t>
  </si>
  <si>
    <t>GGES KABIR PUR</t>
  </si>
  <si>
    <t>GGES KABIRPURBASTI SHAH PUR</t>
  </si>
  <si>
    <t>19415</t>
  </si>
  <si>
    <t>GGPS PATTI DRIGH</t>
  </si>
  <si>
    <t>Pattidrigh</t>
  </si>
  <si>
    <t>patti drigh</t>
  </si>
  <si>
    <t>Khorain Wali</t>
  </si>
  <si>
    <t>Mahal khakhi</t>
  </si>
  <si>
    <t>13162</t>
  </si>
  <si>
    <t>GGPS SAHIBA WALA NO. 1</t>
  </si>
  <si>
    <t>sahiba wala</t>
  </si>
  <si>
    <t>kot said khan</t>
  </si>
  <si>
    <t>phullan toli</t>
  </si>
  <si>
    <t>Saima Qurban</t>
  </si>
  <si>
    <t>17545</t>
  </si>
  <si>
    <t>GGPS ABADI JAHANGEER</t>
  </si>
  <si>
    <t>Korian</t>
  </si>
  <si>
    <t>Abadi Jahangeer, Moza Korian, Tehsil &amp; District Jhang</t>
  </si>
  <si>
    <t>Abadi Jahangeer</t>
  </si>
  <si>
    <t>SALWEHA JABEEN</t>
  </si>
  <si>
    <t>GPS MC DEHLI GATE MULTAN</t>
  </si>
  <si>
    <t>Agha Pua</t>
  </si>
  <si>
    <t>PS dahli gate multan</t>
  </si>
  <si>
    <t>Peer Gohar Sultan</t>
  </si>
  <si>
    <t>GGPS THALWARI</t>
  </si>
  <si>
    <t>GGPS basti basti Hashim  moza thalwari</t>
  </si>
  <si>
    <t>Ameen Grah</t>
  </si>
  <si>
    <t>GGPS CHAK NO 161 JB GUNIANA</t>
  </si>
  <si>
    <t>chak161 Guniana</t>
  </si>
  <si>
    <t>Rehana Zafar</t>
  </si>
  <si>
    <t>GPS KHUDA BUKSH JOIYA</t>
  </si>
  <si>
    <t>Basti Gazraan Moza Kotla Nawab</t>
  </si>
  <si>
    <t>Basti Gazraan</t>
  </si>
  <si>
    <t>Lal muhammad Zahid</t>
  </si>
  <si>
    <t>GGES 138 EB</t>
  </si>
  <si>
    <t>138 Eb</t>
  </si>
  <si>
    <t>chak no 138/eb teh. burewala disst.vehari</t>
  </si>
  <si>
    <t>138/eb</t>
  </si>
  <si>
    <t>148/eb</t>
  </si>
  <si>
    <t>40721</t>
  </si>
  <si>
    <t>GPS BANNA SHAH PUR</t>
  </si>
  <si>
    <t>GPS bana shah pur</t>
  </si>
  <si>
    <t>Thata Qureshi</t>
  </si>
  <si>
    <t>GES RAZAI SHAH SHUMALI</t>
  </si>
  <si>
    <t>razai Shah Shumali bhakkar</t>
  </si>
  <si>
    <t>Razai Shah Shumali Bhakkar</t>
  </si>
  <si>
    <t>Peer Ashab Dagar</t>
  </si>
  <si>
    <t>Atta Ullah Khan</t>
  </si>
  <si>
    <t>GES CHAK NO.52/WB</t>
  </si>
  <si>
    <t>52/wb East</t>
  </si>
  <si>
    <t>chak no.52/wb east</t>
  </si>
  <si>
    <t>Muhammad Akram Rana</t>
  </si>
  <si>
    <t>GPS KABIR PUR MULTAN</t>
  </si>
  <si>
    <t>basti kabeer pur</t>
  </si>
  <si>
    <t>52757</t>
  </si>
  <si>
    <t>GGPS DEEP SINGH</t>
  </si>
  <si>
    <t>Deep Singh</t>
  </si>
  <si>
    <t>GGPS Deep singh</t>
  </si>
  <si>
    <t>Ajaz Praveen</t>
  </si>
  <si>
    <t>GGPS ALLAH JIWAYA LARR</t>
  </si>
  <si>
    <t>basti jam Iqbal lar city khanbela teh.lqp.dist.ryk</t>
  </si>
  <si>
    <t>Jam Iqbal Lar</t>
  </si>
  <si>
    <t>Fehmeeda Rasheed</t>
  </si>
  <si>
    <t>GPS AAHATA LEGHARI</t>
  </si>
  <si>
    <t>Basti Shah Muhammad Mari Tillu Road Sadiq abad district RYK</t>
  </si>
  <si>
    <t>Basti Shah Muhammad  Muhammad Mari</t>
  </si>
  <si>
    <t>GPS CHAK NO. 17-D</t>
  </si>
  <si>
    <t>17/D</t>
  </si>
  <si>
    <t>chakadian no. 17/D tehsil Depal pur</t>
  </si>
  <si>
    <t>44394</t>
  </si>
  <si>
    <t>GPS MOHALLA TIBBA JANUBI</t>
  </si>
  <si>
    <t>Govt. P/S Tibba Janubi</t>
  </si>
  <si>
    <t>GES JABAIR PUR</t>
  </si>
  <si>
    <t>VPO Jabairpur Teh. &amp; District chakwal</t>
  </si>
  <si>
    <t>GGES CHAK 441 JB</t>
  </si>
  <si>
    <t>Chak#441</t>
  </si>
  <si>
    <t>gges chak #441jb</t>
  </si>
  <si>
    <t>GES ARA AKBAR SHAH</t>
  </si>
  <si>
    <t>Rao Bella Garbi</t>
  </si>
  <si>
    <t>Basti Ara Akbar Shah Mouza Rao Bella Gharbi</t>
  </si>
  <si>
    <t>Basti Ara Akbar Shah</t>
  </si>
  <si>
    <t>Basheer hussain</t>
  </si>
  <si>
    <t>GGPS CHAK 293 JB</t>
  </si>
  <si>
    <t>Chakn293 Jb</t>
  </si>
  <si>
    <t>ggps 293 jb toba tek singh</t>
  </si>
  <si>
    <t>Chak 293 Jb Talwandi Dogran</t>
  </si>
  <si>
    <t>Rifat Yasmin</t>
  </si>
  <si>
    <t>GGPS PANCH MARLA SCHEME ALLAH ABAD</t>
  </si>
  <si>
    <t>Allah Bad</t>
  </si>
  <si>
    <t>Bhutto colony Allah Bad</t>
  </si>
  <si>
    <t>GPS APPOUTH JANJIANA</t>
  </si>
  <si>
    <t>Aputh Janiana</t>
  </si>
  <si>
    <t>Moza aputh Janiana shorkot jhang</t>
  </si>
  <si>
    <t>Farrukh Mahmood Khan</t>
  </si>
  <si>
    <t>GPS CHAK GAGRA P/O JHOK VAINCE MOZA CHAK GAGRA MULTAN</t>
  </si>
  <si>
    <t>Chak Gagra</t>
  </si>
  <si>
    <t>moza chak gagra Matti tal post office jal wala</t>
  </si>
  <si>
    <t>GGPS BAJAK</t>
  </si>
  <si>
    <t>basti charag din</t>
  </si>
  <si>
    <t>Basti Charag Din</t>
  </si>
  <si>
    <t>GPS CHHICHERAN WALI</t>
  </si>
  <si>
    <t>Chicheranwali</t>
  </si>
  <si>
    <t>chicheranwali teh phalia dist m.b.din</t>
  </si>
  <si>
    <t>Shafqat Aziz</t>
  </si>
  <si>
    <t>12883</t>
  </si>
  <si>
    <t>GGPS BULLEY WAHIN</t>
  </si>
  <si>
    <t>Bulley wahin</t>
  </si>
  <si>
    <t>Bulley wahin Muzaffar Garh</t>
  </si>
  <si>
    <t>Thattah Qureshi</t>
  </si>
  <si>
    <t>Sania Abid</t>
  </si>
  <si>
    <t>GPS CHAK NO.66/TDA</t>
  </si>
  <si>
    <t>Chak No 66 Tda</t>
  </si>
  <si>
    <t>CHAK NO 66 TDA</t>
  </si>
  <si>
    <t>GPS 66/TDA</t>
  </si>
  <si>
    <t>57/TDA</t>
  </si>
  <si>
    <t>NOOR SULTAN</t>
  </si>
  <si>
    <t>GPS CHAK NO. 523 EB</t>
  </si>
  <si>
    <t>523/eb</t>
  </si>
  <si>
    <t>chak no 523/eb</t>
  </si>
  <si>
    <t>GGPS CHAK NO 491 JB BASTI JANJUA ABADI</t>
  </si>
  <si>
    <t>chak no 491 janjua abadi</t>
  </si>
  <si>
    <t>Chainwala</t>
  </si>
  <si>
    <t>Erum Akram</t>
  </si>
  <si>
    <t>GPS KOT SHER KHAN</t>
  </si>
  <si>
    <t>kot sher khan</t>
  </si>
  <si>
    <t>basir pur kot sher khan</t>
  </si>
  <si>
    <t>maroof</t>
  </si>
  <si>
    <t>GGPS CHAK 583 GB LUNDIANWALA</t>
  </si>
  <si>
    <t>Danabaad</t>
  </si>
  <si>
    <t>chak num 583 gb jaranwala fsd</t>
  </si>
  <si>
    <t>Waseera Da Chak</t>
  </si>
  <si>
    <t>Waseera Da Chk</t>
  </si>
  <si>
    <t>Madiha M Hussain</t>
  </si>
  <si>
    <t>GPS CHAH QAZI WALA</t>
  </si>
  <si>
    <t>Shaikhani</t>
  </si>
  <si>
    <t>chah qazi wala p/o Notak tehsil and distt bhakkar</t>
  </si>
  <si>
    <t>Chah Qazi wala</t>
  </si>
  <si>
    <t>51866</t>
  </si>
  <si>
    <t>GPS 7 EB</t>
  </si>
  <si>
    <t>7 EB</t>
  </si>
  <si>
    <t>chak no 7eb  tehsil Arifwala disst.pakpattan</t>
  </si>
  <si>
    <t>13 Eb</t>
  </si>
  <si>
    <t>Muhammad Shamshad</t>
  </si>
  <si>
    <t>49068</t>
  </si>
  <si>
    <t>GPS MC MUHAMMADIA COLONY SARGODHA</t>
  </si>
  <si>
    <t>Shoulat Hayat CoOny</t>
  </si>
  <si>
    <t>street no 1 shoukat hayat colony</t>
  </si>
  <si>
    <t>Muhammad Ia Colony</t>
  </si>
  <si>
    <t>10554</t>
  </si>
  <si>
    <t>GES SONEY WALA</t>
  </si>
  <si>
    <t>SONEY WALA</t>
  </si>
  <si>
    <t>SONEY WALA P/O KOT SULTAN</t>
  </si>
  <si>
    <t>SIDDIQUE RId</t>
  </si>
  <si>
    <t>GMPS ISLAM PURA</t>
  </si>
  <si>
    <t>islampura</t>
  </si>
  <si>
    <t>Govt model primary school Islampura Bahawalnagar</t>
  </si>
  <si>
    <t>Basti shah Muhammad</t>
  </si>
  <si>
    <t>yasmin jalal</t>
  </si>
  <si>
    <t>GGES CHAIYAN WALA</t>
  </si>
  <si>
    <t>Saadat-un-Nisa</t>
  </si>
  <si>
    <t>GMPS CHAK 348 GB BAJRRA</t>
  </si>
  <si>
    <t>348 GB Bajra</t>
  </si>
  <si>
    <t>GMPS 348 GB BAJRA T.T.Singh</t>
  </si>
  <si>
    <t>Chak 348 GB Bajra</t>
  </si>
  <si>
    <t>Ansa Naseem</t>
  </si>
  <si>
    <t>17405</t>
  </si>
  <si>
    <t>34374</t>
  </si>
  <si>
    <t>GPS LAAL EASON BUNGAL WALA SHURQI TEH DISTT</t>
  </si>
  <si>
    <t>Bungle Wala sharqi</t>
  </si>
  <si>
    <t>basti tuday wala moza bungle wala sharqi tehsile and district multan</t>
  </si>
  <si>
    <t>Basti tuday Wala</t>
  </si>
  <si>
    <t>M Danial</t>
  </si>
  <si>
    <t>GPS MONGAR</t>
  </si>
  <si>
    <t>monger P.O. shah jewana city</t>
  </si>
  <si>
    <t>Mohammad Haneef</t>
  </si>
  <si>
    <t>GGHS NOOR JEHAN ISMAIL ABAD MULTAN</t>
  </si>
  <si>
    <t>Jhakar pur</t>
  </si>
  <si>
    <t>Colony textile mill ismailabad</t>
  </si>
  <si>
    <t>Ismailabad</t>
  </si>
  <si>
    <t>Farah Batool</t>
  </si>
  <si>
    <t>Colony textile mill</t>
  </si>
  <si>
    <t>GGES BONGA KHAN SINGH</t>
  </si>
  <si>
    <t>Bonga Khan Singh</t>
  </si>
  <si>
    <t>Village Bonga Khan Singh</t>
  </si>
  <si>
    <t>Bonga Ameer Singh</t>
  </si>
  <si>
    <t>Muqeeba Jaffar</t>
  </si>
  <si>
    <t>GGES 170/EB</t>
  </si>
  <si>
    <t>Rukhsana Naik</t>
  </si>
  <si>
    <t>18072</t>
  </si>
  <si>
    <t>GPS BASTI HASNANA</t>
  </si>
  <si>
    <t>Obhaan</t>
  </si>
  <si>
    <t>mohza obhahan p/o box khaki lakhi tehsil shorkot</t>
  </si>
  <si>
    <t>GGPS KOTLA JAAM  WARD NO. 111</t>
  </si>
  <si>
    <t>GGPS WARD NO.111 KOTLA JAM</t>
  </si>
  <si>
    <t>49223</t>
  </si>
  <si>
    <t>51372</t>
  </si>
  <si>
    <t>GPS 25/SP  PAKPATTAN</t>
  </si>
  <si>
    <t>Chak 25/sp</t>
  </si>
  <si>
    <t>chak no 25/sp pakpattan</t>
  </si>
  <si>
    <t>25/SP</t>
  </si>
  <si>
    <t>GPS SARDAR PUR MACHKA</t>
  </si>
  <si>
    <t>basti Haji Madad Ali p/o kashmore teh Sdk District ryk</t>
  </si>
  <si>
    <t>GMPS CHAK NO.48/ML</t>
  </si>
  <si>
    <t>Chak No 48ml</t>
  </si>
  <si>
    <t>Chak no 48ml the darya khan</t>
  </si>
  <si>
    <t>GGPS SHERA CHITRA</t>
  </si>
  <si>
    <t>Shazia Shagufta</t>
  </si>
  <si>
    <t>GPS KUND MALKANI NO.1 SARAI SIDHU</t>
  </si>
  <si>
    <t>Mouza Kund Malkani Teh Kabirwala Distt Khanew</t>
  </si>
  <si>
    <t>Qaswar Abbas</t>
  </si>
  <si>
    <t>GPS CHAK NO. 45/P</t>
  </si>
  <si>
    <t>Chak45p Teh. kpr.distt.ryk</t>
  </si>
  <si>
    <t>Chak45p</t>
  </si>
  <si>
    <t>Chak45</t>
  </si>
  <si>
    <t>GMPS ADDA MANGTANWALA</t>
  </si>
  <si>
    <t>GGPS Adda Mangtanwala</t>
  </si>
  <si>
    <t>Naheed Hakim Ali</t>
  </si>
  <si>
    <t>GMPS RATTI PINDI</t>
  </si>
  <si>
    <t>village Ratti Pindi Po Dara Kamoki Tehsil Phalia Dist M.B.Din</t>
  </si>
  <si>
    <t>Fozia Ansar</t>
  </si>
  <si>
    <t>52828</t>
  </si>
  <si>
    <t>GGPS RATTAY KAY</t>
  </si>
  <si>
    <t>Rattay Kay</t>
  </si>
  <si>
    <t>Rattay kay post office Haveli lakha</t>
  </si>
  <si>
    <t>GPS 381 GB NORTH</t>
  </si>
  <si>
    <t>381 GB North</t>
  </si>
  <si>
    <t>381 GB  North</t>
  </si>
  <si>
    <t>383 GB North</t>
  </si>
  <si>
    <t>arshad nawaz</t>
  </si>
  <si>
    <t>GES JUNDU</t>
  </si>
  <si>
    <t>Arif Hussain Shah</t>
  </si>
  <si>
    <t>49490</t>
  </si>
  <si>
    <t>44777</t>
  </si>
  <si>
    <t>GGPS SARDAR NOUL</t>
  </si>
  <si>
    <t>Nasheb</t>
  </si>
  <si>
    <t>Government Girls Primary School Sardar Noul</t>
  </si>
  <si>
    <t>Sardar Noul</t>
  </si>
  <si>
    <t>Shahida Yasmin</t>
  </si>
  <si>
    <t>GPS KASSI SADIQ WAH</t>
  </si>
  <si>
    <t>Kassi Sadiq Wah</t>
  </si>
  <si>
    <t>kassi sadiq wah</t>
  </si>
  <si>
    <t>GPS DHUD BHOUR TANDLIANWALA</t>
  </si>
  <si>
    <t>Moza Khae</t>
  </si>
  <si>
    <t>dhud Bhour</t>
  </si>
  <si>
    <t>Dhudh Bhour</t>
  </si>
  <si>
    <t>GPS KOT RAB NAWAZ P/O JHOKE LASHKAR PUR</t>
  </si>
  <si>
    <t>Miyani Rawah</t>
  </si>
  <si>
    <t>GPS KOT RAB NAWAZ P/ O JHOKE LASHKAR PUR VEHARI ROAD</t>
  </si>
  <si>
    <t>Umar Farooq Nizami</t>
  </si>
  <si>
    <t>GPS MEHO RONGA</t>
  </si>
  <si>
    <t>Range Pur</t>
  </si>
  <si>
    <t>moza rang Pur basti meho Rongha p/o mian Wali qureshian T/d Rahim yar khan</t>
  </si>
  <si>
    <t>Meho Rongha</t>
  </si>
  <si>
    <t>GGPS CHAK NO. 220/JB</t>
  </si>
  <si>
    <t>chak no 220jhangra</t>
  </si>
  <si>
    <t>Nadia Khalid</t>
  </si>
  <si>
    <t>18149</t>
  </si>
  <si>
    <t>GGPS CHAH ARAY WALA</t>
  </si>
  <si>
    <t>Bhango</t>
  </si>
  <si>
    <t>chah aray wala</t>
  </si>
  <si>
    <t>Chah Aray Wala</t>
  </si>
  <si>
    <t>Bhango Mouza</t>
  </si>
  <si>
    <t>GMPS JAM DANGRA, TULAMBA</t>
  </si>
  <si>
    <t>Jam Dangra</t>
  </si>
  <si>
    <t>mouza jam dangra</t>
  </si>
  <si>
    <t>Moza Jam Dangra</t>
  </si>
  <si>
    <t>GGES 71 EB</t>
  </si>
  <si>
    <t>Chak 71/eb</t>
  </si>
  <si>
    <t>Chak # 71/EB Tehsil Arifwala distt. ppn</t>
  </si>
  <si>
    <t>Chak  71/EB</t>
  </si>
  <si>
    <t>69/EB Ugro</t>
  </si>
  <si>
    <t>Samina Farhat Tasawar</t>
  </si>
  <si>
    <t>GES WAHRA GASHKORI</t>
  </si>
  <si>
    <t>Wara gishkori</t>
  </si>
  <si>
    <t>GES Wara Gishkori Tehsil Layyah District Layyah</t>
  </si>
  <si>
    <t>wara Gishkori</t>
  </si>
  <si>
    <t>kot Haji Shah</t>
  </si>
  <si>
    <t>37897</t>
  </si>
  <si>
    <t>GMPS 116/10-R OLD, JAHANIAN</t>
  </si>
  <si>
    <t>116/10-R Qadeem</t>
  </si>
  <si>
    <t>Gmps 116/10-R Qadeem</t>
  </si>
  <si>
    <t>140/10-R</t>
  </si>
  <si>
    <t>33621</t>
  </si>
  <si>
    <t>GES DISTRICT JAIL MULTAN</t>
  </si>
  <si>
    <t>Taraf Mubarik Awal</t>
  </si>
  <si>
    <t>govt elementary school district jail oppsit district jail</t>
  </si>
  <si>
    <t>GPS TIBI FAZIAL WALA</t>
  </si>
  <si>
    <t>Tibi Fazal wala khanpur</t>
  </si>
  <si>
    <t>Basti Tibi Fazal Wala</t>
  </si>
  <si>
    <t>Muhammad Tahir Bashir</t>
  </si>
  <si>
    <t>GPS UMAR SHAH</t>
  </si>
  <si>
    <t>Umar Shah</t>
  </si>
  <si>
    <t>Mouza umar shah</t>
  </si>
  <si>
    <t>Ali -U- Deen</t>
  </si>
  <si>
    <t>GPS JHOKE HAFIZ WALA</t>
  </si>
  <si>
    <t>Jhoke Hafiz Wali</t>
  </si>
  <si>
    <t>jhoke hafiz wai post office bhakkar</t>
  </si>
  <si>
    <t>Hummun Wali</t>
  </si>
  <si>
    <t>GPS CHAK NO 305 TDA</t>
  </si>
  <si>
    <t>305tda</t>
  </si>
  <si>
    <t>chak no 305tda p/o 306tda tehsil kror. district layyah</t>
  </si>
  <si>
    <t>Chak No 306tda</t>
  </si>
  <si>
    <t>Saifullah shahid</t>
  </si>
  <si>
    <t>GPS BORRI</t>
  </si>
  <si>
    <t>moza booripo longshumali</t>
  </si>
  <si>
    <t>Koteshashah</t>
  </si>
  <si>
    <t>GMPS CHAK JANO NAI ABADI</t>
  </si>
  <si>
    <t>Chak Jano Na</t>
  </si>
  <si>
    <t>chak jano n.a</t>
  </si>
  <si>
    <t>Zunaira Riaz</t>
  </si>
  <si>
    <t>GPS CHAK 110/P</t>
  </si>
  <si>
    <t>CHAK No110/P</t>
  </si>
  <si>
    <t>CHAK no.110/p, Rahim Yar Khan</t>
  </si>
  <si>
    <t>49058</t>
  </si>
  <si>
    <t>GES CHAK NO.34 NB</t>
  </si>
  <si>
    <t>Chak No 34 NB</t>
  </si>
  <si>
    <t>syed Akraam Ul Hasan Shah</t>
  </si>
  <si>
    <t>6087</t>
  </si>
  <si>
    <t>GPS CHAK NO 64 P</t>
  </si>
  <si>
    <t>Chak No. 64/P</t>
  </si>
  <si>
    <t>Sehjja</t>
  </si>
  <si>
    <t>MUHAMMAD KHALID ABBASI</t>
  </si>
  <si>
    <t>GGPS AMEER KHAN WALA NO 2</t>
  </si>
  <si>
    <t>Ameer Khan wala</t>
  </si>
  <si>
    <t>Ameer Khan Wala</t>
  </si>
  <si>
    <t>Fareeza Abbas</t>
  </si>
  <si>
    <t>GGES SHAM DIN</t>
  </si>
  <si>
    <t>Shamdin</t>
  </si>
  <si>
    <t>shamdin</t>
  </si>
  <si>
    <t>GGPS SHABAZI SHAR</t>
  </si>
  <si>
    <t>G.G.p.S Basti shahbazi shar</t>
  </si>
  <si>
    <t>Shahbazi Shar</t>
  </si>
  <si>
    <t>Shaista Kouser</t>
  </si>
  <si>
    <t>GES ALI PUR, KABIRWALA</t>
  </si>
  <si>
    <t>MUBARIK  PUR</t>
  </si>
  <si>
    <t>MUHAMMAD SHAFI JAVED</t>
  </si>
  <si>
    <t>GGPS RASHID ABAD</t>
  </si>
  <si>
    <t>zafar absd</t>
  </si>
  <si>
    <t>ggps raheed abad uc zafar abad tehsil layaqat pur dist rahim yar khan</t>
  </si>
  <si>
    <t>chanjni chowk</t>
  </si>
  <si>
    <t>12854</t>
  </si>
  <si>
    <t>GGES AHMAD MOHANA NO.2</t>
  </si>
  <si>
    <t>govt girls elementary school Ahmad mohana</t>
  </si>
  <si>
    <t>Shehla Shaheen</t>
  </si>
  <si>
    <t>51844</t>
  </si>
  <si>
    <t>GGES 159 EB M.NAGAR</t>
  </si>
  <si>
    <t>159eb</t>
  </si>
  <si>
    <t>159eb Arifwala Pakpattan</t>
  </si>
  <si>
    <t>147eb</t>
  </si>
  <si>
    <t>GPS BAGGER MOZA BAGGAR P/O JAL WALA</t>
  </si>
  <si>
    <t>basti baggar moza baggar jungle kalran wala p/o jall wala</t>
  </si>
  <si>
    <t>Jungle Kalran Wala</t>
  </si>
  <si>
    <t>Liaqat Hussain</t>
  </si>
  <si>
    <t>GPS REHMAT WALA</t>
  </si>
  <si>
    <t>Rehmat Wala</t>
  </si>
  <si>
    <t>Mouza Rehmat Wala P/O Shergarh Tehsil Depalpur, Okara</t>
  </si>
  <si>
    <t>Muhammad Tufail Sajid</t>
  </si>
  <si>
    <t>33693</t>
  </si>
  <si>
    <t>GPS UNION JUNIOR MODEL. MUHALLAH TIBBI SHER KHAN</t>
  </si>
  <si>
    <t>Mohallah Tibbi Sher Khan</t>
  </si>
  <si>
    <t>Mohallah Tibbi Sher Khan Kotla Tolay Khan Multan</t>
  </si>
  <si>
    <t>Tibbi Sher Khan Kotla Toly Khan</t>
  </si>
  <si>
    <t>44437</t>
  </si>
  <si>
    <t>GPS CHAK NO 68 TDA</t>
  </si>
  <si>
    <t>Chak 67 a tda</t>
  </si>
  <si>
    <t>Chak No 68 TDA Bhakkar</t>
  </si>
  <si>
    <t>Chak no 68 tda</t>
  </si>
  <si>
    <t>Chak No 57 tda</t>
  </si>
  <si>
    <t>GES KARAM PUR</t>
  </si>
  <si>
    <t>karampur</t>
  </si>
  <si>
    <t>26381</t>
  </si>
  <si>
    <t>GGES CHAK NO 265 JB</t>
  </si>
  <si>
    <t>Gawansa Wala</t>
  </si>
  <si>
    <t>chak no 265 j.b</t>
  </si>
  <si>
    <t>Chak 265 Jb</t>
  </si>
  <si>
    <t>Chak 265</t>
  </si>
  <si>
    <t>water pump + hand pump</t>
  </si>
  <si>
    <t>GMES 156 EB</t>
  </si>
  <si>
    <t>chak 156 E.B Burewala</t>
  </si>
  <si>
    <t>156/EB</t>
  </si>
  <si>
    <t>Rashida Naheed</t>
  </si>
  <si>
    <t>GGPS NOOR AHMAD LAR</t>
  </si>
  <si>
    <t>GGPS jam noor ahmad lar</t>
  </si>
  <si>
    <t>Basti Dad Potra</t>
  </si>
  <si>
    <t>Gohka</t>
  </si>
  <si>
    <t>Rukhsana Siddiqui</t>
  </si>
  <si>
    <t>51998</t>
  </si>
  <si>
    <t>GGPS MC NO. 3 AL-SADDIQUE TOWN</t>
  </si>
  <si>
    <t>61 Eb</t>
  </si>
  <si>
    <t>ggps  no  3. al  sadique   town arifwala</t>
  </si>
  <si>
    <t>Urban 4</t>
  </si>
  <si>
    <t>GPS BASTI M ALI MOZA SHAHPUR</t>
  </si>
  <si>
    <t>mouza shahpur, basti m ali rahim yar khan</t>
  </si>
  <si>
    <t>Nawab Din Freedi</t>
  </si>
  <si>
    <t>GGHS CHAK 318 JB</t>
  </si>
  <si>
    <t>Govt Girls Model High School 318 jb T T Singh</t>
  </si>
  <si>
    <t>318jb</t>
  </si>
  <si>
    <t>319jb</t>
  </si>
  <si>
    <t>GGES 40 EB PO 40 EB ARIF WALA</t>
  </si>
  <si>
    <t>Chak 40EB</t>
  </si>
  <si>
    <t>Chak No. 40EB Arifwala</t>
  </si>
  <si>
    <t>Chak No 40EB</t>
  </si>
  <si>
    <t>Chak No 48EB</t>
  </si>
  <si>
    <t>35039</t>
  </si>
  <si>
    <t>GHS 112 EB BUREWALA</t>
  </si>
  <si>
    <t>Chak No112</t>
  </si>
  <si>
    <t>chak no. 112/e.b</t>
  </si>
  <si>
    <t>Chan No124/Eb</t>
  </si>
  <si>
    <t>Dr Muhammad Anees Ahmad Shad</t>
  </si>
  <si>
    <t>GES CHAK 51 JB SAJJAD FSD</t>
  </si>
  <si>
    <t>SAJJAD FAISALABAD</t>
  </si>
  <si>
    <t>CHAK NO.51 JB SAJJAD FAISALABAD</t>
  </si>
  <si>
    <t>CHAK NO.58 JB LAHLAN FAISALABAD</t>
  </si>
  <si>
    <t>14679</t>
  </si>
  <si>
    <t>GGHS CHAK NO 124 JB MARZI PURA</t>
  </si>
  <si>
    <t>marzipura St#2 fsd</t>
  </si>
  <si>
    <t>marzipura</t>
  </si>
  <si>
    <t>Municipal Carporation</t>
  </si>
  <si>
    <t>naila roohi</t>
  </si>
  <si>
    <t>GPS CHAK 125 GB</t>
  </si>
  <si>
    <t>Chak 125 Gb</t>
  </si>
  <si>
    <t>Chak no 125   gb</t>
  </si>
  <si>
    <t>Chak 235 Gb</t>
  </si>
  <si>
    <t>GGPS SHARIF MOHALLA O-BLOCK</t>
  </si>
  <si>
    <t>GGPS O.BLOCK ARIFWALA</t>
  </si>
  <si>
    <t>Urban  01</t>
  </si>
  <si>
    <t>TEHSEEN FATIMA</t>
  </si>
  <si>
    <t>GGPS 84/EB ARIFWALA</t>
  </si>
  <si>
    <t>Chak 84 EB</t>
  </si>
  <si>
    <t>chak 84 eb arifwala</t>
  </si>
  <si>
    <t>84 Eb</t>
  </si>
  <si>
    <t>BalqeesAkhter</t>
  </si>
  <si>
    <t>GPS 63 EB</t>
  </si>
  <si>
    <t>63/E-B</t>
  </si>
  <si>
    <t>63 / E.B</t>
  </si>
  <si>
    <t>75 /E-B</t>
  </si>
  <si>
    <t>Ejaz   Hussain</t>
  </si>
  <si>
    <t>49091</t>
  </si>
  <si>
    <t>GHS CHAK NO.52 A-NB</t>
  </si>
  <si>
    <t>Ludaywala</t>
  </si>
  <si>
    <t>chak no.52 ANB</t>
  </si>
  <si>
    <t>Chak No 52 ANB</t>
  </si>
  <si>
    <t>raja riaz nasir</t>
  </si>
  <si>
    <t>51996</t>
  </si>
  <si>
    <t>GGPS MC NO. 1 F BLOCK ARIF WALA</t>
  </si>
  <si>
    <t>GGPS MC No. 1 F/Block Arifwala</t>
  </si>
  <si>
    <t>Urban Area 3</t>
  </si>
  <si>
    <t>Sumera Kanwal</t>
  </si>
  <si>
    <t>GGPS 32/4-L</t>
  </si>
  <si>
    <t>32/4l</t>
  </si>
  <si>
    <t>Miss Shafiqa Razzaq</t>
  </si>
  <si>
    <t>GPS CHAK NO 286 HR</t>
  </si>
  <si>
    <t>Chak 286HR</t>
  </si>
  <si>
    <t>chak no 286hr p/o chak no 281hr tehsil fortabbas,bwn</t>
  </si>
  <si>
    <t>Chak No 286HR</t>
  </si>
  <si>
    <t>Qamar Zaman Khan</t>
  </si>
  <si>
    <t>GGPS RAM CHAUTRA, SARAI SIDHU</t>
  </si>
  <si>
    <t>Ram Chotra</t>
  </si>
  <si>
    <t>Ggps ram chotra ada kot islam</t>
  </si>
  <si>
    <t>Bager Sergana</t>
  </si>
  <si>
    <t>50612</t>
  </si>
  <si>
    <t>GGPS 68/12-L</t>
  </si>
  <si>
    <t>Qundeel Fakhra</t>
  </si>
  <si>
    <t>GGPS GANGWAL</t>
  </si>
  <si>
    <t>Village Gangwal P.o Gangwal Sialkot</t>
  </si>
  <si>
    <t>Gangwal</t>
  </si>
  <si>
    <t>Aqsa Nazir</t>
  </si>
  <si>
    <t>35297</t>
  </si>
  <si>
    <t>GPS 45 KB</t>
  </si>
  <si>
    <t>Chak no 45/kb Tehsil Burewala Distt. Vehari</t>
  </si>
  <si>
    <t>Chak No 45/kb</t>
  </si>
  <si>
    <t>Chak No 50/kb</t>
  </si>
  <si>
    <t>GES LAKHAN</t>
  </si>
  <si>
    <t>Govt Boys Elementey Schoil Lakhan</t>
  </si>
  <si>
    <t>Waqas Razzaq</t>
  </si>
  <si>
    <t>GGPS BASTI RANA RASHID</t>
  </si>
  <si>
    <t>GGPS basti Rana Rasheed Sadiq Abad</t>
  </si>
  <si>
    <t>Basti Rana Rasheed</t>
  </si>
  <si>
    <t>GGPS DHOK MAIKIN P/O THOA BAHADAR CHAKWAL</t>
  </si>
  <si>
    <t>Dhok Maiken</t>
  </si>
  <si>
    <t>Ggps dhok maiken</t>
  </si>
  <si>
    <t>Rizwana Manzoor</t>
  </si>
  <si>
    <t>37023</t>
  </si>
  <si>
    <t>30418</t>
  </si>
  <si>
    <t>GPS RAILWAY COLONY WALTON</t>
  </si>
  <si>
    <t>Walton Lahore</t>
  </si>
  <si>
    <t>GPS railway colony walton</t>
  </si>
  <si>
    <t>Walton</t>
  </si>
  <si>
    <t>GGES KOT RAJA</t>
  </si>
  <si>
    <t>gges kotraja</t>
  </si>
  <si>
    <t>Shanaz Sher</t>
  </si>
  <si>
    <t>26994</t>
  </si>
  <si>
    <t>GES KARYALA</t>
  </si>
  <si>
    <t>GPS DHOK CHACH</t>
  </si>
  <si>
    <t>Dhok Chach Tehsil Fateh Jang District Attock</t>
  </si>
  <si>
    <t>Waheed Akhtar</t>
  </si>
  <si>
    <t>26297</t>
  </si>
  <si>
    <t>GGPS SUJOWAL</t>
  </si>
  <si>
    <t>sujowal</t>
  </si>
  <si>
    <t>GPS CHAK NO. 190 JB</t>
  </si>
  <si>
    <t>Chak No 190</t>
  </si>
  <si>
    <t>chak no 190</t>
  </si>
  <si>
    <t>Mehdi Imran</t>
  </si>
  <si>
    <t>38038</t>
  </si>
  <si>
    <t>moza fazal wah basti azeemabad vri</t>
  </si>
  <si>
    <t>GPS 158/WB OADAN WALI</t>
  </si>
  <si>
    <t>Chak Langha</t>
  </si>
  <si>
    <t>chak 158 WB odan wali P/O Choke metla  tehsil mailsi District vehari</t>
  </si>
  <si>
    <t>Chak No 158 WB Odan Wali</t>
  </si>
  <si>
    <t>25461</t>
  </si>
  <si>
    <t>GGPS BASTI BARA</t>
  </si>
  <si>
    <t>Murad Pur Janubi</t>
  </si>
  <si>
    <t>Basti Bara ,Moza: Murad pur janubi  ,Thsil:Alipur,District : Muzaffar  Garh</t>
  </si>
  <si>
    <t>BARA Bangla</t>
  </si>
  <si>
    <t>Mava Hamd</t>
  </si>
  <si>
    <t>GGPS CHAP SANDHI</t>
  </si>
  <si>
    <t>SAFIA SADDIQUE</t>
  </si>
  <si>
    <t>GGPS GURRAH HASHIM SHAH</t>
  </si>
  <si>
    <t>Gurah Hasim Shah</t>
  </si>
  <si>
    <t>Gurah hashim shah</t>
  </si>
  <si>
    <t>Gurah Hashim Shah</t>
  </si>
  <si>
    <t>Sabahat Saleem</t>
  </si>
  <si>
    <t>37341</t>
  </si>
  <si>
    <t>GPS MC 4-B KHANEWAL</t>
  </si>
  <si>
    <t>Colony # 1</t>
  </si>
  <si>
    <t>GOVT MC P/S 4B KHANEWAL</t>
  </si>
  <si>
    <t>Mc City</t>
  </si>
  <si>
    <t>GGES 14 KB PAKPATTAN</t>
  </si>
  <si>
    <t>14/KB</t>
  </si>
  <si>
    <t>Chak #14/KB</t>
  </si>
  <si>
    <t>15/KB</t>
  </si>
  <si>
    <t>Hina Shaheen</t>
  </si>
  <si>
    <t>GPS MOUJ DIN KATHIA</t>
  </si>
  <si>
    <t>Mouj din kathia</t>
  </si>
  <si>
    <t>GPS Mouj din Kathia shorkot city,  jhang</t>
  </si>
  <si>
    <t>Moujdin Kathia</t>
  </si>
  <si>
    <t>Khaki lucky</t>
  </si>
  <si>
    <t>waqas abbas</t>
  </si>
  <si>
    <t>GGPS RASHTER PUR KHARIAN</t>
  </si>
  <si>
    <t>Rashtar Pur Khary</t>
  </si>
  <si>
    <t>GGPs Rp khary distt nankana</t>
  </si>
  <si>
    <t>Rp Khary</t>
  </si>
  <si>
    <t>Sumeira Akram</t>
  </si>
  <si>
    <t>20274</t>
  </si>
  <si>
    <t>GGPS THATTA HARIAN NO. 1</t>
  </si>
  <si>
    <t>Mouza Kull The Lalian District Chiniot</t>
  </si>
  <si>
    <t>Mouza Kull</t>
  </si>
  <si>
    <t>water Pump+Hand Pump</t>
  </si>
  <si>
    <t>10964</t>
  </si>
  <si>
    <t>GGPS SARDAR ALLAH DIWAYA</t>
  </si>
  <si>
    <t>Taranda Muddo</t>
  </si>
  <si>
    <t>basti Sardar  Allah division moza taranda mudhu</t>
  </si>
  <si>
    <t>Sardar Allah Diwaya</t>
  </si>
  <si>
    <t>Summia Tabassum</t>
  </si>
  <si>
    <t>GPS CHAK NO 301 HR</t>
  </si>
  <si>
    <t>chak no 301/HR No301No301 HR</t>
  </si>
  <si>
    <t>chak 301HR fort Abbas, bahawalnagar</t>
  </si>
  <si>
    <t>Chak 301HR</t>
  </si>
  <si>
    <t>304HR</t>
  </si>
  <si>
    <t>Javeed Iqbal Shahid</t>
  </si>
  <si>
    <t>GES CHHOI</t>
  </si>
  <si>
    <t>mahala zohar khailØŒp.o kalri,teh,distt misnwali</t>
  </si>
  <si>
    <t>Chhoi</t>
  </si>
  <si>
    <t>Themewali</t>
  </si>
  <si>
    <t>GGES CHAK 319 GB</t>
  </si>
  <si>
    <t>chk no 319gb.</t>
  </si>
  <si>
    <t>319gb</t>
  </si>
  <si>
    <t>Munazza Khatoon</t>
  </si>
  <si>
    <t>GPS CHAK 20/A</t>
  </si>
  <si>
    <t>Chak20a</t>
  </si>
  <si>
    <t>govt boys  ps 20,a</t>
  </si>
  <si>
    <t>Muhammad  Mazhar</t>
  </si>
  <si>
    <t>GGPS SAJRI</t>
  </si>
  <si>
    <t>village sajri p/o box chack 2DB</t>
  </si>
  <si>
    <t>GMPS CHAK NO 35/3-R AB</t>
  </si>
  <si>
    <t>353r</t>
  </si>
  <si>
    <t>Chak 35\3r AB tehsil Haroonabad</t>
  </si>
  <si>
    <t>Chak 35 3r</t>
  </si>
  <si>
    <t>Chak 333r</t>
  </si>
  <si>
    <t>Asifa Shafi</t>
  </si>
  <si>
    <t>GES DASTI WALA</t>
  </si>
  <si>
    <t>Mouza Ghazi Pur Dasti, Dasti wala</t>
  </si>
  <si>
    <t>syed azhar hussain</t>
  </si>
  <si>
    <t>GPS GANJIAN WALI KALAN</t>
  </si>
  <si>
    <t>GUnjian Wali Kalaan</t>
  </si>
  <si>
    <t>Gunjianwali Kalaan</t>
  </si>
  <si>
    <t>Moman Kalaan</t>
  </si>
  <si>
    <t>37908</t>
  </si>
  <si>
    <t>GGPS 97-10/R OLD, JAHANIAN</t>
  </si>
  <si>
    <t>97/10R</t>
  </si>
  <si>
    <t>chak no.97/10-R old</t>
  </si>
  <si>
    <t>Chak No 97/10R Old</t>
  </si>
  <si>
    <t>57 10  R Vehniwal</t>
  </si>
  <si>
    <t>39270</t>
  </si>
  <si>
    <t>GGES 61 EB</t>
  </si>
  <si>
    <t>61EB</t>
  </si>
  <si>
    <t>g g.e.s 61/eb arifwala.</t>
  </si>
  <si>
    <t>Nasira Rana</t>
  </si>
  <si>
    <t>45592</t>
  </si>
  <si>
    <t>GMPS KHARAL NASHEB</t>
  </si>
  <si>
    <t>govt.model primary school,kharal nashiab</t>
  </si>
  <si>
    <t>Kharal Nashiab</t>
  </si>
  <si>
    <t>Khalida Nawaz</t>
  </si>
  <si>
    <t>36751</t>
  </si>
  <si>
    <t>GPS PUL BAGAR WALI, MOUZA HATARAN, SARAI SIDHU</t>
  </si>
  <si>
    <t>moza hataran tehsil kabirwala district khanewal</t>
  </si>
  <si>
    <t>GMPS DOMRA BASTI DOMRA MULTAN</t>
  </si>
  <si>
    <t>Doomra</t>
  </si>
  <si>
    <t>basti doomra budhla road multan</t>
  </si>
  <si>
    <t>Sumaira Khalid</t>
  </si>
  <si>
    <t>20014</t>
  </si>
  <si>
    <t>GGPS MUSTAFABAD CHINOT</t>
  </si>
  <si>
    <t>Mohallah mustufabad</t>
  </si>
  <si>
    <t>Rahaman Abad</t>
  </si>
  <si>
    <t>GMPS DHOK WAHAB</t>
  </si>
  <si>
    <t>Dhoke Wahab</t>
  </si>
  <si>
    <t>vpo dhoke wahab</t>
  </si>
  <si>
    <t>Umara Naheed</t>
  </si>
  <si>
    <t>GPS HAIDER SHAH WALA</t>
  </si>
  <si>
    <t>Shahpur Baron</t>
  </si>
  <si>
    <t>basti haider shah wala teh.karor dist.layyah</t>
  </si>
  <si>
    <t>Haider Shah Wala</t>
  </si>
  <si>
    <t>Syed Qamrain Haider Bukhari</t>
  </si>
  <si>
    <t>59050</t>
  </si>
  <si>
    <t>49802</t>
  </si>
  <si>
    <t>GGPS CHAK NO.63 SB</t>
  </si>
  <si>
    <t>63 Sb</t>
  </si>
  <si>
    <t>chak no 63 sb</t>
  </si>
  <si>
    <t>30247</t>
  </si>
  <si>
    <t>GGPS KHUMBRAN</t>
  </si>
  <si>
    <t>Murad Pur Murad Murad Pur Murad Murad Pur</t>
  </si>
  <si>
    <t>basti khumbran murad pur janoobi</t>
  </si>
  <si>
    <t>Basti Khumbran</t>
  </si>
  <si>
    <t>Atika Mureed</t>
  </si>
  <si>
    <t>GGPS BHULLAY BALA</t>
  </si>
  <si>
    <t>Bullay Bala</t>
  </si>
  <si>
    <t>bullay bala</t>
  </si>
  <si>
    <t>Asifa Raza</t>
  </si>
  <si>
    <t>16562</t>
  </si>
  <si>
    <t>GPS THATHA BAKHA TANDLIANWALA</t>
  </si>
  <si>
    <t>Garh 1</t>
  </si>
  <si>
    <t>THATHA BAKHA Tehsil Tandlianwala distt Faisalabad</t>
  </si>
  <si>
    <t>THATHA BAKHA</t>
  </si>
  <si>
    <t>Muhammad Aslam  Tabassum</t>
  </si>
  <si>
    <t>GPS SEHARI HITHAR</t>
  </si>
  <si>
    <t>Sahari Hithar</t>
  </si>
  <si>
    <t>sahari hithar</t>
  </si>
  <si>
    <t>Hardo Sahri</t>
  </si>
  <si>
    <t>GGPS HUSSAIN KHAN NO 2</t>
  </si>
  <si>
    <t>Hussain Khan</t>
  </si>
  <si>
    <t>mouza hussain khan</t>
  </si>
  <si>
    <t>Kishwar Naz</t>
  </si>
  <si>
    <t>GPS JALI WAHIN P/O RANGEEL PUR</t>
  </si>
  <si>
    <t>Jali Wahin</t>
  </si>
  <si>
    <t>mouza Basti jali wahin post office rangeelpur  Multan.</t>
  </si>
  <si>
    <t>GPS 381 GB SOUTH</t>
  </si>
  <si>
    <t>381 GB South</t>
  </si>
  <si>
    <t>chak no 381 gb south</t>
  </si>
  <si>
    <t>Chal No 383 Gb</t>
  </si>
  <si>
    <t>Asad Ali Raza</t>
  </si>
  <si>
    <t>GPS WADHRA</t>
  </si>
  <si>
    <t>Wadhra</t>
  </si>
  <si>
    <t>village  wadhra p.o khoja tehsil Kharian District Gujrat</t>
  </si>
  <si>
    <t>GPS DERA SARDARA</t>
  </si>
  <si>
    <t>GPS dera sardara</t>
  </si>
  <si>
    <t>Dera Sardara</t>
  </si>
  <si>
    <t>M C Kotmomin</t>
  </si>
  <si>
    <t>Muhammad Zain Ul Abideen</t>
  </si>
  <si>
    <t>GES KHARAN WALA</t>
  </si>
  <si>
    <t>Kharanwala</t>
  </si>
  <si>
    <t>Mouza kharanwala post office khaki lakhi tehsil shorkot distt jhang</t>
  </si>
  <si>
    <t>Muhammad Azhar  Iqbal Malik</t>
  </si>
  <si>
    <t>GGPS BAQAR PUR</t>
  </si>
  <si>
    <t>village Baqar pur post office kotli Loharan west</t>
  </si>
  <si>
    <t>31559</t>
  </si>
  <si>
    <t>34325</t>
  </si>
  <si>
    <t>GMPS AWAN WALA EAST</t>
  </si>
  <si>
    <t>GPS AWANAWALA WALL EAST</t>
  </si>
  <si>
    <t>Salma Imtiaz</t>
  </si>
  <si>
    <t>51881</t>
  </si>
  <si>
    <t>GPS 25 KB</t>
  </si>
  <si>
    <t>25 Kb</t>
  </si>
  <si>
    <t>25kb P_O qabula teh arifwala Dist Pakpattan</t>
  </si>
  <si>
    <t>14917</t>
  </si>
  <si>
    <t>GPS CHAK 106 RB</t>
  </si>
  <si>
    <t>Chak NO 106 Rb</t>
  </si>
  <si>
    <t>Chak No 106 Rb</t>
  </si>
  <si>
    <t>17689</t>
  </si>
  <si>
    <t>15830</t>
  </si>
  <si>
    <t>GPS CHAK 50 JB I SATHIALA</t>
  </si>
  <si>
    <t>chak no 50jb sathiala Faisalabad</t>
  </si>
  <si>
    <t>50jb sathiala</t>
  </si>
  <si>
    <t>50jb Borewal</t>
  </si>
  <si>
    <t>GES KOT BARE KHAN</t>
  </si>
  <si>
    <t>villege and post office gujranwala</t>
  </si>
  <si>
    <t>kot baray khan</t>
  </si>
  <si>
    <t>kot amer singh</t>
  </si>
  <si>
    <t>GGPS BASTI BALOCHAN BAHAWALPUR</t>
  </si>
  <si>
    <t>khanoo wali</t>
  </si>
  <si>
    <t>ggps basti balochan bwp</t>
  </si>
  <si>
    <t>Iqra Rasheed</t>
  </si>
  <si>
    <t>GPS DADEN</t>
  </si>
  <si>
    <t>Daden</t>
  </si>
  <si>
    <t>GPS Daden</t>
  </si>
  <si>
    <t>GES CHAWA</t>
  </si>
  <si>
    <t>CHAWA</t>
  </si>
  <si>
    <t>CHAWA, TEHSIL BHERA DISTRICT SARGODHA</t>
  </si>
  <si>
    <t>Haque Nawaz</t>
  </si>
  <si>
    <t>30305</t>
  </si>
  <si>
    <t>GPS BHANI SINDHWAN</t>
  </si>
  <si>
    <t>Bhani Sindhwan</t>
  </si>
  <si>
    <t>bhani sindhwan po Qila Jeven Singh Lahore</t>
  </si>
  <si>
    <t>54754</t>
  </si>
  <si>
    <t>Kasra monjal</t>
  </si>
  <si>
    <t>gGPS NAWABPURA</t>
  </si>
  <si>
    <t>nawabpura</t>
  </si>
  <si>
    <t>Naima Bint Saeed</t>
  </si>
  <si>
    <t>GGPS CHAK AZIZ</t>
  </si>
  <si>
    <t>Ghakkameter</t>
  </si>
  <si>
    <t>afifa rehmat</t>
  </si>
  <si>
    <t>Dk MIAL VPO BHAGTAL TEHSIL TALAGANG DISTRICT CHAKWAL</t>
  </si>
  <si>
    <t>Peerah Fatehal</t>
  </si>
  <si>
    <t>Razia Bi Bi</t>
  </si>
  <si>
    <t>GGES DHADHAR</t>
  </si>
  <si>
    <t>Amina Iqbal</t>
  </si>
  <si>
    <t>water-supply</t>
  </si>
  <si>
    <t>GGES BOOLA ZAREEN</t>
  </si>
  <si>
    <t>Boola Zareen</t>
  </si>
  <si>
    <t>boola zareen</t>
  </si>
  <si>
    <t>Midgh Prgna</t>
  </si>
  <si>
    <t>Robina  Anwer</t>
  </si>
  <si>
    <t>GPS HAIBAT PUR</t>
  </si>
  <si>
    <t>Haibat Pur</t>
  </si>
  <si>
    <t>GGPS TEWEEN</t>
  </si>
  <si>
    <t>village teween tehsil noshera distt khushab</t>
  </si>
  <si>
    <t>Teween</t>
  </si>
  <si>
    <t>GGPS RANSI WALA</t>
  </si>
  <si>
    <t>Ransi Wala</t>
  </si>
  <si>
    <t>ransi wala wazirabad</t>
  </si>
  <si>
    <t>45988</t>
  </si>
  <si>
    <t>GGPS KAMRAY WALA</t>
  </si>
  <si>
    <t>Kamray walla</t>
  </si>
  <si>
    <t>kamray walla</t>
  </si>
  <si>
    <t>GPS CDG JUNIOR MODEL DAROGHA WALA</t>
  </si>
  <si>
    <t>GPS MC junior model school daroghawala mohalla Islamabad</t>
  </si>
  <si>
    <t>GPS AZHAR ABBAS SHAHEED</t>
  </si>
  <si>
    <t>SAIDO</t>
  </si>
  <si>
    <t>Village SAIDO DATA P.O SANKHATRA</t>
  </si>
  <si>
    <t>SAIDO DATA</t>
  </si>
  <si>
    <t>SANKHATRA</t>
  </si>
  <si>
    <t>GGPS CHAK MISRAN</t>
  </si>
  <si>
    <t>CHAK MISRAN</t>
  </si>
  <si>
    <t>GPS 188-A/9-L</t>
  </si>
  <si>
    <t>CHAK  188/9AL</t>
  </si>
  <si>
    <t>Naheed Akram</t>
  </si>
  <si>
    <t>GGPS DHAKA</t>
  </si>
  <si>
    <t>Dhaka</t>
  </si>
  <si>
    <t>ggps dhaka Teh Noushehra disstt khushab</t>
  </si>
  <si>
    <t>Naushehra</t>
  </si>
  <si>
    <t>34701</t>
  </si>
  <si>
    <t>43816</t>
  </si>
  <si>
    <t>GPS DHOK LASHKARIAL</t>
  </si>
  <si>
    <t>GPS Lashkrial VPO Thoa Mehram Khan</t>
  </si>
  <si>
    <t>Dhok Lashkrial</t>
  </si>
  <si>
    <t>43789</t>
  </si>
  <si>
    <t>GPS CHAK KHUNDAA</t>
  </si>
  <si>
    <t>village chak khundaa markaz lawa</t>
  </si>
  <si>
    <t>Chak Khundaa</t>
  </si>
  <si>
    <t>GGCMES CHAK 50 MB</t>
  </si>
  <si>
    <t>50/MB</t>
  </si>
  <si>
    <t>GGCMES CHAK NO 50/MB</t>
  </si>
  <si>
    <t>CHAK NO 50/MB</t>
  </si>
  <si>
    <t>Munaza Shaheen</t>
  </si>
  <si>
    <t>37506</t>
  </si>
  <si>
    <t>GGES 2/8-R TULAMBA</t>
  </si>
  <si>
    <t>2/8 R</t>
  </si>
  <si>
    <t>Chack no 2/8r Mirzapur Mianchannu khanewal</t>
  </si>
  <si>
    <t>2/8r Mirazpur</t>
  </si>
  <si>
    <t>Asia Firdous</t>
  </si>
  <si>
    <t>18068</t>
  </si>
  <si>
    <t>GPS BASTI WARYAM KAMLANA</t>
  </si>
  <si>
    <t>Basti Waryam Kamlana</t>
  </si>
  <si>
    <t>dabkalan teh shorkot disst jhang</t>
  </si>
  <si>
    <t>Safder Nazeer</t>
  </si>
  <si>
    <t>GGPS MEER AMAN ULLAH</t>
  </si>
  <si>
    <t>Mir Amanullah</t>
  </si>
  <si>
    <t>ps mir amanullah</t>
  </si>
  <si>
    <t>GES BHOPAL PUR MANJHLA</t>
  </si>
  <si>
    <t>Bhopal Pur</t>
  </si>
  <si>
    <t>Bhopal pur manjhla tehsil shakargarh district narowal</t>
  </si>
  <si>
    <t>Bhopalpur</t>
  </si>
  <si>
    <t>A shakoor khalid</t>
  </si>
  <si>
    <t>GPS BASTI NOOR JHANG</t>
  </si>
  <si>
    <t>basti Noor Jhang</t>
  </si>
  <si>
    <t>Basti Noor Jhang</t>
  </si>
  <si>
    <t>Rubina Anwar</t>
  </si>
  <si>
    <t>GGPS PHIRAY</t>
  </si>
  <si>
    <t>Pheay</t>
  </si>
  <si>
    <t>po box pheray teh phalia dist mandi baho din</t>
  </si>
  <si>
    <t>Pheray</t>
  </si>
  <si>
    <t>Deakan Kalan</t>
  </si>
  <si>
    <t>45396</t>
  </si>
  <si>
    <t>GES LUNDI NASHIB</t>
  </si>
  <si>
    <t>LUNDI NASHAIB</t>
  </si>
  <si>
    <t>LUNDI NASHAIB P/O HASSAN SHAH</t>
  </si>
  <si>
    <t>36838</t>
  </si>
  <si>
    <t>GMES VEER GARH 6 KASSI, KABIRWALA</t>
  </si>
  <si>
    <t>Veer Garh 6 Kassi</t>
  </si>
  <si>
    <t>GMMS veer Garh 6 kassi</t>
  </si>
  <si>
    <t>GGES CHAK NO. 101/TDA</t>
  </si>
  <si>
    <t>Gaarry Wala</t>
  </si>
  <si>
    <t>GGE/S 101 tda</t>
  </si>
  <si>
    <t>101/ TDA</t>
  </si>
  <si>
    <t>Rubina ghulam rasool</t>
  </si>
  <si>
    <t>52178</t>
  </si>
  <si>
    <t>GGCMS CHAK NO. 67/EB</t>
  </si>
  <si>
    <t>67EB</t>
  </si>
  <si>
    <t>67/EB Arifwala District Pakpattan</t>
  </si>
  <si>
    <t>69EB</t>
  </si>
  <si>
    <t>Azra yasmin</t>
  </si>
  <si>
    <t>GES RATTA MATTA</t>
  </si>
  <si>
    <t>Ratta Mata Junoobi</t>
  </si>
  <si>
    <t>Lalian Road Jhang</t>
  </si>
  <si>
    <t>33103</t>
  </si>
  <si>
    <t>GGPS CHAK NO. 20 GB</t>
  </si>
  <si>
    <t>20 chak</t>
  </si>
  <si>
    <t>Chak no 20 tehsil &amp; district nns</t>
  </si>
  <si>
    <t>20 Chak</t>
  </si>
  <si>
    <t>12 Chak</t>
  </si>
  <si>
    <t>shahida tabussum</t>
  </si>
  <si>
    <t>23265</t>
  </si>
  <si>
    <t>GPS MEHMOOD KOT BOSAN ROAD MULTAN</t>
  </si>
  <si>
    <t>basti mehmood kot, bosan road multan</t>
  </si>
  <si>
    <t>36258</t>
  </si>
  <si>
    <t>GPS CHAK NO.157/WB</t>
  </si>
  <si>
    <t>Chak No 157/Wb</t>
  </si>
  <si>
    <t>Chak no 172/wb Thingi</t>
  </si>
  <si>
    <t>155/Wb</t>
  </si>
  <si>
    <t>GPS SHEIKH WAHIN JADEED</t>
  </si>
  <si>
    <t>moza taj pur mureed wala p/o sheikh Wahan</t>
  </si>
  <si>
    <t>Murtaza Bad</t>
  </si>
  <si>
    <t>GGCMS KOT MALIK DOKOTA</t>
  </si>
  <si>
    <t>Kot Malik</t>
  </si>
  <si>
    <t>kot malik P/o Dokota</t>
  </si>
  <si>
    <t>29377</t>
  </si>
  <si>
    <t>GES MUD BHOORA</t>
  </si>
  <si>
    <t>Basti mudbhoora,  tehsil khanpur</t>
  </si>
  <si>
    <t>Daya Chokha Sharqi</t>
  </si>
  <si>
    <t>chah jall wala moza daya chokha sharqi uc pati daya chokha</t>
  </si>
  <si>
    <t>Shahneela Amber Arshad</t>
  </si>
  <si>
    <t>GGPS PAKKA MIANA</t>
  </si>
  <si>
    <t>Kath</t>
  </si>
  <si>
    <t>pakka Maina</t>
  </si>
  <si>
    <t>Pakka Maina</t>
  </si>
  <si>
    <t>GGPS NORANGAY WALA</t>
  </si>
  <si>
    <t>Norangaywala</t>
  </si>
  <si>
    <t>village Norangaywala tehsil lalian district chiniot</t>
  </si>
  <si>
    <t>Bushra Khalid</t>
  </si>
  <si>
    <t>GGES DERA FARIDI</t>
  </si>
  <si>
    <t>Baxu Bhatr</t>
  </si>
  <si>
    <t>basti Dera faridi</t>
  </si>
  <si>
    <t>Dera Faridi</t>
  </si>
  <si>
    <t>Mussarat Qamar</t>
  </si>
  <si>
    <t>GES CHAK NO.128 SB</t>
  </si>
  <si>
    <t>128 SB</t>
  </si>
  <si>
    <t>Chak 128 SB</t>
  </si>
  <si>
    <t>GMES 61/15-L, MIAN CHANNU</t>
  </si>
  <si>
    <t>61/15-L</t>
  </si>
  <si>
    <t>chak No 61/15-L tehsil Mian channu distt khanewal</t>
  </si>
  <si>
    <t>Chak No 61/15-L Mian Channu</t>
  </si>
  <si>
    <t>33677</t>
  </si>
  <si>
    <t>GPS BAKHSH WALA SURAJ MIANI MULTAN</t>
  </si>
  <si>
    <t>Alamdi   sura</t>
  </si>
  <si>
    <t>Bakhsh wala  p/ o  Sur aj  miani  Alamdi sura Multan</t>
  </si>
  <si>
    <t>Bakhsh  wala</t>
  </si>
  <si>
    <t>Alamdi  sura</t>
  </si>
  <si>
    <t>Muhammad Qasim Shah</t>
  </si>
  <si>
    <t>GPS CHAK NO. 317 TDA</t>
  </si>
  <si>
    <t>Noshera Thalklan</t>
  </si>
  <si>
    <t>chak no 317/TDA Tehsil Karor District Layyah</t>
  </si>
  <si>
    <t>Chak No 317/TDA</t>
  </si>
  <si>
    <t>Chak NO 306/TDA</t>
  </si>
  <si>
    <t>Muhammad Sikandar Hayat</t>
  </si>
  <si>
    <t>malik pur district and tehsil Nankana sahib</t>
  </si>
  <si>
    <t>chachke gill</t>
  </si>
  <si>
    <t>52921</t>
  </si>
  <si>
    <t>GMMS CHAK NO. 33-D</t>
  </si>
  <si>
    <t>Chak 33 D</t>
  </si>
  <si>
    <t>chak 33 D</t>
  </si>
  <si>
    <t>Qila Javind Singh</t>
  </si>
  <si>
    <t>37859</t>
  </si>
  <si>
    <t>GGPS 97/10-R JADEED, JAHANIAN</t>
  </si>
  <si>
    <t>Chak No 97/10/R jaded Terbela</t>
  </si>
  <si>
    <t>chak no 97/10/r jaded terbela district khanewal</t>
  </si>
  <si>
    <t>Chak No 57/10/R</t>
  </si>
  <si>
    <t>GGPS CHAK NO. 235/9-R</t>
  </si>
  <si>
    <t>235/9R</t>
  </si>
  <si>
    <t>chak  No  235/9R</t>
  </si>
  <si>
    <t>Chak  No 235/9R</t>
  </si>
  <si>
    <t>GGPS CHAK NO.120-A/TDA</t>
  </si>
  <si>
    <t>GGPS 120A</t>
  </si>
  <si>
    <t>120A</t>
  </si>
  <si>
    <t>farhat iqbal</t>
  </si>
  <si>
    <t>38737</t>
  </si>
  <si>
    <t>GPS 145 GB</t>
  </si>
  <si>
    <t>chak No  145 GB Jaranwala Faisalabad</t>
  </si>
  <si>
    <t>Chak No 145 GB Jaranwala Faisalabad</t>
  </si>
  <si>
    <t>Chak No  648GB</t>
  </si>
  <si>
    <t>Abid  Hussain</t>
  </si>
  <si>
    <t>GGCMS 122 WB</t>
  </si>
  <si>
    <t>122/W.B Tesil mailsi district vehari</t>
  </si>
  <si>
    <t>Anees Begum</t>
  </si>
  <si>
    <t>GPS BUTTA SHAKHAN MOUZA GHUNIA</t>
  </si>
  <si>
    <t>GPS BHATTA SHEIKAN MOUZA GHUNIAN BASTI GHUNIAN</t>
  </si>
  <si>
    <t>BASTI GHUNIAN</t>
  </si>
  <si>
    <t>BUTTAH SHEIKHAN</t>
  </si>
  <si>
    <t>GGES LUNDI NASHEB</t>
  </si>
  <si>
    <t>Lundi Nasheb</t>
  </si>
  <si>
    <t>moza lundi nasheb dak khana hassan shah darykhan</t>
  </si>
  <si>
    <t>Shaista Niazi</t>
  </si>
  <si>
    <t>Dk Lari</t>
  </si>
  <si>
    <t>post office mehro village dk.lari chakwal</t>
  </si>
  <si>
    <t>GGPS KUND SARGANA, P/O MURAD WALA, SARAI SIDHU (PEF,PSSP PHASE III) NOT YET HANDED OVER</t>
  </si>
  <si>
    <t>Chak Murad wala opposite petroling post Kund sargana</t>
  </si>
  <si>
    <t>GGES CHAK NO. 573 TDA</t>
  </si>
  <si>
    <t>573tda</t>
  </si>
  <si>
    <t>chok sarwar shaheed</t>
  </si>
  <si>
    <t>567tda</t>
  </si>
  <si>
    <t>If at Mamuna</t>
  </si>
  <si>
    <t>GGPS JINNAH ABAD CHAKWAL</t>
  </si>
  <si>
    <t>jinah abad</t>
  </si>
  <si>
    <t>odherwal by pass,jinnah abadi</t>
  </si>
  <si>
    <t>Jinnah abadi</t>
  </si>
  <si>
    <t>odherwal</t>
  </si>
  <si>
    <t>GPS GHILKAN</t>
  </si>
  <si>
    <t>kachi shahani post office Dajal TEHSIL district BHAKKAR</t>
  </si>
  <si>
    <t>Ghilkan</t>
  </si>
  <si>
    <t>Muhammad Ijaz Ul Haq</t>
  </si>
  <si>
    <t>18876</t>
  </si>
  <si>
    <t>GES CHAK 673/14 GB</t>
  </si>
  <si>
    <t>Chak No 673 GB Sadhu Junaig</t>
  </si>
  <si>
    <t>Govt E/S Chak no 673/14 GB</t>
  </si>
  <si>
    <t>Chak No 673/14 GB</t>
  </si>
  <si>
    <t>C plot PML</t>
  </si>
  <si>
    <t>Muhammad Ashraf Zahid</t>
  </si>
  <si>
    <t>Elcctic turbine</t>
  </si>
  <si>
    <t>GGPS HAMID PUR KANORA NO 1</t>
  </si>
  <si>
    <t>Hamid pur no 1</t>
  </si>
  <si>
    <t>Ishrat Hakim</t>
  </si>
  <si>
    <t>motor,handpump</t>
  </si>
  <si>
    <t>GES WADDAN</t>
  </si>
  <si>
    <t>Waddan</t>
  </si>
  <si>
    <t>waddan p/o mandi shah jewana tehsil&amp; distt jhang</t>
  </si>
  <si>
    <t>Asif  Shahzad</t>
  </si>
  <si>
    <t>GGES RAHIM ABAD</t>
  </si>
  <si>
    <t>Nwanpind</t>
  </si>
  <si>
    <t>rahimabad</t>
  </si>
  <si>
    <t>Nwan Pind</t>
  </si>
  <si>
    <t>Asima Nawaz</t>
  </si>
  <si>
    <t>GGPS MAHMOONKAY NAO-ABAD</t>
  </si>
  <si>
    <t>Chak Mahmoon Kay  Nou Abad</t>
  </si>
  <si>
    <t>chak mahmoon kay nou abad</t>
  </si>
  <si>
    <t>MUBBARAH MAQBOOL</t>
  </si>
  <si>
    <t>GGES BASI KALAN</t>
  </si>
  <si>
    <t>Basi kalan</t>
  </si>
  <si>
    <t>basi kalan Teh Phalia District M.B.Din</t>
  </si>
  <si>
    <t>Tassduf Tariq</t>
  </si>
  <si>
    <t>GGES BADDHAY</t>
  </si>
  <si>
    <t>Baddhay</t>
  </si>
  <si>
    <t>Village Baddhay Bucheki</t>
  </si>
  <si>
    <t>Hafiza Um me Rubab</t>
  </si>
  <si>
    <t>37652</t>
  </si>
  <si>
    <t>GGPS 19/8-R TULAMBA</t>
  </si>
  <si>
    <t>19/8 AR Marazion Tulamba</t>
  </si>
  <si>
    <t>19/8 AR</t>
  </si>
  <si>
    <t>Chougatta Panjoana</t>
  </si>
  <si>
    <t>tahira batool</t>
  </si>
  <si>
    <t>42831</t>
  </si>
  <si>
    <t>GPS MAIN ABDUL SALAM</t>
  </si>
  <si>
    <t>CHACK LALA WALA MOZA JETHA BHUTTA</t>
  </si>
  <si>
    <t>CHACK LALA</t>
  </si>
  <si>
    <t>Mohammed Akram</t>
  </si>
  <si>
    <t>GGPS SUFI HUSSAIN WALA, KABIRWALA</t>
  </si>
  <si>
    <t>Chaksherkhan</t>
  </si>
  <si>
    <t>khu kore wala mouza chak sher khan teh kabirwala</t>
  </si>
  <si>
    <t>Khu Kore Wala</t>
  </si>
  <si>
    <t>shazia ishaq</t>
  </si>
  <si>
    <t>GGES MOTA KALAN</t>
  </si>
  <si>
    <t>Motay</t>
  </si>
  <si>
    <t>GGES Motay Kalan.</t>
  </si>
  <si>
    <t>Motay Kalan</t>
  </si>
  <si>
    <t>GES CHAK NO 153 A TDA</t>
  </si>
  <si>
    <t>chak no 153-A tda  Tehsil and district layyah</t>
  </si>
  <si>
    <t>Chak No 153-A</t>
  </si>
  <si>
    <t>Shehzad Mehmood</t>
  </si>
  <si>
    <t>GPS CHAK NO.218/EB</t>
  </si>
  <si>
    <t>218/eb</t>
  </si>
  <si>
    <t>chak no 218/eb</t>
  </si>
  <si>
    <t>GGHS PUNJAR</t>
  </si>
  <si>
    <t>PUNJAR</t>
  </si>
  <si>
    <t>village &amp; P.O PUNJAR TEHSIL KAHUTA DISTRICT RAWALPINDI</t>
  </si>
  <si>
    <t>KANWAL Yaqub</t>
  </si>
  <si>
    <t>GGES 421 GB</t>
  </si>
  <si>
    <t>Kirpala</t>
  </si>
  <si>
    <t>Chak no 421gb tandlianwala</t>
  </si>
  <si>
    <t>zainab rasool</t>
  </si>
  <si>
    <t>GGHS CHAK NO.56/TDA</t>
  </si>
  <si>
    <t>Bhakar</t>
  </si>
  <si>
    <t>chak 56/tda</t>
  </si>
  <si>
    <t>56/tda</t>
  </si>
  <si>
    <t>farzana naz</t>
  </si>
  <si>
    <t>GGPS BASTI MIR MUHAMMAD</t>
  </si>
  <si>
    <t>Darkhan Mahtam</t>
  </si>
  <si>
    <t>darkhan mahtam</t>
  </si>
  <si>
    <t>Basti Meer Mohammad</t>
  </si>
  <si>
    <t>Buray Wala</t>
  </si>
  <si>
    <t>GHS CHAK NO.1 123/ML</t>
  </si>
  <si>
    <t>GHS chak no.123 ML chaubara</t>
  </si>
  <si>
    <t>Chak No123 ML</t>
  </si>
  <si>
    <t>MUHAMMAD ALI IMRAN</t>
  </si>
  <si>
    <t>GHS ISLAMIA BARNALI</t>
  </si>
  <si>
    <t>VILLAGE BARNALI P/O . BARNALI TEHSIL KHARIAN DISTT. GUJRAT.( MARKAZ NOONANWALI )</t>
  </si>
  <si>
    <t>ABID MEHMOOD</t>
  </si>
  <si>
    <t>30479</t>
  </si>
  <si>
    <t>Malik Wahain</t>
  </si>
  <si>
    <t>bastichohan Karam Pur mailsi</t>
  </si>
  <si>
    <t>Bastichohan</t>
  </si>
  <si>
    <t>GPS CHAK 228 RB I</t>
  </si>
  <si>
    <t>chak no. 228 RB 1</t>
  </si>
  <si>
    <t>Chak No 228 RB 1</t>
  </si>
  <si>
    <t>Chak 227 Rb</t>
  </si>
  <si>
    <t>GGES HAJWAIRI TOWN</t>
  </si>
  <si>
    <t>Hajwery Town</t>
  </si>
  <si>
    <t>Hajwery Town Faisalabad</t>
  </si>
  <si>
    <t>Maai Di Jhuggi</t>
  </si>
  <si>
    <t>35835</t>
  </si>
  <si>
    <t>47035</t>
  </si>
  <si>
    <t>GHS NAWAN MIANWALI</t>
  </si>
  <si>
    <t>Village and Post Office NAWAN Tehsil and District Mianwali</t>
  </si>
  <si>
    <t>Gul Hameed</t>
  </si>
  <si>
    <t>GGPS QILA MALHA SINGH</t>
  </si>
  <si>
    <t>Qila Malha Singh</t>
  </si>
  <si>
    <t>Qila Malha Singh PO Box Botala Sharm Singh</t>
  </si>
  <si>
    <t>Botala Sharm Singh</t>
  </si>
  <si>
    <t>FarzanaSharif</t>
  </si>
  <si>
    <t>82068</t>
  </si>
  <si>
    <t>GGES CHAK RAIMAN</t>
  </si>
  <si>
    <t>chak ramin</t>
  </si>
  <si>
    <t>chak ramin, shah sader din dera ghazi khan</t>
  </si>
  <si>
    <t>GPS 137  RB  I</t>
  </si>
  <si>
    <t>137 RB</t>
  </si>
  <si>
    <t>Javed Iqbal Bajwa</t>
  </si>
  <si>
    <t>GGHS MATHIAL</t>
  </si>
  <si>
    <t>VPO.Mithial Tehsil Jand District Attock</t>
  </si>
  <si>
    <t>bibi kalsoom</t>
  </si>
  <si>
    <t>37588</t>
  </si>
  <si>
    <t>GGPS 135/16-L, P/O 135/16-L STUNZABAD, MIAN CHANNU</t>
  </si>
  <si>
    <t>Chak no 135/16-L , P/O 135/16-L Stuntzabad , Mian Channu district khanewal</t>
  </si>
  <si>
    <t>Nasreen Fozia</t>
  </si>
  <si>
    <t>GGPS LAKHNOOR</t>
  </si>
  <si>
    <t>LAKHNOOR</t>
  </si>
  <si>
    <t>Village Lakhnoor post office Tarkhana mureeda</t>
  </si>
  <si>
    <t>Fariha Faiza</t>
  </si>
  <si>
    <t>GMPS CHAK NO.3/BC</t>
  </si>
  <si>
    <t>3 Chak</t>
  </si>
  <si>
    <t>3bc</t>
  </si>
  <si>
    <t>38 Bc Lal Suhanra</t>
  </si>
  <si>
    <t>GGPS FATEH ULLAH</t>
  </si>
  <si>
    <t>village Fateh ullah</t>
  </si>
  <si>
    <t>Hafsa Bibi</t>
  </si>
  <si>
    <t>GGPS KAMBO WARAH CHAK 284</t>
  </si>
  <si>
    <t>Kamboh Wara</t>
  </si>
  <si>
    <t>Kamboh wara</t>
  </si>
  <si>
    <t>Abdullah Pur Kular</t>
  </si>
  <si>
    <t>Shazia latif</t>
  </si>
  <si>
    <t>GHS LASKANI WALA</t>
  </si>
  <si>
    <t>Laskani Wala, Tehsil Karor, District Layyah</t>
  </si>
  <si>
    <t>GHS NO.1 KAMALIA</t>
  </si>
  <si>
    <t>Near Thana More Kamalia</t>
  </si>
  <si>
    <t>19842</t>
  </si>
  <si>
    <t>GGES ADLANA</t>
  </si>
  <si>
    <t>moza adlana dist chniot</t>
  </si>
  <si>
    <t>AISHA BIBI D/O GHULAM MUSTAFA</t>
  </si>
  <si>
    <t>GGES 186/P</t>
  </si>
  <si>
    <t>post office bangla manthaar,chak no.186/P Sadiq Abad,district Rahim Yar Khan</t>
  </si>
  <si>
    <t>farida akbar</t>
  </si>
  <si>
    <t>38111</t>
  </si>
  <si>
    <t>GGPS 600 GB</t>
  </si>
  <si>
    <t>600 Gb</t>
  </si>
  <si>
    <t>chak no 600 gb</t>
  </si>
  <si>
    <t>Chak No 600 Gb</t>
  </si>
  <si>
    <t>Sumaira Sharif</t>
  </si>
  <si>
    <t>GPS CHAK NO. 3-4 RAKH DULLE WALA</t>
  </si>
  <si>
    <t>Gps chak no 3-4 rakh dullewala</t>
  </si>
  <si>
    <t>Muhammad Shehzad</t>
  </si>
  <si>
    <t>GPS CHAK NO. 278 TDA</t>
  </si>
  <si>
    <t>Chak No 278</t>
  </si>
  <si>
    <t>chak no. 278/TDA Layyah</t>
  </si>
  <si>
    <t>278/TDA</t>
  </si>
  <si>
    <t>Rizwana Sultan</t>
  </si>
  <si>
    <t>GHS CHAK NO. 56-57 DB</t>
  </si>
  <si>
    <t>CHAK NO. 56/57 DB</t>
  </si>
  <si>
    <t>GHS CHAK NO. 56-57 DB TEH. KALLUR KOT DISTT. BHAKKAR</t>
  </si>
  <si>
    <t>CHAK NO. 63 DB</t>
  </si>
  <si>
    <t>MUHAMMAD MEHARBAN ASIF</t>
  </si>
  <si>
    <t>GHS HAJI PUR, KABIRWALA</t>
  </si>
  <si>
    <t>GHSS GIROTE</t>
  </si>
  <si>
    <t>GHSS GIROTE.VPO GIROTE. TEH. AND DISTT. KHUSHAB</t>
  </si>
  <si>
    <t>Tasadduq Husain</t>
  </si>
  <si>
    <t>GGPS CHAK 105 GB JARANWALA</t>
  </si>
  <si>
    <t>105gb</t>
  </si>
  <si>
    <t>Samina Saddique</t>
  </si>
  <si>
    <t>GGHS GULSHAN IQBAL</t>
  </si>
  <si>
    <t>CHAK NO. 110/P</t>
  </si>
  <si>
    <t>BLOCK Y SCHEME NO. 2 GULSHAN E IQBAL RYK</t>
  </si>
  <si>
    <t>GULSHAN E IQBAL</t>
  </si>
  <si>
    <t>GGES LOHRIKI</t>
  </si>
  <si>
    <t>village Lorhiki</t>
  </si>
  <si>
    <t>Lorhiki</t>
  </si>
  <si>
    <t>Botala Sharem Singh</t>
  </si>
  <si>
    <t>GGHS KHATTAN KHATTAN</t>
  </si>
  <si>
    <t>Shahida Farooq</t>
  </si>
  <si>
    <t>10186</t>
  </si>
  <si>
    <t>GPS NAWAB PURA</t>
  </si>
  <si>
    <t>Hamza Town Pindi Bhattian</t>
  </si>
  <si>
    <t>42293</t>
  </si>
  <si>
    <t>GGPS CHOKI MALOT</t>
  </si>
  <si>
    <t>Chowki Mallot</t>
  </si>
  <si>
    <t>village chowki mallot, po mallot sattian,</t>
  </si>
  <si>
    <t>Faiza Naseeb</t>
  </si>
  <si>
    <t>GMPS LESKOTHAR</t>
  </si>
  <si>
    <t>Lesskhotar</t>
  </si>
  <si>
    <t>village lesskhotar</t>
  </si>
  <si>
    <t>Gulnisa Bibi</t>
  </si>
  <si>
    <t>GPS CHAK NO.117/DNB</t>
  </si>
  <si>
    <t>Khutree</t>
  </si>
  <si>
    <t>chak 117/DNB cholistan tehsil yazman district bahawalpur</t>
  </si>
  <si>
    <t>Chak 117/DNB Cholistan</t>
  </si>
  <si>
    <t>Mohammad Sohaib Saeed</t>
  </si>
  <si>
    <t>GGPS DHOK SHATAL</t>
  </si>
  <si>
    <t>Shatal</t>
  </si>
  <si>
    <t>vpo shatal teh talagang distt chkwal</t>
  </si>
  <si>
    <t>23767</t>
  </si>
  <si>
    <t>GGES MUKHTAR COLONY</t>
  </si>
  <si>
    <t>Mukhtar Colony</t>
  </si>
  <si>
    <t>GGES MUKHTAR COLONY GRW</t>
  </si>
  <si>
    <t>MUKHTAR COLONY</t>
  </si>
  <si>
    <t>JARIA ZAINAB</t>
  </si>
  <si>
    <t>GGPS MC NO.5 CHAKWAL</t>
  </si>
  <si>
    <t>GGPSMC no 5 behari colony chakwal</t>
  </si>
  <si>
    <t>UC Chakwal City</t>
  </si>
  <si>
    <t>Nargus Naheed</t>
  </si>
  <si>
    <t>GGPS CHOHA SHAH GHARIB</t>
  </si>
  <si>
    <t>Choha Shah Ghreeb</t>
  </si>
  <si>
    <t>village choha shah ghareeb</t>
  </si>
  <si>
    <t>Choha Shah Ghareeb</t>
  </si>
  <si>
    <t>Samia  Munir Butt</t>
  </si>
  <si>
    <t>GPS BASTI PIR BAKHSH HAJANA &amp; ANWAR BATWANI</t>
  </si>
  <si>
    <t>Basti pir Bux Hajana</t>
  </si>
  <si>
    <t>Pir Bux Hajana</t>
  </si>
  <si>
    <t>Mudassar Yaqoob</t>
  </si>
  <si>
    <t>46536</t>
  </si>
  <si>
    <t>GGCMS CHAK NO.38 DB</t>
  </si>
  <si>
    <t>38 db</t>
  </si>
  <si>
    <t>GGCM School chak nomber 38 db</t>
  </si>
  <si>
    <t>GGPS DIGI MOHALA</t>
  </si>
  <si>
    <t>Diggi Mohala</t>
  </si>
  <si>
    <t>Diggi Mohalla fort abbas</t>
  </si>
  <si>
    <t>Azra Anjum</t>
  </si>
  <si>
    <t>GGPS GULSHAN BUKHTAWAR</t>
  </si>
  <si>
    <t>Gulshan Bukhtawar Bukhtawar Bashmoola Saroopwala</t>
  </si>
  <si>
    <t>GGPS Gulshan Bukhtawar, Bashmoola Saroopwala</t>
  </si>
  <si>
    <t>Gulshan Bukhtawar</t>
  </si>
  <si>
    <t>Asia Mushtaq</t>
  </si>
  <si>
    <t>28653</t>
  </si>
  <si>
    <t>GMPS KOTHA WALA NO. 2 P/O KOTHA WALA</t>
  </si>
  <si>
    <t>Basti Kothay wala moza bootay wala Post office bootay wala Multan</t>
  </si>
  <si>
    <t>Ammara Sharif</t>
  </si>
  <si>
    <t>GPS CHAK NO. 309 TDA</t>
  </si>
  <si>
    <t>Chak no. 309/TDA Teh. Choubara Distt. Layyah</t>
  </si>
  <si>
    <t>CHAK NO 309/TDA</t>
  </si>
  <si>
    <t>Oulakh Thal Kalan</t>
  </si>
  <si>
    <t>GGPS 165/P</t>
  </si>
  <si>
    <t>chak no.165/p sadiq abad</t>
  </si>
  <si>
    <t>Chak No165/p</t>
  </si>
  <si>
    <t>Sajida Mussarat</t>
  </si>
  <si>
    <t>GPS CHAK 356 JB</t>
  </si>
  <si>
    <t>chak no 356 jb</t>
  </si>
  <si>
    <t>356 Jb</t>
  </si>
  <si>
    <t>423 Ada Olia</t>
  </si>
  <si>
    <t>Humaira Batool</t>
  </si>
  <si>
    <t>29155</t>
  </si>
  <si>
    <t>GPS MC GANDAM MANDI KASUR</t>
  </si>
  <si>
    <t>street nohryan wali gandam mandi kasur</t>
  </si>
  <si>
    <t>34455</t>
  </si>
  <si>
    <t>GES CHAK 674/15 GB</t>
  </si>
  <si>
    <t>Chak No 674 GB</t>
  </si>
  <si>
    <t>GES Chak no. 674/15 GB Tehsil Pirmahal District Toba Tek Singh</t>
  </si>
  <si>
    <t>Chak No. 674/15 GB</t>
  </si>
  <si>
    <t>Chak No. 674 GB</t>
  </si>
  <si>
    <t>Riaz Ali qamar</t>
  </si>
  <si>
    <t>GMPS KATTAL KHEL</t>
  </si>
  <si>
    <t>qattal khel p.o makerwal</t>
  </si>
  <si>
    <t>Qattal Khel</t>
  </si>
  <si>
    <t>Basmeena Bibi</t>
  </si>
  <si>
    <t>GGPS DHOK GIDRAN</t>
  </si>
  <si>
    <t>Gidran</t>
  </si>
  <si>
    <t>g g PS gidran</t>
  </si>
  <si>
    <t>49750</t>
  </si>
  <si>
    <t>GPS CHAK NO.157 NB</t>
  </si>
  <si>
    <t>ShahNikdar</t>
  </si>
  <si>
    <t>Chak 157 N.B.</t>
  </si>
  <si>
    <t>Chak 157 NB</t>
  </si>
  <si>
    <t>Muhammad Ather Ameen</t>
  </si>
  <si>
    <t>GPS BARAY WALA</t>
  </si>
  <si>
    <t>Karloo wala</t>
  </si>
  <si>
    <t>GPS Baraywala Mankera District Bhakkar</t>
  </si>
  <si>
    <t>Baraywala</t>
  </si>
  <si>
    <t>GMPS 63/15-L, P/O 67/15L VIJIHIAN WALA, MIAN CHANNU</t>
  </si>
  <si>
    <t>63/15l</t>
  </si>
  <si>
    <t>63/15.l p/o 64/15.l</t>
  </si>
  <si>
    <t>Shazia Afzal</t>
  </si>
  <si>
    <t>GGPS CHANNI THOTHA RAI</t>
  </si>
  <si>
    <t>Chani Thutha</t>
  </si>
  <si>
    <t>chani thutha p.o. Thutha Ray Bahadur Teh Kharian  Dist  Gujrat</t>
  </si>
  <si>
    <t>Thutha Ray Bahadur</t>
  </si>
  <si>
    <t>Attia Mehmood</t>
  </si>
  <si>
    <t>17354</t>
  </si>
  <si>
    <t>GMPS JHUNGA WALA</t>
  </si>
  <si>
    <t>Jhungaywala</t>
  </si>
  <si>
    <t>gmps jhungaywala</t>
  </si>
  <si>
    <t>17671</t>
  </si>
  <si>
    <t>GES TARIQ ABAD</t>
  </si>
  <si>
    <t>GES GULLOKE</t>
  </si>
  <si>
    <t>Gulloke</t>
  </si>
  <si>
    <t>village and p/o gulloke tehsil kamoke district Gujranwala</t>
  </si>
  <si>
    <t>GPS 192 GB KOTLA</t>
  </si>
  <si>
    <t>chak no 192 GB Kotla Ths Samundri  Dist  Faisalabad</t>
  </si>
  <si>
    <t>192 Gb Kotla</t>
  </si>
  <si>
    <t>193 Gb</t>
  </si>
  <si>
    <t>M Azhar Iqbal</t>
  </si>
  <si>
    <t>GES KAMRIAL</t>
  </si>
  <si>
    <t>GPS KAMRIAL Tehsil PindiGheb district Attock</t>
  </si>
  <si>
    <t>Affia Iqbal</t>
  </si>
  <si>
    <t>GGES CHAK NO.115-B/TDA</t>
  </si>
  <si>
    <t>115-b</t>
  </si>
  <si>
    <t>gges 115-b tda tehsil karor district layyah</t>
  </si>
  <si>
    <t>kalsoom shabbir</t>
  </si>
  <si>
    <t>GGPS NABI PUR NO.3</t>
  </si>
  <si>
    <t>Basti Kabeer wala GG p/s nabi pur no 3</t>
  </si>
  <si>
    <t>basti kabeerwala</t>
  </si>
  <si>
    <t>munazza nasreen</t>
  </si>
  <si>
    <t>GGPS MOHRA KANYAL</t>
  </si>
  <si>
    <t>vill Mohra Kanyal p.o Pari Darweza Teh Sohawa Distt Jhelum</t>
  </si>
  <si>
    <t>Sidra Komal</t>
  </si>
  <si>
    <t>Mezyle motor</t>
  </si>
  <si>
    <t>GPS DHOK NASROO</t>
  </si>
  <si>
    <t>Niko</t>
  </si>
  <si>
    <t>GPS DHOKE NASROO</t>
  </si>
  <si>
    <t>Dhoke Nasroo</t>
  </si>
  <si>
    <t>GPS AZAFI ABADI SADEVE</t>
  </si>
  <si>
    <t>Sadeve</t>
  </si>
  <si>
    <t>Mouza Sadeve Tehsile Bhowana District Chiniot</t>
  </si>
  <si>
    <t>GGPS KOT GUL</t>
  </si>
  <si>
    <t>GES QADIR BUKHSH BALOCH</t>
  </si>
  <si>
    <t>Sultan  Arain</t>
  </si>
  <si>
    <t>mouza sultan Arain Khanpur nauranga bahawalpur saddar</t>
  </si>
  <si>
    <t>Muhammad Umar hayat</t>
  </si>
  <si>
    <t>GES JARA</t>
  </si>
  <si>
    <t>jara Tehsil&amp;P.O.NoorPurThal District Khushab</t>
  </si>
  <si>
    <t>35219</t>
  </si>
  <si>
    <t>GPS CHAK NO,189 EB P/O GAGGO</t>
  </si>
  <si>
    <t>189/EB</t>
  </si>
  <si>
    <t>Chak no189/EB</t>
  </si>
  <si>
    <t>GPS BILALAN WALA</t>
  </si>
  <si>
    <t>Bilalanwala Teh Piplan District mianwali</t>
  </si>
  <si>
    <t>Zeeshan Gul Niazi</t>
  </si>
  <si>
    <t>GGPS CHAK NO 133 JB BAHADARI</t>
  </si>
  <si>
    <t>Bahadriwala</t>
  </si>
  <si>
    <t>chak # 133 jb bahadriwala tehsil nd district chiniot</t>
  </si>
  <si>
    <t>Bahadrlwala</t>
  </si>
  <si>
    <t>Chak # 146 Jb Bukhri Jhok</t>
  </si>
  <si>
    <t>Sughra Safdar</t>
  </si>
  <si>
    <t>GGPS BAHI LUDDAN</t>
  </si>
  <si>
    <t>Bhai Loudon</t>
  </si>
  <si>
    <t>vill maryala post office Bhai Loudon tehsil and distt jhelum</t>
  </si>
  <si>
    <t>moter borr</t>
  </si>
  <si>
    <t>GGPS CHAK NO 186/7-R E</t>
  </si>
  <si>
    <t>186/7R East</t>
  </si>
  <si>
    <t>chak no 186/7R East</t>
  </si>
  <si>
    <t>49804</t>
  </si>
  <si>
    <t>GGPS NO. 2 CHAK NO.117 NB NAI ABADI</t>
  </si>
  <si>
    <t>117NB Nai Abadi</t>
  </si>
  <si>
    <t>117 NB NAI abadi</t>
  </si>
  <si>
    <t>117 Nb Nai Abadi</t>
  </si>
  <si>
    <t>CHAK 118 Nb</t>
  </si>
  <si>
    <t>Ayesha Altaf</t>
  </si>
  <si>
    <t>hamid pur P.O Bahgian tehsil muridkay district shkhupura</t>
  </si>
  <si>
    <t>Nabila Rashid</t>
  </si>
  <si>
    <t>50949</t>
  </si>
  <si>
    <t>GGES CHAK NO.109 NB</t>
  </si>
  <si>
    <t>109 Nb</t>
  </si>
  <si>
    <t>chak no 109 nb tehsil sargodha</t>
  </si>
  <si>
    <t>Naila Kanwal</t>
  </si>
  <si>
    <t>GPS KOT NAZIR HUSSAIN</t>
  </si>
  <si>
    <t>Ko Nazar Hussain</t>
  </si>
  <si>
    <t>Gaon kot nazar hussain warburton road tehsil and distt. nankana sahib</t>
  </si>
  <si>
    <t>Kot Nazar Hussain</t>
  </si>
  <si>
    <t>Chak No 575</t>
  </si>
  <si>
    <t>9663</t>
  </si>
  <si>
    <t>GGMPS MANGOT JABA</t>
  </si>
  <si>
    <t>Mangot</t>
  </si>
  <si>
    <t>GMPS mangot jabba</t>
  </si>
  <si>
    <t>Phulray Sydan</t>
  </si>
  <si>
    <t>Nighat Riaz</t>
  </si>
  <si>
    <t>GPS CHAHPRI</t>
  </si>
  <si>
    <t>Chapri ranjhy wali p/o kot qaisrani tehsil Taunsa</t>
  </si>
  <si>
    <t>GGPS ESSA WALA</t>
  </si>
  <si>
    <t>basti essay wala</t>
  </si>
  <si>
    <t>Samina Fatima</t>
  </si>
  <si>
    <t>34054</t>
  </si>
  <si>
    <t>GGPS PUL KHARA SHUJABAD</t>
  </si>
  <si>
    <t>saeed abad</t>
  </si>
  <si>
    <t>Basti Saedabad</t>
  </si>
  <si>
    <t>GPS WADERA SABZAL KHAN</t>
  </si>
  <si>
    <t>Wahi  Peer Baksh</t>
  </si>
  <si>
    <t>wadera sabzal khan</t>
  </si>
  <si>
    <t>Wedera Sabzal</t>
  </si>
  <si>
    <t>Check#173/p</t>
  </si>
  <si>
    <t>Tariq Farooq</t>
  </si>
  <si>
    <t>GGPS MOHAR</t>
  </si>
  <si>
    <t>Mahar</t>
  </si>
  <si>
    <t>mahar, kalaswala</t>
  </si>
  <si>
    <t>GGPS DAMMER WALA JANUBI NO. 2</t>
  </si>
  <si>
    <t>dammarwala janubi no 2</t>
  </si>
  <si>
    <t>Dammarwala Janubi No2</t>
  </si>
  <si>
    <t>GulNaz Ishaq</t>
  </si>
  <si>
    <t>GMPS MODEL PIND MALHO</t>
  </si>
  <si>
    <t>Pind Malhu</t>
  </si>
  <si>
    <t>village and p.o Pind malhu tehsil and district rawalpindi</t>
  </si>
  <si>
    <t>Shagufta Naheed</t>
  </si>
  <si>
    <t>GGPS MURHAL</t>
  </si>
  <si>
    <t>GGPS Murhal post office Minwal District Chakwal</t>
  </si>
  <si>
    <t>Murhal</t>
  </si>
  <si>
    <t>Saira Gul</t>
  </si>
  <si>
    <t>19948</t>
  </si>
  <si>
    <t>GPS MC GHAFOOR ABAD</t>
  </si>
  <si>
    <t>st#3 moh: ghafoor abad chiniot</t>
  </si>
  <si>
    <t>MC CHINIOT</t>
  </si>
  <si>
    <t>34804</t>
  </si>
  <si>
    <t>GPS No. 2 JALALPUR PIRWALA</t>
  </si>
  <si>
    <t>JPPW</t>
  </si>
  <si>
    <t>Mohallah Haideria JPPW</t>
  </si>
  <si>
    <t>City JPPW</t>
  </si>
  <si>
    <t>Shakir Abbas</t>
  </si>
  <si>
    <t>GPS MOHALLA DAILY SHARQI</t>
  </si>
  <si>
    <t>mahla daily sharqi p/o daily namdar tehsil kallur kot district bhakkar</t>
  </si>
  <si>
    <t>Abdul Hakeem Khan</t>
  </si>
  <si>
    <t>49428</t>
  </si>
  <si>
    <t>chakrala tehsil shahpur district sargodha</t>
  </si>
  <si>
    <t>Bushra Rani</t>
  </si>
  <si>
    <t>GGPS NASIRA JODHEKA</t>
  </si>
  <si>
    <t>Chak Chandna Nasira Jodeka p/o Jandwala Tehsil and Distt Bahawal Nagar</t>
  </si>
  <si>
    <t>Nathodhaka</t>
  </si>
  <si>
    <t>Shahida Iffat</t>
  </si>
  <si>
    <t>GMPS PALL</t>
  </si>
  <si>
    <t>pall</t>
  </si>
  <si>
    <t>vill paal p /o chakori bhilowal</t>
  </si>
  <si>
    <t>Aqsa Perveen</t>
  </si>
  <si>
    <t>39140</t>
  </si>
  <si>
    <t>GPS RAILWAY COLONY WARBURTON</t>
  </si>
  <si>
    <t>Aqsa Colony Warburton</t>
  </si>
  <si>
    <t>54895</t>
  </si>
  <si>
    <t>GPS SAMUNDAR</t>
  </si>
  <si>
    <t>Summander</t>
  </si>
  <si>
    <t>G.P.School Summander</t>
  </si>
  <si>
    <t>Suba Khan</t>
  </si>
  <si>
    <t>Chakmiana</t>
  </si>
  <si>
    <t>chakmiana</t>
  </si>
  <si>
    <t>Tabasum Zhara</t>
  </si>
  <si>
    <t>37675</t>
  </si>
  <si>
    <t>GMPS DANGRA, TULAMBA</t>
  </si>
  <si>
    <t>Moza Dangra, Mian Channu, Dist. Khanewal</t>
  </si>
  <si>
    <t>Moza Dangra</t>
  </si>
  <si>
    <t>Muzammal Ilyas</t>
  </si>
  <si>
    <t>44931</t>
  </si>
  <si>
    <t>GGES UTRA</t>
  </si>
  <si>
    <t>Uttraa</t>
  </si>
  <si>
    <t>Robeena shaheen</t>
  </si>
  <si>
    <t>GES JOYIAN WALA GAON</t>
  </si>
  <si>
    <t>Joyanwala Gaon</t>
  </si>
  <si>
    <t>Joyanwala Gaon Markaz &amp;TEH. Muridke Dist. Sheikhupura</t>
  </si>
  <si>
    <t>water cular</t>
  </si>
  <si>
    <t>38253</t>
  </si>
  <si>
    <t>GGPS MANZOOR HAMZA</t>
  </si>
  <si>
    <t>basti mochi</t>
  </si>
  <si>
    <t>Basti Mochi</t>
  </si>
  <si>
    <t>Farhat  Perveen</t>
  </si>
  <si>
    <t>GGPS AHMADABD POST OFFICE TRAG TEHSIL ESA KHEL DISTT MIANWALI</t>
  </si>
  <si>
    <t>SABAZ PIR</t>
  </si>
  <si>
    <t>VILLAGE SABAZ PIR TEH H.ABDAL DISTRICT ATTOCK</t>
  </si>
  <si>
    <t>SEHRISH</t>
  </si>
  <si>
    <t>GGPS MACHKA</t>
  </si>
  <si>
    <t>Govt.girls primary school,machka</t>
  </si>
  <si>
    <t>Saba Ishaq</t>
  </si>
  <si>
    <t>GGPS BAHARA NO 2</t>
  </si>
  <si>
    <t>basti jirah uc karmoon wali jppw</t>
  </si>
  <si>
    <t>Basti Jirah</t>
  </si>
  <si>
    <t>GGCMES JALALPUR KHAKHI SHUJA ABAD</t>
  </si>
  <si>
    <t>jalalpur Khakhi</t>
  </si>
  <si>
    <t>Bazgha Riaz</t>
  </si>
  <si>
    <t>GES AHMED PUR BHUTTA CANTT. AREA</t>
  </si>
  <si>
    <t>basti Ahmad Pur Bhutta</t>
  </si>
  <si>
    <t>Syed Muhammad Touqeer Hassan Shah Bukhari</t>
  </si>
  <si>
    <t>GPS CHAK NO.186/7-R EAST</t>
  </si>
  <si>
    <t>186/7r East</t>
  </si>
  <si>
    <t>chak no 187/7r East</t>
  </si>
  <si>
    <t>187/7r</t>
  </si>
  <si>
    <t>Umer Zubair</t>
  </si>
  <si>
    <t>GGPS PINDI BOTALA</t>
  </si>
  <si>
    <t>Pindi botala</t>
  </si>
  <si>
    <t>GPS 52 KB</t>
  </si>
  <si>
    <t>52kb</t>
  </si>
  <si>
    <t>18047</t>
  </si>
  <si>
    <t>GPS SARFRAZ WALA</t>
  </si>
  <si>
    <t>Khokhra Kamlana</t>
  </si>
  <si>
    <t>chah sarfarz wala moza khokhra Kamlana teh shor kot Dist Jhang</t>
  </si>
  <si>
    <t>Sarfaraz Wala</t>
  </si>
  <si>
    <t>GPS BHUTTA NAU</t>
  </si>
  <si>
    <t>Bhutta Nau</t>
  </si>
  <si>
    <t>Govt. P/S Bhutta Nau</t>
  </si>
  <si>
    <t>Amjad Farooq</t>
  </si>
  <si>
    <t>GGPS SANTIKA</t>
  </si>
  <si>
    <t>Snatika</t>
  </si>
  <si>
    <t>GGPS Snatika</t>
  </si>
  <si>
    <t>Jamila Roshan</t>
  </si>
  <si>
    <t>GMPS AIDAL</t>
  </si>
  <si>
    <t>Aidal</t>
  </si>
  <si>
    <t>Chak No.14 Aidal</t>
  </si>
  <si>
    <t>Lubna Batool</t>
  </si>
  <si>
    <t>31855</t>
  </si>
  <si>
    <t>GPS WAZIR PUR JASAPAL</t>
  </si>
  <si>
    <t>wazir pur teh&amp; diss narowal</t>
  </si>
  <si>
    <t>Wazir  Pur</t>
  </si>
  <si>
    <t>Thellay Kalahn</t>
  </si>
  <si>
    <t>Tahir Mahmood Ashraf</t>
  </si>
  <si>
    <t>44050</t>
  </si>
  <si>
    <t>36229</t>
  </si>
  <si>
    <t>GPS CHAK NO.40/WB</t>
  </si>
  <si>
    <t>Chat no 40.wb Vehari, vehari</t>
  </si>
  <si>
    <t>Muhammad Ijaz Sajid</t>
  </si>
  <si>
    <t>GPS GANB</t>
  </si>
  <si>
    <t>gunb,tehsile Chunian,kasur</t>
  </si>
  <si>
    <t>Moola Pur</t>
  </si>
  <si>
    <t>GES CHAK NO.140 SB</t>
  </si>
  <si>
    <t>Chak No140SB</t>
  </si>
  <si>
    <t>chak no 140SB Tehsil Sillanwali District Sargodha</t>
  </si>
  <si>
    <t>Chak No140 SB</t>
  </si>
  <si>
    <t>Chak No138 SB</t>
  </si>
  <si>
    <t>34716</t>
  </si>
  <si>
    <t>GGPS CHAH YAR WALA</t>
  </si>
  <si>
    <t>katcha buch near chowk nasero wala khokran</t>
  </si>
  <si>
    <t>Katcha Buch</t>
  </si>
  <si>
    <t>Sadaf Naz</t>
  </si>
  <si>
    <t>GGCMS CHAK 371 JB I HUSSANIA COLONY</t>
  </si>
  <si>
    <t>Hussania colony</t>
  </si>
  <si>
    <t>Hussania colony st# 11,12 Gojra city</t>
  </si>
  <si>
    <t>GPS KIKRI</t>
  </si>
  <si>
    <t>Main Muhammad pur road Moza Kikri</t>
  </si>
  <si>
    <t>Muhammad Asad Ajmi</t>
  </si>
  <si>
    <t>19454</t>
  </si>
  <si>
    <t>GPS CHAK 339 GB II</t>
  </si>
  <si>
    <t>Bami Pura</t>
  </si>
  <si>
    <t>chak no 339 GB ll</t>
  </si>
  <si>
    <t>339gb ll</t>
  </si>
  <si>
    <t>290 Gb</t>
  </si>
  <si>
    <t>Muhammad-Sarwar</t>
  </si>
  <si>
    <t>40483</t>
  </si>
  <si>
    <t>37661</t>
  </si>
  <si>
    <t>GGPS 3/8-AR TULAMBA</t>
  </si>
  <si>
    <t>3/8R</t>
  </si>
  <si>
    <t>Asifa Kiran</t>
  </si>
  <si>
    <t>GGPS CHAK 262 RB II PUKKA RIA</t>
  </si>
  <si>
    <t>262 Paka Riya</t>
  </si>
  <si>
    <t>GGPS CHAK NO 258 TDA</t>
  </si>
  <si>
    <t>Aulakh</t>
  </si>
  <si>
    <t>chak no 258tda</t>
  </si>
  <si>
    <t>258 Tda</t>
  </si>
  <si>
    <t>iqbal  bagum</t>
  </si>
  <si>
    <t>26741</t>
  </si>
  <si>
    <t>GPS SHAH SADIQ NIHUNG</t>
  </si>
  <si>
    <t>chah arbi wala mouza shah sadiq nehang</t>
  </si>
  <si>
    <t>GGPS CHAK NO. 6/RD</t>
  </si>
  <si>
    <t>Rular Dulle Wala</t>
  </si>
  <si>
    <t>Chak 6 RD Dulle Wala ,Darya Khan,Bhakkar</t>
  </si>
  <si>
    <t>Chak 6 RD Dulle Wala</t>
  </si>
  <si>
    <t>SOBIA NAZIR</t>
  </si>
  <si>
    <t>GGPS KHAI BODLA</t>
  </si>
  <si>
    <t>GGPS Khai bodla</t>
  </si>
  <si>
    <t>Peer Sikandar</t>
  </si>
  <si>
    <t>Gul hina tahir</t>
  </si>
  <si>
    <t>33041</t>
  </si>
  <si>
    <t>GGPS C-PLOT PIR KAMAY SHAH</t>
  </si>
  <si>
    <t>Plot C</t>
  </si>
  <si>
    <t>c plot kamay shah</t>
  </si>
  <si>
    <t>Kamay Shah</t>
  </si>
  <si>
    <t>Sana Sabir</t>
  </si>
  <si>
    <t>GES SMOKA</t>
  </si>
  <si>
    <t>smooka</t>
  </si>
  <si>
    <t>basti khair muhammad khosa</t>
  </si>
  <si>
    <t>Malik Muhammad Shahid</t>
  </si>
  <si>
    <t>33695</t>
  </si>
  <si>
    <t>GPS ISLAM PURA BASTI ISLAM PUR MULTAN</t>
  </si>
  <si>
    <t>Alamdi Sura</t>
  </si>
  <si>
    <t>5 Marla scheme Suraj Miani Purani pull multan</t>
  </si>
  <si>
    <t>Feroz colony</t>
  </si>
  <si>
    <t>Sakhawat Hussain</t>
  </si>
  <si>
    <t>GGPS BASTI PERZADA KHOKHRAN</t>
  </si>
  <si>
    <t>basti perr zada khokhran</t>
  </si>
  <si>
    <t>Peer Zada Khokhran</t>
  </si>
  <si>
    <t>GGES 7 EB POST OFFICE 7 EB</t>
  </si>
  <si>
    <t>7eb</t>
  </si>
  <si>
    <t>chak no 7eb tehsil arifwala district pakpattan</t>
  </si>
  <si>
    <t>Zunaira Shahzad</t>
  </si>
  <si>
    <t>GGCMS KOT SARDAR LIAQAT ALI</t>
  </si>
  <si>
    <t>Nano Wala</t>
  </si>
  <si>
    <t>kot sardar liaqat ali</t>
  </si>
  <si>
    <t>Deu Sial</t>
  </si>
  <si>
    <t>46368</t>
  </si>
  <si>
    <t>GMPS CHAK NO. 444 GUJAR ABAD</t>
  </si>
  <si>
    <t>Chak 444</t>
  </si>
  <si>
    <t>Chak no 444 Gujjar Abad</t>
  </si>
  <si>
    <t>444 /j B Gujar Abad</t>
  </si>
  <si>
    <t>Chak No 463</t>
  </si>
  <si>
    <t>FARHAT ZEESHAN</t>
  </si>
  <si>
    <t>10958</t>
  </si>
  <si>
    <t>GGPS CHAK NO 145 A TDA</t>
  </si>
  <si>
    <t>Chah Dhodhay Wala</t>
  </si>
  <si>
    <t>Chak no 145A/TDA layyah</t>
  </si>
  <si>
    <t>Chak No 145A/TDA</t>
  </si>
  <si>
    <t>GPS CHAH CHATTAN WALA</t>
  </si>
  <si>
    <t>Kaki Kohna</t>
  </si>
  <si>
    <t>chah chattan wala Th shorkot Dis jhang</t>
  </si>
  <si>
    <t>Chattan Wala</t>
  </si>
  <si>
    <t>Chak No 497 Jb</t>
  </si>
  <si>
    <t>Naveed Anwar Sajid</t>
  </si>
  <si>
    <t>51111</t>
  </si>
  <si>
    <t>GGCMS 66/5-L</t>
  </si>
  <si>
    <t>Bagri 66/5l</t>
  </si>
  <si>
    <t>ggcms66/5l</t>
  </si>
  <si>
    <t>66/5L</t>
  </si>
  <si>
    <t>Khemkot</t>
  </si>
  <si>
    <t>GES CHAK NO.166/167 NB</t>
  </si>
  <si>
    <t>Chak No 166/167 NB tehsil sillanwali district sargodha</t>
  </si>
  <si>
    <t>166/167 NB</t>
  </si>
  <si>
    <t>131 NB</t>
  </si>
  <si>
    <t>GPS JAMAKI</t>
  </si>
  <si>
    <t>jamki</t>
  </si>
  <si>
    <t>machora</t>
  </si>
  <si>
    <t>GGES FATEH WALA MULTAN</t>
  </si>
  <si>
    <t>Bazdar Wala</t>
  </si>
  <si>
    <t>GGES FATAH WALA</t>
  </si>
  <si>
    <t>Fatah Wala</t>
  </si>
  <si>
    <t>Rehana khurshid hashmi</t>
  </si>
  <si>
    <t>GGPS 8/8-AR NO.2 TULAMBA</t>
  </si>
  <si>
    <t>8 /8ar</t>
  </si>
  <si>
    <t>ggps 8\8ar no 2 Sindhi behni tehsil mian channu</t>
  </si>
  <si>
    <t>Chack No 8/ 8ar</t>
  </si>
  <si>
    <t>133 / 16-l</t>
  </si>
  <si>
    <t>Sidra Raza</t>
  </si>
  <si>
    <t>11403</t>
  </si>
  <si>
    <t>GGPS BASTI BARBRA</t>
  </si>
  <si>
    <t>Basti barbra mauza kotla agar P/O seet Pur</t>
  </si>
  <si>
    <t>Basti Barbra</t>
  </si>
  <si>
    <t>Seet Put</t>
  </si>
  <si>
    <t>GGES ANGRA</t>
  </si>
  <si>
    <t>gges angra</t>
  </si>
  <si>
    <t>Mussarat Nasir Peracha</t>
  </si>
  <si>
    <t>GMPS CHAK 122-123/NP</t>
  </si>
  <si>
    <t>Chak No122/123/np</t>
  </si>
  <si>
    <t>G G CM ES chak no 122/123/p  post office feroza</t>
  </si>
  <si>
    <t>Chak No122/123/ Np</t>
  </si>
  <si>
    <t>HAY AT LAR</t>
  </si>
  <si>
    <t>Razia BiBi</t>
  </si>
  <si>
    <t>GES CHAK 270 RB FSD</t>
  </si>
  <si>
    <t>chak no. 270 r.b., majhiwal.</t>
  </si>
  <si>
    <t>Muhammad Rizwan Sadaf</t>
  </si>
  <si>
    <t>GPS C-PLOT KAMAY SHAH</t>
  </si>
  <si>
    <t>Kammey Shah</t>
  </si>
  <si>
    <t>kammey shah, c plot, tehsil pir mahal' distric toba tek singh</t>
  </si>
  <si>
    <t>C Plot</t>
  </si>
  <si>
    <t>GGES HASTAL</t>
  </si>
  <si>
    <t>GGES hastal vilage hastal po thoa bahadur teh&amp;distrct chakwal</t>
  </si>
  <si>
    <t>GES CHAK 282 HR</t>
  </si>
  <si>
    <t>282/HR</t>
  </si>
  <si>
    <t>chak 282/HR</t>
  </si>
  <si>
    <t>GES CHAK 306 JB</t>
  </si>
  <si>
    <t>Chak No 304 Jb</t>
  </si>
  <si>
    <t>chak no 306 jb. tehsil gojra. dist. TT Singh</t>
  </si>
  <si>
    <t>Chak No 306 Jb</t>
  </si>
  <si>
    <t>GGES CHAK NO.89 NB</t>
  </si>
  <si>
    <t>Chak No89 Nb</t>
  </si>
  <si>
    <t>chak no 89nb sargodha</t>
  </si>
  <si>
    <t>89nb</t>
  </si>
  <si>
    <t>Chak No 79nb</t>
  </si>
  <si>
    <t>ASIFA JAMIL</t>
  </si>
  <si>
    <t>GGPS SAGERRAN WALA</t>
  </si>
  <si>
    <t>Nawan saigrranwala Bhakkar</t>
  </si>
  <si>
    <t>Saighranwala</t>
  </si>
  <si>
    <t>Naseem BiBi</t>
  </si>
  <si>
    <t>GPS CHAK NO 4/P</t>
  </si>
  <si>
    <t>JETHA Bhutta</t>
  </si>
  <si>
    <t>Govt.Boys primary school chak No.4/p khan pur</t>
  </si>
  <si>
    <t>Chak No 4/p</t>
  </si>
  <si>
    <t>Jehta Bhutta</t>
  </si>
  <si>
    <t>Muhammad Akhtar Hashmi</t>
  </si>
  <si>
    <t>GES BASTI ARAIN</t>
  </si>
  <si>
    <t>Ahmad Khan  Dahir</t>
  </si>
  <si>
    <t>Basti Arif Abad Mouza Ahmad Khan Dahir P/O Nawaz Abad Tehsil Sadiq Abad District Rahim Yar  Khan</t>
  </si>
  <si>
    <t>Mubeen Azhar</t>
  </si>
  <si>
    <t>GPS CHAK NO. 485/EB BASTI GHOREWALA</t>
  </si>
  <si>
    <t>Chak No 485/EB</t>
  </si>
  <si>
    <t>GPS Chak No. 485/E.B. Basti Ghorewala</t>
  </si>
  <si>
    <t>Chak  No 485/EB</t>
  </si>
  <si>
    <t>GPS CHAK NO 58 A SB</t>
  </si>
  <si>
    <t>58 A Sb</t>
  </si>
  <si>
    <t>chak no 58 a sb dogranwala sargodha</t>
  </si>
  <si>
    <t>Chat 58 A Sb</t>
  </si>
  <si>
    <t>58 Sb</t>
  </si>
  <si>
    <t>32136</t>
  </si>
  <si>
    <t>52056</t>
  </si>
  <si>
    <t>GGES 41/ EB</t>
  </si>
  <si>
    <t>41EB</t>
  </si>
  <si>
    <t>chak 41EB Teh Arifwala District Pakpattan</t>
  </si>
  <si>
    <t>Rehana Shamsheer</t>
  </si>
  <si>
    <t>GGPS BUNGA IHSAN BIBI NO. 1</t>
  </si>
  <si>
    <t>ihsan bibi</t>
  </si>
  <si>
    <t>gGPS BUNGA IHSAN BIBI 1</t>
  </si>
  <si>
    <t>ihsan bibi 1</t>
  </si>
  <si>
    <t>MARI MIAN SHAIB</t>
  </si>
  <si>
    <t>Zahra Firdos</t>
  </si>
  <si>
    <t>43301</t>
  </si>
  <si>
    <t>GPS HAJIAL</t>
  </si>
  <si>
    <t>Hajial</t>
  </si>
  <si>
    <t>hajial</t>
  </si>
  <si>
    <t>Shabana Akram</t>
  </si>
  <si>
    <t>GGPS CHAK NO.26/WB</t>
  </si>
  <si>
    <t>26wb</t>
  </si>
  <si>
    <t>24 Wb</t>
  </si>
  <si>
    <t>SIDDIQA ALI</t>
  </si>
  <si>
    <t>12396</t>
  </si>
  <si>
    <t>GES MODEL KHAN GARH</t>
  </si>
  <si>
    <t>Khan Garh</t>
  </si>
  <si>
    <t>Muhallah Qadirabad khangarh city</t>
  </si>
  <si>
    <t>MC Khangarh</t>
  </si>
  <si>
    <t>Ghulam Yasin Qureshi</t>
  </si>
  <si>
    <t>11158</t>
  </si>
  <si>
    <t>GPS CHAK NO. 150-B TDA</t>
  </si>
  <si>
    <t>Chak no 150-B/TDA P/O jamman shah</t>
  </si>
  <si>
    <t>Chor Wala</t>
  </si>
  <si>
    <t>Mohammad Aslam Bhatti</t>
  </si>
  <si>
    <t>35105</t>
  </si>
  <si>
    <t>GES BASIR PUR NO. 2</t>
  </si>
  <si>
    <t>Allama Iqbal Town Basirpur</t>
  </si>
  <si>
    <t>M C Basirpur</t>
  </si>
  <si>
    <t>GES 491 EB</t>
  </si>
  <si>
    <t>491eb</t>
  </si>
  <si>
    <t>Govt elementary  school 491eb  Burewala</t>
  </si>
  <si>
    <t>495eb</t>
  </si>
  <si>
    <t>GPS CHAH QUTAB</t>
  </si>
  <si>
    <t>Qaisar Chuhan</t>
  </si>
  <si>
    <t>Basti Chah qutab moza Qaisar chohan UC Rajan Pur Kalan Rahim Yar khan</t>
  </si>
  <si>
    <t>Basti Chah Quttub</t>
  </si>
  <si>
    <t>Sharu Ram</t>
  </si>
  <si>
    <t>GMPS CHAK NO CHAK NO 181 WEST</t>
  </si>
  <si>
    <t>chak no 181 w</t>
  </si>
  <si>
    <t>chak no 181 Jhang</t>
  </si>
  <si>
    <t>Chak No 181 W</t>
  </si>
  <si>
    <t>Bakhat Noor</t>
  </si>
  <si>
    <t>GGPS 18 KB</t>
  </si>
  <si>
    <t>Chak no.18KB</t>
  </si>
  <si>
    <t>GGES CHAK NO. 239 / EB</t>
  </si>
  <si>
    <t>gges 249/Eb</t>
  </si>
  <si>
    <t>nabila rasheed</t>
  </si>
  <si>
    <t>GGPS BAIR WALA NO.1</t>
  </si>
  <si>
    <t>wazir pura</t>
  </si>
  <si>
    <t>GGPS Bair Wala Post office Islam Pura Tehsil and distt bahawalnagar</t>
  </si>
  <si>
    <t>kapooran</t>
  </si>
  <si>
    <t>36397</t>
  </si>
  <si>
    <t>GGPS 58 WB</t>
  </si>
  <si>
    <t>GGPS 58wb vehari</t>
  </si>
  <si>
    <t>Fozia Nasim</t>
  </si>
  <si>
    <t>10732</t>
  </si>
  <si>
    <t>GPS PACCA AWAN ABAD</t>
  </si>
  <si>
    <t>pacca awanabad kot sultan. layyah</t>
  </si>
  <si>
    <t>Pacca Awanabd</t>
  </si>
  <si>
    <t>Muhammad Muddasir Afzal</t>
  </si>
  <si>
    <t>GGPS TURAIJ WALA</t>
  </si>
  <si>
    <t>Mukhaina</t>
  </si>
  <si>
    <t>ggps turejwala</t>
  </si>
  <si>
    <t>Turejwala</t>
  </si>
  <si>
    <t>Farzana Qamar</t>
  </si>
  <si>
    <t>GES AJNALA</t>
  </si>
  <si>
    <t>Ajnala Lok, Sargodha</t>
  </si>
  <si>
    <t>Ajnala Lok</t>
  </si>
  <si>
    <t>GPS BHATTIAN WALA (KHAN WALA)</t>
  </si>
  <si>
    <t>basti khan wala chak aalidaha</t>
  </si>
  <si>
    <t>Alidaha</t>
  </si>
  <si>
    <t>GMMS HAZRAT KHAWAJA M AKBAR BASIR PUR</t>
  </si>
  <si>
    <t>GMMS HAZRAT KHAWAJA M AKBAR R.A BASIRUR</t>
  </si>
  <si>
    <t>Muhammad Yasin Raz</t>
  </si>
  <si>
    <t>GGPS SANDHU WALI</t>
  </si>
  <si>
    <t>basti sindhu wali moza nanak chand</t>
  </si>
  <si>
    <t>Basti Sindhu Wali</t>
  </si>
  <si>
    <t>GGES SHAH SYED BHULOOH</t>
  </si>
  <si>
    <t>shah syed bulooh</t>
  </si>
  <si>
    <t>Vpo shah syed bulooh</t>
  </si>
  <si>
    <t>Shahida parveen</t>
  </si>
  <si>
    <t>GPS QASIM ABAD MOUZA PAHAR PUR THAL</t>
  </si>
  <si>
    <t>chah juma shah wala pahar pur thal</t>
  </si>
  <si>
    <t>Juma Shah Wala</t>
  </si>
  <si>
    <t>Imran Riasat</t>
  </si>
  <si>
    <t>GPS CHAK 402 JB ABDULLAH PUR</t>
  </si>
  <si>
    <t>GPS 402 j.b</t>
  </si>
  <si>
    <t>chak #402jb</t>
  </si>
  <si>
    <t>chak no 301 Gb</t>
  </si>
  <si>
    <t>16954</t>
  </si>
  <si>
    <t>GGES CHAK NO 262 JB BAIR WALA</t>
  </si>
  <si>
    <t>gges chak 262 bairwala</t>
  </si>
  <si>
    <t>Itrat Naureen</t>
  </si>
  <si>
    <t>15122</t>
  </si>
  <si>
    <t>GGPS BASTI MUHAMMAD AMIN</t>
  </si>
  <si>
    <t>Basti  M. Amin</t>
  </si>
  <si>
    <t>Basti M Amin</t>
  </si>
  <si>
    <t>Mamoona Kausar</t>
  </si>
  <si>
    <t>GGPS IFTIKHAR WALA</t>
  </si>
  <si>
    <t>r.wsli tehsil and district m.garh</t>
  </si>
  <si>
    <t>Gagry Wala</t>
  </si>
  <si>
    <t>Rwali</t>
  </si>
  <si>
    <t>Razia Qamar</t>
  </si>
  <si>
    <t>GPS QANDHARI JAM RIDD</t>
  </si>
  <si>
    <t>Basti Qandahari jam rid Thal P/O kot sultan Layyah</t>
  </si>
  <si>
    <t>Qandahari</t>
  </si>
  <si>
    <t>GPS BASTI GOOTH</t>
  </si>
  <si>
    <t>rajan pur khurd</t>
  </si>
  <si>
    <t>Basti ghulam haider chandia moza rajan pur khurd tehsil Rahim yar khan</t>
  </si>
  <si>
    <t>GPS CHAK 269 RB I FSD</t>
  </si>
  <si>
    <t>CHAK 269 RB BARRAN</t>
  </si>
  <si>
    <t>Gps 269 RB 1 Barran</t>
  </si>
  <si>
    <t>CHAK 268 RB</t>
  </si>
  <si>
    <t>17502</t>
  </si>
  <si>
    <t>GGPS BAIG COLONY</t>
  </si>
  <si>
    <t>gojra road, baig colony jhang</t>
  </si>
  <si>
    <t>Baig Colony</t>
  </si>
  <si>
    <t>5477</t>
  </si>
  <si>
    <t>GPS VARAR NASHAIB</t>
  </si>
  <si>
    <t>Varer Nashaib</t>
  </si>
  <si>
    <t>moza varer nashaib,p/o kot sultan</t>
  </si>
  <si>
    <t>GHS KAT GANGA SINGH</t>
  </si>
  <si>
    <t>Kat Ganag Singh P/o Madrassa BAhawalnagar</t>
  </si>
  <si>
    <t>kat Ganga Singh</t>
  </si>
  <si>
    <t>MUHAMMAD IKRAMULLAH</t>
  </si>
  <si>
    <t>51847</t>
  </si>
  <si>
    <t>GGES 83 EB</t>
  </si>
  <si>
    <t>83eb</t>
  </si>
  <si>
    <t>chak no 83 EB tehsil Arifwala District pakpattan</t>
  </si>
  <si>
    <t>HQ 83eb</t>
  </si>
  <si>
    <t>Sajda Tasneem</t>
  </si>
  <si>
    <t>9671</t>
  </si>
  <si>
    <t>GGPS BAIT AGRA NO.2</t>
  </si>
  <si>
    <t>123Tda</t>
  </si>
  <si>
    <t>5 Marla scheme layyah</t>
  </si>
  <si>
    <t>GHSS RAJANA</t>
  </si>
  <si>
    <t>ghsss rajana</t>
  </si>
  <si>
    <t>CH IFTIKHAR Ahmad</t>
  </si>
  <si>
    <t>183600</t>
  </si>
  <si>
    <t>17986</t>
  </si>
  <si>
    <t>GGES CHAK NO 496 JB</t>
  </si>
  <si>
    <t>gges 496 jb tehsil shorkot</t>
  </si>
  <si>
    <t>Chak#496</t>
  </si>
  <si>
    <t>Shumaila Sarfraz</t>
  </si>
  <si>
    <t>GPS PANA MAHAR</t>
  </si>
  <si>
    <t>Pana Mahar</t>
  </si>
  <si>
    <t>Pana Mahar P/O Jamal Kot, Tehsil Depalpur, Distric Okara</t>
  </si>
  <si>
    <t>Nihal Mhar</t>
  </si>
  <si>
    <t>GGPS KOTHAY WALA</t>
  </si>
  <si>
    <t>Shareef Panwar</t>
  </si>
  <si>
    <t>Adam wala</t>
  </si>
  <si>
    <t>Fazil Karlo</t>
  </si>
  <si>
    <t>ramsha naseer</t>
  </si>
  <si>
    <t>GGPS KOTLI SHAREEN</t>
  </si>
  <si>
    <t>Kotli shareenh</t>
  </si>
  <si>
    <t>Kotli Shareenh</t>
  </si>
  <si>
    <t>farhat ghafoor</t>
  </si>
  <si>
    <t>36057</t>
  </si>
  <si>
    <t>GHS TAIMOOR SHAHEED COLONY</t>
  </si>
  <si>
    <t>taimooor shaheed</t>
  </si>
  <si>
    <t>Peoples Colony Vehari</t>
  </si>
  <si>
    <t>U-Block Taimoor Shaheed Colony Vehari</t>
  </si>
  <si>
    <t>GGPS KOT HEERA SINGH</t>
  </si>
  <si>
    <t>chak shaffi kot heera sing arifwala</t>
  </si>
  <si>
    <t>Kot Heera Sing</t>
  </si>
  <si>
    <t>NAJMA SIDDIQUE</t>
  </si>
  <si>
    <t>GPS CHAK NO. 251 JB SOUTH</t>
  </si>
  <si>
    <t>Govt p/s chak no. 251s teh/distt. jhang</t>
  </si>
  <si>
    <t>Chak No 251 S</t>
  </si>
  <si>
    <t>Chak No 250 Jb</t>
  </si>
  <si>
    <t>doaba</t>
  </si>
  <si>
    <t>basti doaba</t>
  </si>
  <si>
    <t>taliri</t>
  </si>
  <si>
    <t>14836</t>
  </si>
  <si>
    <t>GPS CHAK 63 GB WEST</t>
  </si>
  <si>
    <t>Chak No 63 G/b West</t>
  </si>
  <si>
    <t>Chak no.63 g/b west Jaranwala</t>
  </si>
  <si>
    <t>29498</t>
  </si>
  <si>
    <t>GPS BASTI KHOKHARAN</t>
  </si>
  <si>
    <t>Ehan Pur</t>
  </si>
  <si>
    <t>GPS  basti khokheran mouza ehsan pur</t>
  </si>
  <si>
    <t>Karam Ellahi</t>
  </si>
  <si>
    <t>GES CHAK NO 496 JB</t>
  </si>
  <si>
    <t>Chak No 496 JB</t>
  </si>
  <si>
    <t>Chak no 496 JB Tehsil Shorkot Distt Jhang</t>
  </si>
  <si>
    <t>Chak No 497 JB</t>
  </si>
  <si>
    <t>MUHAMMAD ZAHID IMRAN</t>
  </si>
  <si>
    <t>52180</t>
  </si>
  <si>
    <t>GGPS 135/EB</t>
  </si>
  <si>
    <t>135/EB</t>
  </si>
  <si>
    <t>135/EB tehsil arif wala district pakpattan. poBox same</t>
  </si>
  <si>
    <t>135/EB Tehsil Arifwala District Pakpattan</t>
  </si>
  <si>
    <t>GGPS CHAH HASTA KHAN</t>
  </si>
  <si>
    <t>Lak Badhatr</t>
  </si>
  <si>
    <t>GES CHAK 77/NP</t>
  </si>
  <si>
    <t>77np</t>
  </si>
  <si>
    <t>Chak 77 NP</t>
  </si>
  <si>
    <t>GGES NOOR COLONY SARGODHA</t>
  </si>
  <si>
    <t>Noor Colony</t>
  </si>
  <si>
    <t>G G E S NOOR COLONY 49 TAIL Sargodha</t>
  </si>
  <si>
    <t>GES KOREY WALTON</t>
  </si>
  <si>
    <t>Korey</t>
  </si>
  <si>
    <t>korey walton road cantt lahore</t>
  </si>
  <si>
    <t>37753</t>
  </si>
  <si>
    <t>GES THATHA SADIQ ABAD, JAHANIAN</t>
  </si>
  <si>
    <t>Government Middle school Thatha  Sadiqabad  Tehsil Jahanian District. Khanewal</t>
  </si>
  <si>
    <t>GGPS DHOK SHARQI PINDI GHEB</t>
  </si>
  <si>
    <t>gaps dhok sharqi pindi gheb</t>
  </si>
  <si>
    <t>TMA Pindi Gheb</t>
  </si>
  <si>
    <t>Naila Naveed</t>
  </si>
  <si>
    <t>GGPS HABIB KA</t>
  </si>
  <si>
    <t>mouza habibka minchinabad</t>
  </si>
  <si>
    <t>Iram Shaukat</t>
  </si>
  <si>
    <t>GGPS THEH BHOLAY KAY</t>
  </si>
  <si>
    <t>Bhole Key</t>
  </si>
  <si>
    <t>bhole key kasur</t>
  </si>
  <si>
    <t>Diftoo</t>
  </si>
  <si>
    <t>Fazeelat Baw</t>
  </si>
  <si>
    <t>GGES BHURU CHAK 18/RB</t>
  </si>
  <si>
    <t>Bhoru Chak 18</t>
  </si>
  <si>
    <t>got girls elementary school bhoru chak 18rb</t>
  </si>
  <si>
    <t>Sathyali</t>
  </si>
  <si>
    <t>GGPS VICHVEEN</t>
  </si>
  <si>
    <t>vichveen p/o19db</t>
  </si>
  <si>
    <t>Vichhveen</t>
  </si>
  <si>
    <t>Sarwar Bibi</t>
  </si>
  <si>
    <t>GPS NO. 1 LAL HUSSAIN</t>
  </si>
  <si>
    <t>lal Hussain</t>
  </si>
  <si>
    <t>Joran Kalan</t>
  </si>
  <si>
    <t>40965</t>
  </si>
  <si>
    <t>GPS KOTLA MUHAMMAD HUSSAIN</t>
  </si>
  <si>
    <t>Kotla M Hussain</t>
  </si>
  <si>
    <t>Kotla Muhammad Hussain</t>
  </si>
  <si>
    <t>Gara More</t>
  </si>
  <si>
    <t>H M Ghazenfar Amin</t>
  </si>
  <si>
    <t>28987</t>
  </si>
  <si>
    <t>GGPS DAO KAY KALAN</t>
  </si>
  <si>
    <t>Dao K Kalan</t>
  </si>
  <si>
    <t>daokay kalan</t>
  </si>
  <si>
    <t>Khanyana</t>
  </si>
  <si>
    <t>Rehana Riaz</t>
  </si>
  <si>
    <t>GES TOOR</t>
  </si>
  <si>
    <t>vpo toor teh and distt. jhelum</t>
  </si>
  <si>
    <t>39651</t>
  </si>
  <si>
    <t>GMPS CHHOI GULAB</t>
  </si>
  <si>
    <t>gmps chhoi gulab</t>
  </si>
  <si>
    <t>Chhoi Gulab</t>
  </si>
  <si>
    <t>37454</t>
  </si>
  <si>
    <t>GGPS TAHIR WALA</t>
  </si>
  <si>
    <t>Maoza Bait Angra village Machi Bangla Koto Addu</t>
  </si>
  <si>
    <t>Syeda Alia Haider</t>
  </si>
  <si>
    <t>44955</t>
  </si>
  <si>
    <t>GPS CHAH MANGHOO</t>
  </si>
  <si>
    <t>Basti Mairoshan</t>
  </si>
  <si>
    <t>chah Manghoo p/o basti Mairoshan</t>
  </si>
  <si>
    <t>Chah Manghoo</t>
  </si>
  <si>
    <t>GPS MUJAHID ABAD</t>
  </si>
  <si>
    <t>Basti Dhakna p/o Nutkani, Tehsil:Taunsa Sharif District: Dera Ghazi Khan</t>
  </si>
  <si>
    <t>GGPS DERA DILDAR</t>
  </si>
  <si>
    <t>DERA DILDAR ROKHAN</t>
  </si>
  <si>
    <t>DERA DILDAR BASTI ALLAH BUX CHACHAR</t>
  </si>
  <si>
    <t>Komal Ijaz</t>
  </si>
  <si>
    <t>GPS CHAK 23-A/4-L OLD GAMBER</t>
  </si>
  <si>
    <t>23 A/4-l</t>
  </si>
  <si>
    <t>CHAK NO 23A/4.L OLD GAMBER</t>
  </si>
  <si>
    <t>23A/4-l Old Gamber</t>
  </si>
  <si>
    <t>Chak No  31/4-l</t>
  </si>
  <si>
    <t>Hafiz waqas Rashid</t>
  </si>
  <si>
    <t>GGPS CHAK NO 42 MB</t>
  </si>
  <si>
    <t>Chak No 42 M B</t>
  </si>
  <si>
    <t>chak no 42 mb</t>
  </si>
  <si>
    <t>32419</t>
  </si>
  <si>
    <t>GGES MC GHAREEB ABAD</t>
  </si>
  <si>
    <t>Sheesh Mehal Ghareeb Abad</t>
  </si>
  <si>
    <t>Sheesh Mehal'Ghareeb Abad</t>
  </si>
  <si>
    <t>Sheesh Mehal</t>
  </si>
  <si>
    <t>Farhana Naz</t>
  </si>
  <si>
    <t>GGPS PEHR HALI</t>
  </si>
  <si>
    <t>Pehr Hali</t>
  </si>
  <si>
    <t>vill pehr hali post office choha khalsa Teh kallar syedan distt rwp</t>
  </si>
  <si>
    <t>GPS MATHELA SALIM KAY</t>
  </si>
  <si>
    <t>Dona Dalel Ka</t>
  </si>
  <si>
    <t>mathela salim ka P/S Haveli Lakha</t>
  </si>
  <si>
    <t>Mathela Salim Ka</t>
  </si>
  <si>
    <t>Mahanat Drshan</t>
  </si>
  <si>
    <t>Hafiz Arif Ali</t>
  </si>
  <si>
    <t>39853</t>
  </si>
  <si>
    <t>GGPS PIND MALI</t>
  </si>
  <si>
    <t>Pindmali</t>
  </si>
  <si>
    <t>G.g.p.school pindmali</t>
  </si>
  <si>
    <t>Kotsundki</t>
  </si>
  <si>
    <t>Ayesha Ali</t>
  </si>
  <si>
    <t>38161</t>
  </si>
  <si>
    <t>GGPS DARGA PUR LODRAAN</t>
  </si>
  <si>
    <t>Paka Kho</t>
  </si>
  <si>
    <t>moza paka kho dargahpur lodhran</t>
  </si>
  <si>
    <t>Dargah Pur</t>
  </si>
  <si>
    <t>Sabeen Kanwal</t>
  </si>
  <si>
    <t>GGPS BAHARA NO 1 TEH. JALALPUR PIRWALA</t>
  </si>
  <si>
    <t>Krmoo Wali</t>
  </si>
  <si>
    <t>basti bahara tehsil jalal pur pir wala</t>
  </si>
  <si>
    <t>Bahara</t>
  </si>
  <si>
    <t>Karmoo Wali</t>
  </si>
  <si>
    <t>Asma Rasool</t>
  </si>
  <si>
    <t>post office pahrianwali village noor pur the phalia dist  m.b.din</t>
  </si>
  <si>
    <t>Nasir Masood</t>
  </si>
  <si>
    <t>GPS CHAK NO.159/M</t>
  </si>
  <si>
    <t>158/m</t>
  </si>
  <si>
    <t>chak 159/m tehsil hasilpur</t>
  </si>
  <si>
    <t>159/m</t>
  </si>
  <si>
    <t>Chak 192/m</t>
  </si>
  <si>
    <t>nadia rasool</t>
  </si>
  <si>
    <t>39066</t>
  </si>
  <si>
    <t>GES GULYAL</t>
  </si>
  <si>
    <t>village.&amp;.p.o.Gulyal.Teh.Fateh Jang.Distt.Attock.</t>
  </si>
  <si>
    <t>GPS 79/5-R</t>
  </si>
  <si>
    <t>79/5R</t>
  </si>
  <si>
    <t>Chak No 79/5-R Sahiwal</t>
  </si>
  <si>
    <t>79/5-R</t>
  </si>
  <si>
    <t>GGPS CHAK NO.1</t>
  </si>
  <si>
    <t>chalianwala</t>
  </si>
  <si>
    <t>chalianwala station Chak no 1</t>
  </si>
  <si>
    <t>chak No 1</t>
  </si>
  <si>
    <t>siviya</t>
  </si>
  <si>
    <t>27419</t>
  </si>
  <si>
    <t>GGPS DERA TARARAN</t>
  </si>
  <si>
    <t>dera tararan</t>
  </si>
  <si>
    <t>Dera tararan</t>
  </si>
  <si>
    <t>Momina</t>
  </si>
  <si>
    <t>GPS CHAK NO 442 CHAH CHAMBAY WALA</t>
  </si>
  <si>
    <t>Chak 442 Chah Chambay Wala Tehsil and District Chiniot</t>
  </si>
  <si>
    <t>Chah Chambay Wala</t>
  </si>
  <si>
    <t>Setellite Town</t>
  </si>
  <si>
    <t>Muhammad Ataullah Khalid</t>
  </si>
  <si>
    <t>GGPS CHIANWALI SHARQI</t>
  </si>
  <si>
    <t>Chianwali Sharqi</t>
  </si>
  <si>
    <t>ggps chianwali sharqi</t>
  </si>
  <si>
    <t>GPS SODHRI</t>
  </si>
  <si>
    <t>sodhri</t>
  </si>
  <si>
    <t>Muhammad yousaf khan</t>
  </si>
  <si>
    <t>GPS CHERWIND</t>
  </si>
  <si>
    <t>CHERWIND</t>
  </si>
  <si>
    <t>hand pump and motor</t>
  </si>
  <si>
    <t>GPS KHARA</t>
  </si>
  <si>
    <t>village khara</t>
  </si>
  <si>
    <t>village khara tahsiel nowshehra virkan district gujranwala</t>
  </si>
  <si>
    <t>Abid abad</t>
  </si>
  <si>
    <t>49823</t>
  </si>
  <si>
    <t>GGCMS CHAK NO.157 NB</t>
  </si>
  <si>
    <t>Chak No 157 NB</t>
  </si>
  <si>
    <t>157NB teh silla wali district sargodha</t>
  </si>
  <si>
    <t>157NB</t>
  </si>
  <si>
    <t>TASNEEM KAOUSAR</t>
  </si>
  <si>
    <t>GMPS CHAK 426 JB I</t>
  </si>
  <si>
    <t>chack no 426</t>
  </si>
  <si>
    <t>Kahana  Konta</t>
  </si>
  <si>
    <t>310 Jb</t>
  </si>
  <si>
    <t>Nighat Fardous</t>
  </si>
  <si>
    <t>32366</t>
  </si>
  <si>
    <t>52012</t>
  </si>
  <si>
    <t>GGES 53 SP POST OFFICE JEVEN SHAH</t>
  </si>
  <si>
    <t>53 SP</t>
  </si>
  <si>
    <t>53sp arifwala</t>
  </si>
  <si>
    <t>jeewan shah</t>
  </si>
  <si>
    <t>Zoia zia khan</t>
  </si>
  <si>
    <t>GPS KOT RAHMU</t>
  </si>
  <si>
    <t>kot rahmu</t>
  </si>
  <si>
    <t>pgs kot rahmu tehsil lalian distric chiniot</t>
  </si>
  <si>
    <t>Kot Rahmu</t>
  </si>
  <si>
    <t>Hust khewa</t>
  </si>
  <si>
    <t>shakeel ahmed</t>
  </si>
  <si>
    <t>GMPS RAI PUR</t>
  </si>
  <si>
    <t>vill rai pur p/O  padhri</t>
  </si>
  <si>
    <t>Jijial</t>
  </si>
  <si>
    <t>19676</t>
  </si>
  <si>
    <t>GGPS MUD MEHMOOD</t>
  </si>
  <si>
    <t>CHAK BANGLA</t>
  </si>
  <si>
    <t>GMPS BASRA</t>
  </si>
  <si>
    <t>VILLAGE: BASRA, P/O: JHAWARIAN, TEHSIL SHAH PUR. DISTT SARGODHA</t>
  </si>
  <si>
    <t>GGES HAQ SIALKOT</t>
  </si>
  <si>
    <t>Goverment.Haq Girl Elementry School,Maharaja Road,Sialkot</t>
  </si>
  <si>
    <t>Hamida Begum</t>
  </si>
  <si>
    <t>GPS DHOK TAHLI P/O ALI HAIDER PUR</t>
  </si>
  <si>
    <t>dhok tahli p/o shah Muhammad wali teh talagang distt chakwal</t>
  </si>
  <si>
    <t>Jabbi Shah Dilawer</t>
  </si>
  <si>
    <t>44194</t>
  </si>
  <si>
    <t>GGES DHARUKNA</t>
  </si>
  <si>
    <t>Dhurkna</t>
  </si>
  <si>
    <t>vpo dhurkna tehsil kallar kahar district chakwal</t>
  </si>
  <si>
    <t>GGPS SHAHI WALA NO.1</t>
  </si>
  <si>
    <t>Missonkot Bhuwa</t>
  </si>
  <si>
    <t>Basti urla missonkot bhuwa p/o sultanpur</t>
  </si>
  <si>
    <t>19590</t>
  </si>
  <si>
    <t>Uttrs</t>
  </si>
  <si>
    <t>Gps habib khalian wala</t>
  </si>
  <si>
    <t>GGPS NOTHEEN MALKAN</t>
  </si>
  <si>
    <t>vpo ahmedal</t>
  </si>
  <si>
    <t>29227</t>
  </si>
  <si>
    <t>GPS IBRAHIM ABAD</t>
  </si>
  <si>
    <t>gps Ibrahim abad</t>
  </si>
  <si>
    <t>GPS BAHADUR SAWAG WALA</t>
  </si>
  <si>
    <t>Patti Kharan</t>
  </si>
  <si>
    <t>awan wala patti kharan</t>
  </si>
  <si>
    <t>GPS KONIAN WALA DHAMAK</t>
  </si>
  <si>
    <t>Dera konianwala Moza Dhamak teh. Noorpur thal Distt.Khushab</t>
  </si>
  <si>
    <t>noorpur Rural</t>
  </si>
  <si>
    <t>Muhammad Chragh</t>
  </si>
  <si>
    <t>GES MC SANI BANK</t>
  </si>
  <si>
    <t>MC boys Elementary school sunny bank Murree</t>
  </si>
  <si>
    <t>Sunny Bank</t>
  </si>
  <si>
    <t>Arshad Mahmood Abbasi</t>
  </si>
  <si>
    <t>43525</t>
  </si>
  <si>
    <t>32219</t>
  </si>
  <si>
    <t>GPS CHAK NO 10 ML</t>
  </si>
  <si>
    <t>Chak No 10/ml</t>
  </si>
  <si>
    <t>chak no.10/ml.p o.same.tehsil.piplan.district mianwali.</t>
  </si>
  <si>
    <t>Chak No 10 /ml</t>
  </si>
  <si>
    <t>Mushtaq Gill</t>
  </si>
  <si>
    <t>GPS SHARIF ARAIN</t>
  </si>
  <si>
    <t>Sharif Araian</t>
  </si>
  <si>
    <t>mouza sharif araian p/o kot sultan</t>
  </si>
  <si>
    <t>Peer Jaggi Sharif</t>
  </si>
  <si>
    <t>17435</t>
  </si>
  <si>
    <t>GMPS MAINI</t>
  </si>
  <si>
    <t>Post Office shedani Tehsil Lqp</t>
  </si>
  <si>
    <t>Munir Hussain Khawar</t>
  </si>
  <si>
    <t>30857</t>
  </si>
  <si>
    <t>31212</t>
  </si>
  <si>
    <t>GGPS RANGEEL PUR, MULTAN ROAD</t>
  </si>
  <si>
    <t>Rangilpur</t>
  </si>
  <si>
    <t>GGPS Rangeelpur Adda Sundar Multan road lahore</t>
  </si>
  <si>
    <t>Rangil Pur</t>
  </si>
  <si>
    <t>Shamki Bhattian</t>
  </si>
  <si>
    <t>GPS TARAIR (KHUNDA)</t>
  </si>
  <si>
    <t>trair p/o mirwal teh. jand  distt. attock.</t>
  </si>
  <si>
    <t>Trair</t>
  </si>
  <si>
    <t>ejector</t>
  </si>
  <si>
    <t>GGPS MIAN IRSHAD AHMAD</t>
  </si>
  <si>
    <t>GGPS MIAN IRSHAD Ahmad</t>
  </si>
  <si>
    <t>MIAN IRSHAD AHMAD</t>
  </si>
  <si>
    <t>MC Zahir Pir</t>
  </si>
  <si>
    <t>GGES NATHAY WALA</t>
  </si>
  <si>
    <t>Nathy Wala</t>
  </si>
  <si>
    <t>GGES nathy wala</t>
  </si>
  <si>
    <t>H Asiya Wadood</t>
  </si>
  <si>
    <t>GGPS NOOR FAQIR WALA SHUJABAD</t>
  </si>
  <si>
    <t>Noor Fakir</t>
  </si>
  <si>
    <t>noor fakir village shujabad</t>
  </si>
  <si>
    <t>Afshan Nisar</t>
  </si>
  <si>
    <t>53764</t>
  </si>
  <si>
    <t>GGPS CHAK NO. 27/1-AL</t>
  </si>
  <si>
    <t>27/1al</t>
  </si>
  <si>
    <t>chak number 27 1al tehsile renala khurd shergarh</t>
  </si>
  <si>
    <t>27 1al</t>
  </si>
  <si>
    <t>25/1al</t>
  </si>
  <si>
    <t>Balkees Akhtar</t>
  </si>
  <si>
    <t>GGPS GORSIAN</t>
  </si>
  <si>
    <t>Gorsian</t>
  </si>
  <si>
    <t>gorsian</t>
  </si>
  <si>
    <t>Nafeesa Irum</t>
  </si>
  <si>
    <t>GGES JACHA MOMDOT</t>
  </si>
  <si>
    <t>gges jocha mamdot _teh:kallar saydan _Dist:RWP</t>
  </si>
  <si>
    <t>Kallar syedan</t>
  </si>
  <si>
    <t>Sabila Altaf</t>
  </si>
  <si>
    <t>GGPS KAMAL MOHANA RYK</t>
  </si>
  <si>
    <t>Kamal Mohana</t>
  </si>
  <si>
    <t>Basti chah salam moza kamal mohana RYK</t>
  </si>
  <si>
    <t>Chah Salam</t>
  </si>
  <si>
    <t>Ambreen Kanwal</t>
  </si>
  <si>
    <t>GGPS GHURU KI JHUGIAN</t>
  </si>
  <si>
    <t>Guru ki jhugian, kot radha kishen</t>
  </si>
  <si>
    <t>Nimra Karamat</t>
  </si>
  <si>
    <t>635075</t>
  </si>
  <si>
    <t>GPS KOT CHOUGHTA</t>
  </si>
  <si>
    <t>Kot Choughatta</t>
  </si>
  <si>
    <t>Village kot choughatta Teh Sahiwal Distt Sargodha</t>
  </si>
  <si>
    <t>moza Ahma Abad</t>
  </si>
  <si>
    <t>Muhammad Mazhar Jameel</t>
  </si>
  <si>
    <t>GMPS MAJHI SULTAN NO.1</t>
  </si>
  <si>
    <t>p/o same majhi sultan</t>
  </si>
  <si>
    <t>GPS CHAK NO.12/F.W-A</t>
  </si>
  <si>
    <t>12FWA</t>
  </si>
  <si>
    <t>Chak no 12 F W tehsil hasilpur disst bahawalpur</t>
  </si>
  <si>
    <t>12FW</t>
  </si>
  <si>
    <t>Muhammad Mudassir Sultan</t>
  </si>
  <si>
    <t>GPS MADAR WALA</t>
  </si>
  <si>
    <t>Madar Wala near Bamy wala rakh Galkala Tehsil Mankera dist Bhakkar.</t>
  </si>
  <si>
    <t>Madar Wala</t>
  </si>
  <si>
    <t>34590</t>
  </si>
  <si>
    <t>GGPS MUKHDOOM PUR</t>
  </si>
  <si>
    <t>Pul Bhatta</t>
  </si>
  <si>
    <t>Govt girls primery schol makhdompur</t>
  </si>
  <si>
    <t>makhdompur</t>
  </si>
  <si>
    <t>mubark pur</t>
  </si>
  <si>
    <t>noreen hafiz</t>
  </si>
  <si>
    <t>GMPS MOHALLA AWAN</t>
  </si>
  <si>
    <t>Giamal</t>
  </si>
  <si>
    <t>moza giamal tehseel rojhan</t>
  </si>
  <si>
    <t>Ramzana Naz</t>
  </si>
  <si>
    <t>329425</t>
  </si>
  <si>
    <t>19935</t>
  </si>
  <si>
    <t>GGPS DALOO</t>
  </si>
  <si>
    <t>Dallu</t>
  </si>
  <si>
    <t>village dallu</t>
  </si>
  <si>
    <t>Ruby Naz</t>
  </si>
  <si>
    <t>32138</t>
  </si>
  <si>
    <t>29664</t>
  </si>
  <si>
    <t>GGES DHOLAN CHAK NO. 7</t>
  </si>
  <si>
    <t>Dholan Chak #7</t>
  </si>
  <si>
    <t>dholan chak # 7</t>
  </si>
  <si>
    <t>Dholan Chak # 7</t>
  </si>
  <si>
    <t>GGPS LOT NO. 58</t>
  </si>
  <si>
    <t>Rakh Dagraan Wali</t>
  </si>
  <si>
    <t>lot no 58 Po box Barkat wala</t>
  </si>
  <si>
    <t>Barkat  Wala</t>
  </si>
  <si>
    <t>Aisha Khanam</t>
  </si>
  <si>
    <t>39099</t>
  </si>
  <si>
    <t>38321</t>
  </si>
  <si>
    <t>GGPS SHARK WAH NOQABIL WAH</t>
  </si>
  <si>
    <t>Shark Wah</t>
  </si>
  <si>
    <t>ggps shark wah</t>
  </si>
  <si>
    <t>Gujran Wali</t>
  </si>
  <si>
    <t>Mari Bhago Khan</t>
  </si>
  <si>
    <t>Sumaira Sattar</t>
  </si>
  <si>
    <t>GGPS NO. 2 KOT MOMIN</t>
  </si>
  <si>
    <t>Mozamabad road Kotmoman</t>
  </si>
  <si>
    <t>Wasfa jabeen</t>
  </si>
  <si>
    <t>GGPS 111/10-R, JAHANIAN</t>
  </si>
  <si>
    <t>111/10-R</t>
  </si>
  <si>
    <t>chak no 111/10-R</t>
  </si>
  <si>
    <t>Shamim James</t>
  </si>
  <si>
    <t>GGPS ALI ASAR</t>
  </si>
  <si>
    <t>shehroz@595@g mail.com</t>
  </si>
  <si>
    <t>Ada Shehnal</t>
  </si>
  <si>
    <t>Chack Himts</t>
  </si>
  <si>
    <t>GGPS HARI PUR BAND</t>
  </si>
  <si>
    <t>Hari Pur Band</t>
  </si>
  <si>
    <t>hari pur band,teh.wzd.diss,grw</t>
  </si>
  <si>
    <t>Vunjuwali</t>
  </si>
  <si>
    <t>Tanvir Kausar</t>
  </si>
  <si>
    <t>electric water color</t>
  </si>
  <si>
    <t>35995</t>
  </si>
  <si>
    <t>GPS KARAM SHAH FADDAH</t>
  </si>
  <si>
    <t>Faddah</t>
  </si>
  <si>
    <t>Basti meharan wali mouza faddah tehsil mailsi district vehari</t>
  </si>
  <si>
    <t>Meharan Wali Basti</t>
  </si>
  <si>
    <t>12287</t>
  </si>
  <si>
    <t>GGPS CHAK NO 144/ML</t>
  </si>
  <si>
    <t>Chack No 144/ML</t>
  </si>
  <si>
    <t>chack no 144/ML tehsil kotadu district muzaffargarh</t>
  </si>
  <si>
    <t>Chack No 518/TDA</t>
  </si>
  <si>
    <t>31667</t>
  </si>
  <si>
    <t>GPS KOT ABDULLAH</t>
  </si>
  <si>
    <t>village kot abdullah p/o ghandowal district sheikhupura tehsil murdkey</t>
  </si>
  <si>
    <t>Nangal Boucher</t>
  </si>
  <si>
    <t>43296</t>
  </si>
  <si>
    <t>GPS DOHRIAN</t>
  </si>
  <si>
    <t>VPO Dohrian</t>
  </si>
  <si>
    <t>Choa Gung Ali Shah</t>
  </si>
  <si>
    <t>GES CHAK NO.315 TDA</t>
  </si>
  <si>
    <t>Chak No.315/TDA Tehseil Chaubara district Layyah</t>
  </si>
  <si>
    <t>Chak No 315/TDA</t>
  </si>
  <si>
    <t>Muhammad Ramzan Tahir</t>
  </si>
  <si>
    <t>25124</t>
  </si>
  <si>
    <t>GGPS CM CHAK SANTHAL</t>
  </si>
  <si>
    <t>Chack Santhal</t>
  </si>
  <si>
    <t>village chack santhal p.o phuklian distt .tehsil sialkot</t>
  </si>
  <si>
    <t>YASMIN QAMAR</t>
  </si>
  <si>
    <t>bahadur ghur</t>
  </si>
  <si>
    <t>gps basti khosa p/o kotmubarak teh&amp;dist d.g.khan</t>
  </si>
  <si>
    <t>Basti Darwish Lashari</t>
  </si>
  <si>
    <t>Bahadur Ghur</t>
  </si>
  <si>
    <t>GPS LALIKEY</t>
  </si>
  <si>
    <t>Lalli kay</t>
  </si>
  <si>
    <t>Lalli kay p / o Battak Basir pur teh Dipalpur dist Okara</t>
  </si>
  <si>
    <t>Kagha Mehr Shah</t>
  </si>
  <si>
    <t>Muhammad Saleem Rizwan</t>
  </si>
  <si>
    <t>53756</t>
  </si>
  <si>
    <t>GGES 15-1/AL</t>
  </si>
  <si>
    <t>15/1AL</t>
  </si>
  <si>
    <t>GGE/S 15/1AL</t>
  </si>
  <si>
    <t>14/1AL</t>
  </si>
  <si>
    <t>GPS 119/7-DR</t>
  </si>
  <si>
    <t>Chak no.119/7DR Tehsil Chichawatni</t>
  </si>
  <si>
    <t>Chak 119/7DR</t>
  </si>
  <si>
    <t>SHAHZAD HUSSAIN KANWAL</t>
  </si>
  <si>
    <t>39576</t>
  </si>
  <si>
    <t>GES RATTI KASSI</t>
  </si>
  <si>
    <t>Ratti Kassi</t>
  </si>
  <si>
    <t>GES Ratti Kassi. P/O, Kahal. Teh, Jand (Attock)</t>
  </si>
  <si>
    <t>HAFIZ NASEER UD DIN</t>
  </si>
  <si>
    <t>GPS GHARIB ABAD PIRMAHAL</t>
  </si>
  <si>
    <t>Masjid Block Near Iqbal Park  Pirmahal</t>
  </si>
  <si>
    <t>Pirmahal City</t>
  </si>
  <si>
    <t>ABDUL RAZZAQ SAJID</t>
  </si>
  <si>
    <t>GMES DHOK JOURI</t>
  </si>
  <si>
    <t>dhok jouri</t>
  </si>
  <si>
    <t>Dhok jouri</t>
  </si>
  <si>
    <t>Kubra Perveen</t>
  </si>
  <si>
    <t>GGES KANOHA</t>
  </si>
  <si>
    <t>village and p/o kanoha tehsil kallar syedan district Rawalpindi</t>
  </si>
  <si>
    <t>Noreen Shahnaz</t>
  </si>
  <si>
    <t>GPS MOHKAM ABAD</t>
  </si>
  <si>
    <t>vpo Gojra dera Mohkamabad Tehsil malikwal District mandbahauddin</t>
  </si>
  <si>
    <t>Taqi Husnan</t>
  </si>
  <si>
    <t>GGES LASORI KALAN</t>
  </si>
  <si>
    <t>Lasoori Kalan</t>
  </si>
  <si>
    <t>lasoori kalan</t>
  </si>
  <si>
    <t>Saira Tariq</t>
  </si>
  <si>
    <t>48438</t>
  </si>
  <si>
    <t>GPS FATEH PUR NOON</t>
  </si>
  <si>
    <t>Fateh pur Noon</t>
  </si>
  <si>
    <t>fateh pur noon uc 16 tehsil bhera district sargodha</t>
  </si>
  <si>
    <t>Muhammad Khuram Shahzad</t>
  </si>
  <si>
    <t>50610</t>
  </si>
  <si>
    <t>Chak12 Thatha Kharlan</t>
  </si>
  <si>
    <t>GPS Chak 12 Thatha kharlan Teh &amp; Dist Chiniot</t>
  </si>
  <si>
    <t>Chak 13jb Sarwala</t>
  </si>
  <si>
    <t>MAZHAR JAMIL MAZHAR</t>
  </si>
  <si>
    <t>GGES NIZAM PUR, KABIRWALA</t>
  </si>
  <si>
    <t>GGES Nizampur Kabirwala</t>
  </si>
  <si>
    <t>Naheed Perveen</t>
  </si>
  <si>
    <t>GPS CHAK NO. 22 DB</t>
  </si>
  <si>
    <t>Chak No 22 DB</t>
  </si>
  <si>
    <t>Government primary school chak no 22db</t>
  </si>
  <si>
    <t>22 DB</t>
  </si>
  <si>
    <t>Muzafar Pur Janobi</t>
  </si>
  <si>
    <t>Muhammad Ashfaq Khan</t>
  </si>
  <si>
    <t>GPS 72/4-R</t>
  </si>
  <si>
    <t>Chak No 72/4-R sahiwal</t>
  </si>
  <si>
    <t>Noor Sultan</t>
  </si>
  <si>
    <t>35474</t>
  </si>
  <si>
    <t>45293</t>
  </si>
  <si>
    <t>GGPS LOT NO.187</t>
  </si>
  <si>
    <t>Menkera</t>
  </si>
  <si>
    <t>lot no 187 menkera</t>
  </si>
  <si>
    <t>Lot No187</t>
  </si>
  <si>
    <t>SURIA BIBI</t>
  </si>
  <si>
    <t>GES CHAK NO.136/DB (W)</t>
  </si>
  <si>
    <t>136 Db</t>
  </si>
  <si>
    <t>chak 136 db dakhana chak 119 db yazman bwp.</t>
  </si>
  <si>
    <t>GPS BHARITTA</t>
  </si>
  <si>
    <t>Bharitta</t>
  </si>
  <si>
    <t>village bharitta tehsil Dina district jhelum</t>
  </si>
  <si>
    <t>Nazia Ghafoor</t>
  </si>
  <si>
    <t>GGES CDG JUNIOR MODEL SHAH KAMAL PARK</t>
  </si>
  <si>
    <t>Shaha Kamal</t>
  </si>
  <si>
    <t>Shah kamal Darbar Rehman pura  Icchra  Lahore</t>
  </si>
  <si>
    <t>Rose Mary</t>
  </si>
  <si>
    <t>GGES UTMAN ABAD</t>
  </si>
  <si>
    <t>Utmanabad</t>
  </si>
  <si>
    <t>village and p/o utmanabad, tehsil hassan abdal,attock.</t>
  </si>
  <si>
    <t>GGES CHAK NO 237 RB N</t>
  </si>
  <si>
    <t>237 RB north</t>
  </si>
  <si>
    <t>237RB N</t>
  </si>
  <si>
    <t>GGES CHAK NO. 14 P.NAGAR</t>
  </si>
  <si>
    <t>chak 14</t>
  </si>
  <si>
    <t>Razia Murtaza</t>
  </si>
  <si>
    <t>17679</t>
  </si>
  <si>
    <t>GMPS DHABBI</t>
  </si>
  <si>
    <t>Dhabby</t>
  </si>
  <si>
    <t>mouza dhabby</t>
  </si>
  <si>
    <t>Dhabby Balochan</t>
  </si>
  <si>
    <t>46881</t>
  </si>
  <si>
    <t>GGPS UTLA PATTAN KALA BAGH</t>
  </si>
  <si>
    <t>ggps utla pattan</t>
  </si>
  <si>
    <t>Taslim Bibi</t>
  </si>
  <si>
    <t>21543</t>
  </si>
  <si>
    <t>GMPS THATHA CHALWA</t>
  </si>
  <si>
    <t>Thatha Chalwa</t>
  </si>
  <si>
    <t>GMPS thatha chalwa po mehlowala near more eminabad</t>
  </si>
  <si>
    <t>54907</t>
  </si>
  <si>
    <t>AHMAD WALA TEHSIL LALIAN DISTRICT CHINIOT</t>
  </si>
  <si>
    <t>AHMADWALA</t>
  </si>
  <si>
    <t>GGPS CHAH NAWAB WALA</t>
  </si>
  <si>
    <t>Chah Nawab wala</t>
  </si>
  <si>
    <t>Chah Nawab Wala</t>
  </si>
  <si>
    <t>Beha Fatima</t>
  </si>
  <si>
    <t>Baker Wah</t>
  </si>
  <si>
    <t>muza bakher sab post office basit aslam abad</t>
  </si>
  <si>
    <t>GGES MOHAR SHARIF</t>
  </si>
  <si>
    <t>Farhat Jaffar</t>
  </si>
  <si>
    <t>16072</t>
  </si>
  <si>
    <t>GPS CHAK 298 JB</t>
  </si>
  <si>
    <t>Chak No 298 Jb</t>
  </si>
  <si>
    <t>Chak No 298 Jb Tehsil Gojra District Toba Tek Singh</t>
  </si>
  <si>
    <t>Chak No  301 Jb</t>
  </si>
  <si>
    <t>Muhammad Shfique</t>
  </si>
  <si>
    <t>177110</t>
  </si>
  <si>
    <t>GMPS CHAK DHILO</t>
  </si>
  <si>
    <t>Chack Dhillo</t>
  </si>
  <si>
    <t>Chack DHILLO</t>
  </si>
  <si>
    <t>Mandala</t>
  </si>
  <si>
    <t>Atifa Shahzadi</t>
  </si>
  <si>
    <t>27467</t>
  </si>
  <si>
    <t>GPS SHAH MUHAMMAD</t>
  </si>
  <si>
    <t>shah Muhammad</t>
  </si>
  <si>
    <t>shah muhammad</t>
  </si>
  <si>
    <t>Thatti Asaish</t>
  </si>
  <si>
    <t>Abdurehman</t>
  </si>
  <si>
    <t>GMPS CHAK NO.162 NB PURANI ABADI</t>
  </si>
  <si>
    <t>Chak 162nb</t>
  </si>
  <si>
    <t>chak nb 159 nb the sillanwali zila sargodha</t>
  </si>
  <si>
    <t>162 Nb</t>
  </si>
  <si>
    <t>Chak 163 Nb</t>
  </si>
  <si>
    <t>GGPS ALI KHANANA</t>
  </si>
  <si>
    <t>GGPS alikhanana</t>
  </si>
  <si>
    <t>Chah Qasim Wala</t>
  </si>
  <si>
    <t>GPS NOWSHERA VIRKAN NO.2</t>
  </si>
  <si>
    <t>mohalla Muslim Town  Nowshera Virkan</t>
  </si>
  <si>
    <t>Mohalla Muslim Town</t>
  </si>
  <si>
    <t>INTIZAR HUSSAIN</t>
  </si>
  <si>
    <t>GPS CHAK RAJA</t>
  </si>
  <si>
    <t>Chak Raja</t>
  </si>
  <si>
    <t>Chak Raja  Tehsil:Pasrur  Distt.Sialkot</t>
  </si>
  <si>
    <t>Shehzadha</t>
  </si>
  <si>
    <t>Farooq Ahmed Noushahi</t>
  </si>
  <si>
    <t>GGPS MUSA LAGHARI</t>
  </si>
  <si>
    <t>phulan</t>
  </si>
  <si>
    <t>basti samandri  moza phulan</t>
  </si>
  <si>
    <t>basti samndry</t>
  </si>
  <si>
    <t>bandy shaw</t>
  </si>
  <si>
    <t>Arfa Akram</t>
  </si>
  <si>
    <t>13070</t>
  </si>
  <si>
    <t>GGES KANDH SHARIF</t>
  </si>
  <si>
    <t>government girls elementary school kandh sharif</t>
  </si>
  <si>
    <t>Basti Kandh Sharif</t>
  </si>
  <si>
    <t>Tahira Basit</t>
  </si>
  <si>
    <t>Basti khokharan</t>
  </si>
  <si>
    <t>GGPS Basti khokharan chani goth chakar</t>
  </si>
  <si>
    <t>GPS MACHIKA</t>
  </si>
  <si>
    <t>Rakh Machika P</t>
  </si>
  <si>
    <t>LalBuksh</t>
  </si>
  <si>
    <t>GPS ROOPA MAHTAM</t>
  </si>
  <si>
    <t>Roopamahtam</t>
  </si>
  <si>
    <t>Roopamahtam P/O Chak 13/65 Tehsil &amp; Distt.Nankana Sahib</t>
  </si>
  <si>
    <t>M Ayub Khan</t>
  </si>
  <si>
    <t>GGPS MULTAN KHURD</t>
  </si>
  <si>
    <t>vpo multan khurd</t>
  </si>
  <si>
    <t>Farooq Town</t>
  </si>
  <si>
    <t>GPS NEW DANGRA, TULAMBA</t>
  </si>
  <si>
    <t>8/8R</t>
  </si>
  <si>
    <t>Chak No 8/ 8_R Gps New Dangra</t>
  </si>
  <si>
    <t>8/8-R Afridi Wala</t>
  </si>
  <si>
    <t>GGES CHAK NO.172/TDA</t>
  </si>
  <si>
    <t>chack no 172tda layyah</t>
  </si>
  <si>
    <t>172tda</t>
  </si>
  <si>
    <t>Chak No 172tda</t>
  </si>
  <si>
    <t>7511</t>
  </si>
  <si>
    <t>GGPS WANGAA</t>
  </si>
  <si>
    <t>Peran Bhutta</t>
  </si>
  <si>
    <t>Basti WANGAA Sadiq abad</t>
  </si>
  <si>
    <t>Basti Wanga</t>
  </si>
  <si>
    <t>Shumaila Nargis</t>
  </si>
  <si>
    <t>GGPS SARWER KOT</t>
  </si>
  <si>
    <t>Ramzan Langha</t>
  </si>
  <si>
    <t>tubwell uaseen langha</t>
  </si>
  <si>
    <t>Tubwellyaseen Lan</t>
  </si>
  <si>
    <t>Jhulaan Aarian</t>
  </si>
  <si>
    <t>24296</t>
  </si>
  <si>
    <t>Dera Hakeem Khelanwala, Gunjial, Tehsil Quaidadad, District Khushab</t>
  </si>
  <si>
    <t>GGPS LAKSEEN</t>
  </si>
  <si>
    <t>GGP s lakseen</t>
  </si>
  <si>
    <t>GGPS DERA BAHADUR KHAN</t>
  </si>
  <si>
    <t>Sohawa Dillowana</t>
  </si>
  <si>
    <t>Dera bahdur khan sohawa dillowana</t>
  </si>
  <si>
    <t>Shabana  Kausar</t>
  </si>
  <si>
    <t>13628</t>
  </si>
  <si>
    <t>17743</t>
  </si>
  <si>
    <t>GPS JHANBU JALALPUR PIRWALA</t>
  </si>
  <si>
    <t>Jhanbu</t>
  </si>
  <si>
    <t>Basti jhanbu jalal pur pir wala</t>
  </si>
  <si>
    <t>Amir hussain</t>
  </si>
  <si>
    <t>GPS GAKHAR NO.1</t>
  </si>
  <si>
    <t>G p s no 1 shabri town ghakhar</t>
  </si>
  <si>
    <t>Ghakhar City</t>
  </si>
  <si>
    <t>Hassan  Khan</t>
  </si>
  <si>
    <t>48403</t>
  </si>
  <si>
    <t>GPS RAKH MELO WAL</t>
  </si>
  <si>
    <t>RAKH MELOWAL</t>
  </si>
  <si>
    <t>RAKH MELOWAL TEHSIL BHERA</t>
  </si>
  <si>
    <t>FATH E GHAR</t>
  </si>
  <si>
    <t>47138</t>
  </si>
  <si>
    <t>GPS KHAN BAIG WALA</t>
  </si>
  <si>
    <t>village zadey khailanwala tehsil  &amp;district mianwali</t>
  </si>
  <si>
    <t>Zadey khailanwala</t>
  </si>
  <si>
    <t>Yaru Khel Paka</t>
  </si>
  <si>
    <t>Muhammad Ashiq Kaleem Khan</t>
  </si>
  <si>
    <t>GPS AGHZA KACH</t>
  </si>
  <si>
    <t>kacha bangi khel tehsil esa khel dist mianwali</t>
  </si>
  <si>
    <t>Kacah Bangi Khel</t>
  </si>
  <si>
    <t>Hayat Ullah Khan</t>
  </si>
  <si>
    <t>GPS RATTA WALA</t>
  </si>
  <si>
    <t>Markaz Roda Tehsil &amp; district khushab</t>
  </si>
  <si>
    <t>Mohammed Waris</t>
  </si>
  <si>
    <t>GPS MURAD WAL</t>
  </si>
  <si>
    <t>village Muradwal post office Haria Tehsil Malakwal District M.B.Din.</t>
  </si>
  <si>
    <t>KHALID MAHMOOD ARSHAD</t>
  </si>
  <si>
    <t>49774</t>
  </si>
  <si>
    <t>GPS CHAK NO.143 NB</t>
  </si>
  <si>
    <t>Chak No 143 N B</t>
  </si>
  <si>
    <t>chak No 143  N B</t>
  </si>
  <si>
    <t>Chalk No 147/148 N B</t>
  </si>
  <si>
    <t>20110</t>
  </si>
  <si>
    <t>GMPS MAKKU WALA</t>
  </si>
  <si>
    <t>Makkuwala</t>
  </si>
  <si>
    <t>rajoya</t>
  </si>
  <si>
    <t>Atrat Naz</t>
  </si>
  <si>
    <t>10177</t>
  </si>
  <si>
    <t>GGPS BASTI SHOKIAN</t>
  </si>
  <si>
    <t>sargani nashaib</t>
  </si>
  <si>
    <t>ggps basti shokian</t>
  </si>
  <si>
    <t>basti shokian</t>
  </si>
  <si>
    <t>baseera</t>
  </si>
  <si>
    <t>farzana yasmeen</t>
  </si>
  <si>
    <t>44228</t>
  </si>
  <si>
    <t>GPS DHOK MAJHIAL</t>
  </si>
  <si>
    <t>v.p.o karooli Tehsil kallarkahar district chakwal</t>
  </si>
  <si>
    <t>Dhok Majhial</t>
  </si>
  <si>
    <t>Nazim Ali</t>
  </si>
  <si>
    <t>GGPS JATHEKAY NO.2</t>
  </si>
  <si>
    <t>Jathekay</t>
  </si>
  <si>
    <t>village and p/o jathikey tehsil sambrial district Sialkot</t>
  </si>
  <si>
    <t>Sobia Noureen</t>
  </si>
  <si>
    <t>GMPS MATTO BHANOKE</t>
  </si>
  <si>
    <t>Mattu Bhano Ke</t>
  </si>
  <si>
    <t>Village .Mattu Bhano ke.  Post Office Buddha Goraya Tehsil Noshehra  Virkan Dist .Gujranwala.</t>
  </si>
  <si>
    <t>Mattu Bhai Ke</t>
  </si>
  <si>
    <t>7372</t>
  </si>
  <si>
    <t>GGPS RASOOL PUR NO. 2</t>
  </si>
  <si>
    <t>rasool pur post office</t>
  </si>
  <si>
    <t>Rasool pur</t>
  </si>
  <si>
    <t>30204</t>
  </si>
  <si>
    <t>GES MUSLIM HARBANS PURA</t>
  </si>
  <si>
    <t>Gawala Colony Harbanspura Lahore.</t>
  </si>
  <si>
    <t>GGPS BASTI LAAL</t>
  </si>
  <si>
    <t>Chack 215</t>
  </si>
  <si>
    <t>Chack# 215 basti laal</t>
  </si>
  <si>
    <t>Chack # 215</t>
  </si>
  <si>
    <t>Chuck 215</t>
  </si>
  <si>
    <t>GGES CHAK NO.187/WB</t>
  </si>
  <si>
    <t>187/WB</t>
  </si>
  <si>
    <t>187/WB Tehsil Mailsi Dist. Vehari</t>
  </si>
  <si>
    <t>LAl Sugoo</t>
  </si>
  <si>
    <t>GGES CHAK NO. 216 EB</t>
  </si>
  <si>
    <t>govt. girls elementary school 216/EB Vehari</t>
  </si>
  <si>
    <t>Sundeel Akhtar</t>
  </si>
  <si>
    <t>GES MOADIB WAHID BUX MAHER</t>
  </si>
  <si>
    <t>WAHID Bakhsh Laar</t>
  </si>
  <si>
    <t>GHS WAHID BUX MAHAR</t>
  </si>
  <si>
    <t>WAHID BUX LAAR</t>
  </si>
  <si>
    <t>RASOOL BAKHSH SOLANGI</t>
  </si>
  <si>
    <t>Hand pump,Water pum</t>
  </si>
  <si>
    <t>52076</t>
  </si>
  <si>
    <t>GGCMES 43 EB P/O KOT KHUDA BUKHSH</t>
  </si>
  <si>
    <t>43/EB</t>
  </si>
  <si>
    <t>Chak No. 43/EB</t>
  </si>
  <si>
    <t>GES MOUZA CHANNA</t>
  </si>
  <si>
    <t>basti Mouza Channa</t>
  </si>
  <si>
    <t>GGPS CHAK 263 JB KIRTOANA</t>
  </si>
  <si>
    <t>chak no 263 kirtoana</t>
  </si>
  <si>
    <t>Chak No 263 Kitoana</t>
  </si>
  <si>
    <t>Sadia Javed</t>
  </si>
  <si>
    <t>GMPS  CHAK NO 486 JB</t>
  </si>
  <si>
    <t>Chak no 486</t>
  </si>
  <si>
    <t>486 Jb</t>
  </si>
  <si>
    <t>GGPS CHAK NO.55/TDA</t>
  </si>
  <si>
    <t>55 Tda</t>
  </si>
  <si>
    <t>Ggps 55tda p/o box notak dist bhakkar</t>
  </si>
  <si>
    <t>55tda</t>
  </si>
  <si>
    <t>Sughra Parveen</t>
  </si>
  <si>
    <t>26077</t>
  </si>
  <si>
    <t>GPS RATTO CHAK</t>
  </si>
  <si>
    <t>Ratto Chak</t>
  </si>
  <si>
    <t>RATTO CHAK</t>
  </si>
  <si>
    <t>GES KOTLA QAZI</t>
  </si>
  <si>
    <t>moza kotla qazi kothi qureshi stop layyah</t>
  </si>
  <si>
    <t>GGPS DABA PEER</t>
  </si>
  <si>
    <t>basti dabba peer</t>
  </si>
  <si>
    <t>Shagufta Majeed</t>
  </si>
  <si>
    <t>GGES CHAK 341 GB</t>
  </si>
  <si>
    <t>chak  no 341 GB</t>
  </si>
  <si>
    <t>Chak  No 341 GB</t>
  </si>
  <si>
    <t>Chak  No 342 GB</t>
  </si>
  <si>
    <t>Shazia Qamer</t>
  </si>
  <si>
    <t>GGPS CHAK 30/EB KHURD P/O 30/EB KALAN</t>
  </si>
  <si>
    <t>Nagar 2</t>
  </si>
  <si>
    <t>chak no.30/eb khurd tehsil arifwala distt.pakpattan</t>
  </si>
  <si>
    <t>Chak 30/eb Khurd</t>
  </si>
  <si>
    <t>Chak 34/eb</t>
  </si>
  <si>
    <t>Fouzia Iqbal</t>
  </si>
  <si>
    <t>GPS HAVELI DEWAN</t>
  </si>
  <si>
    <t>Haveli Dewan</t>
  </si>
  <si>
    <t>Haveli Dewan kot han jhang</t>
  </si>
  <si>
    <t>Havei Dewan</t>
  </si>
  <si>
    <t>Kot Kan</t>
  </si>
  <si>
    <t>Muhammad AMIN</t>
  </si>
  <si>
    <t>40539</t>
  </si>
  <si>
    <t>GMPS BHATIAN WALA</t>
  </si>
  <si>
    <t>GMPS bhattianwala</t>
  </si>
  <si>
    <t>Bhattian Wala</t>
  </si>
  <si>
    <t>GGPS CHAK NO. 171/P</t>
  </si>
  <si>
    <t>chak171 p sdk</t>
  </si>
  <si>
    <t>Chak171 P</t>
  </si>
  <si>
    <t>Asma Munir</t>
  </si>
  <si>
    <t>GMPS CHAK NO 488 JB</t>
  </si>
  <si>
    <t>chak no 488 p/0 chak 489 teh shorkot dist jhang</t>
  </si>
  <si>
    <t>Chak No 493</t>
  </si>
  <si>
    <t>GGPS CHAK 347 Â½ GB</t>
  </si>
  <si>
    <t>Chak 347 1/2 GB</t>
  </si>
  <si>
    <t>chak No.347 1/2 GB Tehsil and District Toba Tek Singh</t>
  </si>
  <si>
    <t>ZAHRA SHOUKET</t>
  </si>
  <si>
    <t>GGCMS DAMAL</t>
  </si>
  <si>
    <t>village damal pobox dhudial tehsil and district chakwal</t>
  </si>
  <si>
    <t>Nighat Shamim</t>
  </si>
  <si>
    <t>GMPS CHAK NO 166 JB DOKA</t>
  </si>
  <si>
    <t>Chak No169 Doka</t>
  </si>
  <si>
    <t>chack no 166 doaka post office mochiwals district tensile jgang</t>
  </si>
  <si>
    <t>Doaka</t>
  </si>
  <si>
    <t>Garwa</t>
  </si>
  <si>
    <t>52758</t>
  </si>
  <si>
    <t>GPS CHAK 648 GB II</t>
  </si>
  <si>
    <t>648/GB</t>
  </si>
  <si>
    <t>gps648gb/2 jaranwala</t>
  </si>
  <si>
    <t>Kot Ghulam Muhammad</t>
  </si>
  <si>
    <t>51882</t>
  </si>
  <si>
    <t>GPS GOHAR ABAD</t>
  </si>
  <si>
    <t>jamu bodula</t>
  </si>
  <si>
    <t>GGPS TIBBA SULTAN PURA</t>
  </si>
  <si>
    <t>chah basira moza chudhary</t>
  </si>
  <si>
    <t>Chah Basira</t>
  </si>
  <si>
    <t>GGPS FAIZ COLONY T.T.SINGH</t>
  </si>
  <si>
    <t>Faiz Colony Tts</t>
  </si>
  <si>
    <t>Gmps faiz colony Toba Tek singh</t>
  </si>
  <si>
    <t>Municipal Committee   Ttsingh</t>
  </si>
  <si>
    <t>Ayesha Noreen</t>
  </si>
  <si>
    <t>GGPS TOBIAN TOGERAN</t>
  </si>
  <si>
    <t>Rehman Togeran</t>
  </si>
  <si>
    <t>tobian togeran Bwn</t>
  </si>
  <si>
    <t>Tobian Togeran</t>
  </si>
  <si>
    <t>SHEHNAZ AKHTER</t>
  </si>
  <si>
    <t>GPS NOURABA</t>
  </si>
  <si>
    <t>Norabba</t>
  </si>
  <si>
    <t>moza norabba teh. mailsi</t>
  </si>
  <si>
    <t>GES LASHARI JUTEY WALA</t>
  </si>
  <si>
    <t>89tda</t>
  </si>
  <si>
    <t>89 TDA</t>
  </si>
  <si>
    <t>GES NOSHERA</t>
  </si>
  <si>
    <t>Noshera Thal Jhandi</t>
  </si>
  <si>
    <t>Basti Noshera layyah</t>
  </si>
  <si>
    <t>ALLAH NAWAZ SHAH</t>
  </si>
  <si>
    <t>GMPS BHAMB</t>
  </si>
  <si>
    <t>Bhamb</t>
  </si>
  <si>
    <t>bhamb</t>
  </si>
  <si>
    <t>TASADDAQ HUSSNAIN</t>
  </si>
  <si>
    <t>GGPS 343/EB</t>
  </si>
  <si>
    <t>chak no.343eb arifwala</t>
  </si>
  <si>
    <t>Seerat Ul Urooj</t>
  </si>
  <si>
    <t>43117</t>
  </si>
  <si>
    <t>GES MC CHAKWAL</t>
  </si>
  <si>
    <t>Near Dar Ul Aloom Hanfia Chakwal</t>
  </si>
  <si>
    <t>19869</t>
  </si>
  <si>
    <t>GGES CHAK 391 JB KINTHIAN</t>
  </si>
  <si>
    <t>Chlk No 391 Jb</t>
  </si>
  <si>
    <t>chalk no 391 j.b</t>
  </si>
  <si>
    <t>Musarrat Shagufta</t>
  </si>
  <si>
    <t>26424</t>
  </si>
  <si>
    <t>GES MIRAK SIAL</t>
  </si>
  <si>
    <t>Mirak Sial</t>
  </si>
  <si>
    <t>Mirak Sial Shorkot</t>
  </si>
  <si>
    <t>GPS CHAK NO.118/NP</t>
  </si>
  <si>
    <t>chak118/NP saidur</t>
  </si>
  <si>
    <t>Madi Lar</t>
  </si>
  <si>
    <t>GES MITHA LAK STATION</t>
  </si>
  <si>
    <t>GES mitha lak station sargodha</t>
  </si>
  <si>
    <t>Rajpoot Colony</t>
  </si>
  <si>
    <t>GGES BASTI MIAN SAHIB</t>
  </si>
  <si>
    <t>BASTI MIAN SAHIB MANTHAR ROAD SADIQ ABAD</t>
  </si>
  <si>
    <t>BASTI MIAN SAHIB</t>
  </si>
  <si>
    <t>MUNCIPLE COMMITTEE COMMETI</t>
  </si>
  <si>
    <t>15047</t>
  </si>
  <si>
    <t>GPS ROSHAN SHANI</t>
  </si>
  <si>
    <t>Roshan Shani</t>
  </si>
  <si>
    <t>GPs Roshan shani  jaranwala.</t>
  </si>
  <si>
    <t>Chak 583</t>
  </si>
  <si>
    <t>GGPS RODA SINGH NO 2</t>
  </si>
  <si>
    <t>GGPS Roda Singh NO 2</t>
  </si>
  <si>
    <t>Ghulab Ali</t>
  </si>
  <si>
    <t>GGPS JEAND WALI</t>
  </si>
  <si>
    <t>Jeand Wali</t>
  </si>
  <si>
    <t>G.G.P.S Jeand Wali</t>
  </si>
  <si>
    <t>GGPS JARGER</t>
  </si>
  <si>
    <t>village Jarger post office malhuwali tehsil Pindigheb district attock</t>
  </si>
  <si>
    <t>GES TIBI ESERAN</t>
  </si>
  <si>
    <t>Tibbi Esran</t>
  </si>
  <si>
    <t>Headmaster Maqsood Ahmad Khosa, GES Tibbi Esran, Tehsil &amp; District, D.G.Khan.</t>
  </si>
  <si>
    <t>Maqsood Ahmad Khosa</t>
  </si>
  <si>
    <t>21532</t>
  </si>
  <si>
    <t>GGPS MUSLIM GUNJ</t>
  </si>
  <si>
    <t>mohalla Muslim Gunj Kamoki</t>
  </si>
  <si>
    <t>GPS CHOHRA</t>
  </si>
  <si>
    <t>Village Chohra P/O Box Lambrey, Tehsil Muridke District Sheikhupura</t>
  </si>
  <si>
    <t>40461</t>
  </si>
  <si>
    <t>GGPS JUTTANA NO.2</t>
  </si>
  <si>
    <t>Jutana</t>
  </si>
  <si>
    <t>Ggps no 2 jutana village and post office jutana</t>
  </si>
  <si>
    <t>Maryam Iqbal</t>
  </si>
  <si>
    <t>GMPS CHAK NO 207 JB</t>
  </si>
  <si>
    <t>Chak#207/JB</t>
  </si>
  <si>
    <t>chak#207 JB Tehsil Bhawana</t>
  </si>
  <si>
    <t>Chak#207</t>
  </si>
  <si>
    <t>Chak#208/JB</t>
  </si>
  <si>
    <t>GPS DHUDIAN WALI</t>
  </si>
  <si>
    <t>dera khanay khail gunjial janubi tehsil quaid abad district khushab</t>
  </si>
  <si>
    <t>zafar Iqbal</t>
  </si>
  <si>
    <t>GPS CHAK NO 262 HR</t>
  </si>
  <si>
    <t>Chak # 262 HR Tehsil Fort Abbas, District.  Bahawalnagar</t>
  </si>
  <si>
    <t>Abeeda Iftikhar</t>
  </si>
  <si>
    <t>25239</t>
  </si>
  <si>
    <t>GGES LODHRAY</t>
  </si>
  <si>
    <t>Lodhray</t>
  </si>
  <si>
    <t>G.G.E.S LODHRAY TEHSIL AND DISTT.SIALKOT</t>
  </si>
  <si>
    <t>Hafiza Maria Khanem</t>
  </si>
  <si>
    <t>13878</t>
  </si>
  <si>
    <t>GGES MEHRAY WALA</t>
  </si>
  <si>
    <t>THAIRI</t>
  </si>
  <si>
    <t>GPS 61/15-L (TENDER) MIAN CHANNU</t>
  </si>
  <si>
    <t>Tender</t>
  </si>
  <si>
    <t>61/15.L tender, mianchannu.</t>
  </si>
  <si>
    <t>61/15L Tender</t>
  </si>
  <si>
    <t>61/15L A</t>
  </si>
  <si>
    <t>41616</t>
  </si>
  <si>
    <t>GES P.D BHANDARA</t>
  </si>
  <si>
    <t>Muree Brewery</t>
  </si>
  <si>
    <t>GES PD BHANDARA Rawalpindi</t>
  </si>
  <si>
    <t>Chaudry Muhammad Daud Khan</t>
  </si>
  <si>
    <t>GGES KALAKAY NAGRA</t>
  </si>
  <si>
    <t>Adam ka nagra</t>
  </si>
  <si>
    <t>kaleka nagra</t>
  </si>
  <si>
    <t>Adam ka nagr</t>
  </si>
  <si>
    <t>GES CHAK NO. 20/MB</t>
  </si>
  <si>
    <t>vilage,p/o 20mb thsil nurpur distk khushab</t>
  </si>
  <si>
    <t>adhi sargl</t>
  </si>
  <si>
    <t>Muhammad bilal</t>
  </si>
  <si>
    <t>25486</t>
  </si>
  <si>
    <t>GPS MORE KHUNDA GAON MANGTANWALA</t>
  </si>
  <si>
    <t>khunda Gaon</t>
  </si>
  <si>
    <t>Khunda Goan . PO . More Khunda . NNS</t>
  </si>
  <si>
    <t>Gulfam Ata</t>
  </si>
  <si>
    <t>GGPS MIR GALA MANGALA</t>
  </si>
  <si>
    <t>Pind Mirgala</t>
  </si>
  <si>
    <t>village pind mirgala p/o sar suba shah Teh kallar syedan dist Rawalpindi</t>
  </si>
  <si>
    <t>Mirgala Mangral</t>
  </si>
  <si>
    <t>Rozina Perveen</t>
  </si>
  <si>
    <t>GGES MITHA LAK DEH</t>
  </si>
  <si>
    <t>GGES mitha lak Deh</t>
  </si>
  <si>
    <t>Khalida shaheen</t>
  </si>
  <si>
    <t>GGPS NISHTAR COLONY</t>
  </si>
  <si>
    <t>ammar block near police station nishter colony lhr</t>
  </si>
  <si>
    <t>Nishter Colony</t>
  </si>
  <si>
    <t>NishterColony</t>
  </si>
  <si>
    <t>41979</t>
  </si>
  <si>
    <t>GGPS BERKET</t>
  </si>
  <si>
    <t>Berket</t>
  </si>
  <si>
    <t>berket</t>
  </si>
  <si>
    <t>Zarlish Butt</t>
  </si>
  <si>
    <t>GPS 87/12-L KALAN</t>
  </si>
  <si>
    <t>87/12l Kalan</t>
  </si>
  <si>
    <t>87/12.l kalan</t>
  </si>
  <si>
    <t>88/12l</t>
  </si>
  <si>
    <t>GMMS TAHIR PUR DARYA PAAR</t>
  </si>
  <si>
    <t>jhok pahoraan moza  tahir pur darya paar</t>
  </si>
  <si>
    <t>Jhok Pahoraan</t>
  </si>
  <si>
    <t>GPS BAHAUDI PUR QURESHIAN</t>
  </si>
  <si>
    <t>Bahaudi Pur Qurashian</t>
  </si>
  <si>
    <t>Boys GPS bahaudi Pur qurashian</t>
  </si>
  <si>
    <t>40209</t>
  </si>
  <si>
    <t>GGPS BHATTIA</t>
  </si>
  <si>
    <t>BhattiA</t>
  </si>
  <si>
    <t>bhattia</t>
  </si>
  <si>
    <t>Sidra Asif</t>
  </si>
  <si>
    <t>GPS YAROO KHOSA</t>
  </si>
  <si>
    <t>GPS yaroo khosa</t>
  </si>
  <si>
    <t>45857</t>
  </si>
  <si>
    <t>GPS ALI PUR RODA</t>
  </si>
  <si>
    <t>gps ali pur roda</t>
  </si>
  <si>
    <t>Ansar Iqbal</t>
  </si>
  <si>
    <t>GPS KURPAL</t>
  </si>
  <si>
    <t>village kurpal post office dhumman</t>
  </si>
  <si>
    <t>GPS KALWAL NO. 2</t>
  </si>
  <si>
    <t>Kalwal kallur kot bhakkar</t>
  </si>
  <si>
    <t>Kalwal No 2</t>
  </si>
  <si>
    <t>Sher Abbas</t>
  </si>
  <si>
    <t>Manawan Bata pur Lahore</t>
  </si>
  <si>
    <t>Rana Mehboob Ali</t>
  </si>
  <si>
    <t>52700</t>
  </si>
  <si>
    <t>Village Natt PO Nonar Teh and District Narowal</t>
  </si>
  <si>
    <t>GES 65A-GD YARE WALA</t>
  </si>
  <si>
    <t>65/A GD</t>
  </si>
  <si>
    <t>65/GD Yareywala Sahiwal</t>
  </si>
  <si>
    <t>65/GD Yareywala</t>
  </si>
  <si>
    <t>GES LAWRENCE COLLEGE</t>
  </si>
  <si>
    <t>govt. elementary school Lawrence college Murree</t>
  </si>
  <si>
    <t>Akhter Hussain Abbasi</t>
  </si>
  <si>
    <t>college pipe line</t>
  </si>
  <si>
    <t>GMPS NO. 1 MALAKWAL</t>
  </si>
  <si>
    <t>Mkw</t>
  </si>
  <si>
    <t>GMps no.1 mkw.mohallah kotli khurd</t>
  </si>
  <si>
    <t>Faiza Abbas</t>
  </si>
  <si>
    <t>GGES KALLAR SYEDAN</t>
  </si>
  <si>
    <t>GGPS BASTI TIBBA BASTI MULTANI CHAH SALEEM ABBASI</t>
  </si>
  <si>
    <t>sajjan wala</t>
  </si>
  <si>
    <t>Sajjan Wala</t>
  </si>
  <si>
    <t>49946</t>
  </si>
  <si>
    <t>GPS KOT MUSA KHAN</t>
  </si>
  <si>
    <t>kot musa khan</t>
  </si>
  <si>
    <t>Hafiz Muhammad Umar Masood</t>
  </si>
  <si>
    <t>GPS BAFAD NO.1</t>
  </si>
  <si>
    <t>Bafahd</t>
  </si>
  <si>
    <t>GBPS#1Bafahd PO Nikku Tehsil Hasan Abdal District Attock</t>
  </si>
  <si>
    <t>9195</t>
  </si>
  <si>
    <t>10247</t>
  </si>
  <si>
    <t>GGPS JHOK JASKANI</t>
  </si>
  <si>
    <t>jhouk jaskani karor</t>
  </si>
  <si>
    <t>jhouk jaskani</t>
  </si>
  <si>
    <t>karor thal jandi</t>
  </si>
  <si>
    <t>SHAISTA MUMTAZ</t>
  </si>
  <si>
    <t>GGPS MALIK MURID</t>
  </si>
  <si>
    <t>zila rajan pur tahseel rojhan dak Khana umr kot Nafees abad</t>
  </si>
  <si>
    <t>Nafees Abad</t>
  </si>
  <si>
    <t>Sobia Liaqat</t>
  </si>
  <si>
    <t>GPS CHAK NO.60-61/F</t>
  </si>
  <si>
    <t>60-61/F</t>
  </si>
  <si>
    <t>Chak No 60-61F</t>
  </si>
  <si>
    <t>Chak No 6061F</t>
  </si>
  <si>
    <t>GPS RUBBER</t>
  </si>
  <si>
    <t>Rubber</t>
  </si>
  <si>
    <t>rubber p/o VANIKE Tara teh. &amp; dist. hafizabad</t>
  </si>
  <si>
    <t>GGCMPS CHAK  182 GB</t>
  </si>
  <si>
    <t>Chhapyanwali</t>
  </si>
  <si>
    <t>chak no.182 G B,T.T.SINGH</t>
  </si>
  <si>
    <t>Miankot 183GB</t>
  </si>
  <si>
    <t>Tayyba Jabeen</t>
  </si>
  <si>
    <t>GPS CHAK NO.132/DB DHORI</t>
  </si>
  <si>
    <t>132 Db Dhori</t>
  </si>
  <si>
    <t>132db</t>
  </si>
  <si>
    <t>132 Db</t>
  </si>
  <si>
    <t>Aneela Ghazal</t>
  </si>
  <si>
    <t>GPS MURANI SANDI</t>
  </si>
  <si>
    <t>Sandi</t>
  </si>
  <si>
    <t>morani sandi</t>
  </si>
  <si>
    <t>Morani Sandi</t>
  </si>
  <si>
    <t>Mjoka</t>
  </si>
  <si>
    <t>GMPS KHAKI POONTA</t>
  </si>
  <si>
    <t>Khakhi Ponta</t>
  </si>
  <si>
    <t>Basti and mouza khakhi paunta ghazi pur tehsil jalalpurpirwala multan</t>
  </si>
  <si>
    <t>Rukhsana Ishaq</t>
  </si>
  <si>
    <t>hand and water pump</t>
  </si>
  <si>
    <t>38687</t>
  </si>
  <si>
    <t>GGPS 1/M P/O LADHA BOHR CHAK</t>
  </si>
  <si>
    <t>Chak num 1/am tehsil Duniapur district lodhran ladha bhor</t>
  </si>
  <si>
    <t>GPS KHANOO WALA</t>
  </si>
  <si>
    <t>KhanoWala</t>
  </si>
  <si>
    <t>Distt Mianwali teh isa Khel  post office Awanan Wala  Village khanowala</t>
  </si>
  <si>
    <t>Kaluan Wala</t>
  </si>
  <si>
    <t>MEHR AMIN KHAN</t>
  </si>
  <si>
    <t>GGPS ALYANA</t>
  </si>
  <si>
    <t>Aliana</t>
  </si>
  <si>
    <t>moza aliana</t>
  </si>
  <si>
    <t>Moza Aliana</t>
  </si>
  <si>
    <t>7/1thal Janobi</t>
  </si>
  <si>
    <t>Rubab Zafar</t>
  </si>
  <si>
    <t>GGPS NOON JAGEER</t>
  </si>
  <si>
    <t>Noon Jageer</t>
  </si>
  <si>
    <t>G.g.p.s noon jageer</t>
  </si>
  <si>
    <t>Shumaila Noreen</t>
  </si>
  <si>
    <t>17529</t>
  </si>
  <si>
    <t>GPS JINNAH ABADI (OLD CHAH JAWANA)</t>
  </si>
  <si>
    <t>Jinnah Abadi raiwind</t>
  </si>
  <si>
    <t>Raiwind Village</t>
  </si>
  <si>
    <t>GPS SHEIKH DA KOT</t>
  </si>
  <si>
    <t>Sheikh Da Kot Mandi Faizabad Tehsil &amp; Distt Nankana Sahib</t>
  </si>
  <si>
    <t>Sheikh Da Kot</t>
  </si>
  <si>
    <t>Mahboob  Akhtar</t>
  </si>
  <si>
    <t>GPS CHUCHAK</t>
  </si>
  <si>
    <t>gps chuchak</t>
  </si>
  <si>
    <t>GGPS KULAYWALI</t>
  </si>
  <si>
    <t>Kullay Wali</t>
  </si>
  <si>
    <t>village Kullay wali post office noul tehsil pasrur</t>
  </si>
  <si>
    <t>G P S Kullay Wali</t>
  </si>
  <si>
    <t>GGPS DHOK REHAM ALI KHAN</t>
  </si>
  <si>
    <t>Dhok Reham Ali</t>
  </si>
  <si>
    <t>ggps dhok reham ali khan</t>
  </si>
  <si>
    <t>Dhok Reham Ali Khan</t>
  </si>
  <si>
    <t>Humaira Channa</t>
  </si>
  <si>
    <t>GES JHALARIN JANUBI</t>
  </si>
  <si>
    <t>basti khas jhalarin maoza jhalarin tehsil jatoi district muzafar garh</t>
  </si>
  <si>
    <t>Muhammad Munir Anjum</t>
  </si>
  <si>
    <t>GPS WAHI BHOJA</t>
  </si>
  <si>
    <t>Wahi Bhoja</t>
  </si>
  <si>
    <t>Moza Wahi Bhoja P/O Kulab Tehsil Ahmadpur East District Bahawalpur</t>
  </si>
  <si>
    <t>GGES CHAK NO.16 NB</t>
  </si>
  <si>
    <t>16 Chak</t>
  </si>
  <si>
    <t>Chak 16 NB .Tehsil Bhalwal,  distt, sargodha.</t>
  </si>
  <si>
    <t>Chak 18 NB</t>
  </si>
  <si>
    <t>Touqeer Bibi</t>
  </si>
  <si>
    <t>36499</t>
  </si>
  <si>
    <t>GPS BEHRAM WAH</t>
  </si>
  <si>
    <t>Allabad</t>
  </si>
  <si>
    <t>Basti Behram wah</t>
  </si>
  <si>
    <t>Behram Wah</t>
  </si>
  <si>
    <t>GGPS BHANDORE</t>
  </si>
  <si>
    <t>village bhandore farooq abad</t>
  </si>
  <si>
    <t>Bhandore</t>
  </si>
  <si>
    <t>GGPS DITTA SAMEEJA-B</t>
  </si>
  <si>
    <t>Ditta samija B</t>
  </si>
  <si>
    <t>GGPS Ditta sameejha (B) Basti Dharaleen</t>
  </si>
  <si>
    <t>Dharaleen</t>
  </si>
  <si>
    <t>25791</t>
  </si>
  <si>
    <t>GES KHAWAJA MODERN</t>
  </si>
  <si>
    <t>Gulzar colony</t>
  </si>
  <si>
    <t>GES Khawaja Modern Gulzar colony grw</t>
  </si>
  <si>
    <t>Ratta bajwa</t>
  </si>
  <si>
    <t>Muhammad Arshad Mughal</t>
  </si>
  <si>
    <t>GGPS 77 EB ARIFWALA</t>
  </si>
  <si>
    <t>77/eb</t>
  </si>
  <si>
    <t>77eb</t>
  </si>
  <si>
    <t>Aamina Abdul Razzaq</t>
  </si>
  <si>
    <t>GGPS CHAK NO 131 MURAD</t>
  </si>
  <si>
    <t>131/m</t>
  </si>
  <si>
    <t>chak no.131/m</t>
  </si>
  <si>
    <t>Alia Sattar</t>
  </si>
  <si>
    <t>GPS 134/10-R, JAHANIAN</t>
  </si>
  <si>
    <t>chak no 134.r teh jahanian</t>
  </si>
  <si>
    <t>134/10r</t>
  </si>
  <si>
    <t>GMPS CHAK NO.19/NP</t>
  </si>
  <si>
    <t>chack 19NP Basti daba mouza kacha bhutta</t>
  </si>
  <si>
    <t>19/NPBasti Daba</t>
  </si>
  <si>
    <t>FAYYAZ AKHTAR</t>
  </si>
  <si>
    <t>GMPS SAFAIR</t>
  </si>
  <si>
    <t>Saffair</t>
  </si>
  <si>
    <t>village and post office safair RWP.</t>
  </si>
  <si>
    <t>44498</t>
  </si>
  <si>
    <t>48566</t>
  </si>
  <si>
    <t>GGPS BHIKHI KHOKHARAN WALI</t>
  </si>
  <si>
    <t>Bhukhi Khokhran Wali</t>
  </si>
  <si>
    <t>Bhukhi Khokhran wali</t>
  </si>
  <si>
    <t>Bhukhi Kalan</t>
  </si>
  <si>
    <t>Jallah Makhdoom</t>
  </si>
  <si>
    <t>Moqadar Mansha</t>
  </si>
  <si>
    <t>46587</t>
  </si>
  <si>
    <t>GES QUAID ABAD</t>
  </si>
  <si>
    <t>Qaidabad</t>
  </si>
  <si>
    <t>quaid abad</t>
  </si>
  <si>
    <t>Hafiz Ahmad Yar</t>
  </si>
  <si>
    <t>GGPS DHUDDIAN</t>
  </si>
  <si>
    <t>Akiky Rasoolpur</t>
  </si>
  <si>
    <t>GPS HAKIM ABAD</t>
  </si>
  <si>
    <t>GGES DHORI</t>
  </si>
  <si>
    <t>post office dhori bhalwal district sargodha</t>
  </si>
  <si>
    <t>Yousra Mariam</t>
  </si>
  <si>
    <t>GGES KIROL</t>
  </si>
  <si>
    <t>Kirool</t>
  </si>
  <si>
    <t>kala khati road kirool</t>
  </si>
  <si>
    <t>Shafqat Akber</t>
  </si>
  <si>
    <t>GGPS KOTLA PIRAN SHAH NO. 2</t>
  </si>
  <si>
    <t>Chah baqar wala</t>
  </si>
  <si>
    <t>kotla peeran shah jampur</t>
  </si>
  <si>
    <t>japmur</t>
  </si>
  <si>
    <t>Najma Irum</t>
  </si>
  <si>
    <t>GPS SAHOKE</t>
  </si>
  <si>
    <t>Sahoke</t>
  </si>
  <si>
    <t>sahokey</t>
  </si>
  <si>
    <t>Sahokey</t>
  </si>
  <si>
    <t>50019</t>
  </si>
  <si>
    <t>GMPS DOHANA BALOCHAN</t>
  </si>
  <si>
    <t>Dohana Balochan</t>
  </si>
  <si>
    <t>p/O dhool kadhi village dohana balochan teh Sahiwal sargodha</t>
  </si>
  <si>
    <t>Ghulam Skina</t>
  </si>
  <si>
    <t>GPS SHEIKH ABAD</t>
  </si>
  <si>
    <t>sheikh Abad vpo waisa tehsil hazro district attock</t>
  </si>
  <si>
    <t>GPS GHAZI KOHLI</t>
  </si>
  <si>
    <t>ghazi kohli</t>
  </si>
  <si>
    <t>Younis Masih</t>
  </si>
  <si>
    <t>GMPS DHOK MALAL</t>
  </si>
  <si>
    <t>dhok malal</t>
  </si>
  <si>
    <t>tehsil. fateh jang districk attock</t>
  </si>
  <si>
    <t>ajuwala</t>
  </si>
  <si>
    <t>29935</t>
  </si>
  <si>
    <t>GGPS NEW BALAQA SING</t>
  </si>
  <si>
    <t>Kanwain Jhok</t>
  </si>
  <si>
    <t>New Balaqa Sing</t>
  </si>
  <si>
    <t>Farzana Roohi</t>
  </si>
  <si>
    <t>GGPS BHORA HAYAL</t>
  </si>
  <si>
    <t>bhura hayal</t>
  </si>
  <si>
    <t>vill p/o bhura hayal teh kahuta dist rawalpindi</t>
  </si>
  <si>
    <t>Ghazala Tabbsum</t>
  </si>
  <si>
    <t>Water suply</t>
  </si>
  <si>
    <t>10259</t>
  </si>
  <si>
    <t>GGPS KHAIR SHAH</t>
  </si>
  <si>
    <t>laskani wala</t>
  </si>
  <si>
    <t>p/o laskani wala gGPS khair shah</t>
  </si>
  <si>
    <t>khair shah</t>
  </si>
  <si>
    <t>Rozina Ashraf</t>
  </si>
  <si>
    <t>28632</t>
  </si>
  <si>
    <t>GES ROSA TIBBA CHAK NO.1</t>
  </si>
  <si>
    <t>ROSA TIBBA</t>
  </si>
  <si>
    <t>ROSA TIBBA CHAK.NO1</t>
  </si>
  <si>
    <t>SADDAH OTAR</t>
  </si>
  <si>
    <t>GPS ARABIC KHURRAM PUR</t>
  </si>
  <si>
    <t>Khurrampur</t>
  </si>
  <si>
    <t>basti khurrampur khairpur tamewali</t>
  </si>
  <si>
    <t>Muhammad Abdul Sattar</t>
  </si>
  <si>
    <t>GGPS WAHI KHOTA RAM</t>
  </si>
  <si>
    <t>Wahi Khota Ram</t>
  </si>
  <si>
    <t>Taragarh Basti Malook multan</t>
  </si>
  <si>
    <t>Targarh</t>
  </si>
  <si>
    <t>Model Town Fazil pur</t>
  </si>
  <si>
    <t>Rukhshanda Begum</t>
  </si>
  <si>
    <t>GPS CHAK NO.181/M</t>
  </si>
  <si>
    <t>chk no 181m  hasilpur bwp</t>
  </si>
  <si>
    <t>181m</t>
  </si>
  <si>
    <t>Zeeshan Baber</t>
  </si>
  <si>
    <t>20646</t>
  </si>
  <si>
    <t>GGPS BHEEKO PUR</t>
  </si>
  <si>
    <t>Govt. Girls P/S Bheekopur Gulzar Colony</t>
  </si>
  <si>
    <t>Aroop town</t>
  </si>
  <si>
    <t>GPS CHAK NO. 267/P</t>
  </si>
  <si>
    <t>Chak 267 P</t>
  </si>
  <si>
    <t>Government Primary school chak no 267 p</t>
  </si>
  <si>
    <t>267 P</t>
  </si>
  <si>
    <t>186 P</t>
  </si>
  <si>
    <t>Kashif Nadeem</t>
  </si>
  <si>
    <t>Tarukari</t>
  </si>
  <si>
    <t>Basti Rahim Bux Mouza Tarukari, Tehsil Liaquat Pur, District Rahim Yar Khan</t>
  </si>
  <si>
    <t>Rahim Bux</t>
  </si>
  <si>
    <t>Asma Mureed</t>
  </si>
  <si>
    <t>GPS BASTI JHULAN</t>
  </si>
  <si>
    <t>Basti Haji Ghulam Qadir,Maoza Nonari, Ry khan</t>
  </si>
  <si>
    <t>Haji Ghulam Qadir</t>
  </si>
  <si>
    <t>GGPS 74-A/5-L KARIANA</t>
  </si>
  <si>
    <t>74/5l</t>
  </si>
  <si>
    <t>GGPS 74-A/ 5 L karyana</t>
  </si>
  <si>
    <t>74-A/ 5-L</t>
  </si>
  <si>
    <t>44/5L</t>
  </si>
  <si>
    <t>GGPS BAQIR PUR NAWAN SHAHIR</t>
  </si>
  <si>
    <t>ggps baqir pur nawan sheher multan sader</t>
  </si>
  <si>
    <t>Baqir Pur Nawan Sheher</t>
  </si>
  <si>
    <t>Kaberpur</t>
  </si>
  <si>
    <t>Rizwana Raheem</t>
  </si>
  <si>
    <t>Mujahid Iqbal</t>
  </si>
  <si>
    <t>GPS CHAK 371 JB II</t>
  </si>
  <si>
    <t>GOVT. PRIMARY SCHOOL 371 JB-II</t>
  </si>
  <si>
    <t>371 JB MUHAMMAD PURA</t>
  </si>
  <si>
    <t>CHAK NO 372 JB</t>
  </si>
  <si>
    <t>GHS NADALA SULEHRAIAN</t>
  </si>
  <si>
    <t>NadalaSulehrian</t>
  </si>
  <si>
    <t>VPO NadalaSulehrian</t>
  </si>
  <si>
    <t>MUHAMMAD AJMAL FAROOQ</t>
  </si>
  <si>
    <t>GPS HASHIM WALA</t>
  </si>
  <si>
    <t>Kachi Jai</t>
  </si>
  <si>
    <t>Govt. PS Hashim wala Kachi Jai Thatta Qureshi (Muzaffargarh)</t>
  </si>
  <si>
    <t>Ashraf Hussain</t>
  </si>
  <si>
    <t>GGES JHUJ KALAN</t>
  </si>
  <si>
    <t>jhuj kalal</t>
  </si>
  <si>
    <t>jhuj kalan</t>
  </si>
  <si>
    <t>jhujh kalan</t>
  </si>
  <si>
    <t>rahat shoukat</t>
  </si>
  <si>
    <t>GGPS BAKSHOO BHATTAR</t>
  </si>
  <si>
    <t>mouza bakhshu bhattar</t>
  </si>
  <si>
    <t>ggps bakhshu bhattar</t>
  </si>
  <si>
    <t>mouza bakhshu mouza bakhshubhattar</t>
  </si>
  <si>
    <t>jhok gulab shah</t>
  </si>
  <si>
    <t>GGPS DOGRAY WALA</t>
  </si>
  <si>
    <t>Chah Dooghay Wala, Monza Korian  Tehsil Hang</t>
  </si>
  <si>
    <t>Chan Dooghay Wala</t>
  </si>
  <si>
    <t>ASIA PERVEEN</t>
  </si>
  <si>
    <t>GGPS WARD NO. 10</t>
  </si>
  <si>
    <t>Nai Abadi, Donga Bonga, BWN.</t>
  </si>
  <si>
    <t>Abida parveen</t>
  </si>
  <si>
    <t>GMPS ATHOG (RAN LABE DARYA NO.1)</t>
  </si>
  <si>
    <t>Ran Lab Darya</t>
  </si>
  <si>
    <t>basti waluwali moza ran lab darya multan</t>
  </si>
  <si>
    <t>Basti Walu Wali</t>
  </si>
  <si>
    <t>Muzaffar Abbas</t>
  </si>
  <si>
    <t>GES MAKHAN BELA</t>
  </si>
  <si>
    <t>GES makhan bela basti makhan bela UC muslim abad Rahim Yar Khan</t>
  </si>
  <si>
    <t>GGPS MURAD MAAN SARAI SIDHU</t>
  </si>
  <si>
    <t>ggps Murad maan</t>
  </si>
  <si>
    <t>GPS CHAK 317/HR</t>
  </si>
  <si>
    <t>GPS 317</t>
  </si>
  <si>
    <t>41756</t>
  </si>
  <si>
    <t>GMPS QASMANA</t>
  </si>
  <si>
    <t>Village Qasmana</t>
  </si>
  <si>
    <t>Bhagwan Pura</t>
  </si>
  <si>
    <t>Atiqa Mushtaq</t>
  </si>
  <si>
    <t>43388</t>
  </si>
  <si>
    <t>GGPS MOHALLA FAROOQI CHAKWAL</t>
  </si>
  <si>
    <t>Mohallah Rahmania near Rahmania Masjid</t>
  </si>
  <si>
    <t>50501</t>
  </si>
  <si>
    <t>GPS CHAK 108 6R</t>
  </si>
  <si>
    <t>108/6-R</t>
  </si>
  <si>
    <t>Chak No 108/6-R , P.O same , Tehsil :Haroonabad, District: Bahawalnagar</t>
  </si>
  <si>
    <t>108/6-r</t>
  </si>
  <si>
    <t>34729</t>
  </si>
  <si>
    <t>GGPS SULTAN PUR HAMAR MULTAN</t>
  </si>
  <si>
    <t>Ggps sultan pur Hammar Multan.</t>
  </si>
  <si>
    <t>Farhana Jabeen</t>
  </si>
  <si>
    <t>GMPS QAIM KHATHIA</t>
  </si>
  <si>
    <t>Fareed Mahmood Kathia</t>
  </si>
  <si>
    <t>GMPS Qaim kathia</t>
  </si>
  <si>
    <t>Qaim Kathia</t>
  </si>
  <si>
    <t>Shah Sadiq Neghang</t>
  </si>
  <si>
    <t>26797</t>
  </si>
  <si>
    <t>51771</t>
  </si>
  <si>
    <t>GGPS RAM PUR</t>
  </si>
  <si>
    <t>chak ram pur</t>
  </si>
  <si>
    <t>Dhapae</t>
  </si>
  <si>
    <t>Farida Parveen</t>
  </si>
  <si>
    <t>GES SEER KHARAK</t>
  </si>
  <si>
    <t>Seer Kharak</t>
  </si>
  <si>
    <t>GPS Seer Kharak Multan</t>
  </si>
  <si>
    <t>GGPS CHAK NO.9 ML</t>
  </si>
  <si>
    <t>9 Ml</t>
  </si>
  <si>
    <t>9 ML</t>
  </si>
  <si>
    <t>10 Ml</t>
  </si>
  <si>
    <t>Saba Iram</t>
  </si>
  <si>
    <t>21067</t>
  </si>
  <si>
    <t>GGPS CHAK 269 GB KOT KATHRAN</t>
  </si>
  <si>
    <t>chak num 269 gb kot khitran</t>
  </si>
  <si>
    <t>ammara khan</t>
  </si>
  <si>
    <t>basti aziza bad</t>
  </si>
  <si>
    <t>Tranda M Panha</t>
  </si>
  <si>
    <t>Firdos Rustam</t>
  </si>
  <si>
    <t>GES CHAK NO.36 NB</t>
  </si>
  <si>
    <t>Chak no.36 NB</t>
  </si>
  <si>
    <t>36 NB</t>
  </si>
  <si>
    <t>GGPS NIKY KAY</t>
  </si>
  <si>
    <t>NIkki KY</t>
  </si>
  <si>
    <t>NIKKI KY</t>
  </si>
  <si>
    <t>MAHANAT DARSHAN</t>
  </si>
  <si>
    <t>Yasmin Bashir</t>
  </si>
  <si>
    <t>45566</t>
  </si>
  <si>
    <t>GGPS CHAK NO.175/TDA</t>
  </si>
  <si>
    <t>Dagar Waghwara</t>
  </si>
  <si>
    <t>ggps chak no 175 tda</t>
  </si>
  <si>
    <t>175tda</t>
  </si>
  <si>
    <t>Dagar Waghwarah</t>
  </si>
  <si>
    <t>52492</t>
  </si>
  <si>
    <t>35210</t>
  </si>
  <si>
    <t>GGPS CHAK 15/67</t>
  </si>
  <si>
    <t>Chak No 15 /67</t>
  </si>
  <si>
    <t>Chak no 15 /67 nns</t>
  </si>
  <si>
    <t>Shabeena Kousar</t>
  </si>
  <si>
    <t>GPS 485 EB</t>
  </si>
  <si>
    <t>485EB</t>
  </si>
  <si>
    <t>chak no.485.E.B</t>
  </si>
  <si>
    <t>495EB</t>
  </si>
  <si>
    <t>GGPS WARD NO. 6 FORT ABBAS</t>
  </si>
  <si>
    <t>Ward  NO.6 Fort Abbas</t>
  </si>
  <si>
    <t>Chah kairon wala moza patti daya choka</t>
  </si>
  <si>
    <t>Kairon Wala</t>
  </si>
  <si>
    <t>44442</t>
  </si>
  <si>
    <t>GPS CHAH KHOKAR P.O 36 TDA</t>
  </si>
  <si>
    <t>GPS chah khokhar po 36 bhakkar</t>
  </si>
  <si>
    <t>Chah Khokhar</t>
  </si>
  <si>
    <t>183/184T D A</t>
  </si>
  <si>
    <t>Tasleem Raza Khan</t>
  </si>
  <si>
    <t>GPS 54/4-R</t>
  </si>
  <si>
    <t>54/4R</t>
  </si>
  <si>
    <t>chak no 54.4R sahiwal</t>
  </si>
  <si>
    <t>GMPS SHAH PUR NATHU, P/O HAJI PUR NATHU, KABIRWALA</t>
  </si>
  <si>
    <t>Shah Pur Nathu Wala</t>
  </si>
  <si>
    <t>Shah pur nathu wala. kabir wala. khanewal</t>
  </si>
  <si>
    <t>Zaha Khalid</t>
  </si>
  <si>
    <t>GGES CHAK NO 475 JB SYED WALA</t>
  </si>
  <si>
    <t>chak 475/jb syedwala</t>
  </si>
  <si>
    <t>Chak No 463jb</t>
  </si>
  <si>
    <t>GES MUSAY WAL P/O 39/SP PAKPATTAN</t>
  </si>
  <si>
    <t>chak musewal</t>
  </si>
  <si>
    <t>Hafiz Irshad Ali</t>
  </si>
  <si>
    <t>GMPS CHAK 301 GB NAI ABADI</t>
  </si>
  <si>
    <t>Chak No 301 GB Nai Abadi</t>
  </si>
  <si>
    <t>GMPS 301 GB nai abadi</t>
  </si>
  <si>
    <t>Chak 301 GB</t>
  </si>
  <si>
    <t>301 GB</t>
  </si>
  <si>
    <t>sadia ghaffar</t>
  </si>
  <si>
    <t>GGES OUDHERWAL</t>
  </si>
  <si>
    <t>vpo oudherwal chakwal</t>
  </si>
  <si>
    <t>Oudhrrwal</t>
  </si>
  <si>
    <t>34365</t>
  </si>
  <si>
    <t>GPS AL-HUSSAIN (BASTI TABOO WALA MATTI TAL)</t>
  </si>
  <si>
    <t>Basti Tabu  wala  Matti tal road Multan</t>
  </si>
  <si>
    <t>Basti Tabu Wala</t>
  </si>
  <si>
    <t>jungle kalran wala</t>
  </si>
  <si>
    <t>Muhammad Raza Shah Haideri</t>
  </si>
  <si>
    <t>GGPS LACHMAN DASS</t>
  </si>
  <si>
    <t>Canada colony</t>
  </si>
  <si>
    <t>Canada colony syedwala</t>
  </si>
  <si>
    <t>Munawar Tahira</t>
  </si>
  <si>
    <t>GGPS CHAK NO. 26/3-R (AB)</t>
  </si>
  <si>
    <t>26/3 R Ab</t>
  </si>
  <si>
    <t>chack no 26/3r ab near ada doshaka p. o 38/3r tehsil haronabad distric bahawalnagar</t>
  </si>
  <si>
    <t>26/3r Ab</t>
  </si>
  <si>
    <t>Rafia Sattar</t>
  </si>
  <si>
    <t>GGPS FIAZ ALI SHAH</t>
  </si>
  <si>
    <t>Tayab Blouch</t>
  </si>
  <si>
    <t>basti saddat mouza tayab blouch union council noor wala</t>
  </si>
  <si>
    <t>khadija bibi</t>
  </si>
  <si>
    <t>GMPS CHAK BHATTIAN</t>
  </si>
  <si>
    <t>Noor  Muhammad Bhangran</t>
  </si>
  <si>
    <t>Chak bhattian</t>
  </si>
  <si>
    <t>Chak Bhattian</t>
  </si>
  <si>
    <t>Mom in Abad</t>
  </si>
  <si>
    <t>33827</t>
  </si>
  <si>
    <t>GGPS GHAREEB ABAD NO. 2 MULTAN</t>
  </si>
  <si>
    <t>BASTI GHAREEB ABAD</t>
  </si>
  <si>
    <t>SCHOOL BASTI GHAREEB ABAD , MILL ISMAIL ABAD</t>
  </si>
  <si>
    <t>MUZAFFAR ABAD</t>
  </si>
  <si>
    <t>MUZAFAR ABAD</t>
  </si>
  <si>
    <t>Alliya Naz</t>
  </si>
  <si>
    <t>44742</t>
  </si>
  <si>
    <t>GGPS CHAK NO.52/TDA</t>
  </si>
  <si>
    <t>52tda</t>
  </si>
  <si>
    <t>52tda p/o 59tda district Bhakkar</t>
  </si>
  <si>
    <t>57tda</t>
  </si>
  <si>
    <t>Nazish Parveen</t>
  </si>
  <si>
    <t>43582</t>
  </si>
  <si>
    <t>GGPS JURAN</t>
  </si>
  <si>
    <t>Juran</t>
  </si>
  <si>
    <t>post office mangwal , village juran , tehsil and district chakwal.</t>
  </si>
  <si>
    <t>Aumaila Shabnam</t>
  </si>
  <si>
    <t>GPS DERA SALEH FAQIR</t>
  </si>
  <si>
    <t>Chak No 137/p</t>
  </si>
  <si>
    <t>Chak no 137/p dera saleh faqir</t>
  </si>
  <si>
    <t>chak No 139/p</t>
  </si>
  <si>
    <t>Iqra Yousaf</t>
  </si>
  <si>
    <t>GMPS 9/8-AR, P/O 20/8-R, TULAMBA</t>
  </si>
  <si>
    <t>9/8AR</t>
  </si>
  <si>
    <t>chak no 9/8AR Tulamba.</t>
  </si>
  <si>
    <t>133/16L Amrat Nagar</t>
  </si>
  <si>
    <t>Khadija Durrani</t>
  </si>
  <si>
    <t>GES MALOOK PUR</t>
  </si>
  <si>
    <t>malookpur</t>
  </si>
  <si>
    <t>Dataiwal</t>
  </si>
  <si>
    <t>mozzam ali</t>
  </si>
  <si>
    <t>33087</t>
  </si>
  <si>
    <t>GGPS PURANI ABADI</t>
  </si>
  <si>
    <t>Janamasthan</t>
  </si>
  <si>
    <t>GGPS Purani Abadi</t>
  </si>
  <si>
    <t>Sadia Bi Bi</t>
  </si>
  <si>
    <t>GGES CHAK NO.66 NB</t>
  </si>
  <si>
    <t>Chak 66 NB</t>
  </si>
  <si>
    <t>chak 66 NB</t>
  </si>
  <si>
    <t>Farukh Rafiq</t>
  </si>
  <si>
    <t>52994</t>
  </si>
  <si>
    <t>GPS 29/D</t>
  </si>
  <si>
    <t>29 D</t>
  </si>
  <si>
    <t>chak 29 d tehsil depalpur okara</t>
  </si>
  <si>
    <t>GPS CHAK SARDAR PUR MOZA SHAH PUR UBHA</t>
  </si>
  <si>
    <t>Wahi Bhakhar</t>
  </si>
  <si>
    <t>choki wala moza wahi bhakhar tehsil Shujabad Multan</t>
  </si>
  <si>
    <t>Choki Wala</t>
  </si>
  <si>
    <t>GGES CHAK 298 JB</t>
  </si>
  <si>
    <t>Chak No 298jb</t>
  </si>
  <si>
    <t>chak no 298jb</t>
  </si>
  <si>
    <t>Nabila Faiz</t>
  </si>
  <si>
    <t>GPS HUSAIN ABAD</t>
  </si>
  <si>
    <t>GhareebShah</t>
  </si>
  <si>
    <t>PS HussainAbad Basti Sheir MuhammadMuza Ghareeb Shah</t>
  </si>
  <si>
    <t>Bast Sheir Muhamm</t>
  </si>
  <si>
    <t>GPS MOADIB MAHRAM MALLANA</t>
  </si>
  <si>
    <t>u.c Nawankot Basti mahram Maulana moza Mori trail Khan pur distt ryk</t>
  </si>
  <si>
    <t>Mahram Mallana</t>
  </si>
  <si>
    <t>Nawankot Kot</t>
  </si>
  <si>
    <t>Muhammad Amin Nasir</t>
  </si>
  <si>
    <t>GGPS SHAH PUR 751 GB</t>
  </si>
  <si>
    <t>chak 751 GB</t>
  </si>
  <si>
    <t>Chak 751 Gb</t>
  </si>
  <si>
    <t>Khurishida Bad</t>
  </si>
  <si>
    <t>Tahseen Anwar</t>
  </si>
  <si>
    <t>GPS DHOK AHMED KHAN</t>
  </si>
  <si>
    <t>zamin bajal</t>
  </si>
  <si>
    <t>v.zamin bajal p.o. kot fateh khan teh fateh jang disst attock</t>
  </si>
  <si>
    <t>mumtaz khan</t>
  </si>
  <si>
    <t>GPS MURIDEKI</t>
  </si>
  <si>
    <t>murideki</t>
  </si>
  <si>
    <t>MURIDEKI T&amp;D NANKANA SAHIB</t>
  </si>
  <si>
    <t>FREEDABAD</t>
  </si>
  <si>
    <t>Ideel Ahmad</t>
  </si>
  <si>
    <t>GGPS LIAQAT ABAD</t>
  </si>
  <si>
    <t>basti nahar moza Ali wali tehsile Ali pur distt m.garh</t>
  </si>
  <si>
    <t>Basti Nahar</t>
  </si>
  <si>
    <t>Saira Ajmal</t>
  </si>
  <si>
    <t>GMPS YAREY WALA DAHKLI MIDH</t>
  </si>
  <si>
    <t>Yare Wala</t>
  </si>
  <si>
    <t>post office Shah Pur Sadar Teh.Shah pur .Sargodha</t>
  </si>
  <si>
    <t>GPS CHAK NO 66 KB</t>
  </si>
  <si>
    <t>66kb</t>
  </si>
  <si>
    <t>Muhammad Luqman Shahid</t>
  </si>
  <si>
    <t>GPS ARABIC BHINDA WANCE</t>
  </si>
  <si>
    <t>Bwp Ghalwa</t>
  </si>
  <si>
    <t>muzaa bhwalpur ghlwa po hatheji thsee ahmed pur east district bahwalpur</t>
  </si>
  <si>
    <t>Bhinda  Waince</t>
  </si>
  <si>
    <t>GES DHOK GATTAL P/O BHAGTAL</t>
  </si>
  <si>
    <t>DHOK GATTAL</t>
  </si>
  <si>
    <t>DHOK GATTAL VPO BHAGTAL</t>
  </si>
  <si>
    <t>BHAGTAL</t>
  </si>
  <si>
    <t>Ameer Muhammad Khan</t>
  </si>
  <si>
    <t>GMPS HAIDHAN</t>
  </si>
  <si>
    <t>Haiden</t>
  </si>
  <si>
    <t>g g p s haider o/o lot is a shah the and first jhang</t>
  </si>
  <si>
    <t>Syeda Samina Akhter</t>
  </si>
  <si>
    <t>GGPS HERSA BULLAH NO 1</t>
  </si>
  <si>
    <t>Harsa Bullah</t>
  </si>
  <si>
    <t>moza harsa bullah jhang road chiniot</t>
  </si>
  <si>
    <t>Sahrish Nawaz</t>
  </si>
  <si>
    <t>19988</t>
  </si>
  <si>
    <t>GPS CHAK NO. 134 JB</t>
  </si>
  <si>
    <t>Chak No 134 J B</t>
  </si>
  <si>
    <t>Chak no 134 j b</t>
  </si>
  <si>
    <t>Loonay</t>
  </si>
  <si>
    <t>Chak 128 J B</t>
  </si>
  <si>
    <t>Muhammad Qayum</t>
  </si>
  <si>
    <t>GGPS SALEH PUR</t>
  </si>
  <si>
    <t>village salah pur tehsil kamoki dist gujranawala</t>
  </si>
  <si>
    <t>Rukhsana Shareef</t>
  </si>
  <si>
    <t>49341</t>
  </si>
  <si>
    <t>GGPS CHAK NO.53 B-NB</t>
  </si>
  <si>
    <t>53 B NB</t>
  </si>
  <si>
    <t>chak no 53 b nb</t>
  </si>
  <si>
    <t>Chak 53 B NB</t>
  </si>
  <si>
    <t>Luddy Wala</t>
  </si>
  <si>
    <t>Sahar</t>
  </si>
  <si>
    <t>GGPS HAVELI MIAN SHER</t>
  </si>
  <si>
    <t>govt girls primary school havely mian sher lilliani</t>
  </si>
  <si>
    <t>GMPS BASTI MOSIYANI</t>
  </si>
  <si>
    <t>kotla naseer</t>
  </si>
  <si>
    <t>ZAHIDA BANO</t>
  </si>
  <si>
    <t>GGPS HAVELI PHARIAN WALI</t>
  </si>
  <si>
    <t>Haveli Pharian Wali</t>
  </si>
  <si>
    <t>haveli pharian wali</t>
  </si>
  <si>
    <t>Herdo Sahari</t>
  </si>
  <si>
    <t>Kosar Hanif</t>
  </si>
  <si>
    <t>11156</t>
  </si>
  <si>
    <t>GGPS GARDAZ WALA</t>
  </si>
  <si>
    <t>raja pur</t>
  </si>
  <si>
    <t>gardaizwalla</t>
  </si>
  <si>
    <t>45145</t>
  </si>
  <si>
    <t>GES AZIZ ABAD</t>
  </si>
  <si>
    <t>Chak aziz abad uc dagger kotli thesel mankera</t>
  </si>
  <si>
    <t>GGPS QILA WARAICH</t>
  </si>
  <si>
    <t>Qilla Waraich</t>
  </si>
  <si>
    <t>village qilla waraich tehsil shakarghr district narowal</t>
  </si>
  <si>
    <t>Rizwana Firdous</t>
  </si>
  <si>
    <t>52507</t>
  </si>
  <si>
    <t>GPS SABOKAY MAHAR</t>
  </si>
  <si>
    <t>Sabu Kay Mahar</t>
  </si>
  <si>
    <t>gali wajid Ali shah mohalla dars Basir pur (Okara)</t>
  </si>
  <si>
    <t>33949</t>
  </si>
  <si>
    <t>GGES NASEER PUR SHUJA ABAD</t>
  </si>
  <si>
    <t>Govt. Girls middle school naseerpur tehsil shujabad</t>
  </si>
  <si>
    <t>Ejaz Akhter</t>
  </si>
  <si>
    <t>GPS DHERI MALYARAN</t>
  </si>
  <si>
    <t>Dhari arian</t>
  </si>
  <si>
    <t>markiz chack shadi tehsil Pind dadan khan district jhelum</t>
  </si>
  <si>
    <t>Jalalpur sharif</t>
  </si>
  <si>
    <t>35715</t>
  </si>
  <si>
    <t>GGPS TIBA REHMAT SHAH</t>
  </si>
  <si>
    <t>Tibbah Rehmat S</t>
  </si>
  <si>
    <t>tibbah rehmat shah</t>
  </si>
  <si>
    <t>Tibbah Rehmat Shah</t>
  </si>
  <si>
    <t>Samina Naz Aslam</t>
  </si>
  <si>
    <t>35103</t>
  </si>
  <si>
    <t>GPS MAHMOOD NAGAR</t>
  </si>
  <si>
    <t>Mehmood Nagar</t>
  </si>
  <si>
    <t>basti Mehmood Nagar</t>
  </si>
  <si>
    <t>GES CHAH ANNA</t>
  </si>
  <si>
    <t>Govt.Elementary school Chah Anna</t>
  </si>
  <si>
    <t>48526</t>
  </si>
  <si>
    <t>GGPS AFZAL COLONY</t>
  </si>
  <si>
    <t>mohallah afzal colony kmn</t>
  </si>
  <si>
    <t>M C Kotmoman</t>
  </si>
  <si>
    <t>GMPS CHAK NO. 10</t>
  </si>
  <si>
    <t>Murad wal</t>
  </si>
  <si>
    <t>Chak no  10 Murad wal Tehsil Malakwal District</t>
  </si>
  <si>
    <t>GES JAHANGIR PURA</t>
  </si>
  <si>
    <t>vanike</t>
  </si>
  <si>
    <t>20 km away in north from hafiz abad</t>
  </si>
  <si>
    <t>vanike tarar</t>
  </si>
  <si>
    <t>akhtar ahmad</t>
  </si>
  <si>
    <t>GGPS SEET PUR NO.2</t>
  </si>
  <si>
    <t>mouza sheekhani muhallah makhdomaa seet pur</t>
  </si>
  <si>
    <t>Misson Kot Bhowa</t>
  </si>
  <si>
    <t>Tahira iqbal</t>
  </si>
  <si>
    <t>22487</t>
  </si>
  <si>
    <t>GMPS KOTLA SOHIAN</t>
  </si>
  <si>
    <t>Kotla Sohian</t>
  </si>
  <si>
    <t>kotla sohian</t>
  </si>
  <si>
    <t>Kotl a Sohian</t>
  </si>
  <si>
    <t>GGPS 666/7 GB (Budhan Khoo)</t>
  </si>
  <si>
    <t>Budhan Khooh</t>
  </si>
  <si>
    <t>Chak no 666/7 GB Budhan khooh</t>
  </si>
  <si>
    <t>Budhan Khooh 666/7 GB</t>
  </si>
  <si>
    <t>MUSARAT NASREEN</t>
  </si>
  <si>
    <t>GGPS KHAOKHAR ASHRAF</t>
  </si>
  <si>
    <t>Khokar Ashraf</t>
  </si>
  <si>
    <t>govt girl primary school khokhar ashraf</t>
  </si>
  <si>
    <t>53651</t>
  </si>
  <si>
    <t>GPS ANWAR SHAHEED COLONY</t>
  </si>
  <si>
    <t>Anwar Shaheed Colony</t>
  </si>
  <si>
    <t>1st City Renala Khurd</t>
  </si>
  <si>
    <t>17523</t>
  </si>
  <si>
    <t>GPS BAWRAY DHAK WALAY</t>
  </si>
  <si>
    <t>Bowery Dhak waly</t>
  </si>
  <si>
    <t>Bawery Dhak waly district Gujranwala</t>
  </si>
  <si>
    <t>Umar Sajjad</t>
  </si>
  <si>
    <t>GES CHAK NO 11/3 L</t>
  </si>
  <si>
    <t>CHAK NO 11/3L</t>
  </si>
  <si>
    <t>GES CHAK NO 11/3L, TEHSIL AHMAD PUR SIAL, JHANG</t>
  </si>
  <si>
    <t>Akhtar Hussain Khalid</t>
  </si>
  <si>
    <t>GES CHAK NO 63/P</t>
  </si>
  <si>
    <t>Chak No 63p</t>
  </si>
  <si>
    <t>chak no 63p</t>
  </si>
  <si>
    <t>Chak 63p</t>
  </si>
  <si>
    <t>GPS BASTI DAHRAN</t>
  </si>
  <si>
    <t>Dahran</t>
  </si>
  <si>
    <t>Basti &amp; Moza Daharan UC Khair PurcDaha, Tehsil Ahmad Pur East,District Bahawalpur</t>
  </si>
  <si>
    <t>Khuair Pur Daha</t>
  </si>
  <si>
    <t>48348</t>
  </si>
  <si>
    <t>GMPS PHULARWAN KOHNA</t>
  </si>
  <si>
    <t>Phularwan Kohna</t>
  </si>
  <si>
    <t>GMP School phularwan kohna</t>
  </si>
  <si>
    <t>GGMPS MC NO.6 D.G. KHAN</t>
  </si>
  <si>
    <t>block o, dera ghazi khan</t>
  </si>
  <si>
    <t>Nighat Ara</t>
  </si>
  <si>
    <t>5299</t>
  </si>
  <si>
    <t>GPS DUR MUHAMMAD BALOOCH</t>
  </si>
  <si>
    <t>basti kotla arib, malik pur tehseel liaqat pur</t>
  </si>
  <si>
    <t>Basti Kotla arib</t>
  </si>
  <si>
    <t>Jun Pur</t>
  </si>
  <si>
    <t>abdul razzaq khan</t>
  </si>
  <si>
    <t>21706</t>
  </si>
  <si>
    <t>GPS DERA BE WALA</t>
  </si>
  <si>
    <t>dera be wala</t>
  </si>
  <si>
    <t>village Dera Be Wala p/o harpoke tehsil kamoki</t>
  </si>
  <si>
    <t>Dera Be Wala</t>
  </si>
  <si>
    <t>akbar ghanoke</t>
  </si>
  <si>
    <t>Adnan</t>
  </si>
  <si>
    <t>GGES CHAK NO 41 MB</t>
  </si>
  <si>
    <t>Chak No 41mb</t>
  </si>
  <si>
    <t>chak 41mb mitha tiwana khushab</t>
  </si>
  <si>
    <t>27802</t>
  </si>
  <si>
    <t>GMPS CHAK NO.91 EB MAUJ DARYA</t>
  </si>
  <si>
    <t>91 Eb</t>
  </si>
  <si>
    <t>chak no 91 eb arifWala</t>
  </si>
  <si>
    <t>Chak No 91 Eb Arifwala</t>
  </si>
  <si>
    <t>Chak No 83 Eb</t>
  </si>
  <si>
    <t>GPS ABID STUD</t>
  </si>
  <si>
    <t>Kot Dharma</t>
  </si>
  <si>
    <t>moza kot Dharma</t>
  </si>
  <si>
    <t>Kot Dharama</t>
  </si>
  <si>
    <t>GES ORRANG</t>
  </si>
  <si>
    <t>Orrang</t>
  </si>
  <si>
    <t>GESORRANG</t>
  </si>
  <si>
    <t>Chak Orrang</t>
  </si>
  <si>
    <t>Tariq Mehmmod</t>
  </si>
  <si>
    <t>GPS QILA BHATTIAN WALA</t>
  </si>
  <si>
    <t>Qila Bhattian Wala</t>
  </si>
  <si>
    <t>GPS qila bhattian wala</t>
  </si>
  <si>
    <t>Sheikhupurabedad</t>
  </si>
  <si>
    <t>GPS CHAK NO 261 HR</t>
  </si>
  <si>
    <t>261-HR</t>
  </si>
  <si>
    <t>Chak no. 261/HR Tehsil Fort Abbas Dist. Bahawal Nagar</t>
  </si>
  <si>
    <t>Chak 261/H -R</t>
  </si>
  <si>
    <t>260/H-R E</t>
  </si>
  <si>
    <t>GPS DHOK KASORA</t>
  </si>
  <si>
    <t>dhok kasora tehsil &amp; district mianwali</t>
  </si>
  <si>
    <t>Dhok Kasora</t>
  </si>
  <si>
    <t>Muhammad Farid Khan</t>
  </si>
  <si>
    <t>GGPS HERAPUR</t>
  </si>
  <si>
    <t>Herapur</t>
  </si>
  <si>
    <t>village herapur near dullanwala retail kharian</t>
  </si>
  <si>
    <t>NAFEESA LIAQAT</t>
  </si>
  <si>
    <t>28302</t>
  </si>
  <si>
    <t>G ZABS ES DHAL</t>
  </si>
  <si>
    <t>dhal village teh. phalia Distt. M B Din</t>
  </si>
  <si>
    <t>GPS KHANAY KHAIL</t>
  </si>
  <si>
    <t>post office Uttra tehsil quaidabad district khushab</t>
  </si>
  <si>
    <t>GGPS GUL MUHAMMAD KOSH</t>
  </si>
  <si>
    <t>Ahmad Khan Dahir</t>
  </si>
  <si>
    <t>Basti Gul Muhammad kosh Moza Ahmad Khan dahir sadiq abad</t>
  </si>
  <si>
    <t>Basti Gul Muhammad Kosh</t>
  </si>
  <si>
    <t>Saima kousar</t>
  </si>
  <si>
    <t>GMPS CHAK NO.59 NB</t>
  </si>
  <si>
    <t>Chak No 59</t>
  </si>
  <si>
    <t>chak no 59 nb tehsil n district sargodha</t>
  </si>
  <si>
    <t>Chak 59 Nb</t>
  </si>
  <si>
    <t>GGPS MUNSHI UTTAR</t>
  </si>
  <si>
    <t>Uzma Tahira</t>
  </si>
  <si>
    <t>25575</t>
  </si>
  <si>
    <t>GGPS MUNDAIR KOTHAY</t>
  </si>
  <si>
    <t>Mundair Kothy</t>
  </si>
  <si>
    <t>ggps mundair kothy po. mundair sayedan. teh sambrial dist sialkot</t>
  </si>
  <si>
    <t>GGPS KANGA DA DERA</t>
  </si>
  <si>
    <t>Kanga Da Dera</t>
  </si>
  <si>
    <t>Kanda da dera Ali Hussain Abbad 26Km Multan Road Lahore</t>
  </si>
  <si>
    <t>GGPS AZIZ KHELAN WALA</t>
  </si>
  <si>
    <t>village and post office shadia tehsil and district mianwali</t>
  </si>
  <si>
    <t>kaneez batool</t>
  </si>
  <si>
    <t>GPS KOT FATEH BAZ KHAN KASUR</t>
  </si>
  <si>
    <t>Gps kot Fateh Baz Khan Kasur</t>
  </si>
  <si>
    <t>Kot FatehBaz</t>
  </si>
  <si>
    <t>23156</t>
  </si>
  <si>
    <t>37919</t>
  </si>
  <si>
    <t>GPS SANDIAN WALI, P/O 118/10-R, JAHANIAN</t>
  </si>
  <si>
    <t>Sandian Wali</t>
  </si>
  <si>
    <t>Basti Sandian Wali 118/10-R</t>
  </si>
  <si>
    <t>Muhammad Imran Amir</t>
  </si>
  <si>
    <t>53770</t>
  </si>
  <si>
    <t>23631</t>
  </si>
  <si>
    <t>GES SHAMSA CHEEMA</t>
  </si>
  <si>
    <t>Shamsa CheeCheema</t>
  </si>
  <si>
    <t>vpo shamsa cheema</t>
  </si>
  <si>
    <t>Gojra 56</t>
  </si>
  <si>
    <t>GPS CHAK NO 193 JB ADIL WALA</t>
  </si>
  <si>
    <t>Chak No 193 Adil Wala</t>
  </si>
  <si>
    <t>Chak No.193 jb Adil Wala</t>
  </si>
  <si>
    <t>Adil Wala</t>
  </si>
  <si>
    <t>Chak 195 Jb</t>
  </si>
  <si>
    <t>Mudassir Nadeem</t>
  </si>
  <si>
    <t>GPS RAKH BEKHANTH</t>
  </si>
  <si>
    <t>Rakh Bekanth</t>
  </si>
  <si>
    <t>Rashidmehmood Mehmood</t>
  </si>
  <si>
    <t>GGPS FATEH JANG NO.3</t>
  </si>
  <si>
    <t>mohalla garan wala fateh jang</t>
  </si>
  <si>
    <t>SYEDA MADEEHA</t>
  </si>
  <si>
    <t>GMPS CHACHIAN</t>
  </si>
  <si>
    <t>Village chachian p/o guliana</t>
  </si>
  <si>
    <t>Summra Rashid</t>
  </si>
  <si>
    <t>GGPS DHOK FATEH MUHAMMAD</t>
  </si>
  <si>
    <t>Dhok Fateh Muhammad Toba</t>
  </si>
  <si>
    <t>Shahiza Maqsood</t>
  </si>
  <si>
    <t>GMPS DEWAN PUR</t>
  </si>
  <si>
    <t>Dewan Pur</t>
  </si>
  <si>
    <t>Dewan pur, Bhera, Sargodha</t>
  </si>
  <si>
    <t>Muhammd Yar</t>
  </si>
  <si>
    <t>54528</t>
  </si>
  <si>
    <t>GMPS CHAK NO. 1/FW</t>
  </si>
  <si>
    <t>1/F W</t>
  </si>
  <si>
    <t>Chak No 1/F.W Chishtian</t>
  </si>
  <si>
    <t>1/ FW</t>
  </si>
  <si>
    <t>Madi Shok Shah</t>
  </si>
  <si>
    <t>GGPS PATTI GHULAM ALI GHARBI</t>
  </si>
  <si>
    <t>chah gyany Wala Patti ghulam Ali gharbi teh. kot adu dist. M.Garh</t>
  </si>
  <si>
    <t>Gyany Wala</t>
  </si>
  <si>
    <t>13158</t>
  </si>
  <si>
    <t>Khan Pur Bhani</t>
  </si>
  <si>
    <t>basti bahry wali moza Khan pur bhani</t>
  </si>
  <si>
    <t>GES CHAPPRIAN</t>
  </si>
  <si>
    <t>chapprian</t>
  </si>
  <si>
    <t>Chpprian</t>
  </si>
  <si>
    <t>public line connection</t>
  </si>
  <si>
    <t>44285</t>
  </si>
  <si>
    <t>GGCMES BOOLA</t>
  </si>
  <si>
    <t>village Boola p.o buchal kalan tehsil kallar kahar district</t>
  </si>
  <si>
    <t>MARYUM AFZAL</t>
  </si>
  <si>
    <t>GPS KANJAN NASHAIB PAKKA</t>
  </si>
  <si>
    <t>kanjan nashaib pakka,p/o tibba naina tehsil kallur kot district bhakkar</t>
  </si>
  <si>
    <t>Kanjan Nashaib Pakka</t>
  </si>
  <si>
    <t>31264</t>
  </si>
  <si>
    <t>GPS CDG JUNIOR MODEL RAM GHALI NO. 4</t>
  </si>
  <si>
    <t>brandreth Road Lhr</t>
  </si>
  <si>
    <t>cdg primary schl ram gali no. 4 brandreth road lahore</t>
  </si>
  <si>
    <t>sara e sultan</t>
  </si>
  <si>
    <t>GGPS MANA AHMEDANI NO.3</t>
  </si>
  <si>
    <t>Mana Ahemadani Sharqi</t>
  </si>
  <si>
    <t>Govt girls primary school no 3 mana ahemadani</t>
  </si>
  <si>
    <t>Basheer Colony</t>
  </si>
  <si>
    <t>Mana Ahemadani</t>
  </si>
  <si>
    <t>25152</t>
  </si>
  <si>
    <t>GGPS BIDESER</t>
  </si>
  <si>
    <t>Bideser</t>
  </si>
  <si>
    <t>Dewan pura</t>
  </si>
  <si>
    <t>Dewan Pura</t>
  </si>
  <si>
    <t>Sonia Khalil</t>
  </si>
  <si>
    <t>GPS CHAH TOPAN WALA MUZA NASEER PUR</t>
  </si>
  <si>
    <t>Naser Pur</t>
  </si>
  <si>
    <t>chah topan wala muza Nasser pur tehsail shujabad District Multan</t>
  </si>
  <si>
    <t>Muhammad pura</t>
  </si>
  <si>
    <t>Muhammad pura p o phool nagar teh pattoki district kasur</t>
  </si>
  <si>
    <t>7209</t>
  </si>
  <si>
    <t>GGPS BASHIR WALA P/O KOT SULTAN</t>
  </si>
  <si>
    <t>khooni kalru</t>
  </si>
  <si>
    <t>chah sheer wala  khooni kalru layyah</t>
  </si>
  <si>
    <t>chah sheer wala</t>
  </si>
  <si>
    <t>Sonhara wasawa</t>
  </si>
  <si>
    <t>Umm  e Habiba</t>
  </si>
  <si>
    <t>GMPS PIPAL BHUTTA</t>
  </si>
  <si>
    <t>Noor Pur Pipple Bhutta</t>
  </si>
  <si>
    <t>pipple bhutta tehsil lalian</t>
  </si>
  <si>
    <t>Noor Pur Bhuta</t>
  </si>
  <si>
    <t>Nazia Feroz</t>
  </si>
  <si>
    <t>43532</t>
  </si>
  <si>
    <t>GGPS DHOK AJNAL P/O BIKHARI KALAN CHAKWAL</t>
  </si>
  <si>
    <t>Ggps dhok Ajnal</t>
  </si>
  <si>
    <t>NAZIA KHANUM</t>
  </si>
  <si>
    <t>GPS FAIZ PUR KHURD</t>
  </si>
  <si>
    <t>faiz pur khurd</t>
  </si>
  <si>
    <t>52624</t>
  </si>
  <si>
    <t>GGES CHAK NO. 32 SB</t>
  </si>
  <si>
    <t>Chak32sb</t>
  </si>
  <si>
    <t>chak32sb</t>
  </si>
  <si>
    <t>33sb</t>
  </si>
  <si>
    <t>Shahzana Zafar</t>
  </si>
  <si>
    <t>GGES ZADEY KHELAN WALA</t>
  </si>
  <si>
    <t>chah hussien wala</t>
  </si>
  <si>
    <t>zadey khelan wala</t>
  </si>
  <si>
    <t>Pakka yarru khel</t>
  </si>
  <si>
    <t>Syeda Nuzhat Jaffri</t>
  </si>
  <si>
    <t>GGPS DHORAY WALA  PO DHANOT KAHOR PACCA</t>
  </si>
  <si>
    <t>moza dhoray wala post office dhanote</t>
  </si>
  <si>
    <t>Shahana Mumtaz</t>
  </si>
  <si>
    <t>GGPS GAR DAKHLI KOHLIA</t>
  </si>
  <si>
    <t>village gar post office  monno nagar tehsil hassan abdal district attock</t>
  </si>
  <si>
    <t>Ammara Butt</t>
  </si>
  <si>
    <t>46336</t>
  </si>
  <si>
    <t>GGPS DERA MUHAMMAD WARIS KALOO</t>
  </si>
  <si>
    <t>V+P/O Biland Tehsil Noor Pur Thal District Khushab</t>
  </si>
  <si>
    <t>Naseem Sughra</t>
  </si>
  <si>
    <t>basti korai</t>
  </si>
  <si>
    <t>Kotla Bhawan</t>
  </si>
  <si>
    <t>Rakh Daima head Hamid</t>
  </si>
  <si>
    <t>GGES SAMRALA</t>
  </si>
  <si>
    <t>samrala</t>
  </si>
  <si>
    <t>GGPS SHAMSABAD MULTAN</t>
  </si>
  <si>
    <t>traf Mubarak 2</t>
  </si>
  <si>
    <t>new shamasabad colony Multan</t>
  </si>
  <si>
    <t>shamasabad</t>
  </si>
  <si>
    <t>Kalsoom Shahida</t>
  </si>
  <si>
    <t>GMPS MUMDANI</t>
  </si>
  <si>
    <t>Mumdani</t>
  </si>
  <si>
    <t>Government Model Primary School Mumdani</t>
  </si>
  <si>
    <t>Doalt Wala</t>
  </si>
  <si>
    <t>Karor nashaib</t>
  </si>
  <si>
    <t>Basti Lashari karor nashaib</t>
  </si>
  <si>
    <t>KarorThalJandi</t>
  </si>
  <si>
    <t>GGPS TAKWAN</t>
  </si>
  <si>
    <t>GES JABBO MAIL</t>
  </si>
  <si>
    <t>Jabbo Mail</t>
  </si>
  <si>
    <t>PO Raja Jang Tehsil &amp; District Kasur.</t>
  </si>
  <si>
    <t>52379</t>
  </si>
  <si>
    <t>GGES DHOK NURYAL</t>
  </si>
  <si>
    <t>govt girls elementary school nuryal dakhli tehi vPO tehi talagang</t>
  </si>
  <si>
    <t>dhok nuryal</t>
  </si>
  <si>
    <t>BaghAliwala</t>
  </si>
  <si>
    <t>Basti jamalwala</t>
  </si>
  <si>
    <t>jamalwala</t>
  </si>
  <si>
    <t>Fazil karlu</t>
  </si>
  <si>
    <t>Safia Bashir</t>
  </si>
  <si>
    <t>GGPS RIAZ ABAD BASTI ILYAS WALA</t>
  </si>
  <si>
    <t>Govt. Girls primary  School Riazabad basti ilyas wala</t>
  </si>
  <si>
    <t>Basti Ilyas Wala</t>
  </si>
  <si>
    <t>Hameeda akhtar</t>
  </si>
  <si>
    <t>GPS BHAINI WATWAN WALI</t>
  </si>
  <si>
    <t>Bahini Wattwan</t>
  </si>
  <si>
    <t>bahini Wattwon 481/EB vehari</t>
  </si>
  <si>
    <t>481/EB</t>
  </si>
  <si>
    <t>GPS DHERO SIAL</t>
  </si>
  <si>
    <t>Dak khna khudlathi arra village dhero sial</t>
  </si>
  <si>
    <t>Abdul Rasool</t>
  </si>
  <si>
    <t>GGPS SHAH NIKDER NAI ABADI</t>
  </si>
  <si>
    <t>hospital road shahnikdar</t>
  </si>
  <si>
    <t>Saba Laraib</t>
  </si>
  <si>
    <t>GPS BEDANA WEST</t>
  </si>
  <si>
    <t>Moza Bedana Gharbi</t>
  </si>
  <si>
    <t>Hasilpur Old-2</t>
  </si>
  <si>
    <t>Muhmmad Ali Anjum</t>
  </si>
  <si>
    <t>GPS CHOI</t>
  </si>
  <si>
    <t>Chhoi Garyala</t>
  </si>
  <si>
    <t>GBPS Chhoi</t>
  </si>
  <si>
    <t>Surag  Salar</t>
  </si>
  <si>
    <t>Muhammad NAVEED Raza RAZA</t>
  </si>
  <si>
    <t>18597</t>
  </si>
  <si>
    <t>GPS CHAK 296 JB II BAHARI COLONY</t>
  </si>
  <si>
    <t>Chak No 296 Jb ii</t>
  </si>
  <si>
    <t>Chak No 296  jb ii</t>
  </si>
  <si>
    <t>GMPS KHOT KHURD</t>
  </si>
  <si>
    <t>Khot Khurd</t>
  </si>
  <si>
    <t>khot Khurd</t>
  </si>
  <si>
    <t>Ansa Aslam</t>
  </si>
  <si>
    <t>18189</t>
  </si>
  <si>
    <t>GPS DHELA</t>
  </si>
  <si>
    <t>Dheela</t>
  </si>
  <si>
    <t>DHEELA P/O MIANI TEHSIL BHERA DISTT SARGODHA</t>
  </si>
  <si>
    <t>Kalyan  Pur</t>
  </si>
  <si>
    <t>GGPS SHAFIQ ABAD</t>
  </si>
  <si>
    <t>basti shafiqabad</t>
  </si>
  <si>
    <t>Kalsoom abbas</t>
  </si>
  <si>
    <t>GPS KHAIR SHAH</t>
  </si>
  <si>
    <t>basti khair shah jahan pur</t>
  </si>
  <si>
    <t>Khair Shah</t>
  </si>
  <si>
    <t>Maher Muhammad Irfan</t>
  </si>
  <si>
    <t>GGCMS ROJHAN WALI</t>
  </si>
  <si>
    <t>rojhanwali</t>
  </si>
  <si>
    <t>19924</t>
  </si>
  <si>
    <t>GES CHAK NO 143 JB</t>
  </si>
  <si>
    <t>JHOK KALRA</t>
  </si>
  <si>
    <t>GES Chak No 143JB</t>
  </si>
  <si>
    <t>Chak No 143 JB</t>
  </si>
  <si>
    <t>GATTI SAYEDA</t>
  </si>
  <si>
    <t>MUHAMMAD TAYYAB</t>
  </si>
  <si>
    <t>14345</t>
  </si>
  <si>
    <t>GGPS MOHALAH RARWALA</t>
  </si>
  <si>
    <t>Nowhere Virka</t>
  </si>
  <si>
    <t>Rarwala</t>
  </si>
  <si>
    <t>42414</t>
  </si>
  <si>
    <t>GPS HARDO BAGH (MARKAZ TAHLI GORAYA)</t>
  </si>
  <si>
    <t>gps hardo bagh</t>
  </si>
  <si>
    <t>GGPS RANAKAY NAGRA</t>
  </si>
  <si>
    <t>Ranakay Nagra</t>
  </si>
  <si>
    <t>p/o box ranakay nagra tehsil pasrur dist siakot</t>
  </si>
  <si>
    <t>Mrs Musarat Nazir</t>
  </si>
  <si>
    <t>54940</t>
  </si>
  <si>
    <t>GPS 29/EB</t>
  </si>
  <si>
    <t>29/EB</t>
  </si>
  <si>
    <t>Chak no 29/EB</t>
  </si>
  <si>
    <t>Chak No 29/EB</t>
  </si>
  <si>
    <t>Muhammad Abdullah sadique</t>
  </si>
  <si>
    <t>40802</t>
  </si>
  <si>
    <t>GGPS MOHRA KALIAL</t>
  </si>
  <si>
    <t>VPO Mohra Kalyal tehsil sohawa district jhelum</t>
  </si>
  <si>
    <t>Hadiqa Batool</t>
  </si>
  <si>
    <t>GPS CHAK 24/4-L</t>
  </si>
  <si>
    <t>18/4l</t>
  </si>
  <si>
    <t>chak # 18/4l okara cantt t/d okara</t>
  </si>
  <si>
    <t>Cbo</t>
  </si>
  <si>
    <t>Gulfam Ali Jehanzeb</t>
  </si>
  <si>
    <t>GGPS MANDIALI KALAN</t>
  </si>
  <si>
    <t>Mndiyali Klan</t>
  </si>
  <si>
    <t>village mandiyali klan tehsil shakargarh Dist narowal</t>
  </si>
  <si>
    <t>Mandiyali Klan</t>
  </si>
  <si>
    <t>Langanh</t>
  </si>
  <si>
    <t>Effifa Jabeen</t>
  </si>
  <si>
    <t>GGPS CHAK NO.16/NP</t>
  </si>
  <si>
    <t>chak 16 np</t>
  </si>
  <si>
    <t>Chak 16 Np</t>
  </si>
  <si>
    <t>Bhutta Wahn</t>
  </si>
  <si>
    <t>Saira Tahir</t>
  </si>
  <si>
    <t>47815</t>
  </si>
  <si>
    <t>samlanwala</t>
  </si>
  <si>
    <t>Samlanwala</t>
  </si>
  <si>
    <t>GPS BOSWAL</t>
  </si>
  <si>
    <t>Government boys primary school boswal</t>
  </si>
  <si>
    <t>Boswal</t>
  </si>
  <si>
    <t>Janhangir Akhter</t>
  </si>
  <si>
    <t>tape</t>
  </si>
  <si>
    <t>GGPS SARKARI KALAN</t>
  </si>
  <si>
    <t>Sarkari Kalan</t>
  </si>
  <si>
    <t>Sarkari kalan</t>
  </si>
  <si>
    <t>Bhaliky</t>
  </si>
  <si>
    <t>GGPS GHANNI PUR</t>
  </si>
  <si>
    <t>Katchi Abbadi</t>
  </si>
  <si>
    <t>katchi abadi ghuni pur</t>
  </si>
  <si>
    <t>Town Commity</t>
  </si>
  <si>
    <t>Hamida Bano</t>
  </si>
  <si>
    <t>GGPS KOT KHIZRI</t>
  </si>
  <si>
    <t>kot khizri,wazirabad</t>
  </si>
  <si>
    <t>Kot Khizri</t>
  </si>
  <si>
    <t>Razia Shafique</t>
  </si>
  <si>
    <t>GPS BHIKHEY WAL</t>
  </si>
  <si>
    <t>Bhekhay wal</t>
  </si>
  <si>
    <t>bhekhay wal teh phalia dist m b din</t>
  </si>
  <si>
    <t>GGCMS DHOK KASIB</t>
  </si>
  <si>
    <t>dhok kasib. teh/distt mandi baha uddin</t>
  </si>
  <si>
    <t>GGPS CHAH BHATIAN WALA</t>
  </si>
  <si>
    <t>Lak Baddar</t>
  </si>
  <si>
    <t>GGPS chah Bhattian wala</t>
  </si>
  <si>
    <t>Nuzhat Perveen</t>
  </si>
  <si>
    <t>GPS WAHGA</t>
  </si>
  <si>
    <t>Village Wahga Tehsil Pasrur District Sialkot</t>
  </si>
  <si>
    <t>Takhtpur</t>
  </si>
  <si>
    <t>GGPS AHMED YAR TANWARI QADEEM</t>
  </si>
  <si>
    <t>Ahmad Yar Tanwari</t>
  </si>
  <si>
    <t>basti Sadat moza Ahmad yar tanwari post office Allahabad tahsil liaquat pur district rahim yar khan</t>
  </si>
  <si>
    <t>Trukry</t>
  </si>
  <si>
    <t>Sabbe Humma</t>
  </si>
  <si>
    <t>GES KALLUAN WALA ISA KHEL</t>
  </si>
  <si>
    <t>village kalluanwala tehsil esa khel distt mianwali</t>
  </si>
  <si>
    <t>GGPS FAZIL PUR MULTAN</t>
  </si>
  <si>
    <t>Basti FazilPur P/o Nawab Pur</t>
  </si>
  <si>
    <t>Lutaf Abad</t>
  </si>
  <si>
    <t>21857</t>
  </si>
  <si>
    <t>GPS CHAH SUNYARIAN WALA</t>
  </si>
  <si>
    <t>Sunyarianwala</t>
  </si>
  <si>
    <t>Mato Bhaike</t>
  </si>
  <si>
    <t>Rafia Ismail</t>
  </si>
  <si>
    <t>GPS 299 JB II NEW ABADI</t>
  </si>
  <si>
    <t>299 Jb</t>
  </si>
  <si>
    <t>chak No. 299 jb new abadi</t>
  </si>
  <si>
    <t>Chak No 299 JB New Abadi</t>
  </si>
  <si>
    <t>p/o Seet pur</t>
  </si>
  <si>
    <t>Gharib Shah</t>
  </si>
  <si>
    <t>Misan Kot Bhowa</t>
  </si>
  <si>
    <t>Haseena Parveen</t>
  </si>
  <si>
    <t>village and post office bukkan tehsil malakwal distt Mandi Bahauddin.</t>
  </si>
  <si>
    <t>Muhammad Naveed Aslam</t>
  </si>
  <si>
    <t>GPS MAST PUR JADEED, P/O BILAWAL PUR, KABIRWALA</t>
  </si>
  <si>
    <t>Masr Pur Jadeed, Mouza Mari Sahu,Markaz Bilawal Pur, Tehsil Kabirwala, District Khanewal.</t>
  </si>
  <si>
    <t>HABIB UREHMAN</t>
  </si>
  <si>
    <t>GES CHAK NO.297 EB</t>
  </si>
  <si>
    <t>297EB</t>
  </si>
  <si>
    <t>G.ES 297/e.b</t>
  </si>
  <si>
    <t>297/EB</t>
  </si>
  <si>
    <t>44508</t>
  </si>
  <si>
    <t>GPS JHOK FAZAL</t>
  </si>
  <si>
    <t>Gps Jhoke Fazil</t>
  </si>
  <si>
    <t>Jhoke Fazil</t>
  </si>
  <si>
    <t>Hadia Zaheen</t>
  </si>
  <si>
    <t>47912</t>
  </si>
  <si>
    <t>GGPS RABANI WALA</t>
  </si>
  <si>
    <t>Jal Junabi</t>
  </si>
  <si>
    <t>gaps Rabanne wala</t>
  </si>
  <si>
    <t>JalJunabi</t>
  </si>
  <si>
    <t>Doiba</t>
  </si>
  <si>
    <t>Najam Un Nisa</t>
  </si>
  <si>
    <t>GMES KOTEHRA</t>
  </si>
  <si>
    <t>kotehra</t>
  </si>
  <si>
    <t>Hira Younas</t>
  </si>
  <si>
    <t>GES CHAK 31/4-L</t>
  </si>
  <si>
    <t>Chak No 31 4L Okara</t>
  </si>
  <si>
    <t>Chak 31 4L</t>
  </si>
  <si>
    <t>50323</t>
  </si>
  <si>
    <t>GPS 113/7-R</t>
  </si>
  <si>
    <t>Chak No113 /7R</t>
  </si>
  <si>
    <t>Chak No.113/7.R.Tehsil Chichawatni</t>
  </si>
  <si>
    <t>Chak No113/7R</t>
  </si>
  <si>
    <t>Chak No114/7R</t>
  </si>
  <si>
    <t>Syed Zahid Mahmood</t>
  </si>
  <si>
    <t>GPS MEHOO WALA CHAK NO. 332</t>
  </si>
  <si>
    <t>Patti Arian</t>
  </si>
  <si>
    <t>gps mahoo wala</t>
  </si>
  <si>
    <t>43764</t>
  </si>
  <si>
    <t>GPS DHOK ROSHANAL P/O ALI HAYDER PUR</t>
  </si>
  <si>
    <t>Shah  M  Wali</t>
  </si>
  <si>
    <t>village dhok Roshnal p/o Ali Haider pur</t>
  </si>
  <si>
    <t>Dhok Roshnal</t>
  </si>
  <si>
    <t>GGPS LAU</t>
  </si>
  <si>
    <t>28323</t>
  </si>
  <si>
    <t>GPS KOT NABI SHAH</t>
  </si>
  <si>
    <t>Kot Nabi Shah</t>
  </si>
  <si>
    <t>kot nabi shah</t>
  </si>
  <si>
    <t>GPS CHAK NO.240/HL (TANZEEM)</t>
  </si>
  <si>
    <t>chak 240 HL</t>
  </si>
  <si>
    <t>chak no 240 HL Tehsil FortAbbas district Bahawalngar</t>
  </si>
  <si>
    <t>Chak 240 HL</t>
  </si>
  <si>
    <t>chak No 260 HR</t>
  </si>
  <si>
    <t>52095</t>
  </si>
  <si>
    <t>GGPS BALARA HASAN KA</t>
  </si>
  <si>
    <t>Balara Hassan Ka</t>
  </si>
  <si>
    <t>ggps balara hassan ka tehsil arif wala pakpatan</t>
  </si>
  <si>
    <t>Razia Khurshid</t>
  </si>
  <si>
    <t>GPS DHOK KAYAL</t>
  </si>
  <si>
    <t>DHOKE Kayal</t>
  </si>
  <si>
    <t>DHOKE kayal</t>
  </si>
  <si>
    <t>Muhammad waqas</t>
  </si>
  <si>
    <t>GGES DOCTOR WALA</t>
  </si>
  <si>
    <t>GGES Doctor wala</t>
  </si>
  <si>
    <t>GGPS AHMED PURA</t>
  </si>
  <si>
    <t>G.G.P/S Ahmad pura Chiniot</t>
  </si>
  <si>
    <t>Samina Ishaq</t>
  </si>
  <si>
    <t>GGPS ALI KHAN ABAD PO SAMAND WALA</t>
  </si>
  <si>
    <t>Dera Ali khan abad samand Wala</t>
  </si>
  <si>
    <t>Aansa Iqbal</t>
  </si>
  <si>
    <t>42097</t>
  </si>
  <si>
    <t>GGPS QASIM MEHAR</t>
  </si>
  <si>
    <t>Goth Dargha</t>
  </si>
  <si>
    <t>GGPS Qasim Mehar Moza Goth Darghai</t>
  </si>
  <si>
    <t>Qasim Mehar</t>
  </si>
  <si>
    <t>Tanzeela Javaid</t>
  </si>
  <si>
    <t>GGPS HAIDER ABAD KHAKWANI, TULAMBA</t>
  </si>
  <si>
    <t>Haiderabad Khakwani</t>
  </si>
  <si>
    <t>haiderabad khakwani, post office 20/8R, tehsil mianchannu district khanewal</t>
  </si>
  <si>
    <t>Iram Mafia</t>
  </si>
  <si>
    <t>46556</t>
  </si>
  <si>
    <t>GGPS TIKOCH</t>
  </si>
  <si>
    <t>tikoch</t>
  </si>
  <si>
    <t>Fareeha kanwal</t>
  </si>
  <si>
    <t>water carrier bring water from hand pump</t>
  </si>
  <si>
    <t>GGMES AGARAIN</t>
  </si>
  <si>
    <t>Agrian</t>
  </si>
  <si>
    <t>village Agrian</t>
  </si>
  <si>
    <t>Tehseen Jafar</t>
  </si>
  <si>
    <t>GGPS CHAK 29/3-R (AB)</t>
  </si>
  <si>
    <t>29/3 R Ab</t>
  </si>
  <si>
    <t>29/ 3 r AB</t>
  </si>
  <si>
    <t>30/3 R</t>
  </si>
  <si>
    <t>Abida Kausar</t>
  </si>
  <si>
    <t>GGPS JATRIKE</t>
  </si>
  <si>
    <t>jatrike tehsil muridke district sheikhupura</t>
  </si>
  <si>
    <t>Nighat Qudsia</t>
  </si>
  <si>
    <t>38356</t>
  </si>
  <si>
    <t>GMPS DIN PUR P/O AMEER PUR SADAT KHAROR PACCA</t>
  </si>
  <si>
    <t>GMPS Dinpur kahror pacca distt Lodhran</t>
  </si>
  <si>
    <t>Bahawal Shah Wala</t>
  </si>
  <si>
    <t>Attaullah Zahid</t>
  </si>
  <si>
    <t>GPS NO. 1 MANANWALA</t>
  </si>
  <si>
    <t>Nadeem Abad</t>
  </si>
  <si>
    <t>mohallah nadeem abad near saim naala mananwala tehsil and district sheikhupura</t>
  </si>
  <si>
    <t>TMA MANANWALA</t>
  </si>
  <si>
    <t>42776</t>
  </si>
  <si>
    <t>GGPS MODEL BAHWALLAY KALAN</t>
  </si>
  <si>
    <t>Bahwalay  Kalan</t>
  </si>
  <si>
    <t>vpo bahwalay kalan tehsil gujar khan dist rawalpindi</t>
  </si>
  <si>
    <t>Bahwalay Kalan</t>
  </si>
  <si>
    <t>GMPS NEW 126 COLONY</t>
  </si>
  <si>
    <t>Chak 126 sahmal</t>
  </si>
  <si>
    <t>chak 126 sahmal</t>
  </si>
  <si>
    <t>GPS KOT KARMDAD</t>
  </si>
  <si>
    <t>Kot Karm Dad</t>
  </si>
  <si>
    <t>kot karm dad</t>
  </si>
  <si>
    <t>GGES CHAK NO.85/TDA</t>
  </si>
  <si>
    <t>85 TDA</t>
  </si>
  <si>
    <t>GGES 85 TDA, P/0 84 TDA</t>
  </si>
  <si>
    <t>Thal Tandi</t>
  </si>
  <si>
    <t>naheed irshad</t>
  </si>
  <si>
    <t>26388</t>
  </si>
  <si>
    <t>40534</t>
  </si>
  <si>
    <t>GPS FEROZ ABAD</t>
  </si>
  <si>
    <t>Kot Admana</t>
  </si>
  <si>
    <t>jalalpursharif</t>
  </si>
  <si>
    <t>Kot admana</t>
  </si>
  <si>
    <t>Jalalpursharif</t>
  </si>
  <si>
    <t>Muhammed Amjad Mehmood</t>
  </si>
  <si>
    <t>Hardothaem</t>
  </si>
  <si>
    <t>ameer pur sadat tehsil karor pacca dist lodhran</t>
  </si>
  <si>
    <t>RuBINA KOUSAR</t>
  </si>
  <si>
    <t>GGES CHAK NO.86 NB</t>
  </si>
  <si>
    <t>86nb</t>
  </si>
  <si>
    <t>chak no 86nb sargodha</t>
  </si>
  <si>
    <t>Chak 86nb</t>
  </si>
  <si>
    <t>Shazia Amjad</t>
  </si>
  <si>
    <t>40572</t>
  </si>
  <si>
    <t>GES SOHAWA</t>
  </si>
  <si>
    <t>khurakha</t>
  </si>
  <si>
    <t>ges sohawa</t>
  </si>
  <si>
    <t>Raja Arslan Zafar</t>
  </si>
  <si>
    <t>GGES CHAK BHADA</t>
  </si>
  <si>
    <t>Chak Bhada P O Begowala City Sambrial</t>
  </si>
  <si>
    <t>Gulshan Akhtar</t>
  </si>
  <si>
    <t>GPS PIND FATEH</t>
  </si>
  <si>
    <t>Pind Fateh, Fateh Jang, Attock</t>
  </si>
  <si>
    <t>GGES RASOOL PUR SHUJA ABAD</t>
  </si>
  <si>
    <t>rasool pur tehsil shujabad</t>
  </si>
  <si>
    <t>GES CHAK 710 GB</t>
  </si>
  <si>
    <t>chakno710 kamalia</t>
  </si>
  <si>
    <t>710gb</t>
  </si>
  <si>
    <t>Mohammad Atique ur Redman Khan</t>
  </si>
  <si>
    <t>10196</t>
  </si>
  <si>
    <t>GPS MORLI</t>
  </si>
  <si>
    <t>Morli</t>
  </si>
  <si>
    <t>village Morli tehsil Shakargarh district Narowal</t>
  </si>
  <si>
    <t>GGPS 87/5-R</t>
  </si>
  <si>
    <t>87 / 5R</t>
  </si>
  <si>
    <t>Chak No 87 / 5R</t>
  </si>
  <si>
    <t>87/ 5R</t>
  </si>
  <si>
    <t>86/ 5R</t>
  </si>
  <si>
    <t>Nargis Naz</t>
  </si>
  <si>
    <t>GES CHAK NO.151 NB</t>
  </si>
  <si>
    <t>Chak 151 NB</t>
  </si>
  <si>
    <t>Chak No. 151 NB tehsil Sillanwali Sargodha</t>
  </si>
  <si>
    <t>Chak 151 nB</t>
  </si>
  <si>
    <t>Chak152NB</t>
  </si>
  <si>
    <t>Abdussalam Arif</t>
  </si>
  <si>
    <t>40215</t>
  </si>
  <si>
    <t>38816</t>
  </si>
  <si>
    <t>GPS DHOK TARBETHI (GOLRA)</t>
  </si>
  <si>
    <t>Post Office Sanjawal Village Dhok Tarbethi Tehsil and District Attock</t>
  </si>
  <si>
    <t>Dhok Tarbethi</t>
  </si>
  <si>
    <t>DILBAR KHAN</t>
  </si>
  <si>
    <t>24016</t>
  </si>
  <si>
    <t>GPS GHALAH MANDI DASKA</t>
  </si>
  <si>
    <t>Back  Alnawab Marrage Hall Chungi# 8 Daska</t>
  </si>
  <si>
    <t>GGPS CHAK NO. 489 JB NARROL</t>
  </si>
  <si>
    <t>chak no 489 jb narool</t>
  </si>
  <si>
    <t>493jb</t>
  </si>
  <si>
    <t>Batian wala</t>
  </si>
  <si>
    <t>GGPS HALAL PUR NOON</t>
  </si>
  <si>
    <t>Halal Pur Noon</t>
  </si>
  <si>
    <t>halal pur</t>
  </si>
  <si>
    <t>zeenat perveen</t>
  </si>
  <si>
    <t>GGPS KHUDA BAKHSH JOIA</t>
  </si>
  <si>
    <t>manghir  sharif road basti khurshidabad</t>
  </si>
  <si>
    <t>51094</t>
  </si>
  <si>
    <t>GGPS 189-A/9-L</t>
  </si>
  <si>
    <t>GGMPS BASTI HALA</t>
  </si>
  <si>
    <t>Bastidor hala us ara jafar</t>
  </si>
  <si>
    <t>Bastidor Hala</t>
  </si>
  <si>
    <t>Fou zia Bibi</t>
  </si>
  <si>
    <t>27457</t>
  </si>
  <si>
    <t>GPS DERA ZULIFQAR</t>
  </si>
  <si>
    <t>GPS NO.6 NAWAN LOK SAHIWAL</t>
  </si>
  <si>
    <t>sahiwal disst.. sargodha</t>
  </si>
  <si>
    <t>49816</t>
  </si>
  <si>
    <t>GGPS CHAK NO.155 NB NEW ABADI</t>
  </si>
  <si>
    <t>chakno155 nb</t>
  </si>
  <si>
    <t>Chak No 155 Nb</t>
  </si>
  <si>
    <t>NUSRAT NAHEED</t>
  </si>
  <si>
    <t>18066</t>
  </si>
  <si>
    <t>33122</t>
  </si>
  <si>
    <t>GPS CHAH BABBER WALA</t>
  </si>
  <si>
    <t>Chah Babber  Wala</t>
  </si>
  <si>
    <t>Chah Babber Wala mashmoola Nota teh. &amp; distt. Nannkana Sahib</t>
  </si>
  <si>
    <t>Jalal Nou</t>
  </si>
  <si>
    <t>Muhammad Naeem Irshad</t>
  </si>
  <si>
    <t>GPS MOHALLAH ALLAH ABAD</t>
  </si>
  <si>
    <t>Mohallah alla Abad jand</t>
  </si>
  <si>
    <t>Mohallah Zargran P/O Allahabad Tehsil Liaquatpur District Rahim Yar Khan</t>
  </si>
  <si>
    <t>Syed Ahmad Fraz</t>
  </si>
  <si>
    <t>44026</t>
  </si>
  <si>
    <t>GMMS MOHALLAH SAGRAL MULTAN KHURD</t>
  </si>
  <si>
    <t>vpo Multan Khurd tehsil talagang distrct chakwal</t>
  </si>
  <si>
    <t>TAJ RASOOL</t>
  </si>
  <si>
    <t>GGPS BAKA WALA</t>
  </si>
  <si>
    <t>baqa wala</t>
  </si>
  <si>
    <t>near modal city  baqa wala</t>
  </si>
  <si>
    <t>Baqa wala</t>
  </si>
  <si>
    <t>Aisha Batool</t>
  </si>
  <si>
    <t>GGES MEHAR SHAH</t>
  </si>
  <si>
    <t>near rohiee ghee  mill pull gupal k pacca</t>
  </si>
  <si>
    <t>Darbar Mahar Shah K Pacca</t>
  </si>
  <si>
    <t>Ansar  Parveen</t>
  </si>
  <si>
    <t>GPS TALIB ALI P/O 26 S.P</t>
  </si>
  <si>
    <t>Talib Ali</t>
  </si>
  <si>
    <t>chak Talib Ali</t>
  </si>
  <si>
    <t>GMPS KOT BHARA, P/O 140/10-R, JAHANIAN</t>
  </si>
  <si>
    <t>Kotbhara</t>
  </si>
  <si>
    <t>kotbhara</t>
  </si>
  <si>
    <t>44022</t>
  </si>
  <si>
    <t>35870</t>
  </si>
  <si>
    <t>Shergar</t>
  </si>
  <si>
    <t>shergarh</t>
  </si>
  <si>
    <t>Mohammad Fayyaz</t>
  </si>
  <si>
    <t>GGPS KALUAN WALA</t>
  </si>
  <si>
    <t>Dera kaluan wala</t>
  </si>
  <si>
    <t>Fatima Jalal</t>
  </si>
  <si>
    <t>GES BABLIANA UTTAR</t>
  </si>
  <si>
    <t>Zahoor Elahi Malik</t>
  </si>
  <si>
    <t>GGPS AFZAL ABAD</t>
  </si>
  <si>
    <t>Govt girls primary school Afzal abad thsil chunian district kasur</t>
  </si>
  <si>
    <t>Jaguwala</t>
  </si>
  <si>
    <t>Shaheen Akber</t>
  </si>
  <si>
    <t>GGPS CHAK NO. 37/FA</t>
  </si>
  <si>
    <t>ggps 37/F-A</t>
  </si>
  <si>
    <t>38f</t>
  </si>
  <si>
    <t>GGPS AMREEK SINGH</t>
  </si>
  <si>
    <t>Amreek Singh</t>
  </si>
  <si>
    <t>ggps amreek Singh</t>
  </si>
  <si>
    <t>GGCMS 34/1A L</t>
  </si>
  <si>
    <t>34 1AL</t>
  </si>
  <si>
    <t>Nasim Sadiq</t>
  </si>
  <si>
    <t>GGPS NAGRIAN WALA</t>
  </si>
  <si>
    <t>GGPS Nagrianwala</t>
  </si>
  <si>
    <t>Sugra Perveen</t>
  </si>
  <si>
    <t>GMPS WARA BALIAN</t>
  </si>
  <si>
    <t>Wara Balian</t>
  </si>
  <si>
    <t>post office head rasul, village wara balian</t>
  </si>
  <si>
    <t>Raheel Mumtaz</t>
  </si>
  <si>
    <t>GGES BASTI PUNA WALI</t>
  </si>
  <si>
    <t>Mousam Wala</t>
  </si>
  <si>
    <t>Basti Punna wali p/ o khas mousam wala tehsil MCD</t>
  </si>
  <si>
    <t>Punnawali</t>
  </si>
  <si>
    <t>Qurrat-ul-Ain</t>
  </si>
  <si>
    <t>GPS DERA MIAN BASHIR</t>
  </si>
  <si>
    <t>nawankot tehsil choubara distt.layyah</t>
  </si>
  <si>
    <t>46446</t>
  </si>
  <si>
    <t>GPS CHAK NO. 33/DB</t>
  </si>
  <si>
    <t>33DB</t>
  </si>
  <si>
    <t>33DB Tehsil Quaidabad abad DISTRICT Khushab</t>
  </si>
  <si>
    <t>GPS REHNUMA ARIF ABAD</t>
  </si>
  <si>
    <t>govt rehnuma p/s arifabad lhr cantt</t>
  </si>
  <si>
    <t>Afshan Bibi</t>
  </si>
  <si>
    <t>39022</t>
  </si>
  <si>
    <t>GES BEHLOT</t>
  </si>
  <si>
    <t>Bahlot</t>
  </si>
  <si>
    <t>village bahlot p.o Jhang Teh.fathejang distt.attock</t>
  </si>
  <si>
    <t>GGES SAWAN WALA</t>
  </si>
  <si>
    <t>gges sawanwala</t>
  </si>
  <si>
    <t>Khaltti</t>
  </si>
  <si>
    <t>Syeda Attiya Batool</t>
  </si>
  <si>
    <t>GES MOULA PUR KABIRWALA</t>
  </si>
  <si>
    <t>moula pur</t>
  </si>
  <si>
    <t>mouza moula pur kabirwala khanewal</t>
  </si>
  <si>
    <t>iftikhar ahmad</t>
  </si>
  <si>
    <t>GGPS KAYAN PUR NO 2 QASBA MARAL ROAD MULTAN</t>
  </si>
  <si>
    <t>Dhand Wala</t>
  </si>
  <si>
    <t>GGPS KAYAN PUR NO 2  Dhand Wala</t>
  </si>
  <si>
    <t>DHAND WALA</t>
  </si>
  <si>
    <t>Kaiyan Pur</t>
  </si>
  <si>
    <t>ISMA HANAN</t>
  </si>
  <si>
    <t>GPS CHAK 92 JB</t>
  </si>
  <si>
    <t>92 Jb</t>
  </si>
  <si>
    <t>chak no 92 jb</t>
  </si>
  <si>
    <t>Gps 92 Jb</t>
  </si>
  <si>
    <t>Chak 281 Jb</t>
  </si>
  <si>
    <t>Amir Nadeem</t>
  </si>
  <si>
    <t>10304</t>
  </si>
  <si>
    <t>GGES KOTLA SADAT NEAR SADIQ ABAD MULTAN</t>
  </si>
  <si>
    <t>KOTLA SADAT</t>
  </si>
  <si>
    <t>GGE/s Kotla sadat near Sadiq Abad Bosan Road Multan</t>
  </si>
  <si>
    <t>Shaista Perveen Zaidi</t>
  </si>
  <si>
    <t>Village islam Pura</t>
  </si>
  <si>
    <t>Khatiala Virkan</t>
  </si>
  <si>
    <t>GPS CHAJWAL</t>
  </si>
  <si>
    <t>Chajwal</t>
  </si>
  <si>
    <t>chajwal tehsil shakargarh</t>
  </si>
  <si>
    <t>46093</t>
  </si>
  <si>
    <t>GGES DHAK KHUSHAB</t>
  </si>
  <si>
    <t>mohallah namadgiran khushab</t>
  </si>
  <si>
    <t>Siddiqa Amin</t>
  </si>
  <si>
    <t>GGPS LODHRAN</t>
  </si>
  <si>
    <t>Kotla Mehr Ali</t>
  </si>
  <si>
    <t>village lodhran kotla Mehr ali</t>
  </si>
  <si>
    <t>Bushra Tanveer</t>
  </si>
  <si>
    <t>GPS WAHLAY</t>
  </si>
  <si>
    <t>WAHLAY</t>
  </si>
  <si>
    <t>village WAHLAY</t>
  </si>
  <si>
    <t>GPS DHROONI</t>
  </si>
  <si>
    <t>Patti Blanda</t>
  </si>
  <si>
    <t>chah Dharooni po chak no.71ML teh mankera ditt bhakkar</t>
  </si>
  <si>
    <t>Dharooni</t>
  </si>
  <si>
    <t>MALIKWALA</t>
  </si>
  <si>
    <t>Malikwala P/O Jahanabad Tehsil Shah-Pur District Sargodha</t>
  </si>
  <si>
    <t>Malikwala</t>
  </si>
  <si>
    <t>Basharat Ali Khan</t>
  </si>
  <si>
    <t>GPS AZMAT WALA  JAMALI</t>
  </si>
  <si>
    <t>Gps Azmat Wala jamali teh.noorpur  distt.khushab</t>
  </si>
  <si>
    <t>17536</t>
  </si>
  <si>
    <t>GPS DHAP SIAL</t>
  </si>
  <si>
    <t>DHAP SIAL</t>
  </si>
  <si>
    <t>DHAP sial</t>
  </si>
  <si>
    <t>Hafiz Zafar Iqbal</t>
  </si>
  <si>
    <t>GPS 258/HL</t>
  </si>
  <si>
    <t>258 HL</t>
  </si>
  <si>
    <t>Chak#258 HL fort Abbas distt bahawal nagar</t>
  </si>
  <si>
    <t>260 HR</t>
  </si>
  <si>
    <t>GGPS PIR BUKHSH KHAS</t>
  </si>
  <si>
    <t>basti peer bux khas Dak khana sikhani wala tehsilozillah rajan pur</t>
  </si>
  <si>
    <t>Basti peer bux Khas</t>
  </si>
  <si>
    <t>Javeria Rehman</t>
  </si>
  <si>
    <t>GES MUHAMMAD ALI</t>
  </si>
  <si>
    <t>mohala line park chakwal</t>
  </si>
  <si>
    <t>line park</t>
  </si>
  <si>
    <t>GGES CHAK NO. 199/P</t>
  </si>
  <si>
    <t>chak # 199P</t>
  </si>
  <si>
    <t>199P</t>
  </si>
  <si>
    <t>Bandor Abbasian</t>
  </si>
  <si>
    <t>GGES 70/EB</t>
  </si>
  <si>
    <t>70/eb arifwala</t>
  </si>
  <si>
    <t>Uzma Nosheen</t>
  </si>
  <si>
    <t>40946</t>
  </si>
  <si>
    <t>GPS DULYAL</t>
  </si>
  <si>
    <t>village and po dulyal teh dina distt jhelum</t>
  </si>
  <si>
    <t>Bohrian Dulyal</t>
  </si>
  <si>
    <t>GGPS CHAK 83/5-R</t>
  </si>
  <si>
    <t>Chak 83/5r</t>
  </si>
  <si>
    <t>Govt.Girls p/s 83/5r.</t>
  </si>
  <si>
    <t>83/5r</t>
  </si>
  <si>
    <t>GPS ISLAMIA RATTA AMRAL</t>
  </si>
  <si>
    <t>gps islamia ratta amral rwp</t>
  </si>
  <si>
    <t>Najam um Nisa</t>
  </si>
  <si>
    <t>GPS DHOK GILL</t>
  </si>
  <si>
    <t>Dhoke Gill</t>
  </si>
  <si>
    <t>GPS MANOHAR PUR BAILY</t>
  </si>
  <si>
    <t>manhor pur beli</t>
  </si>
  <si>
    <t>Manhor Pur Beli post office kala dev jhelum</t>
  </si>
  <si>
    <t>Manhor Pur Beli</t>
  </si>
  <si>
    <t>GPS CHAK NO. 169/TDA</t>
  </si>
  <si>
    <t>Thai Jandi Sharqi</t>
  </si>
  <si>
    <t>chak no 169tda layyah</t>
  </si>
  <si>
    <t>Chak No 169tda</t>
  </si>
  <si>
    <t>GGPS TIBBA KHARAL</t>
  </si>
  <si>
    <t>kharal</t>
  </si>
  <si>
    <t>ggps tibba kharal</t>
  </si>
  <si>
    <t>tibba kharal</t>
  </si>
  <si>
    <t>angraw dager</t>
  </si>
  <si>
    <t>9965</t>
  </si>
  <si>
    <t>GES SHAH HUSSAIN</t>
  </si>
  <si>
    <t>Shah Hussain, 113-A TDA P/O Shah pur, Layyah.</t>
  </si>
  <si>
    <t>Shah Hussain 113-A/ TDA Layyah</t>
  </si>
  <si>
    <t>GGPS QILA BALAQA SINGH</t>
  </si>
  <si>
    <t>qila blaqa singhs</t>
  </si>
  <si>
    <t>qila blaqa singhs krk</t>
  </si>
  <si>
    <t>chak no 55</t>
  </si>
  <si>
    <t>Shazia Malik</t>
  </si>
  <si>
    <t>GMPS KHUSHAL GARH MOZA DEEPAY WALA</t>
  </si>
  <si>
    <t>Deepay Wala</t>
  </si>
  <si>
    <t>khushal garh moza deepay wala</t>
  </si>
  <si>
    <t>Khushal Garh Deepay Wala</t>
  </si>
  <si>
    <t>GPS WARAICH WALA</t>
  </si>
  <si>
    <t>chah butt wala moza kherey wala</t>
  </si>
  <si>
    <t>Chah Butt Wala</t>
  </si>
  <si>
    <t>Kherey Wala</t>
  </si>
  <si>
    <t>Muhammad Zulfqar Saqib</t>
  </si>
  <si>
    <t>GGPS CHAK ANOKH SINGH</t>
  </si>
  <si>
    <t>chak nokh singh</t>
  </si>
  <si>
    <t>42/Sp  Samundri</t>
  </si>
  <si>
    <t>GGPS RORAY WALA NO.2</t>
  </si>
  <si>
    <t>chaha umer wala kotli nijabt tehsil shujabd district multan</t>
  </si>
  <si>
    <t>Kottli Nijabat</t>
  </si>
  <si>
    <t>37466</t>
  </si>
  <si>
    <t>GMES 135/16-L NORTH, MIAN CHANNU</t>
  </si>
  <si>
    <t>135/15L</t>
  </si>
  <si>
    <t>Chak No 135/16.L(N)</t>
  </si>
  <si>
    <t>Chak NO 135/16L</t>
  </si>
  <si>
    <t>GPS SIDHO WAL</t>
  </si>
  <si>
    <t>Sidhowal</t>
  </si>
  <si>
    <t>sidhowal</t>
  </si>
  <si>
    <t>GPS 99/12-L</t>
  </si>
  <si>
    <t>9912-L</t>
  </si>
  <si>
    <t>Chak No99\12- L Teh chichawatni Distt saiwalL</t>
  </si>
  <si>
    <t>Chak No 9912L</t>
  </si>
  <si>
    <t>99/12 L</t>
  </si>
  <si>
    <t>A lambardar</t>
  </si>
  <si>
    <t>GGES 82/5-L</t>
  </si>
  <si>
    <t>82/5l Swl</t>
  </si>
  <si>
    <t>gges 82/5l swl</t>
  </si>
  <si>
    <t>82/5L Swl</t>
  </si>
  <si>
    <t>73/5l</t>
  </si>
  <si>
    <t>GPS RAKH BHER PUR</t>
  </si>
  <si>
    <t>Rakh Bhair Pur</t>
  </si>
  <si>
    <t>Village Rakh Bhair Pur TÃ©hil Bhera District Sargodha</t>
  </si>
  <si>
    <t>Verowall</t>
  </si>
  <si>
    <t>Shahzad Hussnain</t>
  </si>
  <si>
    <t>34797</t>
  </si>
  <si>
    <t>GGES MANSOOR PUR</t>
  </si>
  <si>
    <t>mansorpur</t>
  </si>
  <si>
    <t>mansorpur uc jhanpur</t>
  </si>
  <si>
    <t>dera diwan</t>
  </si>
  <si>
    <t>jhan pur</t>
  </si>
  <si>
    <t>Abida Tanveer</t>
  </si>
  <si>
    <t>GPS DHERI KOT</t>
  </si>
  <si>
    <t>Dherikot</t>
  </si>
  <si>
    <t>dherikot teh.attock</t>
  </si>
  <si>
    <t>Surg Salarr</t>
  </si>
  <si>
    <t>34349</t>
  </si>
  <si>
    <t>GMPS CHAK NO.116 SB</t>
  </si>
  <si>
    <t>Chak 116 Sb</t>
  </si>
  <si>
    <t>anamyousaf4649@gmail.com</t>
  </si>
  <si>
    <t>Chak No 113 Sb</t>
  </si>
  <si>
    <t>Anum Yousaf</t>
  </si>
  <si>
    <t>GGES HASHMAT MIRALI, MOHALLA KOTHEY WALA, SARAI SIDHU</t>
  </si>
  <si>
    <t>hashmat mirali</t>
  </si>
  <si>
    <t>gges hashmat mirali chah kothey wala</t>
  </si>
  <si>
    <t>Jannat  Bibi</t>
  </si>
  <si>
    <t>46180</t>
  </si>
  <si>
    <t>34184</t>
  </si>
  <si>
    <t>GGPS LUTAF PUR NO 2</t>
  </si>
  <si>
    <t>Rasol Pur</t>
  </si>
  <si>
    <t>GG PS lutaf Pur no</t>
  </si>
  <si>
    <t>Resol Pur</t>
  </si>
  <si>
    <t>REHANA MARYAM</t>
  </si>
  <si>
    <t>GPS KANDA BHATTIAN</t>
  </si>
  <si>
    <t>Kanda Bhattian</t>
  </si>
  <si>
    <t>GPS KANDA BHATTIAN, TEHSIL PINDI BHATTIAN, (HFD).</t>
  </si>
  <si>
    <t>THATHA KREEM DAD</t>
  </si>
  <si>
    <t>Syed Aoun Abbas Sherazi</t>
  </si>
  <si>
    <t>GGES THERI GILLAN</t>
  </si>
  <si>
    <t>Post office Botalla jhanda singh Therri Gillan</t>
  </si>
  <si>
    <t>Saima Ashiq</t>
  </si>
  <si>
    <t>GPS DHODAY</t>
  </si>
  <si>
    <t>Doday</t>
  </si>
  <si>
    <t>Doday p/o More khunda T&amp;D Nankana sahib</t>
  </si>
  <si>
    <t>GGPS CHAK NO.133/L</t>
  </si>
  <si>
    <t>133 1L</t>
  </si>
  <si>
    <t>GGPS 133 1L tehsil khanpur</t>
  </si>
  <si>
    <t>Bhatta Shakhan</t>
  </si>
  <si>
    <t>Rifat Yasmeen</t>
  </si>
  <si>
    <t>GPS SHEIKH PUR DRIG P/O GARDEZPUR</t>
  </si>
  <si>
    <t>Gardiz Pur</t>
  </si>
  <si>
    <t>nawan shehr p/o gardiz Pur tehsil Shujabad district Multan</t>
  </si>
  <si>
    <t>14437</t>
  </si>
  <si>
    <t>GGPS Farooq Hagar Basti Hazoor Bukhsh khichi</t>
  </si>
  <si>
    <t>Pir Bukhsh Sharqi</t>
  </si>
  <si>
    <t>Asia Robina</t>
  </si>
  <si>
    <t>42752</t>
  </si>
  <si>
    <t>GGPS CHECHI NOOR</t>
  </si>
  <si>
    <t>Chechi Noor</t>
  </si>
  <si>
    <t>Village chechi noor post office dhung tehsil Gujar khan district Rawal pindi</t>
  </si>
  <si>
    <t>Chachi Noor</t>
  </si>
  <si>
    <t>Sobia Yasmeen</t>
  </si>
  <si>
    <t>GMPS CHAK NO.110 FATEH (B)</t>
  </si>
  <si>
    <t>111muradt</t>
  </si>
  <si>
    <t>govt girls model primary school 110fb</t>
  </si>
  <si>
    <t>110fb</t>
  </si>
  <si>
    <t>54532</t>
  </si>
  <si>
    <t>GGPS RAKH BHANGOO (De-consolidated April-2016)</t>
  </si>
  <si>
    <t>ggps rakh bhangoo</t>
  </si>
  <si>
    <t>Pindi Abaad Garaan</t>
  </si>
  <si>
    <t>Moza Bhangoo</t>
  </si>
  <si>
    <t>Smina Mumtaz</t>
  </si>
  <si>
    <t>GPS HAJI GHULAM HUSSAIN</t>
  </si>
  <si>
    <t>Chak Ladan</t>
  </si>
  <si>
    <t>Basti Haji Ghulam Hussain shadan lund</t>
  </si>
  <si>
    <t>Basti Haji Ghulam Hussain</t>
  </si>
  <si>
    <t>Ahamdani</t>
  </si>
  <si>
    <t>GPS DHOK CHOI</t>
  </si>
  <si>
    <t>Jabbi S Dilawar</t>
  </si>
  <si>
    <t>dhok choi p/o jabbi shah dilawar teh Talagang Dist Chakwal</t>
  </si>
  <si>
    <t>Dhok Choi</t>
  </si>
  <si>
    <t>Jabbi shah Dilawar</t>
  </si>
  <si>
    <t>16974</t>
  </si>
  <si>
    <t>45966</t>
  </si>
  <si>
    <t>GGPS NO. 2 CHAK NO. 39 MB</t>
  </si>
  <si>
    <t>50Mb</t>
  </si>
  <si>
    <t>Nasreen Mehboob</t>
  </si>
  <si>
    <t>GGPS GHOUS MUHAMMAD WALA</t>
  </si>
  <si>
    <t>ghous wala</t>
  </si>
  <si>
    <t>ghous m wala</t>
  </si>
  <si>
    <t>kot maina</t>
  </si>
  <si>
    <t>Aasia Inayat</t>
  </si>
  <si>
    <t>GPS BASTI MEHRI</t>
  </si>
  <si>
    <t>gps basti marhi</t>
  </si>
  <si>
    <t>marhi</t>
  </si>
  <si>
    <t>GGPS CHAK 422 JB</t>
  </si>
  <si>
    <t>422JB</t>
  </si>
  <si>
    <t>chak no 422JB</t>
  </si>
  <si>
    <t>423jb ADa</t>
  </si>
  <si>
    <t>Maqadus Parveen</t>
  </si>
  <si>
    <t>54140</t>
  </si>
  <si>
    <t>GES WACHA SANDILA</t>
  </si>
  <si>
    <t>Wacha Sandila</t>
  </si>
  <si>
    <t>basti wacha sandila tehsil jalal pur pirwala distt. multan</t>
  </si>
  <si>
    <t>GGPS MC 130/15-L FAISAL TOWN, MIAN CHANNU</t>
  </si>
  <si>
    <t>130/15LFaisal town Mian channu</t>
  </si>
  <si>
    <t>130/15Lfaisal town</t>
  </si>
  <si>
    <t>Shazia Majeed</t>
  </si>
  <si>
    <t>GPS CHAK NO.109 NB</t>
  </si>
  <si>
    <t>109nb</t>
  </si>
  <si>
    <t>chak no 109 NB sargodha</t>
  </si>
  <si>
    <t>Chak No  109 NB Sgd</t>
  </si>
  <si>
    <t>GGPS 80/1-L MAHARAN WALI</t>
  </si>
  <si>
    <t>80/1L   m</t>
  </si>
  <si>
    <t>chak 80/1L  M</t>
  </si>
  <si>
    <t>80/1-L  M</t>
  </si>
  <si>
    <t>Sajida Shaheen</t>
  </si>
  <si>
    <t>GGPS LAKHOOK KE KALAN</t>
  </si>
  <si>
    <t>Lakhu Ke Kalan</t>
  </si>
  <si>
    <t>lakhu ke kalan burewala</t>
  </si>
  <si>
    <t>GMPS CHAK NO.12 NB</t>
  </si>
  <si>
    <t>Chak 12 NB</t>
  </si>
  <si>
    <t>chak 12 NB</t>
  </si>
  <si>
    <t>CHAK 12 NB</t>
  </si>
  <si>
    <t>GGPS KOTRAN WALA</t>
  </si>
  <si>
    <t>Basi Shah Shakoor</t>
  </si>
  <si>
    <t>Chah Kot Wala, Near Bagh</t>
  </si>
  <si>
    <t>Chah Kot Wala</t>
  </si>
  <si>
    <t>12314</t>
  </si>
  <si>
    <t>GPS 117 GB E</t>
  </si>
  <si>
    <t>chak no 117GB East</t>
  </si>
  <si>
    <t>117GB East</t>
  </si>
  <si>
    <t>115gb</t>
  </si>
  <si>
    <t>MUZAFFAR HUSSAIN</t>
  </si>
  <si>
    <t>GES CHAK 337/HR</t>
  </si>
  <si>
    <t>Chak No 337/Hr</t>
  </si>
  <si>
    <t>chak no 337/ hr tehsil Fort Abbas bwn</t>
  </si>
  <si>
    <t>Chak No 330/Hr</t>
  </si>
  <si>
    <t>GMPS CHAK 763 GB ADA GHAZI ABAD</t>
  </si>
  <si>
    <t>763gbpindighaziabd.tehsilpirmp</t>
  </si>
  <si>
    <t>763ada Pindi Ghazi</t>
  </si>
  <si>
    <t>Roubena Kousar</t>
  </si>
  <si>
    <t>GMPS SHEIKH PUR KOHNA</t>
  </si>
  <si>
    <t>Sheikh Pur Kohna</t>
  </si>
  <si>
    <t>village sheikh pur Kohna</t>
  </si>
  <si>
    <t>Sheikh pur Kohna</t>
  </si>
  <si>
    <t>Rakh Chrgha</t>
  </si>
  <si>
    <t>GGPS KANG</t>
  </si>
  <si>
    <t>ggps kang teh.sambria</t>
  </si>
  <si>
    <t>Munuza Jabeen</t>
  </si>
  <si>
    <t>GPS NO.2 WARBURTON NANKANA ROAD</t>
  </si>
  <si>
    <t>near municipal committee warburton</t>
  </si>
  <si>
    <t>Chah Jogi Wala Basti Rindan</t>
  </si>
  <si>
    <t>Basti RINDAN</t>
  </si>
  <si>
    <t>GPS MACHI WALI</t>
  </si>
  <si>
    <t>Machhi Wali</t>
  </si>
  <si>
    <t>MATIEEULLAH</t>
  </si>
  <si>
    <t>GES RAGH</t>
  </si>
  <si>
    <t>Ragh</t>
  </si>
  <si>
    <t>Govt E/s Ragh</t>
  </si>
  <si>
    <t>Muhammad Nawaz Tarar</t>
  </si>
  <si>
    <t>15995</t>
  </si>
  <si>
    <t>GGPS KALON KHURD</t>
  </si>
  <si>
    <t>Keloo Khurad</t>
  </si>
  <si>
    <t>GGPS keelo khurad</t>
  </si>
  <si>
    <t>Keloon Khurd</t>
  </si>
  <si>
    <t>Bahadurpura</t>
  </si>
  <si>
    <t>Farzana Habib</t>
  </si>
  <si>
    <t>GGES JHUGIAN BAJA SINGH</t>
  </si>
  <si>
    <t>Ali HUSSAINABAD</t>
  </si>
  <si>
    <t>Ali Hussainabad Maraka Multan Road Lahore</t>
  </si>
  <si>
    <t>Nagina Munir Butt</t>
  </si>
  <si>
    <t>GGPS CHOTA MOTA SINGH</t>
  </si>
  <si>
    <t>Chotta Motta Singh</t>
  </si>
  <si>
    <t>chotta motta singh bedian road</t>
  </si>
  <si>
    <t>Shahida Zeeshan</t>
  </si>
  <si>
    <t>GGPS GULSHAIR WALA</t>
  </si>
  <si>
    <t>Makwal Hadair</t>
  </si>
  <si>
    <t>bsti verm wala maoza mkwl hdair</t>
  </si>
  <si>
    <t>Virum Wala</t>
  </si>
  <si>
    <t>Bndy Shah</t>
  </si>
  <si>
    <t>Miraj Elahi Sehrish</t>
  </si>
  <si>
    <t>GGPS BHOHLAY SAIKHWAN</t>
  </si>
  <si>
    <t>Bohlay Saikhwan</t>
  </si>
  <si>
    <t>Bohlay saikhwan p/o uddho wali teh noshera virkan dist GRW</t>
  </si>
  <si>
    <t>Uddho Wali</t>
  </si>
  <si>
    <t>GPS CHAK UMER</t>
  </si>
  <si>
    <t>Chak Umar</t>
  </si>
  <si>
    <t>Chak Umar ,Tehsil Shahpur, District Sargodha</t>
  </si>
  <si>
    <t>Ahmed  Bilal</t>
  </si>
  <si>
    <t>GGPS CHAK SHAHEED</t>
  </si>
  <si>
    <t>Chak Shaheed</t>
  </si>
  <si>
    <t>G.G.PS chak shaheed</t>
  </si>
  <si>
    <t>Salma Naeem</t>
  </si>
  <si>
    <t>GPS KHANA BHATTIAN</t>
  </si>
  <si>
    <t>Mauza Baqapur</t>
  </si>
  <si>
    <t>mauza baqapur po batheji tehsil ape district bwp</t>
  </si>
  <si>
    <t>Muhammad Makkei</t>
  </si>
  <si>
    <t>GGPS DHAL KALU</t>
  </si>
  <si>
    <t>Dhall Kalu</t>
  </si>
  <si>
    <t>dhall kalu</t>
  </si>
  <si>
    <t>Shehnaz  Begum</t>
  </si>
  <si>
    <t>GGPS KOTEHRA</t>
  </si>
  <si>
    <t>VPO kotehra. GGPS Kotehra</t>
  </si>
  <si>
    <t>Sajila Masood</t>
  </si>
  <si>
    <t>GPS 74-A/15-L, KHANEWAL</t>
  </si>
  <si>
    <t>Chak No 74A/15L</t>
  </si>
  <si>
    <t>chak no.74A/15.L Khanewal</t>
  </si>
  <si>
    <t>74A/15L</t>
  </si>
  <si>
    <t>Chak No72  73/15L</t>
  </si>
  <si>
    <t>Muhammad Riaz Tabasum</t>
  </si>
  <si>
    <t>GPS GUNA KHURD NO.1</t>
  </si>
  <si>
    <t>village Gunna khurd post office sahowali chamrangan tehsil and distt sialkot</t>
  </si>
  <si>
    <t>Aqeel Ashraf</t>
  </si>
  <si>
    <t>41495</t>
  </si>
  <si>
    <t>GGPS KACHA BANGI KHEL</t>
  </si>
  <si>
    <t>kacha bangi khel</t>
  </si>
  <si>
    <t>Bibi Marjana</t>
  </si>
  <si>
    <t>GMPS KIRAN WALI</t>
  </si>
  <si>
    <t>RABIA AZIZ</t>
  </si>
  <si>
    <t>GGPS CHAK NO.209/M (A) WEST</t>
  </si>
  <si>
    <t>209/ M A West</t>
  </si>
  <si>
    <t>GGPS 209/M (A) west</t>
  </si>
  <si>
    <t>209/M A</t>
  </si>
  <si>
    <t>Fiza Chaudhary</t>
  </si>
  <si>
    <t>10198</t>
  </si>
  <si>
    <t>GGES CHAK NO.85-A/TDA</t>
  </si>
  <si>
    <t>Kror City</t>
  </si>
  <si>
    <t>85A/TDA dera Abdul Wahid khan Tehsil Karor</t>
  </si>
  <si>
    <t>85A/TDA</t>
  </si>
  <si>
    <t>Saima Saeed</t>
  </si>
  <si>
    <t>GGCMS 175/P</t>
  </si>
  <si>
    <t>chak 175/p</t>
  </si>
  <si>
    <t>175/P</t>
  </si>
  <si>
    <t>Machi Goth</t>
  </si>
  <si>
    <t>Naghma Bano</t>
  </si>
  <si>
    <t>132288</t>
  </si>
  <si>
    <t>GMPS CHAK NO 277 HR W</t>
  </si>
  <si>
    <t>277/HR W</t>
  </si>
  <si>
    <t>Govt Model p/s 277/HR W</t>
  </si>
  <si>
    <t>281/ Hr</t>
  </si>
  <si>
    <t>Musarat Saleem</t>
  </si>
  <si>
    <t>GGES JHARIYAN WALA MUZA MADINA MULTAN</t>
  </si>
  <si>
    <t>GGES Jhariyan wala Multan</t>
  </si>
  <si>
    <t>GPS BHUTTIAN WALA</t>
  </si>
  <si>
    <t>Dera Bhuttianwala</t>
  </si>
  <si>
    <t>GES RAIMAN</t>
  </si>
  <si>
    <t>ramin p.o kala dg khan</t>
  </si>
  <si>
    <t>7157</t>
  </si>
  <si>
    <t>40466</t>
  </si>
  <si>
    <t>Pinaanwal</t>
  </si>
  <si>
    <t>v.p.o pinanwal mohallah khareed pur teh.p.d.khan distt jhelum</t>
  </si>
  <si>
    <t>GGPS BASTI BAKHSHA</t>
  </si>
  <si>
    <t>narol</t>
  </si>
  <si>
    <t>basti bakhsha narol jalalpur pirwala</t>
  </si>
  <si>
    <t>bakhsha</t>
  </si>
  <si>
    <t>Mehak Fatima</t>
  </si>
  <si>
    <t>GPS DHUDIAN WALA</t>
  </si>
  <si>
    <t>Haitho</t>
  </si>
  <si>
    <t>p/o dhudianwala</t>
  </si>
  <si>
    <t>Dhudianwala</t>
  </si>
  <si>
    <t>GES CHAK NO.135 NB</t>
  </si>
  <si>
    <t>135NB</t>
  </si>
  <si>
    <t>chak no.135 NB tehsil sillanwali district sargodha</t>
  </si>
  <si>
    <t>Muhammad Zafar ullah</t>
  </si>
  <si>
    <t>GGES MAL AWAN</t>
  </si>
  <si>
    <t>Mal Awan</t>
  </si>
  <si>
    <t>Village &amp; P/O Mal Awan ,Teh Gujar Khan</t>
  </si>
  <si>
    <t>Aneela Siddique</t>
  </si>
  <si>
    <t>GGPS MADINA COLONY</t>
  </si>
  <si>
    <t>Madina Coloy</t>
  </si>
  <si>
    <t>madina colony haroonabad</t>
  </si>
  <si>
    <t>Naseem Atta</t>
  </si>
  <si>
    <t>GGPS POKHAR PUR</t>
  </si>
  <si>
    <t>Phoker Pur</t>
  </si>
  <si>
    <t>p.o kot ladha village phoker pur teh noshere virkan distt Gujranwala</t>
  </si>
  <si>
    <t>GGPS BASTI SADIN SAIN</t>
  </si>
  <si>
    <t>Basti Sydn</t>
  </si>
  <si>
    <t>bsti sadin sain</t>
  </si>
  <si>
    <t>Farkhanda Zahara</t>
  </si>
  <si>
    <t>GPS MC MODEL KAMALIA</t>
  </si>
  <si>
    <t>mohallah paghlawala kamalia</t>
  </si>
  <si>
    <t>GPS TAKAY WALA</t>
  </si>
  <si>
    <t>POST OFFICE MANKERA MAUZA DAGGAR KOTLI VILLAGE TAKAY WALA MANKERA</t>
  </si>
  <si>
    <t>Takay Wala</t>
  </si>
  <si>
    <t>Ch Sarwar Attique</t>
  </si>
  <si>
    <t>GMPS PANJGRAN KHURD</t>
  </si>
  <si>
    <t>Punjgran Khurd</t>
  </si>
  <si>
    <t>vpo punjgran Khurd,tehsil gujar khan,Distt. Rwp</t>
  </si>
  <si>
    <t>Shafqat Un Nisa</t>
  </si>
  <si>
    <t>125123</t>
  </si>
  <si>
    <t>37976</t>
  </si>
  <si>
    <t>GPS PARINCEP ABAD</t>
  </si>
  <si>
    <t>Principabad</t>
  </si>
  <si>
    <t>principabad post office chak bedi pakpattan</t>
  </si>
  <si>
    <t>GPS CHAK NO.86/F</t>
  </si>
  <si>
    <t>Village 86/F</t>
  </si>
  <si>
    <t>village 86/F near mosque</t>
  </si>
  <si>
    <t>86/F</t>
  </si>
  <si>
    <t>MARIA ABBAS</t>
  </si>
  <si>
    <t>23935</t>
  </si>
  <si>
    <t>beharipur</t>
  </si>
  <si>
    <t>beharipur daska</t>
  </si>
  <si>
    <t>GGPS RORAY WALA NO.1 SHUJABAD</t>
  </si>
  <si>
    <t>Chah Roray Wala Moza Kotli NIJABAT Vpo Kotli Nijabat Tehsil Shujabad DISTRICT Multan</t>
  </si>
  <si>
    <t>Roray Wala</t>
  </si>
  <si>
    <t>SAJIDA FIRDOUS</t>
  </si>
  <si>
    <t>GPS FATEH ULLAH</t>
  </si>
  <si>
    <t>Fatehullah</t>
  </si>
  <si>
    <t>village fatehullah po  burhant</t>
  </si>
  <si>
    <t>Israr Ahmed</t>
  </si>
  <si>
    <t>GMPS BOHLRI WALA</t>
  </si>
  <si>
    <t>Bohlriwala</t>
  </si>
  <si>
    <t>GMPS Bohlriwala</t>
  </si>
  <si>
    <t>Rakhsahiwal</t>
  </si>
  <si>
    <t>ggps kotha</t>
  </si>
  <si>
    <t>Muzammil Saba</t>
  </si>
  <si>
    <t>40183</t>
  </si>
  <si>
    <t>GPS MATIAL</t>
  </si>
  <si>
    <t>matyal</t>
  </si>
  <si>
    <t>bokan</t>
  </si>
  <si>
    <t>GGES MIRAN PUR</t>
  </si>
  <si>
    <t>Miran pur</t>
  </si>
  <si>
    <t>MIRAN PUR  TAHSIL ROJHAN DISTRICT RAJANPUR</t>
  </si>
  <si>
    <t>MIRAN</t>
  </si>
  <si>
    <t>Nageen Sana</t>
  </si>
  <si>
    <t>38306</t>
  </si>
  <si>
    <t>ameer e millat chowk kahror pacca</t>
  </si>
  <si>
    <t>mohalla faizabad kahror pacca</t>
  </si>
  <si>
    <t>sumera taqdis</t>
  </si>
  <si>
    <t>19084</t>
  </si>
  <si>
    <t>GGES CHAK 771 GB I</t>
  </si>
  <si>
    <t>Chak No771 GB</t>
  </si>
  <si>
    <t>Chak No.771 GB,Tehsil Pirmahal,Distt.T.T.Singh</t>
  </si>
  <si>
    <t>Joosa</t>
  </si>
  <si>
    <t>NAKE PERVEEN</t>
  </si>
  <si>
    <t>GGPS JUNGLE BHERA NO.1 BAHAWAL PUR ROAD MULTAN</t>
  </si>
  <si>
    <t>Karimabad</t>
  </si>
  <si>
    <t>basti karimabad</t>
  </si>
  <si>
    <t>GES CHAK NO. 55</t>
  </si>
  <si>
    <t>chak no 55 kot radha kishan kasur</t>
  </si>
  <si>
    <t>TAHIR HUSSAIN NAZ</t>
  </si>
  <si>
    <t>GGES BURJ KALAN</t>
  </si>
  <si>
    <t>Sanda Chishtana</t>
  </si>
  <si>
    <t>Nadra Perveen</t>
  </si>
  <si>
    <t>GPS 144/P.B</t>
  </si>
  <si>
    <t>144/PB</t>
  </si>
  <si>
    <t>Gps144/P.B P.O. Bangla Manthar Tehsil and District Rahim Yar Khan</t>
  </si>
  <si>
    <t>37784</t>
  </si>
  <si>
    <t>GPS 135/10-R QADEEM, JAHANIAN</t>
  </si>
  <si>
    <t>Chak#135/10r jahanian</t>
  </si>
  <si>
    <t>135/10r</t>
  </si>
  <si>
    <t>THATTA SADIQABAD</t>
  </si>
  <si>
    <t>M Tahir</t>
  </si>
  <si>
    <t>34502</t>
  </si>
  <si>
    <t>GGPS ALLAH YAR PUR JARH MULTAN</t>
  </si>
  <si>
    <t>basti bair wala</t>
  </si>
  <si>
    <t>Rashida Aslam</t>
  </si>
  <si>
    <t>GES ISMAEL PUR</t>
  </si>
  <si>
    <t>GES ISMAIL PUR p/o Hatheji</t>
  </si>
  <si>
    <t>Aamir Shahzad Sial</t>
  </si>
  <si>
    <t>GGMES NOOR PURA NO 1</t>
  </si>
  <si>
    <t>ATHAR SINGH SANI</t>
  </si>
  <si>
    <t>JALL WALA ROAD NOOR PURA KAMBHOO BAHAWALNAGAR</t>
  </si>
  <si>
    <t>NOOR PURA</t>
  </si>
  <si>
    <t>KOT FATHE MUHAMMAD SHAH</t>
  </si>
  <si>
    <t>GGES CHAK SHER MUHAMMAD</t>
  </si>
  <si>
    <t>Chak Sher Muhammad</t>
  </si>
  <si>
    <t>madiha ashraf</t>
  </si>
  <si>
    <t>13241</t>
  </si>
  <si>
    <t>lakha p/o  luddan teh &amp;distt vehari</t>
  </si>
  <si>
    <t>GPS MOHAMMAD SHARIF WALI</t>
  </si>
  <si>
    <t>PO Mohammed Sharif wali Tehsil and District Mianwali</t>
  </si>
  <si>
    <t>Mohammed Sharif Wali</t>
  </si>
  <si>
    <t>Shoaib Hussain Shah</t>
  </si>
  <si>
    <t>GGPS CHAK NO. 19/1-AL</t>
  </si>
  <si>
    <t>19/1AL</t>
  </si>
  <si>
    <t>Chak No. 19/1.A.L P.O Akhtarabad Tehsil Renela Khurd</t>
  </si>
  <si>
    <t>Rozina Sultan</t>
  </si>
  <si>
    <t>49831</t>
  </si>
  <si>
    <t>GGPS CHAK NO.135 SB DERA BHATIAN</t>
  </si>
  <si>
    <t>135sb</t>
  </si>
  <si>
    <t>ggps 135 S.B Dera Bhattian</t>
  </si>
  <si>
    <t>135sb dera bhattian</t>
  </si>
  <si>
    <t>GGPS DHOK JHAKAR QAZI</t>
  </si>
  <si>
    <t>Dhok jhakar qazi</t>
  </si>
  <si>
    <t>ghulam fatima</t>
  </si>
  <si>
    <t>GPS UMER TAJPURA KHUSHAB</t>
  </si>
  <si>
    <t>Mohallah sakhi sayed maroof shah khushab</t>
  </si>
  <si>
    <t>Urban Khushab</t>
  </si>
  <si>
    <t>GGPS AFZAL ABAD caha toot Wala DDP</t>
  </si>
  <si>
    <t>Tibba  Mustakil Sharki</t>
  </si>
  <si>
    <t>Tibba Mustakil Sharki</t>
  </si>
  <si>
    <t>GPS DERA GONDLAN</t>
  </si>
  <si>
    <t>Dera gondalan melowal</t>
  </si>
  <si>
    <t>Dera Gondalan</t>
  </si>
  <si>
    <t>GGES PATTOKI KOHNA</t>
  </si>
  <si>
    <t>Pattoki Kohna</t>
  </si>
  <si>
    <t>Govt girls E/S pattoki kohna</t>
  </si>
  <si>
    <t>Burjh Mahalam</t>
  </si>
  <si>
    <t>GGPS ISMAIL PUR</t>
  </si>
  <si>
    <t>ismail pur</t>
  </si>
  <si>
    <t>Riffat Faza</t>
  </si>
  <si>
    <t>39076</t>
  </si>
  <si>
    <t>GGPS FATEH JANG NO.1</t>
  </si>
  <si>
    <t>gov girls primary school no 1 fj</t>
  </si>
  <si>
    <t>MC Fateh Jang</t>
  </si>
  <si>
    <t>batool begum</t>
  </si>
  <si>
    <t>GMPS KOT ABDULLAH</t>
  </si>
  <si>
    <t>kot abdullah sadha hathar chunian kasur</t>
  </si>
  <si>
    <t>Faiza Kiran</t>
  </si>
  <si>
    <t>GGPS TIBBI INAYAT SHAH</t>
  </si>
  <si>
    <t>Tibbi Inyat Shah</t>
  </si>
  <si>
    <t>Tibbi inyat shah</t>
  </si>
  <si>
    <t>Ejaz Anjum</t>
  </si>
  <si>
    <t>GGMPS WARNALI</t>
  </si>
  <si>
    <t>Warnali</t>
  </si>
  <si>
    <t>warnali</t>
  </si>
  <si>
    <t>Fareeha Khanum</t>
  </si>
  <si>
    <t>GES BADSHAH PUR</t>
  </si>
  <si>
    <t>Badshahpur ,Tehsil Malakwal, District: Mandi Baha din</t>
  </si>
  <si>
    <t>GGPS MAIN MAIR</t>
  </si>
  <si>
    <t>Mian Mair</t>
  </si>
  <si>
    <t>VPO MIAN MAIR TEHSIL AND DISTRICT CHAKWL</t>
  </si>
  <si>
    <t>GPS DERA NOORAY KHAIL SHIMAR</t>
  </si>
  <si>
    <t>Gunjial Jnubi</t>
  </si>
  <si>
    <t>Shemar QBD khushab</t>
  </si>
  <si>
    <t>Shemar Qaid</t>
  </si>
  <si>
    <t>GPS CHAK 367 JB II JALIAN WALA</t>
  </si>
  <si>
    <t>Jalyanwala</t>
  </si>
  <si>
    <t>Govt Primary School 367jb second</t>
  </si>
  <si>
    <t>367jb</t>
  </si>
  <si>
    <t>Tanveer Alam</t>
  </si>
  <si>
    <t>GPS CHICHAWATNI VILLAGE-2</t>
  </si>
  <si>
    <t>Tibba noor pur</t>
  </si>
  <si>
    <t>GPS LEEL VIRKAN</t>
  </si>
  <si>
    <t>leel virkan</t>
  </si>
  <si>
    <t>p/0 leel teh noshera virkan distt gujranwala</t>
  </si>
  <si>
    <t>leel</t>
  </si>
  <si>
    <t>GPS BUCHER NARANG SHARQI</t>
  </si>
  <si>
    <t>Bhucher</t>
  </si>
  <si>
    <t>GPS bucher narang sharqi</t>
  </si>
  <si>
    <t>Nangal Bhucher</t>
  </si>
  <si>
    <t>Nisar Ahmed Abid</t>
  </si>
  <si>
    <t>GGPS CHAK NO 179/7-R</t>
  </si>
  <si>
    <t>179/7r</t>
  </si>
  <si>
    <t>Chak no. 179/7R Tehsil. Fort Abbas. Distt. Bahawalnagar</t>
  </si>
  <si>
    <t>179/7R</t>
  </si>
  <si>
    <t>FAKHRA PERVEEN</t>
  </si>
  <si>
    <t>GGPS BASTI LAR</t>
  </si>
  <si>
    <t>Govt Girls Primary School Basti Lar</t>
  </si>
  <si>
    <t>Ghalwa 2</t>
  </si>
  <si>
    <t>Kishwar Ghaffar</t>
  </si>
  <si>
    <t>GPS MC HUSSAIN ABAD</t>
  </si>
  <si>
    <t>Nai Abadi Moh Kamangran Chiniot</t>
  </si>
  <si>
    <t>GGPS RAKH KIRAN WALI</t>
  </si>
  <si>
    <t>Rakh Kiranwali</t>
  </si>
  <si>
    <t>rakh kiranwali more eminabad</t>
  </si>
  <si>
    <t>GMPS BANGLA JEVAN SHAH</t>
  </si>
  <si>
    <t>chak Bangla Jewan Shah p.o same tehsil arifwala district pakpattan</t>
  </si>
  <si>
    <t>Bangla Jewan Shah</t>
  </si>
  <si>
    <t>GES TATAR WALA</t>
  </si>
  <si>
    <t>chah shair wala post office jampur tehseel jampur distt. rajanpur</t>
  </si>
  <si>
    <t>Chah Shair Wala</t>
  </si>
  <si>
    <t>Haji Muhammad Hayyat</t>
  </si>
  <si>
    <t>39675</t>
  </si>
  <si>
    <t>GGPS BASTI BOHAR</t>
  </si>
  <si>
    <t>GGES GHANGWAL</t>
  </si>
  <si>
    <t>Shaista Hassan</t>
  </si>
  <si>
    <t>GPS THATHI BAKHSH SHAH</t>
  </si>
  <si>
    <t>Thathi Bakhsh Shah</t>
  </si>
  <si>
    <t>27565</t>
  </si>
  <si>
    <t>GGPS KHABIAN WALA, TULAMBA</t>
  </si>
  <si>
    <t>Ari Wala</t>
  </si>
  <si>
    <t>khabian wala</t>
  </si>
  <si>
    <t>Khabian Wala</t>
  </si>
  <si>
    <t>Aisha Samreen</t>
  </si>
  <si>
    <t>GGPS ADDA CHUTIANA</t>
  </si>
  <si>
    <t>316 GB azafi abadi</t>
  </si>
  <si>
    <t>ggps adda chutiana chak # 316 gb  azafi abadi teh. and distt. T.T.S</t>
  </si>
  <si>
    <t>316 Gb azafi abadi</t>
  </si>
  <si>
    <t>316 Gb</t>
  </si>
  <si>
    <t>Rida Hamid</t>
  </si>
  <si>
    <t>GGPS MOJOKE</t>
  </si>
  <si>
    <t>Mojoke</t>
  </si>
  <si>
    <t>Mojoka dharap</t>
  </si>
  <si>
    <t>Dongia</t>
  </si>
  <si>
    <t>Syeda Iffat Batool</t>
  </si>
  <si>
    <t>41805</t>
  </si>
  <si>
    <t>GMPS JHANDU SYEDAN</t>
  </si>
  <si>
    <t>Jhandu Syedan</t>
  </si>
  <si>
    <t>Post office and village Jhandu Syedan Teh and District rawalpindi</t>
  </si>
  <si>
    <t>GPS ABDAL</t>
  </si>
  <si>
    <t>vpo abdal Teh.bhalwal distt.sargodha</t>
  </si>
  <si>
    <t>GPS QADAR BUKSH WALA</t>
  </si>
  <si>
    <t>Ghreeb Abad nazd Kikri mor, khansar road Bhakkar</t>
  </si>
  <si>
    <t>Ghreeb Abad</t>
  </si>
  <si>
    <t>24911</t>
  </si>
  <si>
    <t>GPS SAIDO BEHLOL</t>
  </si>
  <si>
    <t>Saido Behlol</t>
  </si>
  <si>
    <t>post office gohadpur village saido behlol Sialkot</t>
  </si>
  <si>
    <t>GMPS ADDO SERWANI</t>
  </si>
  <si>
    <t>Aado Serwani</t>
  </si>
  <si>
    <t>village Aado serwani p/o pahrianwali</t>
  </si>
  <si>
    <t>3457</t>
  </si>
  <si>
    <t>47909</t>
  </si>
  <si>
    <t>GMPS OLKHAN WALA</t>
  </si>
  <si>
    <t>Chak No 2/ Ml</t>
  </si>
  <si>
    <t>olkhan wala west p/o chak no 2ml piplan mianwali</t>
  </si>
  <si>
    <t>Olkhan Wala</t>
  </si>
  <si>
    <t>Duaaba</t>
  </si>
  <si>
    <t>nawapind</t>
  </si>
  <si>
    <t>Farzanakousar</t>
  </si>
  <si>
    <t>GGPS SHEKHAN WALA</t>
  </si>
  <si>
    <t>Daryakhan Dogar</t>
  </si>
  <si>
    <t>Ggps mohallah sheikhanwalan daryakhan</t>
  </si>
  <si>
    <t>Daryakhan</t>
  </si>
  <si>
    <t>Daryakhan 1</t>
  </si>
  <si>
    <t>39806</t>
  </si>
  <si>
    <t>GPS CHUKRA</t>
  </si>
  <si>
    <t>Chukra</t>
  </si>
  <si>
    <t>Vill. chukra , tehsil Hassan Abdal, Dist. Attock</t>
  </si>
  <si>
    <t>GMPS SAHNAY WALI</t>
  </si>
  <si>
    <t>SAHNEYWALI</t>
  </si>
  <si>
    <t>Sumera iqbal</t>
  </si>
  <si>
    <t>GPS 54/1 TUKRA</t>
  </si>
  <si>
    <t>54/1 Tukra</t>
  </si>
  <si>
    <t>Chak no. 54/1 Tukra</t>
  </si>
  <si>
    <t>BADANA WEST</t>
  </si>
  <si>
    <t>Govt.Elementary school QAZI SAEED NO.02 TEHSIL HASILPUR</t>
  </si>
  <si>
    <t>MUHAMMAD TARIQ  ZIA</t>
  </si>
  <si>
    <t>GPS THATHA MAKHDOOM PUR P/O BASTI KANERA SHUJABAD</t>
  </si>
  <si>
    <t>Thatha Makhdoom Pur</t>
  </si>
  <si>
    <t>gps Thatha makhdoom pur basti kaneera Jalal Pur Khaki shujabad tehsil.</t>
  </si>
  <si>
    <t>Jalal Pur Khaki</t>
  </si>
  <si>
    <t>Muhammad Adeel</t>
  </si>
  <si>
    <t>GES BITTI</t>
  </si>
  <si>
    <t>P/o chak no 55 db, tehsil kalur kot dist. bhakkar</t>
  </si>
  <si>
    <t>Chak No 40 Ml</t>
  </si>
  <si>
    <t>GGPS CHAK NO. 201/M</t>
  </si>
  <si>
    <t>GGPS CHAK NO 201.M</t>
  </si>
  <si>
    <t>Chak 201/M</t>
  </si>
  <si>
    <t>Khalida Perveen Anjum</t>
  </si>
  <si>
    <t>30442</t>
  </si>
  <si>
    <t>GPS LUCK LINE LHR</t>
  </si>
  <si>
    <t>Cavalry Ground</t>
  </si>
  <si>
    <t>Govt. primary school luck line Lahore cantt</t>
  </si>
  <si>
    <t>Cavalry Ground Lhr</t>
  </si>
  <si>
    <t>WCB Ward 1</t>
  </si>
  <si>
    <t>GGCMES CHAK 358 GB</t>
  </si>
  <si>
    <t>358GB North</t>
  </si>
  <si>
    <t>GGCME school 358GB north</t>
  </si>
  <si>
    <t>361GB</t>
  </si>
  <si>
    <t>shumaila Saleem</t>
  </si>
  <si>
    <t>GPS CHAK 112 JB</t>
  </si>
  <si>
    <t>112/JB</t>
  </si>
  <si>
    <t>CHAk 112 JB Faisalabad</t>
  </si>
  <si>
    <t>112 JB</t>
  </si>
  <si>
    <t>Chak 113 Jb</t>
  </si>
  <si>
    <t>Sibt-i-Hasan</t>
  </si>
  <si>
    <t>25891</t>
  </si>
  <si>
    <t>GGMPS ADOKEY MAHIS</t>
  </si>
  <si>
    <t>Adokeymahis</t>
  </si>
  <si>
    <t>teh:narowal dist:narowal  p.o  badomahli  village adokey mahis</t>
  </si>
  <si>
    <t>Adokey Mahis</t>
  </si>
  <si>
    <t>Samera  Mustafa</t>
  </si>
  <si>
    <t>35859</t>
  </si>
  <si>
    <t>GGPS TOT KOT MILK</t>
  </si>
  <si>
    <t>Tot Kot</t>
  </si>
  <si>
    <t>tot kot p/o dokota</t>
  </si>
  <si>
    <t>1M Shumali</t>
  </si>
  <si>
    <t>Kulsoom Akhtar</t>
  </si>
  <si>
    <t>51463</t>
  </si>
  <si>
    <t>GPS KHAGGAY PO PAKPATTAN</t>
  </si>
  <si>
    <t>Chak Khaggay Moza Saddu Pipli Pakpattan</t>
  </si>
  <si>
    <t>Chak Khaggay</t>
  </si>
  <si>
    <t>GGPS CHAK NO.13 ASB</t>
  </si>
  <si>
    <t>QUDRAT ABAD - FEMALE</t>
  </si>
  <si>
    <t>CHAK NO 13ASB</t>
  </si>
  <si>
    <t>15SB</t>
  </si>
  <si>
    <t>Miss Hajra Asghar</t>
  </si>
  <si>
    <t>GGPS CHAK NO. 562/ TDA</t>
  </si>
  <si>
    <t>Chack#562/TDA</t>
  </si>
  <si>
    <t>chack#562/TDA</t>
  </si>
  <si>
    <t>GGES QILA NOHID SINGH</t>
  </si>
  <si>
    <t>Qila Nohid Singh</t>
  </si>
  <si>
    <t>GGES Qila Nohid Singh P.O Marali wala tehsil kamoke district    
Gujranwala</t>
  </si>
  <si>
    <t>Adoraiy</t>
  </si>
  <si>
    <t>Neelam Akram</t>
  </si>
  <si>
    <t>19785</t>
  </si>
  <si>
    <t>GMPS KHAIRA ABAD</t>
  </si>
  <si>
    <t>HiD</t>
  </si>
  <si>
    <t>basti khairabad moza hid tahsil bhowana</t>
  </si>
  <si>
    <t>Riffat Zulfiqar</t>
  </si>
  <si>
    <t>GGPS CHAK NO 52 MB</t>
  </si>
  <si>
    <t>52 MB</t>
  </si>
  <si>
    <t>Chak No 52 MB</t>
  </si>
  <si>
    <t>GGPS KUBBI WALA</t>
  </si>
  <si>
    <t>Not A Moza</t>
  </si>
  <si>
    <t>shahfaisal colony dgkhan</t>
  </si>
  <si>
    <t>Urban Union</t>
  </si>
  <si>
    <t>GGPS MAGSI WALA</t>
  </si>
  <si>
    <t>Dhengana</t>
  </si>
  <si>
    <t>GGPS Maggasi wala</t>
  </si>
  <si>
    <t>Maggasi Wala</t>
  </si>
  <si>
    <t>HASINA BIBI</t>
  </si>
  <si>
    <t>52181</t>
  </si>
  <si>
    <t>GGPS CHAK NO.167 EB</t>
  </si>
  <si>
    <t>Chak#167 Eb</t>
  </si>
  <si>
    <t>chak no 167 eb Tehsil Arifwala District pakpattan</t>
  </si>
  <si>
    <t>167/eb</t>
  </si>
  <si>
    <t>Khurshid Bygum</t>
  </si>
  <si>
    <t>GGPS KARARI WALA</t>
  </si>
  <si>
    <t>Karari Wala</t>
  </si>
  <si>
    <t>GGPS Karari Wala</t>
  </si>
  <si>
    <t>Karai Wala</t>
  </si>
  <si>
    <t>Shehla Khan</t>
  </si>
  <si>
    <t>GMPS CHAK NO 267 HR</t>
  </si>
  <si>
    <t>267HR</t>
  </si>
  <si>
    <t>GMPS 267HR</t>
  </si>
  <si>
    <t>264HR</t>
  </si>
  <si>
    <t>18657</t>
  </si>
  <si>
    <t>GPS CHAK 333 JB II</t>
  </si>
  <si>
    <t>333 JB Passianwala</t>
  </si>
  <si>
    <t>chak 333 j.b</t>
  </si>
  <si>
    <t>Tariq Mahmud</t>
  </si>
  <si>
    <t>30990</t>
  </si>
  <si>
    <t>GPS KAPOORI DAKKHANA, GARH MAHARAJA</t>
  </si>
  <si>
    <t>GPS Kapoori, Chah Sarang Wala, Mouza Kapoori, Tehsil Ahmad Pur Sial, Jhang</t>
  </si>
  <si>
    <t>GPS BUTTAY WALA</t>
  </si>
  <si>
    <t>Chanki  Jnobi</t>
  </si>
  <si>
    <t>Buttay Wala P/O Dhock  Angra Tehsil &amp;District  Khushab</t>
  </si>
  <si>
    <t>Buttey  Wala</t>
  </si>
  <si>
    <t>Malik Muhammad Khan</t>
  </si>
  <si>
    <t>GGPS TALAGANG ADC  COLONY</t>
  </si>
  <si>
    <t>GMPS ADC Colony talagang</t>
  </si>
  <si>
    <t>Nadia Iqbal</t>
  </si>
  <si>
    <t>GPS CHAK NO. 12 JB SAYDHAN</t>
  </si>
  <si>
    <t>CHAK NO 12 JB SAYDHANAN WALA,TEHSILE &amp; DISTRICT CHINIOT.</t>
  </si>
  <si>
    <t>SAYDHANAN WALA</t>
  </si>
  <si>
    <t>CHAK NO 13 Sarwala</t>
  </si>
  <si>
    <t>GGPS CHAK NO.58</t>
  </si>
  <si>
    <t>Chak 58</t>
  </si>
  <si>
    <t>chak 58Kot Radha Kishen Kasur</t>
  </si>
  <si>
    <t>Chak58</t>
  </si>
  <si>
    <t>Mobushra Rafiq</t>
  </si>
  <si>
    <t>GPS AHLI SPALI</t>
  </si>
  <si>
    <t>Ahali Spali</t>
  </si>
  <si>
    <t>Ahali Spali chabba purana Bhalwal</t>
  </si>
  <si>
    <t>Water coller</t>
  </si>
  <si>
    <t>mohra awan Teh. Sohawa District Jhelum</t>
  </si>
  <si>
    <t>waseem abbas</t>
  </si>
  <si>
    <t>29082</t>
  </si>
  <si>
    <t>GES SHEIKH BHAGOO</t>
  </si>
  <si>
    <t>Shaikh Bhago</t>
  </si>
  <si>
    <t>shaikh bhago</t>
  </si>
  <si>
    <t>GGPS NIGAH HUSSAIN CHAN</t>
  </si>
  <si>
    <t>ggps nigah hussain chan</t>
  </si>
  <si>
    <t>Shaheen Iqbal</t>
  </si>
  <si>
    <t>GGES CHAK 738 GB WEST</t>
  </si>
  <si>
    <t>chak 738gb west</t>
  </si>
  <si>
    <t>738gb West</t>
  </si>
  <si>
    <t>Jkhar</t>
  </si>
  <si>
    <t>Iqra Batool</t>
  </si>
  <si>
    <t>33563</t>
  </si>
  <si>
    <t>GGES THATHA ALIA</t>
  </si>
  <si>
    <t>P.O khas Village Thatha Alia Tehsil Phalia District M.B.DIN</t>
  </si>
  <si>
    <t>Tha Tha Alia</t>
  </si>
  <si>
    <t>Jokaliyan</t>
  </si>
  <si>
    <t>Naghza Khushbu</t>
  </si>
  <si>
    <t>42532</t>
  </si>
  <si>
    <t>GMPS CHAK BAHADUR</t>
  </si>
  <si>
    <t>Chakbhadur</t>
  </si>
  <si>
    <t>village Chakbhadur p/o daultala tehsil gujar Khan district Rawalpindi</t>
  </si>
  <si>
    <t>GGPS NANGAL</t>
  </si>
  <si>
    <t>Nangal</t>
  </si>
  <si>
    <t>Airport road Nangal</t>
  </si>
  <si>
    <t>Kapuro Wali</t>
  </si>
  <si>
    <t>Riffat Sherin</t>
  </si>
  <si>
    <t>GPS CHAK NO. 88/ML</t>
  </si>
  <si>
    <t>Chak No 88 Ml</t>
  </si>
  <si>
    <t>chak no 88ml</t>
  </si>
  <si>
    <t>88Ml</t>
  </si>
  <si>
    <t>90Ml</t>
  </si>
  <si>
    <t>Sibtain Shamas  Qureshi</t>
  </si>
  <si>
    <t>GGPS BALOCH WALA</t>
  </si>
  <si>
    <t>Warainwala</t>
  </si>
  <si>
    <t>Basti notak mouza warianwala tehseel jatoi,muzaffergarh</t>
  </si>
  <si>
    <t>Basti Notak</t>
  </si>
  <si>
    <t>GPS HAJI GHALWAN</t>
  </si>
  <si>
    <t>Aliwahan</t>
  </si>
  <si>
    <t>Basti Dado waly Near pul Sadeeqa Abad</t>
  </si>
  <si>
    <t>DADO WALI</t>
  </si>
  <si>
    <t>Adeel Moavia</t>
  </si>
  <si>
    <t>7889</t>
  </si>
  <si>
    <t>Chack Ladan</t>
  </si>
  <si>
    <t>p/o shadan Lund basti Hussain abad d.g.khan</t>
  </si>
  <si>
    <t>Khabbal</t>
  </si>
  <si>
    <t>Village Khabbal Awan</t>
  </si>
  <si>
    <t>Khabbal Awan</t>
  </si>
  <si>
    <t>Pind Mathy Khan</t>
  </si>
  <si>
    <t>Aisha irum</t>
  </si>
  <si>
    <t>GGPS SAHAN KHURD</t>
  </si>
  <si>
    <t>Sahan Khurd</t>
  </si>
  <si>
    <t>village sahan Khurd P.o Jaggal tehsil  kharian District Gujrat</t>
  </si>
  <si>
    <t>Sana Bobi</t>
  </si>
  <si>
    <t>GMPS JUNGLE KATORA</t>
  </si>
  <si>
    <t>Jungle Katora</t>
  </si>
  <si>
    <t>mouza jungle katora teh and dist jhang</t>
  </si>
  <si>
    <t>ume salma</t>
  </si>
  <si>
    <t>GGPS KOT BHATTIAN</t>
  </si>
  <si>
    <t>Kot bhattian</t>
  </si>
  <si>
    <t>govt girls primary school kot  bhattian</t>
  </si>
  <si>
    <t>Mubarika</t>
  </si>
  <si>
    <t>GPS CHAK 50/P</t>
  </si>
  <si>
    <t>50/p</t>
  </si>
  <si>
    <t>chak50/p P/O sunny pul Teh &amp;Dist Rahim Yar Khan</t>
  </si>
  <si>
    <t>34863</t>
  </si>
  <si>
    <t>GPS UMER PUR P/O JALALPUR PIRWALA</t>
  </si>
  <si>
    <t>Umer Pur</t>
  </si>
  <si>
    <t>Lar janubi road Basti Tibi Laang  Umer pur</t>
  </si>
  <si>
    <t>Tibi Lang</t>
  </si>
  <si>
    <t>Karmon Wali</t>
  </si>
  <si>
    <t>Amanullah Aqeel</t>
  </si>
  <si>
    <t>GGPS MIZAR MIAN LATTU SHARIF</t>
  </si>
  <si>
    <t>Sultan khel Ghrbi</t>
  </si>
  <si>
    <t>Wandha bainawala p. O. Makerwal teh esa khel mianwali</t>
  </si>
  <si>
    <t>FOUZIA ZAMAN</t>
  </si>
  <si>
    <t>18581</t>
  </si>
  <si>
    <t>GGES CHAK NO. 150/2-L</t>
  </si>
  <si>
    <t>Govt.Girls E/S 150/2.L Mian Wala Bangla Haroonabad</t>
  </si>
  <si>
    <t>Yasmeen Karrar</t>
  </si>
  <si>
    <t>GPS DERA JALKIAL</t>
  </si>
  <si>
    <t>Dera julkial post office Nalli distt khushab</t>
  </si>
  <si>
    <t>Dera Julkial</t>
  </si>
  <si>
    <t>GPS CHAK NO. 171/7-R SOUTH</t>
  </si>
  <si>
    <t>171/7R S</t>
  </si>
  <si>
    <t>CHAK NO  171/7R S</t>
  </si>
  <si>
    <t>GPS CHAK 772 GB PANJUANA</t>
  </si>
  <si>
    <t>chak 772 GB Panjuana</t>
  </si>
  <si>
    <t>Chak 772 GB</t>
  </si>
  <si>
    <t>Mouza Jusa</t>
  </si>
  <si>
    <t>khuda bakhsh</t>
  </si>
  <si>
    <t>GPS CHAK NO. 84 / D</t>
  </si>
  <si>
    <t>chak no. 84/D</t>
  </si>
  <si>
    <t>84/D</t>
  </si>
  <si>
    <t>muhammad wasim hashim</t>
  </si>
  <si>
    <t>GPS WANAN WALA</t>
  </si>
  <si>
    <t>Wana Wala</t>
  </si>
  <si>
    <t>Chak Wanan Wala okara</t>
  </si>
  <si>
    <t>Wanan Wala</t>
  </si>
  <si>
    <t>GGES HARIA WALA</t>
  </si>
  <si>
    <t>Harriawala</t>
  </si>
  <si>
    <t>Harriawala gujrat</t>
  </si>
  <si>
    <t>Sumeera Yaqub</t>
  </si>
  <si>
    <t>GGPS 263 WB</t>
  </si>
  <si>
    <t>Chak no263/WB</t>
  </si>
  <si>
    <t>GGES TAJA BARA</t>
  </si>
  <si>
    <t>Taja bara</t>
  </si>
  <si>
    <t>village taja bara tehsil fateh jang</t>
  </si>
  <si>
    <t>Shahrai Sadullah</t>
  </si>
  <si>
    <t>Sobia Rehman</t>
  </si>
  <si>
    <t>GMPS CHAK NO. 30</t>
  </si>
  <si>
    <t>Chak 30</t>
  </si>
  <si>
    <t>chak 30,malikwal,M.B.Din</t>
  </si>
  <si>
    <t>Wariyat</t>
  </si>
  <si>
    <t>HAFSA RUBA</t>
  </si>
  <si>
    <t>GPS CHAK GUJRAN KALAN</t>
  </si>
  <si>
    <t>Chak Gujran Kalan</t>
  </si>
  <si>
    <t>chak gujran kalan</t>
  </si>
  <si>
    <t>Mubeen Afzal</t>
  </si>
  <si>
    <t>GGPS CHAH HASSA</t>
  </si>
  <si>
    <t>GGPS chah Hassa</t>
  </si>
  <si>
    <t>Chah Hassa</t>
  </si>
  <si>
    <t>GPS AMF KAMRA</t>
  </si>
  <si>
    <t>Near AMF bakery kamra cantt</t>
  </si>
  <si>
    <t>Saqlain Abbas</t>
  </si>
  <si>
    <t>GGPS CHAK NO.13 NB LOKRI</t>
  </si>
  <si>
    <t>13 Chak</t>
  </si>
  <si>
    <t>ggps chak 13 nb wapda lokri</t>
  </si>
  <si>
    <t>13 Chak Lokri</t>
  </si>
  <si>
    <t>13NB</t>
  </si>
  <si>
    <t>Mamoona Nawaz</t>
  </si>
  <si>
    <t>17142</t>
  </si>
  <si>
    <t>19539</t>
  </si>
  <si>
    <t>GGES CHAK 358 GB SOUTH</t>
  </si>
  <si>
    <t>Chak No 358 Gb South</t>
  </si>
  <si>
    <t>chak no 358 gb south</t>
  </si>
  <si>
    <t>358 GB Ganjoo</t>
  </si>
  <si>
    <t>Nazia Tufail</t>
  </si>
  <si>
    <t>GMPS KOT GHULAM RASOOL</t>
  </si>
  <si>
    <t>Choghta Arain</t>
  </si>
  <si>
    <t>Kat Ghulam Rasool, Tehsil &amp; distt. Bahawal Nagar</t>
  </si>
  <si>
    <t>Kat Ghulam Rasool</t>
  </si>
  <si>
    <t>Raana Zahoor</t>
  </si>
  <si>
    <t>brought from nearby</t>
  </si>
  <si>
    <t>29831</t>
  </si>
  <si>
    <t>GGCMS JHAIDOO CHAK NO. 36</t>
  </si>
  <si>
    <t>jhedu ch36</t>
  </si>
  <si>
    <t>Jhedu Ch36</t>
  </si>
  <si>
    <t>Awan Ch39</t>
  </si>
  <si>
    <t>Farihazahra</t>
  </si>
  <si>
    <t>GGPS HANIF WALA</t>
  </si>
  <si>
    <t>Kot Khan Muhammad</t>
  </si>
  <si>
    <t>21919</t>
  </si>
  <si>
    <t>GOVT girls primary school gobind pura</t>
  </si>
  <si>
    <t>Matto Bhaike</t>
  </si>
  <si>
    <t>Afsana Rani</t>
  </si>
  <si>
    <t>40785</t>
  </si>
  <si>
    <t>GGPS GAIGI PHAKHRAL</t>
  </si>
  <si>
    <t>Gagi Pakhral</t>
  </si>
  <si>
    <t>gagi pakhral p o sugial tehsil sohawa district jhelum</t>
  </si>
  <si>
    <t>Phulray Seydan</t>
  </si>
  <si>
    <t>GGPS CHAK NO. 288 TDA</t>
  </si>
  <si>
    <t>Sumra thal kalan</t>
  </si>
  <si>
    <t>Chak no. 288 TDA</t>
  </si>
  <si>
    <t>47948</t>
  </si>
  <si>
    <t>GMPS GHABAY WALA</t>
  </si>
  <si>
    <t>ghabey wala p.o dubb teh piplan distt mwi</t>
  </si>
  <si>
    <t>Ghabey Wala</t>
  </si>
  <si>
    <t>Ulfat Bari</t>
  </si>
  <si>
    <t>GPS KOTLA BAQIR SHAH</t>
  </si>
  <si>
    <t>basti sadat moza kottla baqir shah p/o hatheji thsel Ahmad pur</t>
  </si>
  <si>
    <t>Sadat</t>
  </si>
  <si>
    <t>Hafiz Muhammad Afzal</t>
  </si>
  <si>
    <t>GGPS JANI SHAH</t>
  </si>
  <si>
    <t>JANI SHAH</t>
  </si>
  <si>
    <t>chiniot</t>
  </si>
  <si>
    <t>Sajida Atta</t>
  </si>
  <si>
    <t>GMPS KOT TALIB</t>
  </si>
  <si>
    <t>Gov't model primary school Kot talib markaz Ahmad Nagar Tehsil Lallian District Chiniot</t>
  </si>
  <si>
    <t>Kot Talib</t>
  </si>
  <si>
    <t>Hasat Kheiwa</t>
  </si>
  <si>
    <t>Shubnam Akram</t>
  </si>
  <si>
    <t>14174</t>
  </si>
  <si>
    <t>GPS CHAK NO. 615 TDA</t>
  </si>
  <si>
    <t>Pati Sultan Mehmood</t>
  </si>
  <si>
    <t>chak no 615/tda maoza pati sultan mehmood zulfikarabad sultan colony</t>
  </si>
  <si>
    <t>Chak No 615/tda</t>
  </si>
  <si>
    <t>Zulfikarabad</t>
  </si>
  <si>
    <t>Ghulam Mursalin</t>
  </si>
  <si>
    <t>GGES MOHALLA MOHAJREEN</t>
  </si>
  <si>
    <t>Darya Khan Dagar</t>
  </si>
  <si>
    <t>GG ES moh mahajreen darya khan, main city</t>
  </si>
  <si>
    <t>Nyla Kalsoom</t>
  </si>
  <si>
    <t>GMPS VAVNA WALA SHUMALI</t>
  </si>
  <si>
    <t>Nasir Wala</t>
  </si>
  <si>
    <t>GMPS wavna wala shumali</t>
  </si>
  <si>
    <t>Wavna wala Shumali</t>
  </si>
  <si>
    <t>Allowali</t>
  </si>
  <si>
    <t>GPS TIBBA MASOOD PUR P/O ISMAILABAD</t>
  </si>
  <si>
    <t>tibba masood pur shar shah road multan</t>
  </si>
  <si>
    <t>GPS 92/9-L ZARAI FARM</t>
  </si>
  <si>
    <t>92/9l</t>
  </si>
  <si>
    <t>chak no.92/9L Zarati Farm</t>
  </si>
  <si>
    <t>92/9L Zarati Farm</t>
  </si>
  <si>
    <t>GGPS PIND SULEMAN MAKHAN</t>
  </si>
  <si>
    <t>Pind Suleiman Makhan</t>
  </si>
  <si>
    <t>v.p.o pind Suleiman makhan  kamra</t>
  </si>
  <si>
    <t>GPS CHAK NO 497 JB</t>
  </si>
  <si>
    <t>Chak No497</t>
  </si>
  <si>
    <t>chak  497 Teh Shorkot(Jhang)</t>
  </si>
  <si>
    <t>Hafiz Akhtar Abbas</t>
  </si>
  <si>
    <t>31979</t>
  </si>
  <si>
    <t>GGES CHAK SHAHPUR</t>
  </si>
  <si>
    <t>CHAK SHAHPUR</t>
  </si>
  <si>
    <t>Syeda Mussrat Jabeen</t>
  </si>
  <si>
    <t>GGPS TAHLI WALA SHUJABAD</t>
  </si>
  <si>
    <t>chah basi wala Mozza ganwen tehsil shujabad district multan</t>
  </si>
  <si>
    <t>GPS CHAK NO 46 TDA</t>
  </si>
  <si>
    <t>46 TDA</t>
  </si>
  <si>
    <t>Chak no 46 TDA</t>
  </si>
  <si>
    <t>45 TDA</t>
  </si>
  <si>
    <t>GGES KOTLA SARANG KHAN</t>
  </si>
  <si>
    <t>kotla sarang khan</t>
  </si>
  <si>
    <t>Kotla sarang khan</t>
  </si>
  <si>
    <t>Chakori shair ghazi</t>
  </si>
  <si>
    <t>Syeda Fozia Munawar Bukhari</t>
  </si>
  <si>
    <t>41884</t>
  </si>
  <si>
    <t>GGES NAVEEDA</t>
  </si>
  <si>
    <t>Tench Bhata</t>
  </si>
  <si>
    <t>st 27 allama iqbal colony  rawalpindu</t>
  </si>
  <si>
    <t>sumaira Naqvi</t>
  </si>
  <si>
    <t>GGPS ARIF BALOOCH</t>
  </si>
  <si>
    <t>Arif Balouch</t>
  </si>
  <si>
    <t>Post office feroza muza arif balouch</t>
  </si>
  <si>
    <t>GGCMES UMEED GARH ABDUL HAKIM</t>
  </si>
  <si>
    <t>gcmm school umeed garh</t>
  </si>
  <si>
    <t>30430</t>
  </si>
  <si>
    <t>45103</t>
  </si>
  <si>
    <t>GPS DERA ZAMAN JARR</t>
  </si>
  <si>
    <t>dera zaman jar P/O shaheedan shumali kalur kot bhakkar</t>
  </si>
  <si>
    <t>Dera Zaman Jar</t>
  </si>
  <si>
    <t>45953</t>
  </si>
  <si>
    <t>GGPS CHAK NO 46 MB</t>
  </si>
  <si>
    <t>46MB</t>
  </si>
  <si>
    <t>50MB</t>
  </si>
  <si>
    <t>Shahnaz Umer</t>
  </si>
  <si>
    <t>GES 133/16-L, MIAN CHANNU</t>
  </si>
  <si>
    <t>133/16-L</t>
  </si>
  <si>
    <t>Chak 133/16-L Main Channu</t>
  </si>
  <si>
    <t>asif eranst gill</t>
  </si>
  <si>
    <t>GGPS BHARION WALA EAST MIANWALI</t>
  </si>
  <si>
    <t>GGPS ZUBAIR ABAD</t>
  </si>
  <si>
    <t>ggps zubair abad basti shah wala m.garh</t>
  </si>
  <si>
    <t>basti shah wala</t>
  </si>
  <si>
    <t>mahreen khan</t>
  </si>
  <si>
    <t>18595</t>
  </si>
  <si>
    <t>GPS CHAK 241 GB NORTH BEHRAM</t>
  </si>
  <si>
    <t>Chak No 241 Gb Behram</t>
  </si>
  <si>
    <t>chak no 241 GB North Behram, Tehsil Gojra, District Toba Tek Singh</t>
  </si>
  <si>
    <t>Chak 241GB North</t>
  </si>
  <si>
    <t>Chak No178 GB Kogha</t>
  </si>
  <si>
    <t>RAFAQAT AHMAD</t>
  </si>
  <si>
    <t>GES CHAK 770 GB</t>
  </si>
  <si>
    <t>770gb</t>
  </si>
  <si>
    <t>chak no 770 GB p/o arooti teh.pirmahal t.t.sing</t>
  </si>
  <si>
    <t>694/36</t>
  </si>
  <si>
    <t>37182</t>
  </si>
  <si>
    <t>GPS 166/10-R KHANEWAL</t>
  </si>
  <si>
    <t>Chak 166/10R</t>
  </si>
  <si>
    <t>34651</t>
  </si>
  <si>
    <t>GGPS BIBI WALA</t>
  </si>
  <si>
    <t>GPS CHAK NO 183</t>
  </si>
  <si>
    <t>Chak No 183/p</t>
  </si>
  <si>
    <t>Chak No. 183/p P/O Bangla manthar Tehsil Sadiqabad District Rahim yar Khan</t>
  </si>
  <si>
    <t>Chak No 183/P</t>
  </si>
  <si>
    <t>Chak NO 160/p</t>
  </si>
  <si>
    <t>GPS DIN PUR CHAK NO.164/TDA</t>
  </si>
  <si>
    <t>CHAK   NO  164A</t>
  </si>
  <si>
    <t>Gps Din pur 164 TDa</t>
  </si>
  <si>
    <t>Basti  Din pur 164a</t>
  </si>
  <si>
    <t>164A TDA</t>
  </si>
  <si>
    <t>GPS CHAH KORAY WALA</t>
  </si>
  <si>
    <t>Wahi Sawaya</t>
  </si>
  <si>
    <t>GGPS MUSLIM COLONY HAROONABAD</t>
  </si>
  <si>
    <t>G.G.P.S Muslim Colony Haroonabad, District Bahawalnagar</t>
  </si>
  <si>
    <t>Town Comittee</t>
  </si>
  <si>
    <t>Zubaida Abbas</t>
  </si>
  <si>
    <t>43321</t>
  </si>
  <si>
    <t>GPS JABBI</t>
  </si>
  <si>
    <t>VPO Jabbi Tehsil and District Chakwal</t>
  </si>
  <si>
    <t>GPS CHAK 183 GB I MIAN KOT</t>
  </si>
  <si>
    <t>Govt Primary School 183 GB miankot tehsil and district Toba Tek Singh.</t>
  </si>
  <si>
    <t>Rehan Ahmad</t>
  </si>
  <si>
    <t>8812</t>
  </si>
  <si>
    <t>GES DAFTOOH</t>
  </si>
  <si>
    <t>Daftooh teh &amp;distt kasur</t>
  </si>
  <si>
    <t>GGPS ALI ABAD</t>
  </si>
  <si>
    <t>Aliabad post office jassar</t>
  </si>
  <si>
    <t>GMPS AHATA ALI MUHAMMAD</t>
  </si>
  <si>
    <t>Bah a dark a east</t>
  </si>
  <si>
    <t>government mpsahataAli Muhammad</t>
  </si>
  <si>
    <t>Me harsh ah</t>
  </si>
  <si>
    <t>tobaqalandarshah</t>
  </si>
  <si>
    <t>Saima Zahid</t>
  </si>
  <si>
    <t>GPS BINDIAN WALA</t>
  </si>
  <si>
    <t>Saad  Wala</t>
  </si>
  <si>
    <t>gps bindianwala p/o goharwala tehsil mankera district bhakkar</t>
  </si>
  <si>
    <t>Bindian Wala</t>
  </si>
  <si>
    <t>GES MADD GAMAN</t>
  </si>
  <si>
    <t>MADD GAMAN</t>
  </si>
  <si>
    <t>GOVT. E/S MADD GAMAN RAHIM YAR KHAN</t>
  </si>
  <si>
    <t>CHAK  100 - P</t>
  </si>
  <si>
    <t>MUHAMMAD TAHIR JAMIL</t>
  </si>
  <si>
    <t>GGPS MAROZA</t>
  </si>
  <si>
    <t>Moonda</t>
  </si>
  <si>
    <t>riffat perveen</t>
  </si>
  <si>
    <t>GGPS CHAK NO.73 TDA</t>
  </si>
  <si>
    <t>73TDA</t>
  </si>
  <si>
    <t>chak#73TDA teh&amp;distt bhakkar</t>
  </si>
  <si>
    <t>60-61ML</t>
  </si>
  <si>
    <t>Iqra Ghyas Bajva</t>
  </si>
  <si>
    <t>GMPS GURBAL</t>
  </si>
  <si>
    <t>Gurbal</t>
  </si>
  <si>
    <t>GMPS Gurbal</t>
  </si>
  <si>
    <t>GPS CHAK NO. 150 TDA</t>
  </si>
  <si>
    <t>Chak 150</t>
  </si>
  <si>
    <t>Wazifi</t>
  </si>
  <si>
    <t>Jamanshah</t>
  </si>
  <si>
    <t>GGPS KABARI</t>
  </si>
  <si>
    <t>ggps khabari</t>
  </si>
  <si>
    <t>Kabari</t>
  </si>
  <si>
    <t>Muzaffar Pur Janubi 1</t>
  </si>
  <si>
    <t>Zarina Khatoon</t>
  </si>
  <si>
    <t>GGPS 39 KB</t>
  </si>
  <si>
    <t>39/kb</t>
  </si>
  <si>
    <t>chak no.39KB burewlala</t>
  </si>
  <si>
    <t>Chak No 39 Kb</t>
  </si>
  <si>
    <t>Fatima tariq</t>
  </si>
  <si>
    <t>GPS QASBA SALIS</t>
  </si>
  <si>
    <t>GPS QASBA SALIS CHAH HAMEED WALA</t>
  </si>
  <si>
    <t>Chadher</t>
  </si>
  <si>
    <t>Muhammad Adnan Akhtar</t>
  </si>
  <si>
    <t>27389</t>
  </si>
  <si>
    <t>GGPS KOT HUSSAIN</t>
  </si>
  <si>
    <t>district  hafizabad tehsil pindi bhattian thathi asaish kot hussain</t>
  </si>
  <si>
    <t>Khuram Chourera</t>
  </si>
  <si>
    <t>GPS DARUHTTA KHARLAN</t>
  </si>
  <si>
    <t>Doruttah Kharlan</t>
  </si>
  <si>
    <t>mouza durttah kharlan tehsil bhowana disttrict chiniot</t>
  </si>
  <si>
    <t>Daruttah Kharlan</t>
  </si>
  <si>
    <t>GMPS BASTI ABDUL LATIF</t>
  </si>
  <si>
    <t>PIR BUX SHARQI</t>
  </si>
  <si>
    <t>BASTI ABDUL LATIF</t>
  </si>
  <si>
    <t>GGPS 107/RB WEST</t>
  </si>
  <si>
    <t>107 Rb</t>
  </si>
  <si>
    <t>chak 107 Rb west</t>
  </si>
  <si>
    <t>chak 106 Rb</t>
  </si>
  <si>
    <t>Noreen Azam</t>
  </si>
  <si>
    <t>51868</t>
  </si>
  <si>
    <t>GPS 11 EB</t>
  </si>
  <si>
    <t>Chak No 11/EB</t>
  </si>
  <si>
    <t>Chak No. 11/E.B , Tehsil Arifwala,Distt. Pakpattan</t>
  </si>
  <si>
    <t>Ghulam Mustafa Tabassam</t>
  </si>
  <si>
    <t>moza praran sharif basti khokhran</t>
  </si>
  <si>
    <t>muhammad ali</t>
  </si>
  <si>
    <t>GGPS CHAK NO. 235 TDA</t>
  </si>
  <si>
    <t>ggmps chak 235tda</t>
  </si>
  <si>
    <t>235 tda</t>
  </si>
  <si>
    <t>shokt abad</t>
  </si>
  <si>
    <t>Gulnaz Akhtar Umar</t>
  </si>
  <si>
    <t>52491</t>
  </si>
  <si>
    <t>GPS ARORA JAGIR</t>
  </si>
  <si>
    <t>Arora Jagir</t>
  </si>
  <si>
    <t>Govt P/S Arora Jagir P/O Basir purel</t>
  </si>
  <si>
    <t>Deva Singh</t>
  </si>
  <si>
    <t>GPS 260/HR EAST</t>
  </si>
  <si>
    <t>260 H R East</t>
  </si>
  <si>
    <t>chak no 260 HR East, Tehsil Fort Abbas, Distt. Bahawalnagar</t>
  </si>
  <si>
    <t>Chak No 260 HR E</t>
  </si>
  <si>
    <t>260/-HR</t>
  </si>
  <si>
    <t>18825</t>
  </si>
  <si>
    <t>GPS CHAK 179 GB NEW ABADI</t>
  </si>
  <si>
    <t>Chak 179 Ali Pur</t>
  </si>
  <si>
    <t>chak no 179 Gb ii Alipur</t>
  </si>
  <si>
    <t>chak No 179 GBii</t>
  </si>
  <si>
    <t>Chak No 178 Gb</t>
  </si>
  <si>
    <t>M. Imtiaz Ashraf</t>
  </si>
  <si>
    <t>7309</t>
  </si>
  <si>
    <t>GGPS 130/P</t>
  </si>
  <si>
    <t>ggps chak no 130p po chak no 148p teh sdk</t>
  </si>
  <si>
    <t>chak no 130p</t>
  </si>
  <si>
    <t>148 p</t>
  </si>
  <si>
    <t>51757</t>
  </si>
  <si>
    <t>GGPS DHAPAI</t>
  </si>
  <si>
    <t>Afshan Mussarat</t>
  </si>
  <si>
    <t>GES JINDOO CHANNAR</t>
  </si>
  <si>
    <t>Jindoo Channar</t>
  </si>
  <si>
    <t>mouza jindoo channar APE</t>
  </si>
  <si>
    <t>Muhammad nadeem</t>
  </si>
  <si>
    <t>GES 3/10-L</t>
  </si>
  <si>
    <t>3/10-L</t>
  </si>
  <si>
    <t>Ganj shakar town harappa city</t>
  </si>
  <si>
    <t>3/10L</t>
  </si>
  <si>
    <t>Muhammad Sarwar Nadeem</t>
  </si>
  <si>
    <t>GGPS SHEIKH BHAGO</t>
  </si>
  <si>
    <t>Sheikh Bahgo</t>
  </si>
  <si>
    <t>village sheikh Bahgo kasur</t>
  </si>
  <si>
    <t>Sajeela Kanwal</t>
  </si>
  <si>
    <t>GGES AGROYA</t>
  </si>
  <si>
    <t>Agroya</t>
  </si>
  <si>
    <t>agroya</t>
  </si>
  <si>
    <t>Dharakan</t>
  </si>
  <si>
    <t>Afrasayab Tarar</t>
  </si>
  <si>
    <t>GMPS MOHRI KHATRAN</t>
  </si>
  <si>
    <t>Mohri Khatran</t>
  </si>
  <si>
    <t>village Mohri Khatran Post Office Qutbal</t>
  </si>
  <si>
    <t>Mohri Khatran Enrollment</t>
  </si>
  <si>
    <t>Shafqat Jabeen</t>
  </si>
  <si>
    <t>GGPS REVENUE COLONY</t>
  </si>
  <si>
    <t>revenue colony bahawalnagar</t>
  </si>
  <si>
    <t>Revenue Colony</t>
  </si>
  <si>
    <t>GPS JEEWAN SHAH</t>
  </si>
  <si>
    <t>wandha nittan Khelan Wala</t>
  </si>
  <si>
    <t>Nittan Khelan Wala</t>
  </si>
  <si>
    <t>Muhammad Zeeshan Ahsan Khan</t>
  </si>
  <si>
    <t>GPS CHAK NO. 243 JB (WEST)</t>
  </si>
  <si>
    <t>Chak No 243 W Distt Chiniot</t>
  </si>
  <si>
    <t>Chak No 243 JB West</t>
  </si>
  <si>
    <t>Chak No 241 JB Mangoana</t>
  </si>
  <si>
    <t>34472</t>
  </si>
  <si>
    <t>GGPS NOON ADHWANA NEAR NAWAB PUR ROAD CHAK MAHANI</t>
  </si>
  <si>
    <t>Noon Adhwana</t>
  </si>
  <si>
    <t>GGPS Noon Adhwana Nawab pur road chak Mahni</t>
  </si>
  <si>
    <t>Basti Ikram Abad</t>
  </si>
  <si>
    <t>GGPS NAWAN DOUR WALA</t>
  </si>
  <si>
    <t>Basti dina Mouza Bandyshah</t>
  </si>
  <si>
    <t>GGPS ABBAS PURA</t>
  </si>
  <si>
    <t>Abbas Pur Rajoa Sadat</t>
  </si>
  <si>
    <t>49621</t>
  </si>
  <si>
    <t>GMPS MOHABTA GONDAL</t>
  </si>
  <si>
    <t>Mohabta Gondal</t>
  </si>
  <si>
    <t>P.O. Gondal Tehsil Shahpur District Sargodha</t>
  </si>
  <si>
    <t>GGPS MC NO.2 P/O BASTI CHAN SHAH, KHANEWAL</t>
  </si>
  <si>
    <t>GGPS MC No. 2 basti Chan shah kwl</t>
  </si>
  <si>
    <t>Basti Chn Shah</t>
  </si>
  <si>
    <t>Kwl 2</t>
  </si>
  <si>
    <t>Aqsa Yasmin</t>
  </si>
  <si>
    <t>GPS JHUGGAY RAI ALLAH YAR</t>
  </si>
  <si>
    <t>jhuggay Allah yar  bhorani kaniawali</t>
  </si>
  <si>
    <t>Jhuggay Allah Yar</t>
  </si>
  <si>
    <t>Omer Hayat</t>
  </si>
  <si>
    <t>GGPS MANKERA NO. 1</t>
  </si>
  <si>
    <t>ggps mankera</t>
  </si>
  <si>
    <t>SHEREEN AKHTAR</t>
  </si>
  <si>
    <t>GPS BAKHAR ARBI</t>
  </si>
  <si>
    <t>Mouza Bakhar Arbi</t>
  </si>
  <si>
    <t>SHOAIB AKHTAR</t>
  </si>
  <si>
    <t>GPS HUSSAIN ABAD SANI, ABDUL HAKIM</t>
  </si>
  <si>
    <t>HUSSAIN ABAD Sani</t>
  </si>
  <si>
    <t>HUSSAIN ABAD SANI MARKAZ ABDUL HAKIM TEHSIL KABIRWALA DISTRICT KHANEWAL</t>
  </si>
  <si>
    <t>HUSSAIN ABAD SANI</t>
  </si>
  <si>
    <t>GGPS CHAK NO. 132/P</t>
  </si>
  <si>
    <t>132p</t>
  </si>
  <si>
    <t>chak no 132p post office bangla manthar</t>
  </si>
  <si>
    <t>Ayesha Jabbar</t>
  </si>
  <si>
    <t>GES HATARAN WALA SOUTH</t>
  </si>
  <si>
    <t>hataranwala south</t>
  </si>
  <si>
    <t>Hataranwala South</t>
  </si>
  <si>
    <t>GMPS GILL</t>
  </si>
  <si>
    <t>village gill p/o nindowal kharian gujrat.</t>
  </si>
  <si>
    <t>Kulewal Seyedian</t>
  </si>
  <si>
    <t>post office karari Kot Tehsil and District Bhakkar</t>
  </si>
  <si>
    <t>GMPS CHAK NO 181/7-R (WEST)</t>
  </si>
  <si>
    <t>181 7/r  W</t>
  </si>
  <si>
    <t>g m p/s 181 7/r w</t>
  </si>
  <si>
    <t>Chak No 181 7/r w</t>
  </si>
  <si>
    <t>213 9/r</t>
  </si>
  <si>
    <t>Shabana Andleeb</t>
  </si>
  <si>
    <t>GPS KATHIALA</t>
  </si>
  <si>
    <t>kathiala</t>
  </si>
  <si>
    <t>kathiala village</t>
  </si>
  <si>
    <t>shereen jhanghar</t>
  </si>
  <si>
    <t>GES MANGROTHA WEST</t>
  </si>
  <si>
    <t>BOYS M/S MANGROTHA WEST..</t>
  </si>
  <si>
    <t>MANGROTHA WEST</t>
  </si>
  <si>
    <t>GGPS HAJI SALEH MUHAMMAD FEROZA</t>
  </si>
  <si>
    <t>Moza hayat lar basti saleh mohammad feeoza</t>
  </si>
  <si>
    <t>Basti Saleh Mohammad</t>
  </si>
  <si>
    <t>GGPS TARI KHEL TEH MIANWALI</t>
  </si>
  <si>
    <t>Tarikhel</t>
  </si>
  <si>
    <t>Tarikhel kacha</t>
  </si>
  <si>
    <t>Rokheri</t>
  </si>
  <si>
    <t>Shagufta  Yasmin  Hashemi</t>
  </si>
  <si>
    <t>GGPS CANAL COLONY PUNJNAD</t>
  </si>
  <si>
    <t>Baitmoizdin</t>
  </si>
  <si>
    <t>canal colony punjnad</t>
  </si>
  <si>
    <t>afshan naheed</t>
  </si>
  <si>
    <t>GPS COLONY THATTI NOOR</t>
  </si>
  <si>
    <t>thatti Noor bhalwal sargodha</t>
  </si>
  <si>
    <t>Kot Umar Colony</t>
  </si>
  <si>
    <t>Khizar Hayat Anjum</t>
  </si>
  <si>
    <t>GPS NITHAR KAY</t>
  </si>
  <si>
    <t>Nitherkay Tehsil Bhowana District Chiniot</t>
  </si>
  <si>
    <t>52665</t>
  </si>
  <si>
    <t>GGPS GUDDAR MALKANA</t>
  </si>
  <si>
    <t>Guddarmalkana</t>
  </si>
  <si>
    <t>Guddar MalKana tehsil Dipal pur district okara</t>
  </si>
  <si>
    <t>Guddar MalKana</t>
  </si>
  <si>
    <t>Nighat Ameer</t>
  </si>
  <si>
    <t>GPS DULLEKE BHATTIAN</t>
  </si>
  <si>
    <t>Dulleke</t>
  </si>
  <si>
    <t>GPS Dulleke Bhattian</t>
  </si>
  <si>
    <t>Nadeem Khan</t>
  </si>
  <si>
    <t>Patti Khairan</t>
  </si>
  <si>
    <t>GPS BLOCK NO. 1 CHANGA MANGA</t>
  </si>
  <si>
    <t>Block No 1</t>
  </si>
  <si>
    <t>Block No I P / O  changa manga tehsil chunian district kasur</t>
  </si>
  <si>
    <t>WanKhara</t>
  </si>
  <si>
    <t>20196</t>
  </si>
  <si>
    <t>GPS NORANGAY WALA</t>
  </si>
  <si>
    <t>Gps Norangaywala</t>
  </si>
  <si>
    <t>GGPS NAI WALA</t>
  </si>
  <si>
    <t>Mangla Nai Wala</t>
  </si>
  <si>
    <t>govt.girls primary school mangla naiwala,daak khana sawai wala,tehsil and district bahawalnagar.</t>
  </si>
  <si>
    <t>Tabassum Saleem</t>
  </si>
  <si>
    <t>GGPS KARCH WALA</t>
  </si>
  <si>
    <t>Ghulwan 2</t>
  </si>
  <si>
    <t>Basti Karach wala</t>
  </si>
  <si>
    <t>Karach Wala</t>
  </si>
  <si>
    <t>Rouqia Parveen</t>
  </si>
  <si>
    <t>GPS CHAK NO.63/TDA</t>
  </si>
  <si>
    <t>Chak No 63 Tda</t>
  </si>
  <si>
    <t>chak no 63 tda bhakkar</t>
  </si>
  <si>
    <t>Chak No 57 Tda</t>
  </si>
  <si>
    <t>GPS RAKH PINDI JALOL</t>
  </si>
  <si>
    <t>RAKH PINDI Jalool</t>
  </si>
  <si>
    <t>RAKH PINDI JALOL</t>
  </si>
  <si>
    <t>GGES CHAK NO.347/TDA WARD NO 10 CHWOK AZAM</t>
  </si>
  <si>
    <t>GGES WARD NO 10 CHOWK AZAM</t>
  </si>
  <si>
    <t>Ward#10chak No 347TDA</t>
  </si>
  <si>
    <t>Shaista Shabir</t>
  </si>
  <si>
    <t>48413</t>
  </si>
  <si>
    <t>GMPS THATHI WALANA</t>
  </si>
  <si>
    <t>Thathi Walana</t>
  </si>
  <si>
    <t>Thathi Walana post Office Bhera Tehsil Bhera District Sargodha</t>
  </si>
  <si>
    <t>Alipur Saydan</t>
  </si>
  <si>
    <t>Sadia Halima</t>
  </si>
  <si>
    <t>29152</t>
  </si>
  <si>
    <t>GPS MC DHOOR KOT KASUR</t>
  </si>
  <si>
    <t>30745</t>
  </si>
  <si>
    <t>GPS CDG JUNIOR MODEL NO. 2 MUSTAFA ABAD</t>
  </si>
  <si>
    <t>cdg junior model school no 2 mustafabad infantory road</t>
  </si>
  <si>
    <t>Mianmir</t>
  </si>
  <si>
    <t>GPS DASTGHIR COLONY GOJRA</t>
  </si>
  <si>
    <t>Dastgir colony Gojra</t>
  </si>
  <si>
    <t>GGPS MANGA MORE</t>
  </si>
  <si>
    <t>Manga mandi</t>
  </si>
  <si>
    <t>Adil town</t>
  </si>
  <si>
    <t>Tahira  TASNEEM</t>
  </si>
  <si>
    <t>GGPS MC NO.2 KHUSHAB</t>
  </si>
  <si>
    <t>uqqab  purana civil hospital  khushab</t>
  </si>
  <si>
    <t>Nishat Kousor</t>
  </si>
  <si>
    <t>30324</t>
  </si>
  <si>
    <t>47709</t>
  </si>
  <si>
    <t>GGPS ZAILDAR COLONY</t>
  </si>
  <si>
    <t>dera zaildar markaz namal janubi</t>
  </si>
  <si>
    <t>Zaildar Colony</t>
  </si>
  <si>
    <t>Namal Janubi</t>
  </si>
  <si>
    <t>Naima Naz</t>
  </si>
  <si>
    <t>23274</t>
  </si>
  <si>
    <t>21579</t>
  </si>
  <si>
    <t>GMPS AHMAD PUR VIRKAN</t>
  </si>
  <si>
    <t>Ahmed  Pur  Virkan</t>
  </si>
  <si>
    <t>Village ahmedpur virkan Tehsil kmk district gujranwala</t>
  </si>
  <si>
    <t>Ahmed pur virkan</t>
  </si>
  <si>
    <t>Zaib  Un Nisa</t>
  </si>
  <si>
    <t>GPS HAKIM WALA P/O MUKHDOOM RASHID</t>
  </si>
  <si>
    <t>GPS HAKIM WALA P/O MAKHDOOM RASHEED</t>
  </si>
  <si>
    <t>Dara Kallu</t>
  </si>
  <si>
    <t>GPS 109 WB</t>
  </si>
  <si>
    <t>Chak No 109WB,P/O Sargana, tehsil mailsi, dusty. Vehari.</t>
  </si>
  <si>
    <t>109wb</t>
  </si>
  <si>
    <t>11796</t>
  </si>
  <si>
    <t>GGPS TIBBI NIZAM</t>
  </si>
  <si>
    <t>basti kikar wala moza tibbi nizam ada shelar</t>
  </si>
  <si>
    <t>Sadia Rahim</t>
  </si>
  <si>
    <t>GPS BASTI TARKAN</t>
  </si>
  <si>
    <t>pati  lail</t>
  </si>
  <si>
    <t>PatiLail</t>
  </si>
  <si>
    <t>GMPS KHARANAY CHAK</t>
  </si>
  <si>
    <t>Chak Kharanay</t>
  </si>
  <si>
    <t>chak kharanay ,p.o box punoowal district/tehsil sialkot</t>
  </si>
  <si>
    <t>Nasreen Sardar</t>
  </si>
  <si>
    <t>GGPS ROSSA BHAIL</t>
  </si>
  <si>
    <t>Rossa Bhail</t>
  </si>
  <si>
    <t>Nadia Shoukat</t>
  </si>
  <si>
    <t>GPS MISSON KOT</t>
  </si>
  <si>
    <t>Basti misson kot muzah Mubarakpur tehsil Ahmedpur East District Bahawalpur</t>
  </si>
  <si>
    <t>Misson Kot</t>
  </si>
  <si>
    <t>GPS CHAK NO. 22 QAZIAN</t>
  </si>
  <si>
    <t>chak 22 qazian</t>
  </si>
  <si>
    <t>Chak 22 Qazian</t>
  </si>
  <si>
    <t>40526</t>
  </si>
  <si>
    <t>GGMCMS DAFFER</t>
  </si>
  <si>
    <t>VPO DAFFAR TEHSILE PIND DADAN KHAN DISTT DAFFAR</t>
  </si>
  <si>
    <t>Sabira Kalsoom</t>
  </si>
  <si>
    <t>GPS BASTI BARI</t>
  </si>
  <si>
    <t>Tranda Saway Kha</t>
  </si>
  <si>
    <t>Basti bari Post Office Tranda Saway Kha</t>
  </si>
  <si>
    <t>Basti Bari</t>
  </si>
  <si>
    <t>MC Tranda Saway Kha</t>
  </si>
  <si>
    <t>Munir Ahmed Shahid</t>
  </si>
  <si>
    <t>GPS ALLAH ABAD BASTI MUHAMMAD SADIQ CHAUDARY</t>
  </si>
  <si>
    <t>Basti Muhaamad sadiq ch Mouza allahabad</t>
  </si>
  <si>
    <t>Basti Muhammad Sadiq Ch.</t>
  </si>
  <si>
    <t>40819</t>
  </si>
  <si>
    <t>GGPS LANGER PAKHRAL</t>
  </si>
  <si>
    <t>Langer Pakhral</t>
  </si>
  <si>
    <t>village langer pakhral p/o diali teh sohawa jhelum</t>
  </si>
  <si>
    <t>10161</t>
  </si>
  <si>
    <t>GGPS BASTI KUMHARAN</t>
  </si>
  <si>
    <t>Basti kumharan karor nashaib</t>
  </si>
  <si>
    <t>51567</t>
  </si>
  <si>
    <t>GGPS WAN DAL SINGH</t>
  </si>
  <si>
    <t>Wandalsingh</t>
  </si>
  <si>
    <t>wandalsingh</t>
  </si>
  <si>
    <t>Tahira Nazli</t>
  </si>
  <si>
    <t>GPS GAROO</t>
  </si>
  <si>
    <t>Garoo</t>
  </si>
  <si>
    <t>distt attock teh and p.o fateh jang vill garru</t>
  </si>
  <si>
    <t>Garroo</t>
  </si>
  <si>
    <t>Guliyal</t>
  </si>
  <si>
    <t>GGPS MC JUNIOR PUBLIC NO. 2 GUJAR KHAN</t>
  </si>
  <si>
    <t>Ward no 16 Kot Syedan Gujar Khan</t>
  </si>
  <si>
    <t>Anila Khalid</t>
  </si>
  <si>
    <t>GMPS JASSO WAL</t>
  </si>
  <si>
    <t>Jassowal</t>
  </si>
  <si>
    <t>Kot Hust Khan</t>
  </si>
  <si>
    <t>uzma aziz</t>
  </si>
  <si>
    <t>GMPS 8/8-R, TULAMBA</t>
  </si>
  <si>
    <t>8/8r</t>
  </si>
  <si>
    <t>8/8r Afridi wala</t>
  </si>
  <si>
    <t>Rashda Zahoor</t>
  </si>
  <si>
    <t>GGPS QASAIDA KHOO</t>
  </si>
  <si>
    <t>Qasai da khoo  mouza ghous pur teh kpr</t>
  </si>
  <si>
    <t>Qasai Da Khoo</t>
  </si>
  <si>
    <t>GMPS BUG WALA JALALPUR PIRWALA</t>
  </si>
  <si>
    <t>Obara Janoobi</t>
  </si>
  <si>
    <t>Basti bhindi Obara janoobi</t>
  </si>
  <si>
    <t>Maria shabir</t>
  </si>
  <si>
    <t>18093</t>
  </si>
  <si>
    <t>GPS MALAY WALA</t>
  </si>
  <si>
    <t>Malay Wala Rustam Sargana Teh.Shorkot Distt. Jhang</t>
  </si>
  <si>
    <t>Muhammad Anees Haider</t>
  </si>
  <si>
    <t>34206</t>
  </si>
  <si>
    <t>GGPS CHAK NO.13-FAIZ</t>
  </si>
  <si>
    <t>Chalk 13 Faiz</t>
  </si>
  <si>
    <t>chalk no 13 faiz shujabad</t>
  </si>
  <si>
    <t>Chak13 Faiz</t>
  </si>
  <si>
    <t>GPS SHARBAGA</t>
  </si>
  <si>
    <t>sharbaga</t>
  </si>
  <si>
    <t>Muhammad Athar Javed</t>
  </si>
  <si>
    <t>54636</t>
  </si>
  <si>
    <t>GGPS BASTI PAKKA</t>
  </si>
  <si>
    <t>Basti &amp; Moza Pacca Tehsil Kahror Pacca (Lodhran)</t>
  </si>
  <si>
    <t>Basti Pacca</t>
  </si>
  <si>
    <t>Zarqa Nafees Malik</t>
  </si>
  <si>
    <t>GGES MEHIS KALAN</t>
  </si>
  <si>
    <t>Mahais Kalan</t>
  </si>
  <si>
    <t>village mahais kalan p/o baduhmalih district and tehsil narowal</t>
  </si>
  <si>
    <t>Dhragmiana</t>
  </si>
  <si>
    <t>GES CHAK 172/7-R</t>
  </si>
  <si>
    <t>Chak No 172-7R</t>
  </si>
  <si>
    <t>Chak No 172-7R Tehsil Fortabbas Distt.BWN</t>
  </si>
  <si>
    <t>Chak 185-7R</t>
  </si>
  <si>
    <t>GPS HANJRAN WALA</t>
  </si>
  <si>
    <t>Kot Hunjran Wala</t>
  </si>
  <si>
    <t>hanjran wala</t>
  </si>
  <si>
    <t>Hanjran Wala</t>
  </si>
  <si>
    <t>32862</t>
  </si>
  <si>
    <t>GPS MUHAMMAD WALA SYED WALA</t>
  </si>
  <si>
    <t>Mohalla Ali Nagar Syedwala Tehsil &amp; Distt. Nankana Sahib</t>
  </si>
  <si>
    <t>Syewala</t>
  </si>
  <si>
    <t>GGPS MC PURANI MANDI PATTOKI</t>
  </si>
  <si>
    <t>Old Mandi</t>
  </si>
  <si>
    <t>purani mandi pattoki</t>
  </si>
  <si>
    <t>Pattoki City</t>
  </si>
  <si>
    <t>Rukhsana Sher Jang</t>
  </si>
  <si>
    <t>49126</t>
  </si>
  <si>
    <t>GPS KHAWALA</t>
  </si>
  <si>
    <t>Khewala</t>
  </si>
  <si>
    <t>khewala moza near lak shehr tehsil and district Sargodha</t>
  </si>
  <si>
    <t>Allah Ditta Khan</t>
  </si>
  <si>
    <t>GPS SHANMAY WALA</t>
  </si>
  <si>
    <t>KARLU WALA</t>
  </si>
  <si>
    <t>Shanmaywala moza karluwala</t>
  </si>
  <si>
    <t>SHANMAYWALA</t>
  </si>
  <si>
    <t>AAMER HAYAT</t>
  </si>
  <si>
    <t>GGPS BHINDI KORAI</t>
  </si>
  <si>
    <t>basti meeran vali po meer hazar hazar mouza bhindi korai</t>
  </si>
  <si>
    <t>Shabana Parveen</t>
  </si>
  <si>
    <t>GES CHAK NO.225 EB</t>
  </si>
  <si>
    <t>chak no 225/E.B Gaggoo Burewala</t>
  </si>
  <si>
    <t>GGES BHOPAL WALA NO.2</t>
  </si>
  <si>
    <t>Govt. Girls Elementry School no.2 Bhopalwala</t>
  </si>
  <si>
    <t>Tahira Shahbaz</t>
  </si>
  <si>
    <t>GGPS GAGGAY</t>
  </si>
  <si>
    <t>Gaggay</t>
  </si>
  <si>
    <t>Govt Girls Primary school Gaggay tehsile Nowshera Virkan District Gujranwala</t>
  </si>
  <si>
    <t>Chak Chaudhery</t>
  </si>
  <si>
    <t>Safiya Ehsaan</t>
  </si>
  <si>
    <t>GPS AMIRA TAJEKA</t>
  </si>
  <si>
    <t>Amira Tajeka</t>
  </si>
  <si>
    <t>Govt.Primary School Amira Tajeka</t>
  </si>
  <si>
    <t>GPS CHAK 244 GB II</t>
  </si>
  <si>
    <t>Chak 244 Gb Khurd</t>
  </si>
  <si>
    <t>Chak No 244 G.B (II)Ø®ÙˆØ±Ø¯</t>
  </si>
  <si>
    <t>chak No 244 G.B (II)</t>
  </si>
  <si>
    <t>CHAK NO 154 G.B</t>
  </si>
  <si>
    <t>GES CHAK NO 209 TDA</t>
  </si>
  <si>
    <t>Khanpor</t>
  </si>
  <si>
    <t>govt e/s chak no.209/tda bhakkar</t>
  </si>
  <si>
    <t>Chakno209/TDA</t>
  </si>
  <si>
    <t>6061ml</t>
  </si>
  <si>
    <t>GGPS KOT CHAND KHAN</t>
  </si>
  <si>
    <t>kot chand khan</t>
  </si>
  <si>
    <t>Kot Chand Khan</t>
  </si>
  <si>
    <t>Tayyaba Riaz</t>
  </si>
  <si>
    <t>basti aziz abad mouza sangla tranda muhammad panah teh. liaquat pur dist. rahim yar khan</t>
  </si>
  <si>
    <t>Saeed Khan</t>
  </si>
  <si>
    <t>GES CHAK 370 JB</t>
  </si>
  <si>
    <t>ges370jbgojra ttsingh</t>
  </si>
  <si>
    <t>50378</t>
  </si>
  <si>
    <t>34574</t>
  </si>
  <si>
    <t>GGPS GUL MUHAMMAD NO 1  MULTAN</t>
  </si>
  <si>
    <t>18 kasi moza gull Muhammad vehari road multan</t>
  </si>
  <si>
    <t>Hakim Dein</t>
  </si>
  <si>
    <t>GGPS 88 EB ARIFWALA</t>
  </si>
  <si>
    <t>88/eb</t>
  </si>
  <si>
    <t>chak no 86EB ArifWala</t>
  </si>
  <si>
    <t>GGES CHAK 269/HR</t>
  </si>
  <si>
    <t>269/HR</t>
  </si>
  <si>
    <t>GGES269 /HR</t>
  </si>
  <si>
    <t>UZMA SARFRAZ</t>
  </si>
  <si>
    <t>GPS CHAK 361 GB</t>
  </si>
  <si>
    <t>Chak no. 361 GB</t>
  </si>
  <si>
    <t>48365</t>
  </si>
  <si>
    <t>GPS CHAK NO.6-A ML</t>
  </si>
  <si>
    <t>chak No 6 AML</t>
  </si>
  <si>
    <t>Chak No 6 AML</t>
  </si>
  <si>
    <t>Ratto kala</t>
  </si>
  <si>
    <t>Khizr Hayat</t>
  </si>
  <si>
    <t>GGPS BASTI GABOOL</t>
  </si>
  <si>
    <t>bari basti gabool</t>
  </si>
  <si>
    <t>Basti Gabool</t>
  </si>
  <si>
    <t>Rashida Bano</t>
  </si>
  <si>
    <t>GPS PACCA</t>
  </si>
  <si>
    <t>Pacca Uc Karlu Wala Tehsil Mankera Disst Bhakkar</t>
  </si>
  <si>
    <t>Naseem Iqbal</t>
  </si>
  <si>
    <t>47574</t>
  </si>
  <si>
    <t>GMPS SONEY KHELAN WALA PO ROKHRI</t>
  </si>
  <si>
    <t>Rokhri Mor</t>
  </si>
  <si>
    <t>GMPS Sone khelan Wala Rokhri</t>
  </si>
  <si>
    <t>Rokhri Moza Rokhri Mor</t>
  </si>
  <si>
    <t>abida latief</t>
  </si>
  <si>
    <t>51188</t>
  </si>
  <si>
    <t>GGPS SHAH BILAWAL</t>
  </si>
  <si>
    <t>Shah Bilawal syed wala</t>
  </si>
  <si>
    <t>Sadia Ijaz</t>
  </si>
  <si>
    <t>19013</t>
  </si>
  <si>
    <t>GGPS BASTI KARYAL</t>
  </si>
  <si>
    <t>Bsti kayal 34/WB</t>
  </si>
  <si>
    <t>Bushra Bashir</t>
  </si>
  <si>
    <t>GGPS CHAK NO 102 TDA</t>
  </si>
  <si>
    <t>Daghr Sewag</t>
  </si>
  <si>
    <t>chak102 ganjiwala</t>
  </si>
  <si>
    <t>Chak102/t Ganjiwala</t>
  </si>
  <si>
    <t>Garry Wala</t>
  </si>
  <si>
    <t>GGPS GHULAM FAREED MARAL</t>
  </si>
  <si>
    <t>basti ghulam fareed marral kotla drigh lqp</t>
  </si>
  <si>
    <t>Ghulam fareed marral</t>
  </si>
  <si>
    <t>HUMARA KHANUM</t>
  </si>
  <si>
    <t>GGPS CHAK NO 215/9-R</t>
  </si>
  <si>
    <t>215/9r</t>
  </si>
  <si>
    <t>chak 215/9r</t>
  </si>
  <si>
    <t>213/9r</t>
  </si>
  <si>
    <t>GES CHAK NO.214 EB</t>
  </si>
  <si>
    <t>214/EB</t>
  </si>
  <si>
    <t>chak no 214/EB</t>
  </si>
  <si>
    <t>GGPS CHAK NO 406/JB MUSLIYNA WALA</t>
  </si>
  <si>
    <t>waryam wala</t>
  </si>
  <si>
    <t>ch#406 JB tehsil shorkot district jhang</t>
  </si>
  <si>
    <t>ch#406 jb</t>
  </si>
  <si>
    <t>ch#493 jb batian wala</t>
  </si>
  <si>
    <t>GPS BASTI QASAIAN WALI</t>
  </si>
  <si>
    <t>Basti Qasaian Wali chah kamal Daggar Rehtas Bhakkar</t>
  </si>
  <si>
    <t>Basti Qasaian Wali</t>
  </si>
  <si>
    <t>GPS KARIAN WALA MORE KHUNDA</t>
  </si>
  <si>
    <t>Karian Wala</t>
  </si>
  <si>
    <t>Karian wala  p/o More khunda Distt. and Tehsil Nankna sahib.</t>
  </si>
  <si>
    <t>M Ilyas</t>
  </si>
  <si>
    <t>GGPS CHAK 78/1-L</t>
  </si>
  <si>
    <t>78/1-l</t>
  </si>
  <si>
    <t>78/1-l tehsil Haroon Abad district bwn</t>
  </si>
  <si>
    <t>150/2-l</t>
  </si>
  <si>
    <t>GGES 27 SP</t>
  </si>
  <si>
    <t>27/sp</t>
  </si>
  <si>
    <t>G G E School 27/sp</t>
  </si>
  <si>
    <t>27sp</t>
  </si>
  <si>
    <t>Dhapi</t>
  </si>
  <si>
    <t>Mumtaz Naseem</t>
  </si>
  <si>
    <t>GGPS JAM BASHIR BURRAH</t>
  </si>
  <si>
    <t>basti jam bashir ahmad burraha tehsil liaquat pur distt rahim yar khan</t>
  </si>
  <si>
    <t>Basti Jam Bashir Ahmad Burraha</t>
  </si>
  <si>
    <t>GMPS CHAK 161 GB I</t>
  </si>
  <si>
    <t>161 Gb I</t>
  </si>
  <si>
    <t>chak no. 161 gb i</t>
  </si>
  <si>
    <t>Chak No 161Gb I</t>
  </si>
  <si>
    <t>Chak No 161gb I</t>
  </si>
  <si>
    <t>49352</t>
  </si>
  <si>
    <t>GGPS CHAK NO. 67-A/NB</t>
  </si>
  <si>
    <t>67Anb</t>
  </si>
  <si>
    <t>67A nb sgd</t>
  </si>
  <si>
    <t>67A NB Sgd</t>
  </si>
  <si>
    <t>Asifa Shaheen</t>
  </si>
  <si>
    <t>GPS 60/4-R KUMHARAN WALI</t>
  </si>
  <si>
    <t>chak 60-4R kw</t>
  </si>
  <si>
    <t>60-4R</t>
  </si>
  <si>
    <t>Muhammad Shafique Ahmed</t>
  </si>
  <si>
    <t>GGPS CHAK NO 435/6R</t>
  </si>
  <si>
    <t>435/6r</t>
  </si>
  <si>
    <t>chak no 435/6-r</t>
  </si>
  <si>
    <t>435/6-r</t>
  </si>
  <si>
    <t>438/6-r</t>
  </si>
  <si>
    <t>Saira Ghafoor</t>
  </si>
  <si>
    <t>GPS CHAK NO 319/HR</t>
  </si>
  <si>
    <t>GPS 319/hr tanzeem chak no 319/hr teh Fort abbas</t>
  </si>
  <si>
    <t>Chak NO 319HR</t>
  </si>
  <si>
    <t>ChakNO 319HR</t>
  </si>
  <si>
    <t>Irshad Mustfa</t>
  </si>
  <si>
    <t>51514</t>
  </si>
  <si>
    <t>GPS 85/D</t>
  </si>
  <si>
    <t>chak no 85d pakpattan</t>
  </si>
  <si>
    <t>Mohammad Shahid Mumtaz</t>
  </si>
  <si>
    <t>36135</t>
  </si>
  <si>
    <t>GGCMES 45 WB</t>
  </si>
  <si>
    <t>chak no 45/wb vehari</t>
  </si>
  <si>
    <t>Chak No 45 Wb</t>
  </si>
  <si>
    <t>GPS CDG JUNIOR MODEL BRAID LAW HALL RATIGAN ROAD</t>
  </si>
  <si>
    <t>Rattigun Road</t>
  </si>
  <si>
    <t>braid law hall rattigun road lahore</t>
  </si>
  <si>
    <t>Taheed Park</t>
  </si>
  <si>
    <t>Sameeta Summer</t>
  </si>
  <si>
    <t>GPS CHAK NO. 208/TDA</t>
  </si>
  <si>
    <t>chak 208 tda p/0 saraye muhajir bhakkar</t>
  </si>
  <si>
    <t>208 Tda</t>
  </si>
  <si>
    <t>205 Tda</t>
  </si>
  <si>
    <t>GGPS SEWA RAM</t>
  </si>
  <si>
    <t>GGPS sewa ram basti kothi</t>
  </si>
  <si>
    <t>Nayla Anjum</t>
  </si>
  <si>
    <t>41723</t>
  </si>
  <si>
    <t>39049</t>
  </si>
  <si>
    <t>GPS ARRORIA</t>
  </si>
  <si>
    <t>village arroria</t>
  </si>
  <si>
    <t>Mehboob Ilahi</t>
  </si>
  <si>
    <t>GGMPS QAISER WALA</t>
  </si>
  <si>
    <t>DRAHMA</t>
  </si>
  <si>
    <t>GGMPS QAISERWALA SARWAR WALI</t>
  </si>
  <si>
    <t>QAISERWALA</t>
  </si>
  <si>
    <t>DRAMA</t>
  </si>
  <si>
    <t>SUMERA AMIN</t>
  </si>
  <si>
    <t>GES 93/6-R</t>
  </si>
  <si>
    <t>chak No 93/6-R</t>
  </si>
  <si>
    <t>chak No 93/6-R Sahiwal</t>
  </si>
  <si>
    <t>GGPS CHAK NO. 485 JB SOUTH</t>
  </si>
  <si>
    <t>Chak 485south</t>
  </si>
  <si>
    <t>chak no 485 south Waryam Wala Tehsil shorkot Jhang</t>
  </si>
  <si>
    <t>Janah Colony</t>
  </si>
  <si>
    <t>Samina Umbreen</t>
  </si>
  <si>
    <t>49229</t>
  </si>
  <si>
    <t>GGES CHAK NO.40 NB</t>
  </si>
  <si>
    <t>40nb</t>
  </si>
  <si>
    <t>GGES40NB</t>
  </si>
  <si>
    <t>Mariyam MAQSOOD</t>
  </si>
  <si>
    <t>GPS CHAK 299 JB</t>
  </si>
  <si>
    <t>Chak No 299 JB</t>
  </si>
  <si>
    <t>Muhammad Alyas</t>
  </si>
  <si>
    <t>GGPS BEGOWALA NO.2</t>
  </si>
  <si>
    <t>begowala tehsil sambrial district Sialkot</t>
  </si>
  <si>
    <t>Saima Sahi</t>
  </si>
  <si>
    <t>GGCMMS 205 EB</t>
  </si>
  <si>
    <t>205eb</t>
  </si>
  <si>
    <t>chack no 205eb arifwala pakpattan</t>
  </si>
  <si>
    <t>Chack No 205eb</t>
  </si>
  <si>
    <t>163eb</t>
  </si>
  <si>
    <t>Khadija Shahzad</t>
  </si>
  <si>
    <t>GGPS MOHALLAH MASTIAL PADHRAR</t>
  </si>
  <si>
    <t>govt Girls primary  school  mohalla mastial padhrar</t>
  </si>
  <si>
    <t>Tahira Nazeer</t>
  </si>
  <si>
    <t>45033</t>
  </si>
  <si>
    <t>GGES ZAMMY WALA</t>
  </si>
  <si>
    <t>G.G.E/school Zamaywala</t>
  </si>
  <si>
    <t>Zamaywala</t>
  </si>
  <si>
    <t>Ghulama-2</t>
  </si>
  <si>
    <t>GMPS NEHALAY WALA, ABDUL HAKIM</t>
  </si>
  <si>
    <t>abdulhakeem</t>
  </si>
  <si>
    <t>basti nehalay wala</t>
  </si>
  <si>
    <t>nehalay wala</t>
  </si>
  <si>
    <t>jahan pir</t>
  </si>
  <si>
    <t>Ruqia</t>
  </si>
  <si>
    <t>27283</t>
  </si>
  <si>
    <t>GPS CHAH BALOCHAN</t>
  </si>
  <si>
    <t>chah balochan</t>
  </si>
  <si>
    <t>zulafqar Ali</t>
  </si>
  <si>
    <t>GPS 164-A/9-L RATLI WALA</t>
  </si>
  <si>
    <t>Chak# 164-A/9-L R</t>
  </si>
  <si>
    <t>Chak 164A/9-L R</t>
  </si>
  <si>
    <t>tariq javed</t>
  </si>
  <si>
    <t>GPS DERA ASHRAF</t>
  </si>
  <si>
    <t>Dakhli Purana Bhalwal</t>
  </si>
  <si>
    <t>GPS Dera Ashraf Dakhli Purana bhalwal</t>
  </si>
  <si>
    <t>GPS NOOR AHMED WALI</t>
  </si>
  <si>
    <t>noor Ahmad wali p/o nutkani taunsa Sharif dist DG khan</t>
  </si>
  <si>
    <t>Noor Ahmad Wali</t>
  </si>
  <si>
    <t>Mohammad Nawab</t>
  </si>
  <si>
    <t>GPS NO.2 BHABRA</t>
  </si>
  <si>
    <t>Mohalla Muhajreen Bhabra</t>
  </si>
  <si>
    <t>Khadim Hussain Mujahid</t>
  </si>
  <si>
    <t>Mohd Ilyas</t>
  </si>
  <si>
    <t>28912</t>
  </si>
  <si>
    <t>GGPS BOOR SINGH WALA</t>
  </si>
  <si>
    <t>Boor singh Wala</t>
  </si>
  <si>
    <t>boor singh wala tehsil chunian distt kasur</t>
  </si>
  <si>
    <t>Mojok</t>
  </si>
  <si>
    <t>Saba Azeem</t>
  </si>
  <si>
    <t>37295</t>
  </si>
  <si>
    <t>20076</t>
  </si>
  <si>
    <t>GGPS BASTI AMEER</t>
  </si>
  <si>
    <t>basti ameer</t>
  </si>
  <si>
    <t>Rojaya</t>
  </si>
  <si>
    <t>37539</t>
  </si>
  <si>
    <t>GPS 45/15-L, MIAN CHANNU</t>
  </si>
  <si>
    <t>Chak no 45 / 15L</t>
  </si>
  <si>
    <t>chak no 45 / 15L Mian channu District khanewal</t>
  </si>
  <si>
    <t>Chak No 45/15L</t>
  </si>
  <si>
    <t>126B / 15L</t>
  </si>
  <si>
    <t>Ghulam Miran</t>
  </si>
  <si>
    <t>GMPS PIPLI RAJAN</t>
  </si>
  <si>
    <t>Pipli Rajan</t>
  </si>
  <si>
    <t>govt model primry school pipli rajan</t>
  </si>
  <si>
    <t>Piplirajan</t>
  </si>
  <si>
    <t>Irfana Malik</t>
  </si>
  <si>
    <t>GES CANAL COLONY</t>
  </si>
  <si>
    <t>Daud Khl</t>
  </si>
  <si>
    <t>Canal Colony Daud Khel</t>
  </si>
  <si>
    <t>Colony Colony</t>
  </si>
  <si>
    <t>Muhammad Raiz Khan</t>
  </si>
  <si>
    <t>GMES BASTI JORANA PO BAHAWAL NAGAR</t>
  </si>
  <si>
    <t>Rojhanawali</t>
  </si>
  <si>
    <t>GGES Basti jourana BWN</t>
  </si>
  <si>
    <t>GPS CHAK NO. 301 TDA</t>
  </si>
  <si>
    <t>Chak Number 301/TDA P/O Peer Baroo Sharif Tehsil Choubara dist Layyah</t>
  </si>
  <si>
    <t>301/TDA</t>
  </si>
  <si>
    <t>Aulakh Thal Kalan</t>
  </si>
  <si>
    <t>43295</t>
  </si>
  <si>
    <t>GPS DHOK WAZIRA</t>
  </si>
  <si>
    <t>Dhoke Wazira</t>
  </si>
  <si>
    <t>dhoke wazira</t>
  </si>
  <si>
    <t>Jiswal</t>
  </si>
  <si>
    <t>Sajid Mehmood Malik</t>
  </si>
  <si>
    <t>GPS TOOTIAN WALI MASJID</t>
  </si>
  <si>
    <t>haji shah</t>
  </si>
  <si>
    <t>GBPS totian wali masjid haji shah</t>
  </si>
  <si>
    <t>Muhammad Abdul Mutalib</t>
  </si>
  <si>
    <t>34897</t>
  </si>
  <si>
    <t>GGPS 19/1-R HAROON ABAD</t>
  </si>
  <si>
    <t>Chak No 19/1R</t>
  </si>
  <si>
    <t>chak NO 19/1R tehsil Haroonabad</t>
  </si>
  <si>
    <t>19/1R</t>
  </si>
  <si>
    <t>SAJIDA HANIF</t>
  </si>
  <si>
    <t>GGPS CHAK NO 171 JB MANGANI</t>
  </si>
  <si>
    <t>chak 171mangani</t>
  </si>
  <si>
    <t>Chao 171 Mangani</t>
  </si>
  <si>
    <t>Chak 175</t>
  </si>
  <si>
    <t>7577</t>
  </si>
  <si>
    <t>GPS muhammad abad</t>
  </si>
  <si>
    <t>GGPS NOWSHERA VIRKAN NO.2</t>
  </si>
  <si>
    <t>Mohalla Batth Nowshera Virkan</t>
  </si>
  <si>
    <t>PerveenAkhtar</t>
  </si>
  <si>
    <t>GMPS KOT ZAHIR PIR</t>
  </si>
  <si>
    <t>kot zahir peer maoza sikhani Wala dist rajan pur</t>
  </si>
  <si>
    <t>Kot Zahir Peer</t>
  </si>
  <si>
    <t>Aneela Buzdar</t>
  </si>
  <si>
    <t>GGPS (MODEL) LORAY</t>
  </si>
  <si>
    <t>Loray</t>
  </si>
  <si>
    <t>Loray p/o dadhyala tehsil &amp; district narowal</t>
  </si>
  <si>
    <t>Misbah Akhtar</t>
  </si>
  <si>
    <t>18751</t>
  </si>
  <si>
    <t>GGPS CHAK 364 JB</t>
  </si>
  <si>
    <t>364jbGojra</t>
  </si>
  <si>
    <t>Chak 364 jb Gojra</t>
  </si>
  <si>
    <t>Chak 364jb</t>
  </si>
  <si>
    <t>RABIA BASHIR</t>
  </si>
  <si>
    <t>GPS BANDO KEY KOHNA</t>
  </si>
  <si>
    <t>gps bandokey kohna</t>
  </si>
  <si>
    <t>Bandoke Kohna</t>
  </si>
  <si>
    <t>Ijaz Ahmad Khan</t>
  </si>
  <si>
    <t>GPS KHUDA DAD COLONY</t>
  </si>
  <si>
    <t>Bakhar Aarbi</t>
  </si>
  <si>
    <t>ward no 8 basti khudadad colony Multan</t>
  </si>
  <si>
    <t>Kotla Abulfatah</t>
  </si>
  <si>
    <t>Muhammad Saleem ur Rehman</t>
  </si>
  <si>
    <t>GGPS JALALPUR SAYEDAN</t>
  </si>
  <si>
    <t>jalalpur syedan</t>
  </si>
  <si>
    <t>Hassan Pur Tiwana Hamoka</t>
  </si>
  <si>
    <t>GMPS CHHOHRAN WALA</t>
  </si>
  <si>
    <t>Chhohranwala</t>
  </si>
  <si>
    <t>village chhohranwala p/o pahrianwali tehsil Phalia district m.b.din</t>
  </si>
  <si>
    <t>27331</t>
  </si>
  <si>
    <t>GPS KHUTTAY SHAH</t>
  </si>
  <si>
    <t>vill. khuttay shah p/o jalalpur bhattian teh. pindi bhattian dist. hafizabad</t>
  </si>
  <si>
    <t>Khutyay Shah</t>
  </si>
  <si>
    <t>Zahid Abbas</t>
  </si>
  <si>
    <t>GGES KROLL WAR</t>
  </si>
  <si>
    <t>Karol War</t>
  </si>
  <si>
    <t>Karol war</t>
  </si>
  <si>
    <t>Rizwana Akbar</t>
  </si>
  <si>
    <t>18145</t>
  </si>
  <si>
    <t>GGES KOTHI SULTAN MAHMOOD BHANGOO</t>
  </si>
  <si>
    <t>GGES Kothi Sultan Bhangoo</t>
  </si>
  <si>
    <t>GPS TALIB</t>
  </si>
  <si>
    <t>Government Primary School Talib Teh.&amp;Distt. Chiniot</t>
  </si>
  <si>
    <t>Chak#125 JB</t>
  </si>
  <si>
    <t>GPS BHAN JATTA</t>
  </si>
  <si>
    <t>Basti Bhan Jatta Tehsil and District Bhakkar</t>
  </si>
  <si>
    <t>Bhan Jatta</t>
  </si>
  <si>
    <t>GGES CHAK NO 31/3-R</t>
  </si>
  <si>
    <t>31/3R</t>
  </si>
  <si>
    <t>chak no 31/3r</t>
  </si>
  <si>
    <t>31/3r</t>
  </si>
  <si>
    <t>Hifza anjum</t>
  </si>
  <si>
    <t>village noorpur p/o noorpur via dhumn tehsil&amp;district chakwal</t>
  </si>
  <si>
    <t>Iram Yasmeen</t>
  </si>
  <si>
    <t>GPS DADAY CHATKAY</t>
  </si>
  <si>
    <t>Daday Chatkay</t>
  </si>
  <si>
    <t>daday chatky teh phalia (M. B. din)</t>
  </si>
  <si>
    <t>Chatkay</t>
  </si>
  <si>
    <t>GGPS ISMAIL WALA</t>
  </si>
  <si>
    <t>barhaman basti alurid mehmood kot</t>
  </si>
  <si>
    <t>Barhamn Wala</t>
  </si>
  <si>
    <t>Sobia Yasmin</t>
  </si>
  <si>
    <t>GMPS CHAK NO. 257 HL</t>
  </si>
  <si>
    <t>257/HL</t>
  </si>
  <si>
    <t>chak no.257/HL tehsil:Fortabbas dist:Bahawalnagr</t>
  </si>
  <si>
    <t>Chak No 264/HR</t>
  </si>
  <si>
    <t>GGPS NIAZI WALA</t>
  </si>
  <si>
    <t>GGPS basti Niaziwala</t>
  </si>
  <si>
    <t>Niazi Wala</t>
  </si>
  <si>
    <t>Skina Bibi</t>
  </si>
  <si>
    <t>GGES 228 EB</t>
  </si>
  <si>
    <t>228-EB</t>
  </si>
  <si>
    <t>chak No.228EB Vehari</t>
  </si>
  <si>
    <t>Sumaira Muneeb</t>
  </si>
  <si>
    <t>GGPS WAINS WALA</t>
  </si>
  <si>
    <t>WAINS WALA</t>
  </si>
  <si>
    <t>G G P S WAINS WALA</t>
  </si>
  <si>
    <t>GGPS JATALA</t>
  </si>
  <si>
    <t>Jatla</t>
  </si>
  <si>
    <t>jatla</t>
  </si>
  <si>
    <t>Umme Kalsoom</t>
  </si>
  <si>
    <t>GGPS CHAK NO 484 JB SHUMALI</t>
  </si>
  <si>
    <t>Chak No 484north</t>
  </si>
  <si>
    <t>chak no 484 north</t>
  </si>
  <si>
    <t>Chak No 484 North</t>
  </si>
  <si>
    <t>Chayian No</t>
  </si>
  <si>
    <t>Sadia Sultan</t>
  </si>
  <si>
    <t>GPS PATTI ISHAQ MOHANA</t>
  </si>
  <si>
    <t>basti pahar pur moza Ahmed mohana</t>
  </si>
  <si>
    <t>Ahmad mohana</t>
  </si>
  <si>
    <t>GGCMS KEEMAY WALA BASTI NAU</t>
  </si>
  <si>
    <t>Qeemay Wala</t>
  </si>
  <si>
    <t>govt girls community model school keemay Wala Basti nau</t>
  </si>
  <si>
    <t>Keemay Wala</t>
  </si>
  <si>
    <t>Salehay Mehy</t>
  </si>
  <si>
    <t>zatoon anwar</t>
  </si>
  <si>
    <t>GGES 207 EB</t>
  </si>
  <si>
    <t>Chak 207eb</t>
  </si>
  <si>
    <t>chak 207eb</t>
  </si>
  <si>
    <t>207eb</t>
  </si>
  <si>
    <t>43605</t>
  </si>
  <si>
    <t>GES SABA ZAIR</t>
  </si>
  <si>
    <t>Saba Zair</t>
  </si>
  <si>
    <t>po dhuman village saba zair</t>
  </si>
  <si>
    <t>Tasawar hussain</t>
  </si>
  <si>
    <t>chah sultan wala daggar aulakh bhakkar</t>
  </si>
  <si>
    <t>Sultan wala</t>
  </si>
  <si>
    <t>GPS MUZAFFAR ABAD</t>
  </si>
  <si>
    <t>chah pakka Muzaffarabad</t>
  </si>
  <si>
    <t>TANVIR AHMAD</t>
  </si>
  <si>
    <t>35231</t>
  </si>
  <si>
    <t>GPS CHAK NO. 185/EB</t>
  </si>
  <si>
    <t>185/eb</t>
  </si>
  <si>
    <t>p.o  gaggoo tehsil burewala</t>
  </si>
  <si>
    <t>Mazhar Hayat</t>
  </si>
  <si>
    <t>GES SATELLITE TOWN</t>
  </si>
  <si>
    <t>A-Block Satellite Town Jhang</t>
  </si>
  <si>
    <t>GES DERA FAREEDI</t>
  </si>
  <si>
    <t>Bakhsho Bhattar</t>
  </si>
  <si>
    <t>Government Boys E/S Dera Fareedi. Thull  Hamza</t>
  </si>
  <si>
    <t>Muhammad shahid Iqbal</t>
  </si>
  <si>
    <t>GGPS NIKKO CHAK</t>
  </si>
  <si>
    <t>Kot Makhdoom</t>
  </si>
  <si>
    <t>Nikko chak</t>
  </si>
  <si>
    <t>Niko Chak</t>
  </si>
  <si>
    <t>Jhulan Arian</t>
  </si>
  <si>
    <t>Um-e-Salma</t>
  </si>
  <si>
    <t>GPS JAJJAL</t>
  </si>
  <si>
    <t>Post office  jajjal Tehsil Chunian District Kasur</t>
  </si>
  <si>
    <t>GGPS 584 GB</t>
  </si>
  <si>
    <t>athwal 584 gb</t>
  </si>
  <si>
    <t>584Gb</t>
  </si>
  <si>
    <t>Noor Ul Subha Waseem</t>
  </si>
  <si>
    <t>10697</t>
  </si>
  <si>
    <t>GES MANJHAY WALA</t>
  </si>
  <si>
    <t>ABahadar Gamu Sehole Gharbi</t>
  </si>
  <si>
    <t>p/o chak no 172 mouza gamu sehole chah manjhay wala</t>
  </si>
  <si>
    <t>Manjhay Wala</t>
  </si>
  <si>
    <t>GGPS NANDLA NO.2 NEAR SYED WALI KHOI</t>
  </si>
  <si>
    <t>Nandla</t>
  </si>
  <si>
    <t>GGPS Nandla No.2 syda wala bai pasd</t>
  </si>
  <si>
    <t>Basti Now</t>
  </si>
  <si>
    <t>Shahnaz Khan</t>
  </si>
  <si>
    <t>GGPS 133/16-L, MIAN CHANNU</t>
  </si>
  <si>
    <t>133/16L</t>
  </si>
  <si>
    <t>chak no 133/16_L</t>
  </si>
  <si>
    <t>CHAK NO 133/16 L</t>
  </si>
  <si>
    <t>Sana Latif</t>
  </si>
  <si>
    <t>37251</t>
  </si>
  <si>
    <t>GGPS HAMEED NAGRI, KHANEWAL</t>
  </si>
  <si>
    <t>Hameed Nagri</t>
  </si>
  <si>
    <t>Basti Hameed Nagri chak no 17/A.H</t>
  </si>
  <si>
    <t>16/V</t>
  </si>
  <si>
    <t>Maggi Noureena</t>
  </si>
  <si>
    <t>GES CHAK NO. 530/TDA</t>
  </si>
  <si>
    <t>Chak no 530TDA</t>
  </si>
  <si>
    <t>Chak no .530 TDA kotadu</t>
  </si>
  <si>
    <t>Chak No 530 TDA</t>
  </si>
  <si>
    <t>GGPS NABI SHAH BALA</t>
  </si>
  <si>
    <t>G.G p/s nbi shah bala</t>
  </si>
  <si>
    <t>Nbi Shah Bala</t>
  </si>
  <si>
    <t>13 Nb</t>
  </si>
  <si>
    <t>GGPS 77/1-L HAROON ABAD</t>
  </si>
  <si>
    <t>77/1-L</t>
  </si>
  <si>
    <t>77/1L p.o haroonabad</t>
  </si>
  <si>
    <t>77/1L</t>
  </si>
  <si>
    <t>Safina Habib</t>
  </si>
  <si>
    <t>GGPS 115 EB P/O THANA AHMAD YAR</t>
  </si>
  <si>
    <t>115 /E.B Teh Arifwala Disstt Pakpattan Sharif</t>
  </si>
  <si>
    <t>Nazia Ghous</t>
  </si>
  <si>
    <t>GPS 94/6-R</t>
  </si>
  <si>
    <t>946/r</t>
  </si>
  <si>
    <t>89/6r</t>
  </si>
  <si>
    <t>Kiran Angel</t>
  </si>
  <si>
    <t>GGES CHAK HOTIYANA,</t>
  </si>
  <si>
    <t>Qamar Din Hans</t>
  </si>
  <si>
    <t>Chak hotiana</t>
  </si>
  <si>
    <t>Chak Hotiana</t>
  </si>
  <si>
    <t>Moss Bohta</t>
  </si>
  <si>
    <t>33709</t>
  </si>
  <si>
    <t>GPS KOTLA ABUL FATEH P/O GPO MULTAN</t>
  </si>
  <si>
    <t>Chah Jand wala Kotla Abul Fateh P /O GPO Multan</t>
  </si>
  <si>
    <t>Chah Jand Wala</t>
  </si>
  <si>
    <t>Alamghir</t>
  </si>
  <si>
    <t>Qamar Zia</t>
  </si>
  <si>
    <t>GGPS AHLULAL</t>
  </si>
  <si>
    <t>Ahlulal</t>
  </si>
  <si>
    <t>GGPS Ahlulal</t>
  </si>
  <si>
    <t>Fakhrah Azam</t>
  </si>
  <si>
    <t>GGPS MAJHI WALA</t>
  </si>
  <si>
    <t>Kot Lal</t>
  </si>
  <si>
    <t>GGPS Majhi Wala Basti Kari Wala</t>
  </si>
  <si>
    <t>Chayian Wala</t>
  </si>
  <si>
    <t>Attia Anjum</t>
  </si>
  <si>
    <t>13122</t>
  </si>
  <si>
    <t>GGPS NEHAL TEJY KA</t>
  </si>
  <si>
    <t>Nehal Tejayka</t>
  </si>
  <si>
    <t>Nehal tejayka Tehsil Depalpur dist Okara</t>
  </si>
  <si>
    <t>Nehal Tejyka</t>
  </si>
  <si>
    <t>Bhgwan Pura</t>
  </si>
  <si>
    <t>Shumaila Gull</t>
  </si>
  <si>
    <t>GPS REHANA SAHU, P/O JODH PUR, KABIRWALA</t>
  </si>
  <si>
    <t>Rehana saho</t>
  </si>
  <si>
    <t>muza Rehana saho post office jodhpur tehsil kabirwala district khanewal</t>
  </si>
  <si>
    <t>GPS CHAK 308/HR SOUTH</t>
  </si>
  <si>
    <t>308hr</t>
  </si>
  <si>
    <t>chhak no308hr south</t>
  </si>
  <si>
    <t>308 Hr South</t>
  </si>
  <si>
    <t>311hr</t>
  </si>
  <si>
    <t>Hafiz Muhammad Asif</t>
  </si>
  <si>
    <t>GGPS MOHAL MOOSA</t>
  </si>
  <si>
    <t>Mohal Moosa Khan</t>
  </si>
  <si>
    <t>Sumera Yasmeen</t>
  </si>
  <si>
    <t>GGPS MURAAD WALA</t>
  </si>
  <si>
    <t>chah murad wala Muslim kot</t>
  </si>
  <si>
    <t>Saira Gull</t>
  </si>
  <si>
    <t>50351</t>
  </si>
  <si>
    <t>GGPS BANGIAL ABAD</t>
  </si>
  <si>
    <t>Mohalla Bangyalabad Darya Khan</t>
  </si>
  <si>
    <t>Samina Sabbah</t>
  </si>
  <si>
    <t>GGPS BASTI MAJEED GOHAR</t>
  </si>
  <si>
    <t>Shah Sadeq Nehang</t>
  </si>
  <si>
    <t>shah sadiq nehang chah r b wala tehsel shorkot district jhang</t>
  </si>
  <si>
    <t>Chah R B Wala</t>
  </si>
  <si>
    <t>Sonia Majeed</t>
  </si>
  <si>
    <t>GGES CHAK NO. 76/4-R AB</t>
  </si>
  <si>
    <t>76/4R</t>
  </si>
  <si>
    <t>Chak no 76/4R A-B</t>
  </si>
  <si>
    <t>Nusrat Shahid</t>
  </si>
  <si>
    <t>GMPS BINDI HAIDHAN</t>
  </si>
  <si>
    <t>Bindi Haidhen</t>
  </si>
  <si>
    <t>mouza bindi Haidhen</t>
  </si>
  <si>
    <t>mureed fatima</t>
  </si>
  <si>
    <t>GGPS UDHEY PUR</t>
  </si>
  <si>
    <t>Udhay Pur</t>
  </si>
  <si>
    <t>Udhay Pur khatan</t>
  </si>
  <si>
    <t>Farhat Naaz</t>
  </si>
  <si>
    <t>GPS 4/10-L</t>
  </si>
  <si>
    <t>4/10-L</t>
  </si>
  <si>
    <t>GES BAHAWAL PUR P/O CHOPRATTA ,SARAI SIDHU</t>
  </si>
  <si>
    <t>adda chopperhatta jhang road</t>
  </si>
  <si>
    <t>Copperhatta</t>
  </si>
  <si>
    <t>TAYYAB YAQOOB</t>
  </si>
  <si>
    <t>GPS CHAK NO. 529/TDA</t>
  </si>
  <si>
    <t>Chk#529 TDA</t>
  </si>
  <si>
    <t>chk#529 TDA</t>
  </si>
  <si>
    <t>Muhammad Yaquib</t>
  </si>
  <si>
    <t>44647</t>
  </si>
  <si>
    <t>GGPS CHAH SANGHERRA</t>
  </si>
  <si>
    <t>GGPS chah sanghera chak no 49 TDA</t>
  </si>
  <si>
    <t>Chak no 49 TDA</t>
  </si>
  <si>
    <t>Nafees Zohra</t>
  </si>
  <si>
    <t>GGPS CHAK NO. 134/16-L MOHSINWAL</t>
  </si>
  <si>
    <t>GGPS134/16-L,Mohsinwal</t>
  </si>
  <si>
    <t>134/16-L-Mohsinwal</t>
  </si>
  <si>
    <t>Adeeba Namat</t>
  </si>
  <si>
    <t>GGPS NEELIAN WALI</t>
  </si>
  <si>
    <t>Toba Rehman Toba Rehman Shah</t>
  </si>
  <si>
    <t>GGps Neelian wali. moza toba Rehman shah. soondha</t>
  </si>
  <si>
    <t>Neelian Wali</t>
  </si>
  <si>
    <t>Zahida Kanwal</t>
  </si>
  <si>
    <t>GPS CHAK NO 163 JB</t>
  </si>
  <si>
    <t>Chak N0 163</t>
  </si>
  <si>
    <t>Chak No.163 J-B Teh @ District Jhang.</t>
  </si>
  <si>
    <t>Chak No163</t>
  </si>
  <si>
    <t>Chak No159</t>
  </si>
  <si>
    <t>GGCMS CHAK NO 95/6-R</t>
  </si>
  <si>
    <t>GGCMS CHACK NO.95/6.R</t>
  </si>
  <si>
    <t>GPS CHAK NO. 611/TDA</t>
  </si>
  <si>
    <t>Chak No 611</t>
  </si>
  <si>
    <t>chak no 611 tda tehsil kot adu disst Muzaffargarh</t>
  </si>
  <si>
    <t>Chak No 611/tda</t>
  </si>
  <si>
    <t>GGPS CHAK NO. 210/9-R</t>
  </si>
  <si>
    <t>210/9r</t>
  </si>
  <si>
    <t>210/9R</t>
  </si>
  <si>
    <t>226/9R</t>
  </si>
  <si>
    <t>GES 90 D</t>
  </si>
  <si>
    <t>90d</t>
  </si>
  <si>
    <t>chak number 90 / D tehsil dstrict pakpattan</t>
  </si>
  <si>
    <t>96d</t>
  </si>
  <si>
    <t>GPS CHAK 140/P</t>
  </si>
  <si>
    <t>140/p</t>
  </si>
  <si>
    <t>140/p Tahsil/District ryk</t>
  </si>
  <si>
    <t>Muhammad Anwer Nasir</t>
  </si>
  <si>
    <t>GPS MACHIKE</t>
  </si>
  <si>
    <t>machike</t>
  </si>
  <si>
    <t>adil town machile</t>
  </si>
  <si>
    <t>Machike</t>
  </si>
  <si>
    <t>36754</t>
  </si>
  <si>
    <t>GPS KHUNDA HERAJ, SARAI SIDHU</t>
  </si>
  <si>
    <t>Khunda Hiraj</t>
  </si>
  <si>
    <t>khunda hiraj</t>
  </si>
  <si>
    <t>52346</t>
  </si>
  <si>
    <t>GGES 2 SP CHANBA</t>
  </si>
  <si>
    <t>2sp Chamba</t>
  </si>
  <si>
    <t>GGES 2 sp chamba.</t>
  </si>
  <si>
    <t>3sp Gyana</t>
  </si>
  <si>
    <t>925652</t>
  </si>
  <si>
    <t>GGCMPS CHAK 178 GB</t>
  </si>
  <si>
    <t>178GB Gogha</t>
  </si>
  <si>
    <t>chak#178G.B</t>
  </si>
  <si>
    <t>GGPS KAT SARVAIR</t>
  </si>
  <si>
    <t>Said Sir Akan Wala</t>
  </si>
  <si>
    <t>Kat Sarvair post office Jandwala district Bwn</t>
  </si>
  <si>
    <t>Kat Sarvair</t>
  </si>
  <si>
    <t>Anis Kausar</t>
  </si>
  <si>
    <t>50853</t>
  </si>
  <si>
    <t>GPS 87/6-R CHUBARAY WALI</t>
  </si>
  <si>
    <t>87/6R Chubarewali</t>
  </si>
  <si>
    <t>87/6R chubarewali</t>
  </si>
  <si>
    <t>87/A6rchubarewali</t>
  </si>
  <si>
    <t>Hafiz M Akhter Hussain</t>
  </si>
  <si>
    <t>54438</t>
  </si>
  <si>
    <t>GPS BUDDHAY</t>
  </si>
  <si>
    <t>Buddhay</t>
  </si>
  <si>
    <t>buddhay p/o bucheki distt &amp;teh nankana sahib</t>
  </si>
  <si>
    <t>Burkhardar</t>
  </si>
  <si>
    <t>GES BHENI NANAK WALI, P/O MOUZA JODH PUR, KABIRWALA</t>
  </si>
  <si>
    <t>ges bhanni nanak wali</t>
  </si>
  <si>
    <t>Bhanni Nanak Wali</t>
  </si>
  <si>
    <t>39829</t>
  </si>
  <si>
    <t>GPS JAVED ABAD P/O SIKANDARABAD MULTAN</t>
  </si>
  <si>
    <t>Ferooz Pur</t>
  </si>
  <si>
    <t>Moza Ferooz Pur p/o sikandar abad</t>
  </si>
  <si>
    <t>44845</t>
  </si>
  <si>
    <t>GPS TIBBI NOOR SHAH</t>
  </si>
  <si>
    <t>Tibbi Noor Shah thseel Disstt Bhakkar</t>
  </si>
  <si>
    <t>Tibbi Noor Shah</t>
  </si>
  <si>
    <t>M Nayyar Abbas</t>
  </si>
  <si>
    <t>54696</t>
  </si>
  <si>
    <t>GGPS BAREET JAHANGIR</t>
  </si>
  <si>
    <t>Abdi JAahangir Breet</t>
  </si>
  <si>
    <t>GGPS  Abadi Jahangir Breet</t>
  </si>
  <si>
    <t>Abadi Jahangir  Breet Jahangir</t>
  </si>
  <si>
    <t>Breet</t>
  </si>
  <si>
    <t>Yasmeen Ameen</t>
  </si>
  <si>
    <t>GGPS CHAK NO. 604 TDA</t>
  </si>
  <si>
    <t>Chak no 604</t>
  </si>
  <si>
    <t>Chak No 604</t>
  </si>
  <si>
    <t>36493</t>
  </si>
  <si>
    <t>GPS CHAK NO. 85/WB</t>
  </si>
  <si>
    <t>Chak No 85/wb</t>
  </si>
  <si>
    <t>chak no 85-WB</t>
  </si>
  <si>
    <t>85/wb</t>
  </si>
  <si>
    <t>Imran Ahmad Khan</t>
  </si>
  <si>
    <t>GPS THATTA PURBANA BALA</t>
  </si>
  <si>
    <t>Thatha Purbana Bala</t>
  </si>
  <si>
    <t>GPS thatha Purbana Bala</t>
  </si>
  <si>
    <t>GGPS QADIR PUR NO. 2</t>
  </si>
  <si>
    <t>post offce meray shah bsti nzam abd moza qadir pur1</t>
  </si>
  <si>
    <t>NASIRA KHALIL</t>
  </si>
  <si>
    <t>48922</t>
  </si>
  <si>
    <t>GGES SAIDOWANA</t>
  </si>
  <si>
    <t>Saidowana</t>
  </si>
  <si>
    <t>Govt girls middle school tehsil &amp; district sargodha</t>
  </si>
  <si>
    <t>88sb</t>
  </si>
  <si>
    <t>Hadia Nasreen</t>
  </si>
  <si>
    <t>GGPS CHAK 629 GB LUNDIANWALA</t>
  </si>
  <si>
    <t>bagi dul</t>
  </si>
  <si>
    <t>chak no 629 gb lundinwala</t>
  </si>
  <si>
    <t>629gb</t>
  </si>
  <si>
    <t>Lubna Islam</t>
  </si>
  <si>
    <t>GPS BEIT MIR ABDULLAH</t>
  </si>
  <si>
    <t>Basti sherabad Moza Sheen wala ryk</t>
  </si>
  <si>
    <t>Sher Abad</t>
  </si>
  <si>
    <t>Martaza Abad</t>
  </si>
  <si>
    <t>Muhammad Mubarak</t>
  </si>
  <si>
    <t>GGPS CHAK 12/1-R</t>
  </si>
  <si>
    <t>12/1r</t>
  </si>
  <si>
    <t>Govt. Girls  P/S 12/1.r</t>
  </si>
  <si>
    <t>SHAZIA ANJUM</t>
  </si>
  <si>
    <t>GGES 204/TDA</t>
  </si>
  <si>
    <t>Karrari Kot</t>
  </si>
  <si>
    <t>Dolat Wala, Chak No. 204 TDA</t>
  </si>
  <si>
    <t>Chak No 204 TDA</t>
  </si>
  <si>
    <t>GES ISLAMIA JAFARIA SURAJ MIANI</t>
  </si>
  <si>
    <t>ges islamia jafria suraj miani multan</t>
  </si>
  <si>
    <t>Suraj Miani</t>
  </si>
  <si>
    <t>GGPS ASLAM ABAD</t>
  </si>
  <si>
    <t>Bakhoo</t>
  </si>
  <si>
    <t>basti bubar aslamabad rajanpur</t>
  </si>
  <si>
    <t>Aslamabad</t>
  </si>
  <si>
    <t>GPS SOKAR NO 1</t>
  </si>
  <si>
    <t>Sokar Centre</t>
  </si>
  <si>
    <t>Hafiz Altaf Hussain</t>
  </si>
  <si>
    <t>28215</t>
  </si>
  <si>
    <t>GES PHALIA AMIR</t>
  </si>
  <si>
    <t>Phalia Ameer</t>
  </si>
  <si>
    <t>Sayyed Sajjad Haider Kazmi</t>
  </si>
  <si>
    <t>GGES MC JADEED NO.2 THATHI GHARBI</t>
  </si>
  <si>
    <t>mohallah thatti gharbi chiniot</t>
  </si>
  <si>
    <t>Mohallah Rajay Wali</t>
  </si>
  <si>
    <t>Basti Khalti U /C Tibbi Lundan Tehsil Jampur Distt.Rajanpur</t>
  </si>
  <si>
    <t>Syed Shahanshah Hussain</t>
  </si>
  <si>
    <t>Local Community</t>
  </si>
  <si>
    <t>47994</t>
  </si>
  <si>
    <t>GGPS KALU</t>
  </si>
  <si>
    <t>Kacha kalo</t>
  </si>
  <si>
    <t>Kanwal Nawaz</t>
  </si>
  <si>
    <t>GES CHAK 236 GB</t>
  </si>
  <si>
    <t>Kot Daya Kishan</t>
  </si>
  <si>
    <t>Chak No 236 GB TEHSILNJARANWALA DISTRICT FAISALABAD</t>
  </si>
  <si>
    <t>Chak No 236 GB</t>
  </si>
  <si>
    <t>Chak NO 236 GB</t>
  </si>
  <si>
    <t>12939</t>
  </si>
  <si>
    <t>GPS CHAK ABUL FATEH</t>
  </si>
  <si>
    <t>Kachi Saidu Khan</t>
  </si>
  <si>
    <t>Supper No 4 Kachi Saudu Khan</t>
  </si>
  <si>
    <t>Supper No 4</t>
  </si>
  <si>
    <t>That Qureishi</t>
  </si>
  <si>
    <t>49777</t>
  </si>
  <si>
    <t>GPS CHAK NO. 150 NB</t>
  </si>
  <si>
    <t>150nb</t>
  </si>
  <si>
    <t>chak no 150 N.B</t>
  </si>
  <si>
    <t>Chak 150 NB</t>
  </si>
  <si>
    <t>Lakhuwana</t>
  </si>
  <si>
    <t>Asmat Ullah Khan</t>
  </si>
  <si>
    <t>Dhupsari</t>
  </si>
  <si>
    <t>mohala kabeer khel mochh</t>
  </si>
  <si>
    <t>DHUPSARI</t>
  </si>
  <si>
    <t>GMPS KOTLI KHOKHRAN KHURD</t>
  </si>
  <si>
    <t>Kotli Khokhran Khurd</t>
  </si>
  <si>
    <t>kotli khokhran khurd</t>
  </si>
  <si>
    <t>Tayba Amanat</t>
  </si>
  <si>
    <t>21816</t>
  </si>
  <si>
    <t>GPS CHORAY WALA WARAH</t>
  </si>
  <si>
    <t>choray wala warah haitu</t>
  </si>
  <si>
    <t>choray wala warah</t>
  </si>
  <si>
    <t>kalwal daggar</t>
  </si>
  <si>
    <t>Naeem Hassan Khan</t>
  </si>
  <si>
    <t>GGPS CHAK NO 89/5-R</t>
  </si>
  <si>
    <t>Sarang Wala</t>
  </si>
  <si>
    <t>chak No 89/5r</t>
  </si>
  <si>
    <t>Chak No 89/5-r</t>
  </si>
  <si>
    <t>Nasreen Akhter Noor</t>
  </si>
  <si>
    <t>GGHS MUNCIPAL MODEL AKRAM ALI KHAN ROAD</t>
  </si>
  <si>
    <t>Akram ali Khan road gujrat</t>
  </si>
  <si>
    <t>Rozina Anjum Qureshi</t>
  </si>
  <si>
    <t>3.95075e+007</t>
  </si>
  <si>
    <t>29077</t>
  </si>
  <si>
    <t>GES NIZAM PURA</t>
  </si>
  <si>
    <t>Nizam pura</t>
  </si>
  <si>
    <t>ABDUL HAMEED RIZWAN</t>
  </si>
  <si>
    <t>GPS HUJJAN</t>
  </si>
  <si>
    <t>GGPS CHAK NO 134/1-L</t>
  </si>
  <si>
    <t>134 /1L</t>
  </si>
  <si>
    <t>GGPS134/1L</t>
  </si>
  <si>
    <t>sheikha Bhatta</t>
  </si>
  <si>
    <t>GGPS DHUNI DAIL DARZIAN WALA</t>
  </si>
  <si>
    <t>village dhuni dave darzianwala</t>
  </si>
  <si>
    <t>Darzianwala</t>
  </si>
  <si>
    <t>SAKINA SHAHIN</t>
  </si>
  <si>
    <t>GGES 128 WB</t>
  </si>
  <si>
    <t>Chakno 128 wb</t>
  </si>
  <si>
    <t>chakno 128 w.b</t>
  </si>
  <si>
    <t>Chakno  128 wb</t>
  </si>
  <si>
    <t>GMPS KIRPARAM</t>
  </si>
  <si>
    <t>Kirpa Ram</t>
  </si>
  <si>
    <t>GMPS Kirpa Ram</t>
  </si>
  <si>
    <t>8049</t>
  </si>
  <si>
    <t>GPS CHAH SULIMAN</t>
  </si>
  <si>
    <t>Qamar Din Hance</t>
  </si>
  <si>
    <t>Basti Chah Suleman</t>
  </si>
  <si>
    <t>Mosa Bhota</t>
  </si>
  <si>
    <t>MUHAMMAD KHALEEL ASHRAF</t>
  </si>
  <si>
    <t>GGPS NIAZ ABAD, CHISHTIAN</t>
  </si>
  <si>
    <t>Basti Niaz abad</t>
  </si>
  <si>
    <t>Niaz Abad</t>
  </si>
  <si>
    <t>Umme Salma</t>
  </si>
  <si>
    <t>GGPS CHAK NO.178 TDA</t>
  </si>
  <si>
    <t>Ggps Chak 178tda</t>
  </si>
  <si>
    <t>.chak no 178tda</t>
  </si>
  <si>
    <t>Chak No 178tda</t>
  </si>
  <si>
    <t>Daggar Waghwara</t>
  </si>
  <si>
    <t>7277</t>
  </si>
  <si>
    <t>GGES LOW INCOME SCHEME NO.2 MODEL TOWN</t>
  </si>
  <si>
    <t>ModelTown</t>
  </si>
  <si>
    <t>F</t>
  </si>
  <si>
    <t>GGPS ILLYAS WALA</t>
  </si>
  <si>
    <t>Khokhr</t>
  </si>
  <si>
    <t>p.o mehmood kot basti khandoya moza khokhr tehsil kot addu distt muzaffargarh</t>
  </si>
  <si>
    <t>Basti khandoya</t>
  </si>
  <si>
    <t>Syeda Masooma Nisar</t>
  </si>
  <si>
    <t>GPS BATI SAWAI NO 2</t>
  </si>
  <si>
    <t>Bait Sawai</t>
  </si>
  <si>
    <t>p/o Shadan Lund Distt.&amp;Tehsil Dera Ghazi Khan</t>
  </si>
  <si>
    <t>Basti Yar Basti Yar Muhammad Muhammad  Sehani</t>
  </si>
  <si>
    <t>GES KHUT PUR SANDA, SARAI SIDHU</t>
  </si>
  <si>
    <t>Ges khat pur sanda kund sargana</t>
  </si>
  <si>
    <t>GES 128/15-L, MIAN CHANNU</t>
  </si>
  <si>
    <t>chak #128/15-l mian channu khanewal</t>
  </si>
  <si>
    <t>129/15-l</t>
  </si>
  <si>
    <t>GGPS CHAK NO. 61/SP</t>
  </si>
  <si>
    <t>61/SP</t>
  </si>
  <si>
    <t>ggps61sp, post office malka hans</t>
  </si>
  <si>
    <t>61sp</t>
  </si>
  <si>
    <t>30612</t>
  </si>
  <si>
    <t>GGES GOHAWA</t>
  </si>
  <si>
    <t>Gohawa</t>
  </si>
  <si>
    <t>gohawa Lahore cantt</t>
  </si>
  <si>
    <t>Contonmant Board</t>
  </si>
  <si>
    <t>Mahvish Zafer</t>
  </si>
  <si>
    <t>GGPS MUHAMMAD ISHAQ</t>
  </si>
  <si>
    <t>p/o rasoolpur teh jampur distt rajanpur</t>
  </si>
  <si>
    <t>Allahabad Gharbi</t>
  </si>
  <si>
    <t>Azra Tasleem</t>
  </si>
  <si>
    <t>GPS CHAK NO.146 NB</t>
  </si>
  <si>
    <t>Chak No 146 N B</t>
  </si>
  <si>
    <t>Chai No 146 N B Teh Sillanwali Sargodha</t>
  </si>
  <si>
    <t>Chai No 146 N B</t>
  </si>
  <si>
    <t>Chai No 147/148 N B</t>
  </si>
  <si>
    <t>17111</t>
  </si>
  <si>
    <t>GGPS CHAK 158 GB KHAKHAIN</t>
  </si>
  <si>
    <t>Khakha</t>
  </si>
  <si>
    <t>Khakha 158</t>
  </si>
  <si>
    <t>tahmina Bibi</t>
  </si>
  <si>
    <t>35423</t>
  </si>
  <si>
    <t>GGPS CHAK NO.433/EB(DERA)</t>
  </si>
  <si>
    <t>433 EB</t>
  </si>
  <si>
    <t>Chak No. 433/EB, Burewala</t>
  </si>
  <si>
    <t>54272</t>
  </si>
  <si>
    <t>GGPS CHAK NO. 40 MB</t>
  </si>
  <si>
    <t>Chak # 40mb</t>
  </si>
  <si>
    <t>chak # 40 Mb tahsil &amp; dist khushab</t>
  </si>
  <si>
    <t>Chak # 40 Mb</t>
  </si>
  <si>
    <t>GPS CHAK NO.101/ML</t>
  </si>
  <si>
    <t>chak # 101/ML</t>
  </si>
  <si>
    <t>101/ML</t>
  </si>
  <si>
    <t>MUHAMMAD IDREES</t>
  </si>
  <si>
    <t>15339</t>
  </si>
  <si>
    <t>27305</t>
  </si>
  <si>
    <t>GPS CHANNI REHMAT KHAN</t>
  </si>
  <si>
    <t>Channi Rehmat Khan</t>
  </si>
  <si>
    <t>GPS Channi Rehmat Khan</t>
  </si>
  <si>
    <t>GGES MUZAFAR PUR</t>
  </si>
  <si>
    <t>muzafarpur</t>
  </si>
  <si>
    <t>Amber Salfi</t>
  </si>
  <si>
    <t>47572</t>
  </si>
  <si>
    <t>GGPS SAIDU KHEL SHARQI PO SAMAND WALA</t>
  </si>
  <si>
    <t>Bhurion  Wala</t>
  </si>
  <si>
    <t>ggps saidu khale shurki samand wala</t>
  </si>
  <si>
    <t>Noymah Anjum Hashmi</t>
  </si>
  <si>
    <t>GGPS SHAKAR PARI PIPLAN</t>
  </si>
  <si>
    <t>Mulllah Mustfabad</t>
  </si>
  <si>
    <t>Mullah mustfbad shakrparian</t>
  </si>
  <si>
    <t>Tibba Mehrban</t>
  </si>
  <si>
    <t>41809</t>
  </si>
  <si>
    <t>GES KHASALAA KALLAN</t>
  </si>
  <si>
    <t>Khasala Kallan</t>
  </si>
  <si>
    <t>GES Khasala Kallan adyala road Rawalpindi</t>
  </si>
  <si>
    <t>Hafiz Muhammad Salman Khurshid</t>
  </si>
  <si>
    <t>15182</t>
  </si>
  <si>
    <t>GGPS CHAK 89 GB SATIANA</t>
  </si>
  <si>
    <t>89 Gb</t>
  </si>
  <si>
    <t>chak no 89 gb</t>
  </si>
  <si>
    <t>Chak No 89 Gb</t>
  </si>
  <si>
    <t>Manza bibi</t>
  </si>
  <si>
    <t>GGCMS KHURSHID ABAD</t>
  </si>
  <si>
    <t>Govt Girls Community Model School Khursheedabad</t>
  </si>
  <si>
    <t>khursheedabad</t>
  </si>
  <si>
    <t>Mc  M  Garh</t>
  </si>
  <si>
    <t>GGES CHAK NO. 341/TDA</t>
  </si>
  <si>
    <t>chak no 341 tda layyah</t>
  </si>
  <si>
    <t>341 Tda</t>
  </si>
  <si>
    <t>Najma Nazir</t>
  </si>
  <si>
    <t>GGPS QILA BHATIAN</t>
  </si>
  <si>
    <t>Qila Bhatian</t>
  </si>
  <si>
    <t>Qila bhatian P.O.Tatlay Aali Tehsile Nowshera virkan Gujranwala</t>
  </si>
  <si>
    <t>Safia Abdul Ghani</t>
  </si>
  <si>
    <t>GPS LARRA</t>
  </si>
  <si>
    <t>GPS Larra</t>
  </si>
  <si>
    <t>Karlowala</t>
  </si>
  <si>
    <t>Mohammad Siraj ud Din</t>
  </si>
  <si>
    <t>GGPS NO. 2 KALA BAGH</t>
  </si>
  <si>
    <t>Kala Bagh</t>
  </si>
  <si>
    <t>nawab saib kala bagh tehsil isa khel distt mianwali</t>
  </si>
  <si>
    <t>shaveen akhter</t>
  </si>
  <si>
    <t>37174</t>
  </si>
  <si>
    <t>GPS 63/10-R, P/O 73/10-R, KHANEWAL</t>
  </si>
  <si>
    <t>chak No 63/10R</t>
  </si>
  <si>
    <t>Chak no 63-10R p/o 73-10R khanewal</t>
  </si>
  <si>
    <t>Chak No 63/10R</t>
  </si>
  <si>
    <t>Chak no 43-10R</t>
  </si>
  <si>
    <t>muhammad ishfaq</t>
  </si>
  <si>
    <t>Patti Sami</t>
  </si>
  <si>
    <t>patti sami terko adda tehsil choubara district layyah</t>
  </si>
  <si>
    <t>GGCMS BEHKARI</t>
  </si>
  <si>
    <t>VPO Behkri</t>
  </si>
  <si>
    <t>Jabirpur</t>
  </si>
  <si>
    <t>Amina Mahroof</t>
  </si>
  <si>
    <t>GGPS MUMTAZ NABI PURA GULBERG-III</t>
  </si>
  <si>
    <t>Shora Kothi</t>
  </si>
  <si>
    <t>118-LDA ShoraKothi Gulberg-II Lahore</t>
  </si>
  <si>
    <t>Gullberg</t>
  </si>
  <si>
    <t>Gulberg-II</t>
  </si>
  <si>
    <t>Tahira Khushi</t>
  </si>
  <si>
    <t>51964</t>
  </si>
  <si>
    <t>GPS ISLAM NAGAR P.O 131 EB</t>
  </si>
  <si>
    <t>Islam nagar p.o 131/e.b</t>
  </si>
  <si>
    <t>Umar Altaf</t>
  </si>
  <si>
    <t>GGPS SEAGO BHAGOO</t>
  </si>
  <si>
    <t>Sago Bago</t>
  </si>
  <si>
    <t>village sago bago</t>
  </si>
  <si>
    <t>Chak Chudry</t>
  </si>
  <si>
    <t>dhup sari tehsil district mian wali</t>
  </si>
  <si>
    <t>Quereshian</t>
  </si>
  <si>
    <t>Aasia Fatima</t>
  </si>
  <si>
    <t>GPS CHAK NO.188/EB</t>
  </si>
  <si>
    <t>Mian Pakhi</t>
  </si>
  <si>
    <t>Chak no. 188/EB Mian Pakhi Tehsile &amp; District Vehari.</t>
  </si>
  <si>
    <t>188/EB</t>
  </si>
  <si>
    <t>GPS KALU AHMADANI</t>
  </si>
  <si>
    <t>Bakherwah</t>
  </si>
  <si>
    <t>Bakherwah sharqi basti kalu khan ahmdani</t>
  </si>
  <si>
    <t>Kalu Khan Ahmdani</t>
  </si>
  <si>
    <t>Wanjhera</t>
  </si>
  <si>
    <t>chah Usman Wala p/o kot sultan layyah</t>
  </si>
  <si>
    <t>Chah Usman Wala</t>
  </si>
  <si>
    <t>shamem akhtar</t>
  </si>
  <si>
    <t>GGPS CHAK 700/42 GB</t>
  </si>
  <si>
    <t>Chak No 700/42gb</t>
  </si>
  <si>
    <t>GGPS700/42gb</t>
  </si>
  <si>
    <t>Chak No 326gb</t>
  </si>
  <si>
    <t>SAFINA KOUSAR</t>
  </si>
  <si>
    <t>42264</t>
  </si>
  <si>
    <t>GGPS SANGARI</t>
  </si>
  <si>
    <t>village sangri tehsil kotli sattian dist. Rwp</t>
  </si>
  <si>
    <t>Lehtraar</t>
  </si>
  <si>
    <t>Batool Shaheen</t>
  </si>
  <si>
    <t>30217</t>
  </si>
  <si>
    <t>GES CHARAR</t>
  </si>
  <si>
    <t>charrar</t>
  </si>
  <si>
    <t>Charrar E block DHA Lahore Cantt</t>
  </si>
  <si>
    <t>Walton Cantt</t>
  </si>
  <si>
    <t>NASRULLAH KHAN</t>
  </si>
  <si>
    <t>GGCMS CHABRI ZAREEN</t>
  </si>
  <si>
    <t>rukh chabri zairin</t>
  </si>
  <si>
    <t>chabri zairin</t>
  </si>
  <si>
    <t>chabri bala</t>
  </si>
  <si>
    <t>25451</t>
  </si>
  <si>
    <t>GMPS MERAN PINDI</t>
  </si>
  <si>
    <t>meran pindi</t>
  </si>
  <si>
    <t>meran pindi village</t>
  </si>
  <si>
    <t>Sadia Ali</t>
  </si>
  <si>
    <t>GGES QIAM PUR</t>
  </si>
  <si>
    <t>Qiam Pur</t>
  </si>
  <si>
    <t>GGES Qiam pur</t>
  </si>
  <si>
    <t>Akber Ganoki</t>
  </si>
  <si>
    <t>GGPS 99/M ADAM WAHAN</t>
  </si>
  <si>
    <t>99m Thali Wala</t>
  </si>
  <si>
    <t>rangpur thali wala 99/m lodhran</t>
  </si>
  <si>
    <t>Rang Pur Thali Wala</t>
  </si>
  <si>
    <t>samera nasiem</t>
  </si>
  <si>
    <t>GMPS DHERI LAGAL</t>
  </si>
  <si>
    <t>Dheri lagal</t>
  </si>
  <si>
    <t>Dheri lagal p/o sheen bagh kalan Attock</t>
  </si>
  <si>
    <t>surag salar</t>
  </si>
  <si>
    <t>Faiza Haroon</t>
  </si>
  <si>
    <t>GMMS DONA KARIM NAGAR CHAK 49/NP</t>
  </si>
  <si>
    <t>Bait Meer Ahmad</t>
  </si>
  <si>
    <t>P/O Abad pur , Tehseel,District , Rahim Yar Khan</t>
  </si>
  <si>
    <t>Muhammad Aslam Shaheen</t>
  </si>
  <si>
    <t>GGES CHAK NO.9/DRB</t>
  </si>
  <si>
    <t>9 drb</t>
  </si>
  <si>
    <t>9drb</t>
  </si>
  <si>
    <t>derawer</t>
  </si>
  <si>
    <t>Sumera Akhtar</t>
  </si>
  <si>
    <t>GGPS JAUHARABAD MORE COLONY SANDRAL</t>
  </si>
  <si>
    <t>Jauharabad More</t>
  </si>
  <si>
    <t>jauharabad More</t>
  </si>
  <si>
    <t>Rabia Maqsood</t>
  </si>
  <si>
    <t>GPS SHER GARH MOHALLA NOOR SHAH</t>
  </si>
  <si>
    <t>Mohallah Noor shah Shergarh</t>
  </si>
  <si>
    <t>Muhammad Riaz Mubashar</t>
  </si>
  <si>
    <t>GPS BAGHIANA PO SADDAR GOGERA</t>
  </si>
  <si>
    <t>Baghiana</t>
  </si>
  <si>
    <t>baghiana</t>
  </si>
  <si>
    <t>37/GD</t>
  </si>
  <si>
    <t>Muhammad Nawaz Shaheen</t>
  </si>
  <si>
    <t>GPS CHAH LURKANI</t>
  </si>
  <si>
    <t>Chah lurkani</t>
  </si>
  <si>
    <t>Chah Lurkani</t>
  </si>
  <si>
    <t>Kakki Nau Soim</t>
  </si>
  <si>
    <t>Muhammad Safdar Abbas</t>
  </si>
  <si>
    <t>GGPS BHORA NASEEB</t>
  </si>
  <si>
    <t>Bhura Naseeb</t>
  </si>
  <si>
    <t>Village Bhura naseeb post office Bhura Hayal tehsil kahuta district rawalpindi</t>
  </si>
  <si>
    <t>Sofia Kanwal</t>
  </si>
  <si>
    <t>GPS GULPUR HITHAR</t>
  </si>
  <si>
    <t>Gulpur Hithar</t>
  </si>
  <si>
    <t>mauza gulpur hithar tehsil khairpur tamewali district bahawalpur</t>
  </si>
  <si>
    <t>Enaam Ul Haq</t>
  </si>
  <si>
    <t>GPS GHULAMOON KHAKHI</t>
  </si>
  <si>
    <t>Ghulamun Khakhi</t>
  </si>
  <si>
    <t>mouza ghulamoon khakhi teh:ahmadpureast distt bwp</t>
  </si>
  <si>
    <t>Ghulamoon Khakhi</t>
  </si>
  <si>
    <t>Khairpurdaha</t>
  </si>
  <si>
    <t>GGES RAEES ABAD, TULAMBA</t>
  </si>
  <si>
    <t>Ariwala</t>
  </si>
  <si>
    <t>ggms raeesabad tulambs markaz 5 miachanu</t>
  </si>
  <si>
    <t>Raeesabad</t>
  </si>
  <si>
    <t>Noorisohag</t>
  </si>
  <si>
    <t>Mahjabeen Sajid</t>
  </si>
  <si>
    <t>GPS MODEL MARI ELACHI KHAN BAHAWALPUR</t>
  </si>
  <si>
    <t>marri ellaichi</t>
  </si>
  <si>
    <t>Marri Ellaichi</t>
  </si>
  <si>
    <t>City 5</t>
  </si>
  <si>
    <t>Nuzhat  Kanwal</t>
  </si>
  <si>
    <t>44776</t>
  </si>
  <si>
    <t>GGPS SIKANDAR WALA</t>
  </si>
  <si>
    <t>Khansr</t>
  </si>
  <si>
    <t>chah sikandr wala</t>
  </si>
  <si>
    <t>Amrina Bibi</t>
  </si>
  <si>
    <t>GGES RAWAL</t>
  </si>
  <si>
    <t>gges rawal</t>
  </si>
  <si>
    <t>Fouzia Shaheen</t>
  </si>
  <si>
    <t>GGES CHAK NO. 32</t>
  </si>
  <si>
    <t>chak 32</t>
  </si>
  <si>
    <t>Phullani</t>
  </si>
  <si>
    <t>GGES BHUMB WALA 114/T</t>
  </si>
  <si>
    <t>114TDA BHUMB WALA PO BASTI SIBBANI TEHSIL KAROR DIST.LAYYAH</t>
  </si>
  <si>
    <t>Bhumb Wala</t>
  </si>
  <si>
    <t>BENAZEER KHALID</t>
  </si>
  <si>
    <t>13583</t>
  </si>
  <si>
    <t>GGPS BASTI HAFIZ</t>
  </si>
  <si>
    <t>cha sendhar wala muaza kotla dewan</t>
  </si>
  <si>
    <t>Basti Sendhar Wala</t>
  </si>
  <si>
    <t>Najma Abdullah</t>
  </si>
  <si>
    <t>GGPS 15/BC BWP SADDAR</t>
  </si>
  <si>
    <t>15/bc Sharqi</t>
  </si>
  <si>
    <t>chak no 15/bc</t>
  </si>
  <si>
    <t>Chak No 15/bc</t>
  </si>
  <si>
    <t>Nosheen Zubair</t>
  </si>
  <si>
    <t>GGPS ADLIAL</t>
  </si>
  <si>
    <t>govt. girls primary school adlial mohalla mehfoozabad sabhral</t>
  </si>
  <si>
    <t>Shaheen Akram</t>
  </si>
  <si>
    <t>42084</t>
  </si>
  <si>
    <t>GPS AKSAR KHAN</t>
  </si>
  <si>
    <t>Dhoke Porr</t>
  </si>
  <si>
    <t>Village Dhoke Aksar Khan. P.O. Sangjani. Teh:Taxila. Distt: Rawalpindi</t>
  </si>
  <si>
    <t>Dhoke Aksar Khan</t>
  </si>
  <si>
    <t>Baber Hussain</t>
  </si>
  <si>
    <t>41464</t>
  </si>
  <si>
    <t>GGPS DEWAL NO.1</t>
  </si>
  <si>
    <t>vpo dewal murree rwp</t>
  </si>
  <si>
    <t>Dewal Sharif</t>
  </si>
  <si>
    <t>Summera Anis</t>
  </si>
  <si>
    <t>GGPS BOHAR BASTI BOHAR MULTAN</t>
  </si>
  <si>
    <t>ggps boasti bohar tehseel multan saddar district mutan</t>
  </si>
  <si>
    <t>Surriya begum</t>
  </si>
  <si>
    <t>GES FAZAL ABAD NO. 2</t>
  </si>
  <si>
    <t>Thull Wazir Khan</t>
  </si>
  <si>
    <t>Adda Muhammad pur</t>
  </si>
  <si>
    <t>44423</t>
  </si>
  <si>
    <t>GPS CHAK NO 26 TDA</t>
  </si>
  <si>
    <t>chak NO.  26 TDA</t>
  </si>
  <si>
    <t>Chah Bhatta</t>
  </si>
  <si>
    <t>rom</t>
  </si>
  <si>
    <t>government girls primary school Ahmad nagar.</t>
  </si>
  <si>
    <t>Ahmad Nagr</t>
  </si>
  <si>
    <t>GGPS BHASEEN</t>
  </si>
  <si>
    <t>ggps Bhaseen</t>
  </si>
  <si>
    <t>Bakhsha</t>
  </si>
  <si>
    <t>ruqia Salma</t>
  </si>
  <si>
    <t>aaliwahan p/o hatheji</t>
  </si>
  <si>
    <t>Hafiz Muhammad Jamil</t>
  </si>
  <si>
    <t>28567</t>
  </si>
  <si>
    <t>GMPS ZULFIQAR ALI BHUTTO SHAHEED ARZANI</t>
  </si>
  <si>
    <t>Arzani</t>
  </si>
  <si>
    <t>Government Model Primery School Arzani tehsil phalia Dist M.B.Din1980</t>
  </si>
  <si>
    <t>Hagerwallah</t>
  </si>
  <si>
    <t>Samia Munir</t>
  </si>
  <si>
    <t>GGPS SULTAN PUR NOON</t>
  </si>
  <si>
    <t>Sultan Pur Noon</t>
  </si>
  <si>
    <t>sultan pur noon,bhalwal</t>
  </si>
  <si>
    <t>49-NB - FEMALE</t>
  </si>
  <si>
    <t>Awanabad</t>
  </si>
  <si>
    <t>Ggps awanabad sargodha</t>
  </si>
  <si>
    <t>104sb</t>
  </si>
  <si>
    <t>medical college facility</t>
  </si>
  <si>
    <t>GGPS BASTI SHAMAS DIN</t>
  </si>
  <si>
    <t>Shbria Abad</t>
  </si>
  <si>
    <t>bsti Shamas dine sadiq abad</t>
  </si>
  <si>
    <t>Bhong Shrife</t>
  </si>
  <si>
    <t>GGPS CHAK 327 JB JAVED COLONY</t>
  </si>
  <si>
    <t>327 JB</t>
  </si>
  <si>
    <t>ggpd 327 JB  JAVED COLONY TOBA TEK Singh</t>
  </si>
  <si>
    <t>324 JB</t>
  </si>
  <si>
    <t>haji wala notak dagar</t>
  </si>
  <si>
    <t>notak</t>
  </si>
  <si>
    <t>Muhammad Sibtain</t>
  </si>
  <si>
    <t>GPS BASTI LANGRIAL MULTAN CANTT</t>
  </si>
  <si>
    <t>Basti Langrial Multan Cant</t>
  </si>
  <si>
    <t>Basti Langrial</t>
  </si>
  <si>
    <t>Mohammed  Pur Ghota</t>
  </si>
  <si>
    <t>GMES CHAK 685/26 GB</t>
  </si>
  <si>
    <t>GMES chak no 685/26 GB</t>
  </si>
  <si>
    <t>Khurshida Baad</t>
  </si>
  <si>
    <t>Summara Shezadi</t>
  </si>
  <si>
    <t>34925</t>
  </si>
  <si>
    <t>GGPS CHAK 476/1</t>
  </si>
  <si>
    <t>chak 476 moza bagh</t>
  </si>
  <si>
    <t>Chak 476 Wirkan Wala</t>
  </si>
  <si>
    <t>Bastigazi Shah</t>
  </si>
  <si>
    <t>FARZANA NAHEED</t>
  </si>
  <si>
    <t>GGPS KOHAR FAQIRAN</t>
  </si>
  <si>
    <t>Koharfaqrain</t>
  </si>
  <si>
    <t>basti Koharfaqrain murad pur janoobi</t>
  </si>
  <si>
    <t>Murad Pur Janoobi</t>
  </si>
  <si>
    <t>Rukhsana KHALIL</t>
  </si>
  <si>
    <t>18602</t>
  </si>
  <si>
    <t>GES CHAK 242 GB NOOR PUR</t>
  </si>
  <si>
    <t>Chak 242 Gb Noorpur</t>
  </si>
  <si>
    <t>chak no.242gb</t>
  </si>
  <si>
    <t>Chak No242gb</t>
  </si>
  <si>
    <t>Chak No 178 gb</t>
  </si>
  <si>
    <t>Waseem Anwar</t>
  </si>
  <si>
    <t>52709</t>
  </si>
  <si>
    <t>GGES SHAH PUR</t>
  </si>
  <si>
    <t>government girls elementary school ShahPur markaz jaith pur</t>
  </si>
  <si>
    <t>Kaneez Shaban</t>
  </si>
  <si>
    <t>GGPS CHAH SALEH SHAH</t>
  </si>
  <si>
    <t>11 T D A</t>
  </si>
  <si>
    <t>Nawan qureshian wala p/o darya khan</t>
  </si>
  <si>
    <t>Chah Saleh Shah</t>
  </si>
  <si>
    <t>GPS BASTI NOOR AHMED NAICH</t>
  </si>
  <si>
    <t>basti noor ahmed naich.post office Jan pur.teh.liaquat pur.distt.rahim yar  khan</t>
  </si>
  <si>
    <t>Basti Noor Ahmed</t>
  </si>
  <si>
    <t>GPS CHAK NO.54 SB DURYANA BHATIAN</t>
  </si>
  <si>
    <t>chak 54 sb duryana bhattian</t>
  </si>
  <si>
    <t>Duryana bhattian</t>
  </si>
  <si>
    <t>Zia ur rehman</t>
  </si>
  <si>
    <t>17827</t>
  </si>
  <si>
    <t>GES INAYAT PUR MOZA INAYAT PUR MOHOTTAH</t>
  </si>
  <si>
    <t>Inayat Pur Mahota</t>
  </si>
  <si>
    <t>chah pepli wala inayat pur mahota multan</t>
  </si>
  <si>
    <t>GPS BASTI TOKA</t>
  </si>
  <si>
    <t>Noshera Nashaib</t>
  </si>
  <si>
    <t>Moza Noshera Nashaib basti toka</t>
  </si>
  <si>
    <t>Basti TOKA</t>
  </si>
  <si>
    <t>Basti Toka</t>
  </si>
  <si>
    <t>Sajid Imran</t>
  </si>
  <si>
    <t>GPS RATTO KALA</t>
  </si>
  <si>
    <t>Government P/S Ratto kala</t>
  </si>
  <si>
    <t>GES CHAK NOOR MUHAMMAD</t>
  </si>
  <si>
    <t>Chak Noor Muhammad Pakpattan</t>
  </si>
  <si>
    <t>43409</t>
  </si>
  <si>
    <t>GGPS DHOK LUHIAN MUREED CHAKWAL</t>
  </si>
  <si>
    <t>GGPS Dhoke luhlian mureed</t>
  </si>
  <si>
    <t>KOUSER GULBAZ</t>
  </si>
  <si>
    <t>GGES DHUNNI KALAN</t>
  </si>
  <si>
    <t>dhunni kalan</t>
  </si>
  <si>
    <t>v&amp;p/o dhunni kalan teh.phalia distt. mandi bhau din</t>
  </si>
  <si>
    <t>Shahzadi Umm-ul-Banin</t>
  </si>
  <si>
    <t>21792</t>
  </si>
  <si>
    <t>24029</t>
  </si>
  <si>
    <t>GES JARRI SAWAG</t>
  </si>
  <si>
    <t>Daggar Kotli South</t>
  </si>
  <si>
    <t>Jarri sawag daggar kotli south Teh.Mankera Distt.Bhakkar.(punjab)</t>
  </si>
  <si>
    <t>Jarri Sawag</t>
  </si>
  <si>
    <t>52029</t>
  </si>
  <si>
    <t>GGES 28 EB</t>
  </si>
  <si>
    <t>28 Eb</t>
  </si>
  <si>
    <t>chak no 28 eb teh arifwala Distt pakpattan</t>
  </si>
  <si>
    <t>34 Eb</t>
  </si>
  <si>
    <t>Sofia Tubassam</t>
  </si>
  <si>
    <t>GGPS DERA MAJEED</t>
  </si>
  <si>
    <t>That Kalan</t>
  </si>
  <si>
    <t>dera majeed mouza that Japan peer jaggi</t>
  </si>
  <si>
    <t>Dera Majeed</t>
  </si>
  <si>
    <t>GPS CHAK 366 JB</t>
  </si>
  <si>
    <t>366 Jb</t>
  </si>
  <si>
    <t>chak no 366 jb  teh.gojra Disst. toba tek singh</t>
  </si>
  <si>
    <t>Jalian Wala 367 Jb</t>
  </si>
  <si>
    <t>Aurang zaib azhar</t>
  </si>
  <si>
    <t>GPS KOTO SINGH WALA</t>
  </si>
  <si>
    <t>Kot Jan Muhammad Muhammad</t>
  </si>
  <si>
    <t>Kot Jan Muhammad p o More Khunda Teh District Nankana Sahib</t>
  </si>
  <si>
    <t>GPS 135-A/9-L</t>
  </si>
  <si>
    <t>135A/9L</t>
  </si>
  <si>
    <t>135A/9.L alawal colony sahiwal</t>
  </si>
  <si>
    <t>Peer Muhammad</t>
  </si>
  <si>
    <t>34476</t>
  </si>
  <si>
    <t>GMPS BAHADAR PUR NEAR BASTI NAU</t>
  </si>
  <si>
    <t>bahadar pur</t>
  </si>
  <si>
    <t>GPS CHAK NO. 52/TDA</t>
  </si>
  <si>
    <t>CHAK NO 52 TDA</t>
  </si>
  <si>
    <t>CHAK NO 52/TDA</t>
  </si>
  <si>
    <t>CHAK NO 57 TDA</t>
  </si>
  <si>
    <t>Muhammad ibrahim</t>
  </si>
  <si>
    <t>35152</t>
  </si>
  <si>
    <t>GMPS RAIS PEER BUX</t>
  </si>
  <si>
    <t>Government model primary school Rais peer Bux Moza Rais pathan markaz Allahabad Tehsil Liaqatpur Distt Rahim Yar Khan</t>
  </si>
  <si>
    <t>Rais Peer Bux</t>
  </si>
  <si>
    <t>Saima Yasin</t>
  </si>
  <si>
    <t>GGES CDG JUNIOR MODEL KUCHA MUHAMMADI</t>
  </si>
  <si>
    <t>LAHORE Khas</t>
  </si>
  <si>
    <t>CDG GMS KOOCHA MUHAMMADI SULTANPURA LAHORE.</t>
  </si>
  <si>
    <t>GPS CHAK NO 183 PB</t>
  </si>
  <si>
    <t>183PB</t>
  </si>
  <si>
    <t>183/P P/O BANGLA Manthar teh:SDK distt:RYK</t>
  </si>
  <si>
    <t>183/PB</t>
  </si>
  <si>
    <t>galons</t>
  </si>
  <si>
    <t>GPS JHUGIAN GHAREEB ABAD MULTAN</t>
  </si>
  <si>
    <t>GPS ghareebabad jhugian muzafarabad multan</t>
  </si>
  <si>
    <t>GPS FAREED MAHMOOD KATHIA</t>
  </si>
  <si>
    <t>Farid Mehmood FmKathia</t>
  </si>
  <si>
    <t>moza Farid Mehmood kathia  shorkot  jhang</t>
  </si>
  <si>
    <t>Farid Mehmood Farid Mehmood FmKathia</t>
  </si>
  <si>
    <t>GPS NAND PUR, SARAI SIDHU</t>
  </si>
  <si>
    <t>Lot Gohar Muhammad</t>
  </si>
  <si>
    <t>GGPS TIBBA HAMID SHAH</t>
  </si>
  <si>
    <t>Lundi Nashaib Dagar</t>
  </si>
  <si>
    <t>tibba hamid shah,</t>
  </si>
  <si>
    <t>Humaira Yasmin</t>
  </si>
  <si>
    <t>GPS BASTI KANDIARAN WALI</t>
  </si>
  <si>
    <t>MOHALLA KANDIARAN WALA KALLUR KOT BHAKKAR</t>
  </si>
  <si>
    <t>MC  KALLUR KOT</t>
  </si>
  <si>
    <t>29364</t>
  </si>
  <si>
    <t>GMPS NO.1 CHAK NO.38 SB</t>
  </si>
  <si>
    <t>Chak Number 38SB</t>
  </si>
  <si>
    <t>chak no. 38 SB</t>
  </si>
  <si>
    <t>Chak 38Sb</t>
  </si>
  <si>
    <t>Chak 33Sb</t>
  </si>
  <si>
    <t>Rubina Tariq</t>
  </si>
  <si>
    <t>GGES BAKHOO SHAH</t>
  </si>
  <si>
    <t>BAKHU SHAH</t>
  </si>
  <si>
    <t>ABIDA PARBEEN</t>
  </si>
  <si>
    <t>GGPS ELAH ABAD</t>
  </si>
  <si>
    <t>MC Ellah Abad</t>
  </si>
  <si>
    <t>Farhana yasmin</t>
  </si>
  <si>
    <t>GGPS KOT DARIA</t>
  </si>
  <si>
    <t>G.G.P.S Kot Darya basti baba ghareeb shah Rahim yar khan</t>
  </si>
  <si>
    <t>Nore Wali</t>
  </si>
  <si>
    <t>GGCMS SARDAR WALA</t>
  </si>
  <si>
    <t>hUSSAIN ABAD</t>
  </si>
  <si>
    <t>Basti Sardar Wala Mouza Hussain Abad UC Dera Jand</t>
  </si>
  <si>
    <t>SARDAR WALA</t>
  </si>
  <si>
    <t>Nasra Naheed</t>
  </si>
  <si>
    <t>39833</t>
  </si>
  <si>
    <t>GPS THEEKRIAN</t>
  </si>
  <si>
    <t>GPS Theekrian, Teh and Dist. Attock</t>
  </si>
  <si>
    <t>GMPS LOT NO.137 BHAKKAR</t>
  </si>
  <si>
    <t>4RM</t>
  </si>
  <si>
    <t>RAKH MANKERA</t>
  </si>
  <si>
    <t>RURAL MANKERA</t>
  </si>
  <si>
    <t>ABIDA HANIF</t>
  </si>
  <si>
    <t>32457</t>
  </si>
  <si>
    <t>31748</t>
  </si>
  <si>
    <t>GGES TAMIR-E-MILLAT MURIDKE</t>
  </si>
  <si>
    <t>Mohalla Muhammad Nagar, Town Muridke</t>
  </si>
  <si>
    <t>46919</t>
  </si>
  <si>
    <t>GGPS MUHAMMAD NAWAZ WALA</t>
  </si>
  <si>
    <t>Trag Gerbe</t>
  </si>
  <si>
    <t>mohalla omerkhel trag</t>
  </si>
  <si>
    <t>27345</t>
  </si>
  <si>
    <t>GPS LODHARAY</t>
  </si>
  <si>
    <t>LODHRAY</t>
  </si>
  <si>
    <t>LODHRAY P/O KHURAM CHORERA TEH PINDI BHATTIAN</t>
  </si>
  <si>
    <t>41994</t>
  </si>
  <si>
    <t>GMPS DHOK ADRANA</t>
  </si>
  <si>
    <t>village dhok adrana p/o Chak amral teh/dist Rawalpindi</t>
  </si>
  <si>
    <t>Dhok Adrana</t>
  </si>
  <si>
    <t>GPS DEEWAN WALA P/O LASURI MAOZA PUNJANI</t>
  </si>
  <si>
    <t>Chan vigarwala mouza punjani</t>
  </si>
  <si>
    <t>Vigarwala</t>
  </si>
  <si>
    <t>GGPS YAKI WALI NO. 2</t>
  </si>
  <si>
    <t>Basti Yakiwali</t>
  </si>
  <si>
    <t>GPS JAT GADI</t>
  </si>
  <si>
    <t>jat gadi</t>
  </si>
  <si>
    <t>JAT GADI P/O SOKAR</t>
  </si>
  <si>
    <t>JAT GADI</t>
  </si>
  <si>
    <t>GGPS CHAK NO.142/DRB</t>
  </si>
  <si>
    <t>142/DRB</t>
  </si>
  <si>
    <t>Chak  No 142/DRB Tehsil Yazman district BWP</t>
  </si>
  <si>
    <t>Mussarrat Bano</t>
  </si>
  <si>
    <t>GPS OJLA KALAN TH. PATTOKI DT. KASUR</t>
  </si>
  <si>
    <t>ojla pattoki kasur</t>
  </si>
  <si>
    <t>Muhammad Asghar Khan</t>
  </si>
  <si>
    <t>GES JAHAN ABAD</t>
  </si>
  <si>
    <t>Jahan abad</t>
  </si>
  <si>
    <t>GBES Jahan Abad Post Office Pind Mehri Tehsil Hassan Abdal District Attock</t>
  </si>
  <si>
    <t>GPS PATTI FAQIR WALI</t>
  </si>
  <si>
    <t>Tal Kachoo</t>
  </si>
  <si>
    <t>basti faqeer wala mouza tal kachoo Tehsil and Distt M. Garh</t>
  </si>
  <si>
    <t>GPS JANO WALI</t>
  </si>
  <si>
    <t>basti janowali teh jppw multan</t>
  </si>
  <si>
    <t>Janowali</t>
  </si>
  <si>
    <t>Karma  Ali Wala</t>
  </si>
  <si>
    <t>GPS DHOK CHAB</t>
  </si>
  <si>
    <t>Chab</t>
  </si>
  <si>
    <t>Itrat-U-Zahra</t>
  </si>
  <si>
    <t>GGPS KHANOO WALI</t>
  </si>
  <si>
    <t>GGPS khanoo wali near by pass road BWP</t>
  </si>
  <si>
    <t>GPS NO.4 ZAFAR ABAD SILLANWALI</t>
  </si>
  <si>
    <t>zafar abbad sillanwali</t>
  </si>
  <si>
    <t>Muhammad Gulsher Ali</t>
  </si>
  <si>
    <t>20797</t>
  </si>
  <si>
    <t>GPS GHULAM PURA</t>
  </si>
  <si>
    <t>Gondhlanwala</t>
  </si>
  <si>
    <t>DERA SARWALA GRW</t>
  </si>
  <si>
    <t>DERA SARWALA</t>
  </si>
  <si>
    <t>GGPS MACHIAN</t>
  </si>
  <si>
    <t>Ghazia Abad</t>
  </si>
  <si>
    <t>mossa nagr tehsil sadiqabad bast arainian</t>
  </si>
  <si>
    <t>Basti Arainian</t>
  </si>
  <si>
    <t>GGPS BABHKA DHOK</t>
  </si>
  <si>
    <t>GGPS bhabhaka</t>
  </si>
  <si>
    <t>GGPS CHAH MIAN JALAL WALA</t>
  </si>
  <si>
    <t>ggpschahmianjalalwala kotshakir</t>
  </si>
  <si>
    <t>Jalawala</t>
  </si>
  <si>
    <t>25528</t>
  </si>
  <si>
    <t>GMPS KOTHAY PARDHAN SINGH</t>
  </si>
  <si>
    <t>kotha pardhan singh post office and tehsil sambrial district sialkot</t>
  </si>
  <si>
    <t>kotha Pardhan Singh</t>
  </si>
  <si>
    <t>Razia Aqib</t>
  </si>
  <si>
    <t>GGCMS CHAK NO.85 NB</t>
  </si>
  <si>
    <t>85 Nb</t>
  </si>
  <si>
    <t>chak 85 n.b sargodha</t>
  </si>
  <si>
    <t>uzma saleemi</t>
  </si>
  <si>
    <t>Gps Dera Muhammad Sher</t>
  </si>
  <si>
    <t>GES CHAK 18/1-L</t>
  </si>
  <si>
    <t>18 1l</t>
  </si>
  <si>
    <t>CHAK NO. 18/1.L, renala Khurd, Okara</t>
  </si>
  <si>
    <t>18 1L</t>
  </si>
  <si>
    <t>20/2.L</t>
  </si>
  <si>
    <t>Liaqat Ali Nayyar</t>
  </si>
  <si>
    <t>GPS BIJAR BIRMANI</t>
  </si>
  <si>
    <t>basti bijar birmani</t>
  </si>
  <si>
    <t>Basti Bijar Birmani</t>
  </si>
  <si>
    <t>Darkhast jamal khan gharbi no 1</t>
  </si>
  <si>
    <t>GPS BASHIR COLONY</t>
  </si>
  <si>
    <t>GPS Bashir Colony Bhabra</t>
  </si>
  <si>
    <t>bhabra</t>
  </si>
  <si>
    <t>GGPS SATTAR PURA</t>
  </si>
  <si>
    <t>Sittar Pura minchin a bad</t>
  </si>
  <si>
    <t>Sittar Pura</t>
  </si>
  <si>
    <t>Saima Rafique</t>
  </si>
  <si>
    <t>GPS CHAK TARA SINGH</t>
  </si>
  <si>
    <t>Chak Shab Khan</t>
  </si>
  <si>
    <t>chak shab khan</t>
  </si>
  <si>
    <t>Hadees ahmed</t>
  </si>
  <si>
    <t>GMMS HAJI NOOR DIN KAMBOO</t>
  </si>
  <si>
    <t>Haji noor din kamboh tasil and district Rahim yar khan</t>
  </si>
  <si>
    <t>Noor Din Kamboh</t>
  </si>
  <si>
    <t>Buhdadi Pur Qurashan</t>
  </si>
  <si>
    <t>GGES LALA PUR</t>
  </si>
  <si>
    <t>Lala Pur</t>
  </si>
  <si>
    <t>village Lala pur nowshera virkan Disst Gujranwala</t>
  </si>
  <si>
    <t>MattoBhikay</t>
  </si>
  <si>
    <t>Rahila Naz</t>
  </si>
  <si>
    <t>GGPS DHOK FAQIRA</t>
  </si>
  <si>
    <t>Dhoke Faqira</t>
  </si>
  <si>
    <t>Tehsil talagang district chakwal village &amp;P.O dhok faqira</t>
  </si>
  <si>
    <t>GGPS ALLO SHU DEV</t>
  </si>
  <si>
    <t>Alloshudeve</t>
  </si>
  <si>
    <t>alloshadeve, postoffice wazirabad, teh,wazirabad, disst.gujranwala</t>
  </si>
  <si>
    <t>Alloshadeve</t>
  </si>
  <si>
    <t>Ghakameter</t>
  </si>
  <si>
    <t>Rafia Bibi</t>
  </si>
  <si>
    <t>GGES SAITH WALA CHAK NO. 35</t>
  </si>
  <si>
    <t>Saith Wala</t>
  </si>
  <si>
    <t>saith  wala ch 35 teh shahkot district nankana</t>
  </si>
  <si>
    <t>Saith Wala Ch 35</t>
  </si>
  <si>
    <t>Asifa Mustifa</t>
  </si>
  <si>
    <t>GES CHAK NO. 2 ML</t>
  </si>
  <si>
    <t>2 ML</t>
  </si>
  <si>
    <t>2 ML Piplan Mianwali</t>
  </si>
  <si>
    <t>GPS DHEERKAY LHR CANTT</t>
  </si>
  <si>
    <t>Dheerkay</t>
  </si>
  <si>
    <t>village dheerkay post office barki Lahore cantt</t>
  </si>
  <si>
    <t>13961</t>
  </si>
  <si>
    <t>GPS BASTI MUHAMMAD NAWAZ</t>
  </si>
  <si>
    <t>Basti master Ghulam Hussain, moza towng, uc bait sountra, tehsil and district Rajanpur</t>
  </si>
  <si>
    <t>Basti Master Ghulam Hussain</t>
  </si>
  <si>
    <t>Syed Junaid Abbas</t>
  </si>
  <si>
    <t>GPS CHAK NO.39/DB</t>
  </si>
  <si>
    <t>chak 39/DB</t>
  </si>
  <si>
    <t>Chak 39/DB</t>
  </si>
  <si>
    <t>GGPS MODEL THEH BHATTA (KACHWANA)</t>
  </si>
  <si>
    <t>Kachwana</t>
  </si>
  <si>
    <t>kahna nau kachwana chowk</t>
  </si>
  <si>
    <t>Amber Nazia</t>
  </si>
  <si>
    <t>38062</t>
  </si>
  <si>
    <t>GGPS TUBE WELL HAFEEZ WALA</t>
  </si>
  <si>
    <t>jani pur moza molvi sikandar Jalal abad lodhran</t>
  </si>
  <si>
    <t>Jani Pur</t>
  </si>
  <si>
    <t>41359</t>
  </si>
  <si>
    <t>GPS KULLAH BEGWAL</t>
  </si>
  <si>
    <t>Village Kullah Begwal UC Angoori Murree District Rawalpindi</t>
  </si>
  <si>
    <t>Kullah Begwal</t>
  </si>
  <si>
    <t>Khuram Shahzad</t>
  </si>
  <si>
    <t>well with pipe line</t>
  </si>
  <si>
    <t>GPS SODI WALA</t>
  </si>
  <si>
    <t>Sodiwala</t>
  </si>
  <si>
    <t>vill  Sodiwala POB khudian khas</t>
  </si>
  <si>
    <t>Thathi Bakhshy</t>
  </si>
  <si>
    <t>Head Teacher Rana Masoud Ul Hassan</t>
  </si>
  <si>
    <t>51652</t>
  </si>
  <si>
    <t>GGPS BASTI GHULAM QADIR</t>
  </si>
  <si>
    <t>Basti Ghulam  Qadir</t>
  </si>
  <si>
    <t>basti ghulam qadir</t>
  </si>
  <si>
    <t>Basti Ghulam QAdir</t>
  </si>
  <si>
    <t>Nadia Gulzar</t>
  </si>
  <si>
    <t>GMPS CHAK NO. 61 MB</t>
  </si>
  <si>
    <t>61mb</t>
  </si>
  <si>
    <t>himatpura pura khushab</t>
  </si>
  <si>
    <t>Shaheen Tahira</t>
  </si>
  <si>
    <t>31714</t>
  </si>
  <si>
    <t>GPS AWAN MUSLIM P/O KHAS</t>
  </si>
  <si>
    <t>Awan Muslim</t>
  </si>
  <si>
    <t>awan Muslim tehsil muridke dist sheikhpura</t>
  </si>
  <si>
    <t>Baqer Ali Shah</t>
  </si>
  <si>
    <t>GGCMS CHAK 471 GB SAMUNDRI</t>
  </si>
  <si>
    <t>chak no  471 GB</t>
  </si>
  <si>
    <t>471 G B</t>
  </si>
  <si>
    <t>Municipal Commette Samundri</t>
  </si>
  <si>
    <t>Rasool Fatima</t>
  </si>
  <si>
    <t>GGPS DERA PEHLWANAN</t>
  </si>
  <si>
    <t>Dera Pehlwana</t>
  </si>
  <si>
    <t>New Ghanian Dera Pehlwana</t>
  </si>
  <si>
    <t>Misbah Shahzadee</t>
  </si>
  <si>
    <t>GGPS NIZAM PUR GHALIAN</t>
  </si>
  <si>
    <t>Nizam Pura Ghallian</t>
  </si>
  <si>
    <t>Mohalla Nizam Pura Ghallian,Kingra Rd,Ban Phatak Sialkot</t>
  </si>
  <si>
    <t>42086</t>
  </si>
  <si>
    <t>village  banian</t>
  </si>
  <si>
    <t>GGHS DUR PUR</t>
  </si>
  <si>
    <t>Babani</t>
  </si>
  <si>
    <t>G. G E /dur pur k. P. T</t>
  </si>
  <si>
    <t>Zobia Andleeb</t>
  </si>
  <si>
    <t>35479</t>
  </si>
  <si>
    <t>GPS JHALLAR ZAILDAR</t>
  </si>
  <si>
    <t>Jhalar Zaildar</t>
  </si>
  <si>
    <t>jhalar zaildar kasur</t>
  </si>
  <si>
    <t>Jhalar zaildar</t>
  </si>
  <si>
    <t>Baron Raja Jang</t>
  </si>
  <si>
    <t>GMPS KOTLA DOULAT</t>
  </si>
  <si>
    <t>basti kotla doulat p.o pacca larran</t>
  </si>
  <si>
    <t>Arifa Tajammul</t>
  </si>
  <si>
    <t>GES JALYANA NIAZBAIG LAHORE</t>
  </si>
  <si>
    <t>jaliana</t>
  </si>
  <si>
    <t>Village jalyana defence road near bahria town lahore</t>
  </si>
  <si>
    <t>Jalyana</t>
  </si>
  <si>
    <t>Syed Munir Hussain shah</t>
  </si>
  <si>
    <t>GPS HOON</t>
  </si>
  <si>
    <t>V.P.O Hoon Tehsil &amp; District Jhelum</t>
  </si>
  <si>
    <t>water connection from Headmistress house</t>
  </si>
  <si>
    <t>GPS CHAK NO.190/M CHAN WALA</t>
  </si>
  <si>
    <t>190/M Chan Wala</t>
  </si>
  <si>
    <t>Chona Wala Hasil Pur (BWP)</t>
  </si>
  <si>
    <t>GGPS DHOK WALIAN</t>
  </si>
  <si>
    <t>Dhokwalian</t>
  </si>
  <si>
    <t>govt girls p/s dhokwalian</t>
  </si>
  <si>
    <t>Zahida Khatoon</t>
  </si>
  <si>
    <t>GGPS SARANG WALA</t>
  </si>
  <si>
    <t>chah shakry wala</t>
  </si>
  <si>
    <t>Shakry Wala</t>
  </si>
  <si>
    <t>Mc D D Panah</t>
  </si>
  <si>
    <t>16073</t>
  </si>
  <si>
    <t>45978</t>
  </si>
  <si>
    <t>GMPS DHOK GUNNA  KHABAKI</t>
  </si>
  <si>
    <t>Dhadar</t>
  </si>
  <si>
    <t>village and post office dhdar tehsil Nosehra  zila  koushhab</t>
  </si>
  <si>
    <t>Hafiza Urooj Riaz Malik</t>
  </si>
  <si>
    <t>GGPS BASTI PEHLWAN</t>
  </si>
  <si>
    <t>kahri Form p /o rasoolpur tehsil jampur district rajan pur</t>
  </si>
  <si>
    <t>Kahri Form</t>
  </si>
  <si>
    <t>Babra Naseem</t>
  </si>
  <si>
    <t>GGES CHAK NO.153 NB</t>
  </si>
  <si>
    <t>Chak No.153 NB</t>
  </si>
  <si>
    <t>Chak No153NB</t>
  </si>
  <si>
    <t>Chak No152NB</t>
  </si>
  <si>
    <t>Uzma Manzoor</t>
  </si>
  <si>
    <t>GPS WAINS</t>
  </si>
  <si>
    <t>basti wains</t>
  </si>
  <si>
    <t>Muhammad Nauman Liaqat</t>
  </si>
  <si>
    <t>GPS BIRTHALA</t>
  </si>
  <si>
    <t>Basti Birthala p/o 150/p</t>
  </si>
  <si>
    <t>Basti Birthala</t>
  </si>
  <si>
    <t>Rao Rehmat Ali</t>
  </si>
  <si>
    <t>33110</t>
  </si>
  <si>
    <t>20116</t>
  </si>
  <si>
    <t>GGPS ABADI WALLA RAI</t>
  </si>
  <si>
    <t>Walarai</t>
  </si>
  <si>
    <t>Moza Abadi walarai</t>
  </si>
  <si>
    <t>Abadi Walari</t>
  </si>
  <si>
    <t>Shanhaz AkhtarAkhtar</t>
  </si>
  <si>
    <t>37156</t>
  </si>
  <si>
    <t>GES 78/10-R, P/O 80/10-R, KHANEWAL</t>
  </si>
  <si>
    <t>78/10R</t>
  </si>
  <si>
    <t>Chak no 78/10R kwl</t>
  </si>
  <si>
    <t>GES MADO KHALIL</t>
  </si>
  <si>
    <t>madu khalil</t>
  </si>
  <si>
    <t>G E S Madu khalil</t>
  </si>
  <si>
    <t>pupnakha</t>
  </si>
  <si>
    <t>Muhammad Arif Cheema</t>
  </si>
  <si>
    <t>GMPS ALI PUR KANJU MOUZA ALI PUR KANJU</t>
  </si>
  <si>
    <t>Basti Ali Pur kanju</t>
  </si>
  <si>
    <t>GGPS LAHORIAN</t>
  </si>
  <si>
    <t>Village lahorian,tehs./distt.gujrat</t>
  </si>
  <si>
    <t>Fazeelat Jabeen Akhtar</t>
  </si>
  <si>
    <t>GES BARAL</t>
  </si>
  <si>
    <t>village baral p.o baral tehsil dina distt. jhelum</t>
  </si>
  <si>
    <t>mohsin Abrar</t>
  </si>
  <si>
    <t>GPS 70 GB</t>
  </si>
  <si>
    <t>70GB</t>
  </si>
  <si>
    <t>70GB Faisalabad</t>
  </si>
  <si>
    <t>Muhammad Mudassar  Nazar Bhatti</t>
  </si>
  <si>
    <t>GGPS JHOKE JAFFAR SHAH</t>
  </si>
  <si>
    <t>Jhoke Jaffar shah warah sehran karor lalesan</t>
  </si>
  <si>
    <t>Jhoke Jaffar Shah</t>
  </si>
  <si>
    <t>Aneela urf  Sonia</t>
  </si>
  <si>
    <t>32027</t>
  </si>
  <si>
    <t>GES FATTA BHAND</t>
  </si>
  <si>
    <t>Fatta Bhand</t>
  </si>
  <si>
    <t>VILLAGAE AND P/0 FATTA BHAND</t>
  </si>
  <si>
    <t>18269</t>
  </si>
  <si>
    <t>GGES SABU WALA</t>
  </si>
  <si>
    <t>moza mir Muhammad sabu wala</t>
  </si>
  <si>
    <t>Sabu Wala</t>
  </si>
  <si>
    <t>Shagufta Sahira</t>
  </si>
  <si>
    <t>GPS CHAK NO 95 RB</t>
  </si>
  <si>
    <t>Dosanj</t>
  </si>
  <si>
    <t>95RB</t>
  </si>
  <si>
    <t>GPS MUSLIM MODEL NEIGHBAN PUR</t>
  </si>
  <si>
    <t>nighaban pura</t>
  </si>
  <si>
    <t>nighban pura faisalabad</t>
  </si>
  <si>
    <t>Nighaban Pura</t>
  </si>
  <si>
    <t>mehmooadabad</t>
  </si>
  <si>
    <t>462826</t>
  </si>
  <si>
    <t>GGHS CHAK NO 73 JB</t>
  </si>
  <si>
    <t>GGHS 73 JB</t>
  </si>
  <si>
    <t>DR.Saima Naheed</t>
  </si>
  <si>
    <t>15174</t>
  </si>
  <si>
    <t>GGPS CHAK 368 GB SATIANA</t>
  </si>
  <si>
    <t>Chak 368gb</t>
  </si>
  <si>
    <t>368gb</t>
  </si>
  <si>
    <t>NAUREEN SARFRAZ</t>
  </si>
  <si>
    <t>145200</t>
  </si>
  <si>
    <t>30497</t>
  </si>
  <si>
    <t>GPS NASIB ABAD</t>
  </si>
  <si>
    <t>Nasibabad</t>
  </si>
  <si>
    <t>Ahmad Hassan Saeed</t>
  </si>
  <si>
    <t>Muhammad Wall</t>
  </si>
  <si>
    <t>mouza muhammad wala p/o kot shakir tehsil18 hazari district jhang</t>
  </si>
  <si>
    <t>GPS CHAK 665/6 GB</t>
  </si>
  <si>
    <t>chak no 665/6 gb teh.pir mahal Distt.t t singh</t>
  </si>
  <si>
    <t>Chak No 665/6 Gb</t>
  </si>
  <si>
    <t>Chak 665</t>
  </si>
  <si>
    <t>Amin Gull</t>
  </si>
  <si>
    <t>GPS KHALIQ ABAD RAIWIND ROAD LAHORE</t>
  </si>
  <si>
    <t>Khilq Abad</t>
  </si>
  <si>
    <t>Aamir Ali</t>
  </si>
  <si>
    <t>GGPS CHAK 752 GB</t>
  </si>
  <si>
    <t>752GB</t>
  </si>
  <si>
    <t>Chak No. 752 GB</t>
  </si>
  <si>
    <t>752 GB</t>
  </si>
  <si>
    <t>Khurshida Abad</t>
  </si>
  <si>
    <t>Jamshaid Akhter</t>
  </si>
  <si>
    <t>GPS NO. 2 LADHAY WALA WARRAICH</t>
  </si>
  <si>
    <t>Gujranwala Sadar4 4</t>
  </si>
  <si>
    <t>hafiz abad road ludhe wala warraich Afzal Town</t>
  </si>
  <si>
    <t>Ladhy Wala Warraich</t>
  </si>
  <si>
    <t>Mc Ladhy Wala Warraich</t>
  </si>
  <si>
    <t>GMPS THATTA NOON</t>
  </si>
  <si>
    <t>Thatta noon</t>
  </si>
  <si>
    <t>GMPS thatta NOON</t>
  </si>
  <si>
    <t>Sumreen kausar</t>
  </si>
  <si>
    <t>GES CHAK NO.190 EB</t>
  </si>
  <si>
    <t>Chak No 190EB</t>
  </si>
  <si>
    <t>GES190/EB VEHARI</t>
  </si>
  <si>
    <t>190/EB</t>
  </si>
  <si>
    <t>GGPS CHAK NO. 5/DNB</t>
  </si>
  <si>
    <t>Chak 5/DNB</t>
  </si>
  <si>
    <t>chak no.5/DNB.p/o  Headrajkan  yazman   bwp</t>
  </si>
  <si>
    <t>chak 5/DNB</t>
  </si>
  <si>
    <t>chak 6/DNB</t>
  </si>
  <si>
    <t>48429</t>
  </si>
  <si>
    <t>GMPS BATHUNI</t>
  </si>
  <si>
    <t>Bathuni</t>
  </si>
  <si>
    <t>bathuni</t>
  </si>
  <si>
    <t>GGPS RODALA CHEEMA</t>
  </si>
  <si>
    <t>rodala cheema p/o.pthanwali wazirabad gujranwala</t>
  </si>
  <si>
    <t>Safwana Akbar</t>
  </si>
  <si>
    <t>GGPS CHANDI PEER</t>
  </si>
  <si>
    <t>Zakhira</t>
  </si>
  <si>
    <t>ggps chandi peer near board office bwp</t>
  </si>
  <si>
    <t>Chandi Peer</t>
  </si>
  <si>
    <t>Anila Shaheen Joiya</t>
  </si>
  <si>
    <t>GPS PINDI HATTAR</t>
  </si>
  <si>
    <t>Pindi Hattar</t>
  </si>
  <si>
    <t>pindi hattar tehsil bhera district Sargodha</t>
  </si>
  <si>
    <t>Hazoorur</t>
  </si>
  <si>
    <t>Hafiz muhammad imran</t>
  </si>
  <si>
    <t>GPS SHAH PUR SADAR</t>
  </si>
  <si>
    <t>Shahpursadar</t>
  </si>
  <si>
    <t>near post office shahpursadar tehsil shahpur district sargodha</t>
  </si>
  <si>
    <t>MUHAMMAD RAIZ</t>
  </si>
  <si>
    <t>GGPS MISSION NAIKA PURA</t>
  </si>
  <si>
    <t>Naikapura</t>
  </si>
  <si>
    <t>Mohalla Naikapura Near Pull Aik Sialkot</t>
  </si>
  <si>
    <t>Nuzhat Rehana</t>
  </si>
  <si>
    <t>GMPS GUNDAM</t>
  </si>
  <si>
    <t>Gundam village gujranwala</t>
  </si>
  <si>
    <t>Gundam</t>
  </si>
  <si>
    <t>Mokhal Sandwa</t>
  </si>
  <si>
    <t>M Yousar Nasir</t>
  </si>
  <si>
    <t>GES CENTRE MAL</t>
  </si>
  <si>
    <t>Mal</t>
  </si>
  <si>
    <t>Mal village tehsil Raiwind Lahore</t>
  </si>
  <si>
    <t>Sultan Key</t>
  </si>
  <si>
    <t>Qaisar Majeed</t>
  </si>
  <si>
    <t>54069</t>
  </si>
  <si>
    <t>GPS CHAK 397 JB I</t>
  </si>
  <si>
    <t>CHAK 397 1 JB</t>
  </si>
  <si>
    <t>CHK 397 1 JB TTS</t>
  </si>
  <si>
    <t>ckh 388 jb tts</t>
  </si>
  <si>
    <t>GPS HAZUR PUR BALA</t>
  </si>
  <si>
    <t>Hazoor Pur</t>
  </si>
  <si>
    <t>hazoor pur bala</t>
  </si>
  <si>
    <t>Hazoor Pur Bala</t>
  </si>
  <si>
    <t>Liaqat Naseer</t>
  </si>
  <si>
    <t>GMPS CHAK NO.174 NB</t>
  </si>
  <si>
    <t>Chak No 174 Nb</t>
  </si>
  <si>
    <t>Chak No 174Nb Teh Sillanwali</t>
  </si>
  <si>
    <t>Chak No 174Nb</t>
  </si>
  <si>
    <t>Chak No 168/171Nb</t>
  </si>
  <si>
    <t>TAYYABA MUMTAZ</t>
  </si>
  <si>
    <t>GPS MC DHANA SINGH WALA</t>
  </si>
  <si>
    <t>Dhana Singhwala</t>
  </si>
  <si>
    <t>johar shadi hall shah di khoi</t>
  </si>
  <si>
    <t>Shah Di Khoi</t>
  </si>
  <si>
    <t>Muhammad  Asim</t>
  </si>
  <si>
    <t>30595</t>
  </si>
  <si>
    <t>GGPS RASHID MODEL</t>
  </si>
  <si>
    <t>Mian Muhammad Din Colony</t>
  </si>
  <si>
    <t>Street no7 mian muhammad din colony</t>
  </si>
  <si>
    <t>13123</t>
  </si>
  <si>
    <t>49519</t>
  </si>
  <si>
    <t>GGES SHAHPUR CITY</t>
  </si>
  <si>
    <t>Shahpurcity</t>
  </si>
  <si>
    <t>shahpurcity near adaa</t>
  </si>
  <si>
    <t>Waqar Zainab</t>
  </si>
  <si>
    <t>GGPS CHAK 163/NB KALERIAN WALA</t>
  </si>
  <si>
    <t>163 Kalerianwala</t>
  </si>
  <si>
    <t>Ggps 163 NB kalerianwal</t>
  </si>
  <si>
    <t>Kalerianwaka</t>
  </si>
  <si>
    <t>Nabila Jamil</t>
  </si>
  <si>
    <t>GPS CHAK NO.42/DB (E)</t>
  </si>
  <si>
    <t>42/DB</t>
  </si>
  <si>
    <t>GPS 42/DB Tehsil yazman District Bahawalpur</t>
  </si>
  <si>
    <t>GPS BHOOTI PUR</t>
  </si>
  <si>
    <t>Bhootipur Kot Salar</t>
  </si>
  <si>
    <t>GPS Bhooti pur tehsil sharaqpur district sheikupura</t>
  </si>
  <si>
    <t>Bhooti Pur</t>
  </si>
  <si>
    <t>Easan</t>
  </si>
  <si>
    <t>GES CHHANT</t>
  </si>
  <si>
    <t>Chhant</t>
  </si>
  <si>
    <t>chhant tehsil bhera</t>
  </si>
  <si>
    <t>GGES MOKHAL SANDAWAN</t>
  </si>
  <si>
    <t>Mokhal Sandhuwan  Sandhuwan</t>
  </si>
  <si>
    <t>mokhal Sandhuwan</t>
  </si>
  <si>
    <t>GGES GOTH GHANNI</t>
  </si>
  <si>
    <t>Goth Ghani</t>
  </si>
  <si>
    <t>zahida arshad</t>
  </si>
  <si>
    <t>GES BITTAH GHULAM ALI</t>
  </si>
  <si>
    <t>Dj Khan Gharbi No 2</t>
  </si>
  <si>
    <t>basti bitta ghulam ali</t>
  </si>
  <si>
    <t>Bitta Ghulam Ali</t>
  </si>
  <si>
    <t>Dj Khan</t>
  </si>
  <si>
    <t>24986</t>
  </si>
  <si>
    <t>GGPS JAJJAY</t>
  </si>
  <si>
    <t>Village Jajjay</t>
  </si>
  <si>
    <t>Village jajjay sahian</t>
  </si>
  <si>
    <t>Jajjay</t>
  </si>
  <si>
    <t>Langraywali</t>
  </si>
  <si>
    <t>Mubarka Akhtar</t>
  </si>
  <si>
    <t>5482</t>
  </si>
  <si>
    <t>GGES CHAK 403 JB</t>
  </si>
  <si>
    <t>403jb T T Singh</t>
  </si>
  <si>
    <t>chak no 403jb t t singh</t>
  </si>
  <si>
    <t>Chak  # 403 Jb  T T Singh</t>
  </si>
  <si>
    <t>24556</t>
  </si>
  <si>
    <t>daduwali p o box kalaswala tehsil pasrur dis sialkot</t>
  </si>
  <si>
    <t>Farzana Ashraf</t>
  </si>
  <si>
    <t>GGPS CHAK NO.119/DB</t>
  </si>
  <si>
    <t>119 Db</t>
  </si>
  <si>
    <t>GGS 119 db</t>
  </si>
  <si>
    <t>119/Db</t>
  </si>
  <si>
    <t>noozaba aziz</t>
  </si>
  <si>
    <t>teh  bhera.</t>
  </si>
  <si>
    <t>14943</t>
  </si>
  <si>
    <t>GGPS 94/9-L</t>
  </si>
  <si>
    <t>Chak No 94/9L</t>
  </si>
  <si>
    <t>Chak no. 94/9L</t>
  </si>
  <si>
    <t>Sadaf Hina Alam</t>
  </si>
  <si>
    <t>43772</t>
  </si>
  <si>
    <t>GPS NAKKA</t>
  </si>
  <si>
    <t>post office lawa</t>
  </si>
  <si>
    <t>Hafiz Muhammad Jawad</t>
  </si>
  <si>
    <t>GGPS JINAH COLONY, CHAK NO 16 GHAGH</t>
  </si>
  <si>
    <t>16 Ghagh Jinnah Colony</t>
  </si>
  <si>
    <t>16 Ghagh Jinnah  Colony</t>
  </si>
  <si>
    <t>3 Ghagh</t>
  </si>
  <si>
    <t>Ghazala Samreen</t>
  </si>
  <si>
    <t>19165</t>
  </si>
  <si>
    <t>GGPS NO.3 MEHAR ABAD PIR MAHAL</t>
  </si>
  <si>
    <t>govt girls primary school no 3 meharabad pirmahal</t>
  </si>
  <si>
    <t>MC Pir Mahal</t>
  </si>
  <si>
    <t>Sadiqnagar</t>
  </si>
  <si>
    <t>Gps.Hafeez abad, Basti Jattanwali Moza  Sadiqnagar BWN</t>
  </si>
  <si>
    <t>130950</t>
  </si>
  <si>
    <t>GGES KOTLA MALAM</t>
  </si>
  <si>
    <t>Malam</t>
  </si>
  <si>
    <t>GGES model elementary school kotla malam</t>
  </si>
  <si>
    <t>Kotla Malam</t>
  </si>
  <si>
    <t>SAMIA SULTANA</t>
  </si>
  <si>
    <t>GMPS NEW LUCK KALAN</t>
  </si>
  <si>
    <t>new lak kalan</t>
  </si>
  <si>
    <t>New Lak Kalan</t>
  </si>
  <si>
    <t>Angra Dager</t>
  </si>
  <si>
    <t>52399</t>
  </si>
  <si>
    <t>GGPS NADDAY</t>
  </si>
  <si>
    <t>Nadday</t>
  </si>
  <si>
    <t>moza Nadday</t>
  </si>
  <si>
    <t>Classan Padamal</t>
  </si>
  <si>
    <t>Sidra Shareef</t>
  </si>
  <si>
    <t>GGPS TIBBA KHANDDAN WALA</t>
  </si>
  <si>
    <t>Kotla Jam Dagar</t>
  </si>
  <si>
    <t>Ggps Tibba khandan wala</t>
  </si>
  <si>
    <t>Tibba Khandanwala</t>
  </si>
  <si>
    <t>Tahira Begum</t>
  </si>
  <si>
    <t>18611</t>
  </si>
  <si>
    <t>GPS CHAK 367 JB I JALIAN WALA</t>
  </si>
  <si>
    <t>chak no 367 jb gojra  tts</t>
  </si>
  <si>
    <t>Asif Maqbool</t>
  </si>
  <si>
    <t>GGES PIR GHANI</t>
  </si>
  <si>
    <t>govt girls middle school pirghani</t>
  </si>
  <si>
    <t>Fozia Hassan</t>
  </si>
  <si>
    <t>GGES LEHAL</t>
  </si>
  <si>
    <t>Lehal</t>
  </si>
  <si>
    <t>lehal p\o box kanjror</t>
  </si>
  <si>
    <t>Lahal</t>
  </si>
  <si>
    <t>Kanjror</t>
  </si>
  <si>
    <t>GGES MC AL-JEELAN MULTAN</t>
  </si>
  <si>
    <t>GGES MC Al-Jillan school suraj kund road Multan</t>
  </si>
  <si>
    <t>Al Jillan Town</t>
  </si>
  <si>
    <t>49074</t>
  </si>
  <si>
    <t>GPS MC BLOCK NO.23-A SARGODHA</t>
  </si>
  <si>
    <t>GPS MC BLOCK 23_A SARGODHA</t>
  </si>
  <si>
    <t>25934</t>
  </si>
  <si>
    <t>GPS THATHER WALI</t>
  </si>
  <si>
    <t>Thethar Wali</t>
  </si>
  <si>
    <t>thethar wali p/o mallok pur teh &amp; dist narowal</t>
  </si>
  <si>
    <t>GGPS ABBAS ALI SHAH</t>
  </si>
  <si>
    <t>basti sardar shah, moza gulani</t>
  </si>
  <si>
    <t>Sardar Shah</t>
  </si>
  <si>
    <t>Sabiha Bukhari</t>
  </si>
  <si>
    <t>GMES 137/16-L, MIAN CHANNU</t>
  </si>
  <si>
    <t>137/16L post office kacha khu mian chanu</t>
  </si>
  <si>
    <t>137/16-L</t>
  </si>
  <si>
    <t>GG ES shamas abad</t>
  </si>
  <si>
    <t>Tazeem Sarwar</t>
  </si>
  <si>
    <t>GHSS CHAKRALA</t>
  </si>
  <si>
    <t>vpo chakrala</t>
  </si>
  <si>
    <t>chakrala</t>
  </si>
  <si>
    <t>bun hafiz jee</t>
  </si>
  <si>
    <t>51243</t>
  </si>
  <si>
    <t>GGPS 112/9-L NURANKAY</t>
  </si>
  <si>
    <t>ggps 112/9-L nurankay dhaku sahiwal</t>
  </si>
  <si>
    <t>112/9-L Nuranky</t>
  </si>
  <si>
    <t>Budh Dhaku</t>
  </si>
  <si>
    <t>Humera Khaliq</t>
  </si>
  <si>
    <t>9777</t>
  </si>
  <si>
    <t>GGPS 41/3-R</t>
  </si>
  <si>
    <t>chak no 41/3R</t>
  </si>
  <si>
    <t>46832</t>
  </si>
  <si>
    <t>GPS MANZOOR ARAIN</t>
  </si>
  <si>
    <t>BASTI SHAHABDIN ADDA SHAHBAZPUR TEHSIL SDK DIST RYK</t>
  </si>
  <si>
    <t>BASTI SHAHBDIN</t>
  </si>
  <si>
    <t>Razia Shahid</t>
  </si>
  <si>
    <t>GGPS CHAK NAURANG NO. 1</t>
  </si>
  <si>
    <t>chak makhdoom</t>
  </si>
  <si>
    <t>Chak makhdoom</t>
  </si>
  <si>
    <t>Noshra Jadeed</t>
  </si>
  <si>
    <t>Samia fayaz</t>
  </si>
  <si>
    <t>GPS ROSHAN WALA, SARAI SIDHU</t>
  </si>
  <si>
    <t>Check Sultan Mehmood</t>
  </si>
  <si>
    <t>GPS roshan wala moza check sultan mehmood</t>
  </si>
  <si>
    <t>Roshan Wala</t>
  </si>
  <si>
    <t>Chopper Hatta</t>
  </si>
  <si>
    <t>Muhammad Faizan</t>
  </si>
  <si>
    <t>GPS NO. 1 BHALWAL CITY</t>
  </si>
  <si>
    <t>GPS no 1 bhalwal</t>
  </si>
  <si>
    <t>Bhalwal City</t>
  </si>
  <si>
    <t>Muhammad Akhtar Bashir</t>
  </si>
  <si>
    <t>GGPS CHAK NO.335/TDA</t>
  </si>
  <si>
    <t>335/TDA</t>
  </si>
  <si>
    <t>Chak # 335/TDA Tehsil and district Layyah</t>
  </si>
  <si>
    <t>Layyah THAL KALAAN</t>
  </si>
  <si>
    <t>16828</t>
  </si>
  <si>
    <t>GPS KAMERAN</t>
  </si>
  <si>
    <t>Kameran</t>
  </si>
  <si>
    <t>maoza kameran Tehsil Chishtian Distt Bahawal Nagar</t>
  </si>
  <si>
    <t>GPS JASWAL</t>
  </si>
  <si>
    <t>govt primary school jaswal post office jhatla</t>
  </si>
  <si>
    <t>Fadia Ahmed</t>
  </si>
  <si>
    <t>GGPS KHILJI JAGIR</t>
  </si>
  <si>
    <t>Khilji Jagir</t>
  </si>
  <si>
    <t>khilji jagir p/o usmanwala</t>
  </si>
  <si>
    <t>Fozia Adrees</t>
  </si>
  <si>
    <t>GGPS CHAK 421 JB</t>
  </si>
  <si>
    <t>chk no.421 jb</t>
  </si>
  <si>
    <t>423Aada</t>
  </si>
  <si>
    <t>Nimra yasin</t>
  </si>
  <si>
    <t>GMPS SALEEM PUR PACCA</t>
  </si>
  <si>
    <t>GMPSSaleem our pacca</t>
  </si>
  <si>
    <t>GPS DERA HASSAN MUHAMMAD</t>
  </si>
  <si>
    <t>Dera Hassan Muhammad</t>
  </si>
  <si>
    <t>Dera hassan Muhammad kujjar p/o farooqabad district sheikhupura</t>
  </si>
  <si>
    <t>18042</t>
  </si>
  <si>
    <t>GPS BASTI NOHANI</t>
  </si>
  <si>
    <t>Basti Nohani Shorkot Shumali</t>
  </si>
  <si>
    <t>Basti Nohani</t>
  </si>
  <si>
    <t>Shorkot South</t>
  </si>
  <si>
    <t>GPS 72-73/15-L KHANEWAL</t>
  </si>
  <si>
    <t>chak no 7273/15 L</t>
  </si>
  <si>
    <t>chak no 72_73/15 L</t>
  </si>
  <si>
    <t>7273/15 L</t>
  </si>
  <si>
    <t>GGPS 182/P</t>
  </si>
  <si>
    <t>Chak 182/p</t>
  </si>
  <si>
    <t>chak 182/p post office bangla manthar tahseel sdk distt. ryk</t>
  </si>
  <si>
    <t>41426</t>
  </si>
  <si>
    <t>GGPS SARKI</t>
  </si>
  <si>
    <t>Sarki</t>
  </si>
  <si>
    <t>P/O SARKI TEH:ALIPUR DIST:M.GARH</t>
  </si>
  <si>
    <t>GGPS KOT ILAM DIN SHAHDARA</t>
  </si>
  <si>
    <t>Dande wadan Tibba kot haji ilam din</t>
  </si>
  <si>
    <t>Kot Ilam Din</t>
  </si>
  <si>
    <t>Raheela Noureen</t>
  </si>
  <si>
    <t>44365</t>
  </si>
  <si>
    <t>GES SARAI MOHAJIR</t>
  </si>
  <si>
    <t>SARAY MUHAJIR BHAKKAR</t>
  </si>
  <si>
    <t>205/tda</t>
  </si>
  <si>
    <t>umar farooq</t>
  </si>
  <si>
    <t>28458</t>
  </si>
  <si>
    <t>GGES DHAREKAN KHURD</t>
  </si>
  <si>
    <t>Dharekan khurd</t>
  </si>
  <si>
    <t>Dharekan Khurd</t>
  </si>
  <si>
    <t>Dharekan Kala</t>
  </si>
  <si>
    <t>Nazish Nawaz</t>
  </si>
  <si>
    <t>GMPS CHAK NO 1 TW</t>
  </si>
  <si>
    <t>Chak No 1tw</t>
  </si>
  <si>
    <t>chak no 1.tw</t>
  </si>
  <si>
    <t>riaz batool</t>
  </si>
  <si>
    <t>19448</t>
  </si>
  <si>
    <t>GES CHAK 395 JB</t>
  </si>
  <si>
    <t>chak no 395 j.b</t>
  </si>
  <si>
    <t>395 Jb</t>
  </si>
  <si>
    <t>GPS CHAK NO. 101 TDA CHABE-WALA</t>
  </si>
  <si>
    <t>peer siwag</t>
  </si>
  <si>
    <t>chak no101 tda chabbay wala</t>
  </si>
  <si>
    <t>chak no 101 tda chabbay wala</t>
  </si>
  <si>
    <t>Gharay wala</t>
  </si>
  <si>
    <t>Munawwar Abbas</t>
  </si>
  <si>
    <t>34301</t>
  </si>
  <si>
    <t>GGES AILAM PUR P/O AILAM PUR</t>
  </si>
  <si>
    <t>gges ailampur multan</t>
  </si>
  <si>
    <t>Shagufta Iram</t>
  </si>
  <si>
    <t>GPS AALAM RAB NAWAZ</t>
  </si>
  <si>
    <t>Muzamil Naseer</t>
  </si>
  <si>
    <t>GPS HAZOOR SINGH</t>
  </si>
  <si>
    <t>Gurmukh Sing</t>
  </si>
  <si>
    <t>P/O KHATAIN CHACK HAZOOR SINGH</t>
  </si>
  <si>
    <t>Hazoor Singh</t>
  </si>
  <si>
    <t>GPS CHAK NO.54/KB</t>
  </si>
  <si>
    <t>Chak 54kb</t>
  </si>
  <si>
    <t>GPS 54kb markez satluj vehari</t>
  </si>
  <si>
    <t>GPS MAHBOOB SHAH</t>
  </si>
  <si>
    <t>Mahboob Shah</t>
  </si>
  <si>
    <t>Mahboob shah</t>
  </si>
  <si>
    <t>Khagga Mehar Shah</t>
  </si>
  <si>
    <t>Muhammad Amjad Sadiq</t>
  </si>
  <si>
    <t>48359</t>
  </si>
  <si>
    <t>GMPS CHAK NO.1 SB HARGAN</t>
  </si>
  <si>
    <t>1SB HARGAN</t>
  </si>
  <si>
    <t>CHACK 1SB HARGAN TEHSIL BHALWAL (SGD)</t>
  </si>
  <si>
    <t>DHORI</t>
  </si>
  <si>
    <t>Atia Aslam</t>
  </si>
  <si>
    <t>41697</t>
  </si>
  <si>
    <t>18979</t>
  </si>
  <si>
    <t>GPS CHAK 752 GB</t>
  </si>
  <si>
    <t>Chak 752 Gb Teh:Pir Mahal Dist:Toba Tek Singh</t>
  </si>
  <si>
    <t>Muhammed Akbar</t>
  </si>
  <si>
    <t>GMPS CHAK NO.209/M (B) EAST</t>
  </si>
  <si>
    <t>Education</t>
  </si>
  <si>
    <t>chak no 209/mB</t>
  </si>
  <si>
    <t>209/mB</t>
  </si>
  <si>
    <t>Zubaria Mustafa</t>
  </si>
  <si>
    <t>GGPS OLAKH HITHAR</t>
  </si>
  <si>
    <t>olakh hithar</t>
  </si>
  <si>
    <t>Kalsoom Ilyas</t>
  </si>
  <si>
    <t>GMPS CHAH TIBBA SINGH WALA</t>
  </si>
  <si>
    <t>Marly</t>
  </si>
  <si>
    <t>5 marly</t>
  </si>
  <si>
    <t>5 Marly</t>
  </si>
  <si>
    <t>Jamsheer Kalan</t>
  </si>
  <si>
    <t>GPS CHAK NO 210 P</t>
  </si>
  <si>
    <t>Chak 210 P</t>
  </si>
  <si>
    <t>chak 210 P</t>
  </si>
  <si>
    <t>Chak 264 P</t>
  </si>
  <si>
    <t>GGES 59 EB</t>
  </si>
  <si>
    <t>Chak 59/EB</t>
  </si>
  <si>
    <t>GGES 59/EB Arifwala distt. Pakpattan</t>
  </si>
  <si>
    <t>Muzammil Sitara</t>
  </si>
  <si>
    <t>GGPS FAQIR SHAH</t>
  </si>
  <si>
    <t>Ghalwan 1</t>
  </si>
  <si>
    <t>basti Faqir Shah</t>
  </si>
  <si>
    <t>Faqir Shah</t>
  </si>
  <si>
    <t>Najma Rasheed</t>
  </si>
  <si>
    <t>GGES UPPER COLONY PIR MAHAL</t>
  </si>
  <si>
    <t>upper colony, pir mahal</t>
  </si>
  <si>
    <t>GPS MODEL RANG PUR BASTI ATTA MUHAMMAD</t>
  </si>
  <si>
    <t>Basti Atta Muhammad Moza Rangpur</t>
  </si>
  <si>
    <t>TASLEEM KAUSER</t>
  </si>
  <si>
    <t>GGCMES SULKI</t>
  </si>
  <si>
    <t>ggcmes sulki</t>
  </si>
  <si>
    <t>Kot Mosa</t>
  </si>
  <si>
    <t>Sabiha Zulfiqar</t>
  </si>
  <si>
    <t>GPS WAISA</t>
  </si>
  <si>
    <t>vpo waisa mohallah reti tehsil Hazro Distt attock</t>
  </si>
  <si>
    <t>20537</t>
  </si>
  <si>
    <t>GES NOWSHERA SANSI</t>
  </si>
  <si>
    <t>Noshehra Sansi</t>
  </si>
  <si>
    <t>GGES INAYAT ALI WALA</t>
  </si>
  <si>
    <t>basti inayat Ali moza Ali pur kanju tehsil kahror pacca zila lodhran</t>
  </si>
  <si>
    <t>mamoona tahira</t>
  </si>
  <si>
    <t>GGPS SATLUJ COLONY BAHAWALPUR</t>
  </si>
  <si>
    <t>Weslan</t>
  </si>
  <si>
    <t>satluj colonyb w p</t>
  </si>
  <si>
    <t>Satluj Colony</t>
  </si>
  <si>
    <t>1city Bwp</t>
  </si>
  <si>
    <t>GPS JAFFAR</t>
  </si>
  <si>
    <t>Village and post office jaffar</t>
  </si>
  <si>
    <t>AJuwala</t>
  </si>
  <si>
    <t>GGES MOUZA SHEIKHAN</t>
  </si>
  <si>
    <t>GGES Mouza Sheikhan, Teh Lalian  Distt Chiniot</t>
  </si>
  <si>
    <t>Mouza Sheikhan</t>
  </si>
  <si>
    <t>Sughra Hazoor</t>
  </si>
  <si>
    <t>30441</t>
  </si>
  <si>
    <t>GPS GHOUSIA HUSNAIN ABAD</t>
  </si>
  <si>
    <t>Mianmeer</t>
  </si>
  <si>
    <t>St no 26 mianmeer colony</t>
  </si>
  <si>
    <t>sadia kousar</t>
  </si>
  <si>
    <t>GGPS GHULAM GHOS WALA</t>
  </si>
  <si>
    <t>GHULAM GHOUS WALA</t>
  </si>
  <si>
    <t>AIR LINE SOCIETY NEAR UCP LAHORE</t>
  </si>
  <si>
    <t>NISARABAD</t>
  </si>
  <si>
    <t>ALI RAZA ABAD</t>
  </si>
  <si>
    <t>Nahid Navid</t>
  </si>
  <si>
    <t>Society Water</t>
  </si>
  <si>
    <t>GGPS BAGH ALI ARAIN</t>
  </si>
  <si>
    <t>GGES 11-1AL</t>
  </si>
  <si>
    <t>Chak 11/1AL</t>
  </si>
  <si>
    <t>GGES 11/1AL</t>
  </si>
  <si>
    <t>Chak 11/1al</t>
  </si>
  <si>
    <t>GGPS CHAK NO.31 D</t>
  </si>
  <si>
    <t>Chak 31/d</t>
  </si>
  <si>
    <t>G. G. P. S. 31/d</t>
  </si>
  <si>
    <t>Sohaila Naseem</t>
  </si>
  <si>
    <t>GPS BEHRAM ABAD</t>
  </si>
  <si>
    <t>rang pur u/c noshahra sharki</t>
  </si>
  <si>
    <t>syed aquil ur rehman</t>
  </si>
  <si>
    <t>GPS HAMID PUR MURAKHA</t>
  </si>
  <si>
    <t>Hamid Pur Murakha</t>
  </si>
  <si>
    <t>Moza Hamid pur Murakha</t>
  </si>
  <si>
    <t>GGMPS SUKHAIRA ARAIN</t>
  </si>
  <si>
    <t>Sukhaira Arain</t>
  </si>
  <si>
    <t>Chanda Ramay Wala</t>
  </si>
  <si>
    <t>Arghwana firdous</t>
  </si>
  <si>
    <t>GPS RAMIAL P.O RAMAIL</t>
  </si>
  <si>
    <t>vpo ramial</t>
  </si>
  <si>
    <t>Muhammad Khalique Khan</t>
  </si>
  <si>
    <t>GES KANJUN WALA</t>
  </si>
  <si>
    <t>THIND KALAN CHOULISTAN</t>
  </si>
  <si>
    <t>Chah Kanjan Wala Tehsil Choubara Distt. Layyah</t>
  </si>
  <si>
    <t>KANJUN WALA</t>
  </si>
  <si>
    <t>GES THIKARIAN KALAN</t>
  </si>
  <si>
    <t>Thikrian Kalan</t>
  </si>
  <si>
    <t>GES thikrian kalan, tehsil shakargarh, district narowal</t>
  </si>
  <si>
    <t>M Ayub</t>
  </si>
  <si>
    <t>GPS BERULI</t>
  </si>
  <si>
    <t>Beruli Chidru</t>
  </si>
  <si>
    <t>GGPS NOORA AHLOKA</t>
  </si>
  <si>
    <t>ggps noora ahloka</t>
  </si>
  <si>
    <t>Samina Akbar</t>
  </si>
  <si>
    <t>GMPS CHAK NO. 2/2-L</t>
  </si>
  <si>
    <t>Mahmood koat</t>
  </si>
  <si>
    <t>chak 2/2l</t>
  </si>
  <si>
    <t>Chak 2/2l</t>
  </si>
  <si>
    <t>GGPS MOMAN PURA KUNDIAN</t>
  </si>
  <si>
    <t>Mohallah momin pura kundian</t>
  </si>
  <si>
    <t>Kundian-2</t>
  </si>
  <si>
    <t>Farhat Saba</t>
  </si>
  <si>
    <t>GES  22/11-L</t>
  </si>
  <si>
    <t>22/11L</t>
  </si>
  <si>
    <t>Chak no 22/11L</t>
  </si>
  <si>
    <t>Chak No 22/11L</t>
  </si>
  <si>
    <t>GES KHOKHRAN P/O SIKINDARABAD</t>
  </si>
  <si>
    <t>GES khokharan P/S Sikindarabad</t>
  </si>
  <si>
    <t>Khoharan</t>
  </si>
  <si>
    <t>Javid Akhtar</t>
  </si>
  <si>
    <t>GGCMS MARKHAI</t>
  </si>
  <si>
    <t>Orki Abdullah</t>
  </si>
  <si>
    <t>basti markhai tahsil bahawalnagar</t>
  </si>
  <si>
    <t>Markhai</t>
  </si>
  <si>
    <t>GGCMES 65/5-L</t>
  </si>
  <si>
    <t>65/5l</t>
  </si>
  <si>
    <t>g.g.c.m.e.school 65/5l</t>
  </si>
  <si>
    <t>Zaib Iftikhar</t>
  </si>
  <si>
    <t>48905</t>
  </si>
  <si>
    <t>GGES PIR MUHAMMAD COLONY</t>
  </si>
  <si>
    <t>pir muhammad colony sgd</t>
  </si>
  <si>
    <t>gges pir muhammad colony sgd</t>
  </si>
  <si>
    <t>cant area</t>
  </si>
  <si>
    <t>Shamim  Akhtar</t>
  </si>
  <si>
    <t>40954</t>
  </si>
  <si>
    <t>GMPS CHAK NO. 203 TDA</t>
  </si>
  <si>
    <t>gmps 203tda</t>
  </si>
  <si>
    <t>203tda</t>
  </si>
  <si>
    <t>SaminaNazir</t>
  </si>
  <si>
    <t>GPS CHAK NO 238-P</t>
  </si>
  <si>
    <t>chak 238p teh..sdk distt. ryk</t>
  </si>
  <si>
    <t>Chak 238p</t>
  </si>
  <si>
    <t>Chak 186p</t>
  </si>
  <si>
    <t>GGES CHAK 164 GB SHEIKHAN</t>
  </si>
  <si>
    <t>chak 164gb</t>
  </si>
  <si>
    <t>164gb</t>
  </si>
  <si>
    <t>Chak 161gb</t>
  </si>
  <si>
    <t>Shakila Nadeem</t>
  </si>
  <si>
    <t>GES CHAK NO. 55 NP</t>
  </si>
  <si>
    <t>CHAK NO 55 NP</t>
  </si>
  <si>
    <t>Chao no 55 NP po mianwali quraishiyan  Rahim Yar Khan</t>
  </si>
  <si>
    <t>CHAK NO 55/NP</t>
  </si>
  <si>
    <t>farooq amir</t>
  </si>
  <si>
    <t>GPS DOL WALI</t>
  </si>
  <si>
    <t>bagh wali cholistan</t>
  </si>
  <si>
    <t>Govt Primary School Dol wali markaz fazil kalro tehsil and district Muzaffargarh</t>
  </si>
  <si>
    <t>Dol wali</t>
  </si>
  <si>
    <t>Muhammad Afzal khan</t>
  </si>
  <si>
    <t>bringing filled water collor from almost 0.5Km away</t>
  </si>
  <si>
    <t>34409</t>
  </si>
  <si>
    <t>GGPS NOURANG ABAD</t>
  </si>
  <si>
    <t>Nourangabad</t>
  </si>
  <si>
    <t>Govt girls ps nourangabad</t>
  </si>
  <si>
    <t>GGPS ABADI THIRAJ NAUL</t>
  </si>
  <si>
    <t>G G Primary School Thiraj Noul</t>
  </si>
  <si>
    <t>Umm-e-Laila Rabeel</t>
  </si>
  <si>
    <t>44439</t>
  </si>
  <si>
    <t>GPS BAKHRRAY WALA</t>
  </si>
  <si>
    <t>gps bakhrÃ Ã½ wÃ ÄºÃ </t>
  </si>
  <si>
    <t>Mumdoo Wala</t>
  </si>
  <si>
    <t>Mehboob hussain</t>
  </si>
  <si>
    <t>GPS KAT DEPUTY WALI</t>
  </si>
  <si>
    <t>Deputy Wali Kaat</t>
  </si>
  <si>
    <t>muhammad zahoor ahmad zia</t>
  </si>
  <si>
    <t>GGPS QADIR PUR LAR MULTAN</t>
  </si>
  <si>
    <t>GPS CHAK 243 GB</t>
  </si>
  <si>
    <t>Chak 243 Gb Kalyanpur</t>
  </si>
  <si>
    <t>chak no 243 GB</t>
  </si>
  <si>
    <t>Chak No 243 GB</t>
  </si>
  <si>
    <t>Chak No 178 GB</t>
  </si>
  <si>
    <t>Zahid Farooq</t>
  </si>
  <si>
    <t>GES CHAK NO 62 ML</t>
  </si>
  <si>
    <t>Chak No. 62ml, Tehsil District, Bhakkar</t>
  </si>
  <si>
    <t>chak No. 62ML</t>
  </si>
  <si>
    <t>MOEEN UD DIN</t>
  </si>
  <si>
    <t>GGPS KAT BHOOJAY WALI</t>
  </si>
  <si>
    <t>Nank Chand</t>
  </si>
  <si>
    <t>dakkhana khas mandi madriss a basti bhojeywali</t>
  </si>
  <si>
    <t>Bhojeywali</t>
  </si>
  <si>
    <t>Shazia Hafeez</t>
  </si>
  <si>
    <t>GMPS BUCH KHUSRO ABAD BOSAN ROAD MULTAN</t>
  </si>
  <si>
    <t>gitth braber</t>
  </si>
  <si>
    <t>buch khusroo</t>
  </si>
  <si>
    <t>saley mahay</t>
  </si>
  <si>
    <t>50997</t>
  </si>
  <si>
    <t>GPS 50-GD</t>
  </si>
  <si>
    <t>chak50 gd</t>
  </si>
  <si>
    <t>Nawab Ali</t>
  </si>
  <si>
    <t>GGPS KOT BAHAWAL BUKHASH</t>
  </si>
  <si>
    <t>jamal din</t>
  </si>
  <si>
    <t>kot bahawal bukhsh</t>
  </si>
  <si>
    <t>kot bhawal bukhsh</t>
  </si>
  <si>
    <t>malikpura</t>
  </si>
  <si>
    <t>Shahida Javed</t>
  </si>
  <si>
    <t>12299</t>
  </si>
  <si>
    <t>GGPS CHAK NO. 596 TDA (NEW)</t>
  </si>
  <si>
    <t>chak 596</t>
  </si>
  <si>
    <t>Salma Yasin</t>
  </si>
  <si>
    <t>GGES NAI ABADI HUJRA</t>
  </si>
  <si>
    <t>Abdullah colony</t>
  </si>
  <si>
    <t>Sadia Ilahi</t>
  </si>
  <si>
    <t>12046</t>
  </si>
  <si>
    <t>GGPS CHAK NO. 596/ TDA</t>
  </si>
  <si>
    <t>597TDA</t>
  </si>
  <si>
    <t>44636</t>
  </si>
  <si>
    <t>GGCMS BASTI MIAN PUNJA</t>
  </si>
  <si>
    <t>Daggar Rahtad</t>
  </si>
  <si>
    <t>basti mian banja</t>
  </si>
  <si>
    <t>Basti Mian Banja</t>
  </si>
  <si>
    <t>50999</t>
  </si>
  <si>
    <t>GPS 52/GD KHOD</t>
  </si>
  <si>
    <t>52 GD khod</t>
  </si>
  <si>
    <t>Saeed Ahmad Akhter</t>
  </si>
  <si>
    <t>GPS GHULAM HUSSAIN GHAWAN WALA</t>
  </si>
  <si>
    <t>Talai Chandigarh Gharbi</t>
  </si>
  <si>
    <t>chak no 154 ml Kot addu</t>
  </si>
  <si>
    <t>Check No154 Ml</t>
  </si>
  <si>
    <t>GGPS JOGI WALA</t>
  </si>
  <si>
    <t>ward #2 mohalla churkil wala</t>
  </si>
  <si>
    <t>Robina Gull</t>
  </si>
  <si>
    <t>GGPS WARD NO.2 HAVELI</t>
  </si>
  <si>
    <t>Ward No. 2 Haveli Lakha</t>
  </si>
  <si>
    <t>Mc Haveli Lakha</t>
  </si>
  <si>
    <t>Rahila Mushtaq</t>
  </si>
  <si>
    <t>GPS CHAK NO 119 GB</t>
  </si>
  <si>
    <t>Chak no 119 GB</t>
  </si>
  <si>
    <t>Chak no. 119 GB , Jaranwala</t>
  </si>
  <si>
    <t>Chak no. 119GB</t>
  </si>
  <si>
    <t>chak no 122 gb</t>
  </si>
  <si>
    <t>GGPS KORIAN WALI NO 1</t>
  </si>
  <si>
    <t>Rampora</t>
  </si>
  <si>
    <t>basti korianwali dak khana khas bahawalnagar</t>
  </si>
  <si>
    <t>Korianwali</t>
  </si>
  <si>
    <t>Kordianwali</t>
  </si>
  <si>
    <t>51137</t>
  </si>
  <si>
    <t>GGPS 84/5-L</t>
  </si>
  <si>
    <t>84/5l</t>
  </si>
  <si>
    <t>GMPS KIRAN</t>
  </si>
  <si>
    <t>post office lau moz kiran</t>
  </si>
  <si>
    <t>safia sultana</t>
  </si>
  <si>
    <t>GPS 564 GB</t>
  </si>
  <si>
    <t>Piraan Wala</t>
  </si>
  <si>
    <t>Govt Primary School 564GB</t>
  </si>
  <si>
    <t>Chak No 564GB</t>
  </si>
  <si>
    <t>Chak No 569GB</t>
  </si>
  <si>
    <t>GGCMS 15/WM TUKRA</t>
  </si>
  <si>
    <t>15/Wm</t>
  </si>
  <si>
    <t>chak 15/wm Tukra Sahiwal</t>
  </si>
  <si>
    <t>Chak 15/Wm</t>
  </si>
  <si>
    <t>Samia Aslam Butt</t>
  </si>
  <si>
    <t>GES CHAK 244 GB I</t>
  </si>
  <si>
    <t>Chak 244 GB</t>
  </si>
  <si>
    <t>chak 244 gb 1</t>
  </si>
  <si>
    <t>Chak 244 Gb 1</t>
  </si>
  <si>
    <t>chak 154 Gb</t>
  </si>
  <si>
    <t>Haji Uzair Arshad</t>
  </si>
  <si>
    <t>GES BULEHWAL</t>
  </si>
  <si>
    <t>Bullhe Wal</t>
  </si>
  <si>
    <t>Chak bullhe wal p/o haveli lakha (okara)</t>
  </si>
  <si>
    <t>Bhully Wal</t>
  </si>
  <si>
    <t>Muhammad younas</t>
  </si>
  <si>
    <t>GPS AZAM SAHU</t>
  </si>
  <si>
    <t>Azam Sahu</t>
  </si>
  <si>
    <t>chak Azam Sahu sahiwal</t>
  </si>
  <si>
    <t>Bhdar Shah</t>
  </si>
  <si>
    <t>GES PABBAR WALA</t>
  </si>
  <si>
    <t>Pabberwala</t>
  </si>
  <si>
    <t>mouza pabberwala post office same teh/dist jhang</t>
  </si>
  <si>
    <t>Hadi Hussain</t>
  </si>
  <si>
    <t>18701</t>
  </si>
  <si>
    <t>51177</t>
  </si>
  <si>
    <t>GGPS DODA SAHAU WALA</t>
  </si>
  <si>
    <t>Doda Sahau Wala</t>
  </si>
  <si>
    <t>doda sahau wala teh:sahiwal dist: sahiwal</t>
  </si>
  <si>
    <t>Fakhar Karim</t>
  </si>
  <si>
    <t>52714</t>
  </si>
  <si>
    <t>GGPS BUKKAN</t>
  </si>
  <si>
    <t>Phular Wan Wazir Kay</t>
  </si>
  <si>
    <t>GMPS ABADI DOUKA</t>
  </si>
  <si>
    <t>Douka</t>
  </si>
  <si>
    <t>abadi douka pakky wala</t>
  </si>
  <si>
    <t>Mouza Douka</t>
  </si>
  <si>
    <t>Fozia rani</t>
  </si>
  <si>
    <t>21918</t>
  </si>
  <si>
    <t>zafarabad tahsile nowshera virkan District Gujranwala</t>
  </si>
  <si>
    <t>Saima Azam</t>
  </si>
  <si>
    <t>GPS 94/10-R, P/O 93/10-R, KHANEWAL</t>
  </si>
  <si>
    <t>94/10r</t>
  </si>
  <si>
    <t>chak no 94/10_r</t>
  </si>
  <si>
    <t>73/10r</t>
  </si>
  <si>
    <t>GGES KOT DINA</t>
  </si>
  <si>
    <t>G G E/S Kotdina</t>
  </si>
  <si>
    <t>village kotdina p/o sambrial teh. sambrial distt. sialkot</t>
  </si>
  <si>
    <t>Kotdina</t>
  </si>
  <si>
    <t>Lubna Munir</t>
  </si>
  <si>
    <t>50294</t>
  </si>
  <si>
    <t>GGPS CHAK 172/M C</t>
  </si>
  <si>
    <t>chak 124/m post office same tehsil chishtian district BWN</t>
  </si>
  <si>
    <t>GPS MIR MUHAMMAD KACHHELA</t>
  </si>
  <si>
    <t>Bakhar wah</t>
  </si>
  <si>
    <t>Basti Meer Muhammad Kachhela</t>
  </si>
  <si>
    <t>36188</t>
  </si>
  <si>
    <t>GPS CHAK NO.180/EB</t>
  </si>
  <si>
    <t>Chak No 180</t>
  </si>
  <si>
    <t>chak  no 180/eb Teh.&amp;District vehari</t>
  </si>
  <si>
    <t>Chak  No 180/EB</t>
  </si>
  <si>
    <t>18166</t>
  </si>
  <si>
    <t>GHS WAFAQI COLONY LAHORE</t>
  </si>
  <si>
    <t>shah di khoi</t>
  </si>
  <si>
    <t>F/G 93 Wafaqi Colony Lahore</t>
  </si>
  <si>
    <t>dhna singh wala</t>
  </si>
  <si>
    <t>wafaqi colony</t>
  </si>
  <si>
    <t>Muhammad Salem Iqbal</t>
  </si>
  <si>
    <t>GGES DHOOL KHURD</t>
  </si>
  <si>
    <t>Dhool Khurd dinga road gujrat</t>
  </si>
  <si>
    <t>GMPS CHAK NO.103 NB</t>
  </si>
  <si>
    <t>chak no 103 nb</t>
  </si>
  <si>
    <t>Chak No 103 Nb</t>
  </si>
  <si>
    <t>Rubab Sultana</t>
  </si>
  <si>
    <t>Khurd</t>
  </si>
  <si>
    <t>village rasool nagar post office khurd teh &amp; distt jhelum</t>
  </si>
  <si>
    <t>30249</t>
  </si>
  <si>
    <t>GGES NEW ISLAMIA NAFEER ABAD</t>
  </si>
  <si>
    <t>nafeerabad, shalimar town, lahore</t>
  </si>
  <si>
    <t>Nafeerabad</t>
  </si>
  <si>
    <t>RoohAfza</t>
  </si>
  <si>
    <t>42274</t>
  </si>
  <si>
    <t>GGPS CHAPRI PANIOLA</t>
  </si>
  <si>
    <t>Barrian pathora</t>
  </si>
  <si>
    <t>Village Barrian pathora p o mallot sattian Teh Kotli sattian District Rwp</t>
  </si>
  <si>
    <t>Rahna Basheer</t>
  </si>
  <si>
    <t>GPS BHOLE KAY</t>
  </si>
  <si>
    <t>Bholekey</t>
  </si>
  <si>
    <t>village bholekey</t>
  </si>
  <si>
    <t>GMPS BEHRAM PUR</t>
  </si>
  <si>
    <t>behram pur</t>
  </si>
  <si>
    <t>Qamar Un  Nisa</t>
  </si>
  <si>
    <t>41242</t>
  </si>
  <si>
    <t>GES BHOJI KOT</t>
  </si>
  <si>
    <t>Bhoji Koot</t>
  </si>
  <si>
    <t>jhal colony khairo koot</t>
  </si>
  <si>
    <t>Khairo Koot Jhal</t>
  </si>
  <si>
    <t>GPS MAHI WALA</t>
  </si>
  <si>
    <t>Mahi Wala Mauza Dhingana Teh.Mankera District Bhakkar</t>
  </si>
  <si>
    <t>23291</t>
  </si>
  <si>
    <t>GGES KACHA MIAN WALI</t>
  </si>
  <si>
    <t>GGES Kacha mian wali tehsil rojhan district rajanpur</t>
  </si>
  <si>
    <t>Kacha Mianwali 2</t>
  </si>
  <si>
    <t>Zehra Maqsoom</t>
  </si>
  <si>
    <t>GGPS DOGRAN WALA</t>
  </si>
  <si>
    <t>Dogranwala po Begowala Teh Sambrial Distt Sialkot</t>
  </si>
  <si>
    <t>sadia Nazir</t>
  </si>
  <si>
    <t>GPS MEWAY WALA</t>
  </si>
  <si>
    <t>Darkhast jamal Khan Gharbi No 1</t>
  </si>
  <si>
    <t>Basti mewa kaleri</t>
  </si>
  <si>
    <t>Basti Meway wala</t>
  </si>
  <si>
    <t>GPS JADEED MOSIYANI</t>
  </si>
  <si>
    <t>Kotla Meeran</t>
  </si>
  <si>
    <t>p/o Murghai kotla meeran GPS Jadeed Mosiyani teh and dist. Rajanpur</t>
  </si>
  <si>
    <t>GPS PALO SHAH</t>
  </si>
  <si>
    <t>Chak Mut No1</t>
  </si>
  <si>
    <t>basti manzoor makwal chack mut no.1 Rojhan</t>
  </si>
  <si>
    <t>chak Mut no1</t>
  </si>
  <si>
    <t>GGPS TOLAY WALA, P/O KOHI WALA, KABIRWALA</t>
  </si>
  <si>
    <t>ggps tolaywala</t>
  </si>
  <si>
    <t>Tolaywala</t>
  </si>
  <si>
    <t>farzana habib</t>
  </si>
  <si>
    <t>GES JATTAL</t>
  </si>
  <si>
    <t>vpo jattal teh gujarkhan tehsil rwp</t>
  </si>
  <si>
    <t>37015</t>
  </si>
  <si>
    <t>GPS JAMAL DIN BHUK</t>
  </si>
  <si>
    <t>Basti Jamal Din Bhuk p/ o Malik pura Bahwal nagar</t>
  </si>
  <si>
    <t>Jamal Din Bhuk</t>
  </si>
  <si>
    <t>54283</t>
  </si>
  <si>
    <t>GGPS QADIR PURA KHUSHAB</t>
  </si>
  <si>
    <t>G.G.P/S Qadir Pura Khushab
,</t>
  </si>
  <si>
    <t>Ronaq Pura</t>
  </si>
  <si>
    <t>Nasreen Noor</t>
  </si>
  <si>
    <t>32935</t>
  </si>
  <si>
    <t>GPS WALGON CHERKAN</t>
  </si>
  <si>
    <t>Walgon Cherkan</t>
  </si>
  <si>
    <t>govt primary school walgon cherkan</t>
  </si>
  <si>
    <t>moh nai abadi v.p.o pindsultani</t>
  </si>
  <si>
    <t>31698</t>
  </si>
  <si>
    <t>GPS RATTIAN KHURSHID</t>
  </si>
  <si>
    <t>Rattian Khurshid</t>
  </si>
  <si>
    <t>ratian khurhid p/o narang mandi teh mdk dist skp</t>
  </si>
  <si>
    <t>Rattin Khurshid</t>
  </si>
  <si>
    <t>Ratta Gujjran</t>
  </si>
  <si>
    <t>GGPS DERA TAJA</t>
  </si>
  <si>
    <t>Dera Taja</t>
  </si>
  <si>
    <t>Dera taja phalia</t>
  </si>
  <si>
    <t>Abreera Abbas</t>
  </si>
  <si>
    <t>GGES KANERAY WALA</t>
  </si>
  <si>
    <t>Shakerbela</t>
  </si>
  <si>
    <t>GGES kneray wala</t>
  </si>
  <si>
    <t>Kneray Wala</t>
  </si>
  <si>
    <t>Ghairay Whain</t>
  </si>
  <si>
    <t>Sadia Andleeb</t>
  </si>
  <si>
    <t>GPS KALAIRI NO 2</t>
  </si>
  <si>
    <t>Kalairi</t>
  </si>
  <si>
    <t>P/o adda Karim wala basti jiani Tehsil Taunsa district D.G Khan</t>
  </si>
  <si>
    <t>GGES DEV KALAN LINK FEROZ PUR ROAD</t>
  </si>
  <si>
    <t>Dav Kalan</t>
  </si>
  <si>
    <t>govt girls elementary school dav kalan link feroz pur road</t>
  </si>
  <si>
    <t>Naseema Abbasi</t>
  </si>
  <si>
    <t>GPS ASTANA BAQRIA MAZAR KALOONI</t>
  </si>
  <si>
    <t>Mazar Colony</t>
  </si>
  <si>
    <t>mazar colony</t>
  </si>
  <si>
    <t>Saif Ur Rehman Abbasi</t>
  </si>
  <si>
    <t>GPS DHOUL BAJWA</t>
  </si>
  <si>
    <t>Dhoul Bajwa</t>
  </si>
  <si>
    <t>Govt p /s dhoul bajwa</t>
  </si>
  <si>
    <t>Arfan Nazar</t>
  </si>
  <si>
    <t>GGPS RAO COLONY</t>
  </si>
  <si>
    <t>Thada thaheem</t>
  </si>
  <si>
    <t>Near double phatak multan road</t>
  </si>
  <si>
    <t>New basti</t>
  </si>
  <si>
    <t>GPS RATTAN THAIR</t>
  </si>
  <si>
    <t>Gps rattan thair peer bux east</t>
  </si>
  <si>
    <t>Muhammad Zia Ullah</t>
  </si>
  <si>
    <t>GMPS CHAK 750 GB</t>
  </si>
  <si>
    <t>750 GB</t>
  </si>
  <si>
    <t>750 GB tehsil pir mshal</t>
  </si>
  <si>
    <t>759 Gb</t>
  </si>
  <si>
    <t>ARSHAD FATIMA</t>
  </si>
  <si>
    <t>GGES 260/HR</t>
  </si>
  <si>
    <t>Walhar Sharif</t>
  </si>
  <si>
    <t>GOVT girls elementary school 260/hr</t>
  </si>
  <si>
    <t>260 /hr</t>
  </si>
  <si>
    <t>Chak No260/hr</t>
  </si>
  <si>
    <t>Sara Saleem</t>
  </si>
  <si>
    <t>GGPS BASTI TIBYAN WALI</t>
  </si>
  <si>
    <t>GGPS Basti Tibiyan wali</t>
  </si>
  <si>
    <t>Basti Tibiyan Wali</t>
  </si>
  <si>
    <t>GMPS CHAK NO.140/DB (S)</t>
  </si>
  <si>
    <t>140/db</t>
  </si>
  <si>
    <t>tehsil yazman district bhawalpur</t>
  </si>
  <si>
    <t>67/db</t>
  </si>
  <si>
    <t>Rahila Nawaz</t>
  </si>
  <si>
    <t>GES KAMRAH</t>
  </si>
  <si>
    <t>Kamraa</t>
  </si>
  <si>
    <t>Village kamrah post office kahoti tehsil kotli sattian district rawalpindi</t>
  </si>
  <si>
    <t>Naveed Saeed</t>
  </si>
  <si>
    <t>GPS DHALYA</t>
  </si>
  <si>
    <t>DALEH</t>
  </si>
  <si>
    <t>vill daleh  p/o Tret teh murree  distt rwp</t>
  </si>
  <si>
    <t>Daleh</t>
  </si>
  <si>
    <t>Ikram Mahmood</t>
  </si>
  <si>
    <t>GGES TALAGANG NO.5</t>
  </si>
  <si>
    <t>GGES NO.5 Talagang   Moh Hawapura Talagang</t>
  </si>
  <si>
    <t>Moh hawapoora</t>
  </si>
  <si>
    <t>Talagang sharak</t>
  </si>
  <si>
    <t>GGES BASTI MALIK KHALID</t>
  </si>
  <si>
    <t>Basti malik khalid</t>
  </si>
  <si>
    <t>basti malik khalid</t>
  </si>
  <si>
    <t>eRUM RAZZAQ</t>
  </si>
  <si>
    <t>GGPS PADRI</t>
  </si>
  <si>
    <t>padri p/o barki lahore</t>
  </si>
  <si>
    <t>Banghali</t>
  </si>
  <si>
    <t>Sajid ali</t>
  </si>
  <si>
    <t>GGPS PIRHARAN</t>
  </si>
  <si>
    <t>Sha Muhammad  Mareel</t>
  </si>
  <si>
    <t>pirharan</t>
  </si>
  <si>
    <t>Pirharan</t>
  </si>
  <si>
    <t>9874</t>
  </si>
  <si>
    <t>GPS NAWAN WADO WALA</t>
  </si>
  <si>
    <t>chah Muhammad Buksh Wala moza Nawan kot</t>
  </si>
  <si>
    <t>Chah Muhammad Buksh Wala</t>
  </si>
  <si>
    <t>Muhammad Mumtaz Iqbal</t>
  </si>
  <si>
    <t>GMPS CHAK NO. 37 DB</t>
  </si>
  <si>
    <t>37db</t>
  </si>
  <si>
    <t>37db Teh qbd dst khshab</t>
  </si>
  <si>
    <t>GPS CHAK NO.99/ML</t>
  </si>
  <si>
    <t>99ml</t>
  </si>
  <si>
    <t>teh.karor dist.layyah chak 99ml</t>
  </si>
  <si>
    <t>98ml</t>
  </si>
  <si>
    <t>Dildar Ahmad Khan</t>
  </si>
  <si>
    <t>17643</t>
  </si>
  <si>
    <t>GGES JHANGAR</t>
  </si>
  <si>
    <t>Jhangar Be or Kahuta RWP</t>
  </si>
  <si>
    <t>Jhangar</t>
  </si>
  <si>
    <t>Beenish Maskin</t>
  </si>
  <si>
    <t>GMPS HASAN WALA</t>
  </si>
  <si>
    <t>Bela Bangash, Tehsil &amp; District Jhang</t>
  </si>
  <si>
    <t>Govt.Primary School Gorala Tehsil Kamoki District Gujranwala</t>
  </si>
  <si>
    <t>Sohawa Dehilwan</t>
  </si>
  <si>
    <t>GGPS DERA KASHMIRIAN</t>
  </si>
  <si>
    <t>Ahmad nager</t>
  </si>
  <si>
    <t>dera kashmarian Teh.wazirabad district grw</t>
  </si>
  <si>
    <t>Dera Kashmarian</t>
  </si>
  <si>
    <t>Ahmad  Nager</t>
  </si>
  <si>
    <t>Muzammal Rehana</t>
  </si>
  <si>
    <t>GMPS ADDA CHAK NO.84 NB</t>
  </si>
  <si>
    <t>84nb sgd</t>
  </si>
  <si>
    <t>GMPS adda 84 NB  sgd</t>
  </si>
  <si>
    <t>84Adda sgd</t>
  </si>
  <si>
    <t>92nb</t>
  </si>
  <si>
    <t>Naghma Parveen</t>
  </si>
  <si>
    <t>GGES CHAK NO. 48 TDA</t>
  </si>
  <si>
    <t>Chak No 48tda</t>
  </si>
  <si>
    <t>GGES/48tda</t>
  </si>
  <si>
    <t>Ameena Naz</t>
  </si>
  <si>
    <t>GGPS CHAK NO.136 NB</t>
  </si>
  <si>
    <t>chak no 136nb</t>
  </si>
  <si>
    <t>chack no 136nb</t>
  </si>
  <si>
    <t>Naila Ghufar</t>
  </si>
  <si>
    <t>GGPS MC JADEED NO.1 LAHORI GATE</t>
  </si>
  <si>
    <t>moh garha</t>
  </si>
  <si>
    <t>GGPS JADEED NO. 1 LAHORIGATE</t>
  </si>
  <si>
    <t>chioniot</t>
  </si>
  <si>
    <t>GPS BASIA</t>
  </si>
  <si>
    <t>Basia</t>
  </si>
  <si>
    <t>village basia tehsil HAZRO district Attock</t>
  </si>
  <si>
    <t>46264</t>
  </si>
  <si>
    <t>GPS GHEREEB COLONY, ADHI KOT</t>
  </si>
  <si>
    <t>vpo adhi kot DISTRICT khushab</t>
  </si>
  <si>
    <t>47221</t>
  </si>
  <si>
    <t>GPS MARMANDI</t>
  </si>
  <si>
    <t>Govt Primary school Marmandi</t>
  </si>
  <si>
    <t>sarwar Wala tehsil mankera disst bhakkar</t>
  </si>
  <si>
    <t>Sagheer Ullah Khan</t>
  </si>
  <si>
    <t>GES BATJRANA KANIAL</t>
  </si>
  <si>
    <t>Kanial Bajrana</t>
  </si>
  <si>
    <t>GBES Bajrana kanial teh gujar khan district rawal pindi</t>
  </si>
  <si>
    <t>Mohra Kanial</t>
  </si>
  <si>
    <t>MUHAMMAD BILAL RASHEED</t>
  </si>
  <si>
    <t>GGES SHAH PUR BHANGOO</t>
  </si>
  <si>
    <t>Govt.G E/S shahpur bhangoo.p/o shahpur bhangoo</t>
  </si>
  <si>
    <t>Shagufta Jabeen Akhtar</t>
  </si>
  <si>
    <t>GPS CHAK 359 JB</t>
  </si>
  <si>
    <t>359 jb</t>
  </si>
  <si>
    <t>359 Jb</t>
  </si>
  <si>
    <t>Shahid Hussain Saqib</t>
  </si>
  <si>
    <t>45912</t>
  </si>
  <si>
    <t>GPS CHAK HAJI WALA</t>
  </si>
  <si>
    <t>Talai Chandrar Shrqi</t>
  </si>
  <si>
    <t>GPS Haji Wala Near Klasra Pull Noor Shah</t>
  </si>
  <si>
    <t>GGES MATTI TAL MULTAN</t>
  </si>
  <si>
    <t>Government  girls elementary school mattital multan saddar</t>
  </si>
  <si>
    <t>Basti Mattital</t>
  </si>
  <si>
    <t>GGPS BOOLAY SHAH</t>
  </si>
  <si>
    <t>Boolay Shah</t>
  </si>
  <si>
    <t>chak khatan moza boolay shah GGPS</t>
  </si>
  <si>
    <t>GGES NAND PUR, SARAI SIDHU</t>
  </si>
  <si>
    <t>Gges nand pur</t>
  </si>
  <si>
    <t>Jasso kanwen</t>
  </si>
  <si>
    <t>Asma Iftikhar</t>
  </si>
  <si>
    <t>GGPS CHAH TAHLI WALA</t>
  </si>
  <si>
    <t>Ward no 13 Mohala Chah Tahli wala</t>
  </si>
  <si>
    <t>ijaz begam</t>
  </si>
  <si>
    <t>GGMPS DANI WALA</t>
  </si>
  <si>
    <t>Moza chabri zareen basti wareen DG khan</t>
  </si>
  <si>
    <t>Basti Wanreen</t>
  </si>
  <si>
    <t>Mamoona Bibi</t>
  </si>
  <si>
    <t>GGPS LALU NO. 1 BASTI LALU</t>
  </si>
  <si>
    <t>Basti Lalu</t>
  </si>
  <si>
    <t>Nusrat Khatoon</t>
  </si>
  <si>
    <t>GGPS GHARI KANDI</t>
  </si>
  <si>
    <t>GGPS Ghari Kandi</t>
  </si>
  <si>
    <t>Qazi ghulam Qadir Channar</t>
  </si>
  <si>
    <t>asya bibi</t>
  </si>
  <si>
    <t>GPS HADI PURA</t>
  </si>
  <si>
    <t>Hadi Pura</t>
  </si>
  <si>
    <t>Street no 3 hadi pura bhalwal</t>
  </si>
  <si>
    <t>riksha</t>
  </si>
  <si>
    <t>GGPS SHAMSA</t>
  </si>
  <si>
    <t>village shamsa post office Baddomalhi narowal</t>
  </si>
  <si>
    <t>Khalida Jabeen</t>
  </si>
  <si>
    <t>45626</t>
  </si>
  <si>
    <t>GGPS CHAK NO.14 B-TDA</t>
  </si>
  <si>
    <t>Waghwarh</t>
  </si>
  <si>
    <t>GGPS 14 B/TDA</t>
  </si>
  <si>
    <t>15 TDA</t>
  </si>
  <si>
    <t>GGPS CHAK 284 GB IV</t>
  </si>
  <si>
    <t>chak no 284 gb Iv</t>
  </si>
  <si>
    <t>Chak No 284 Gb</t>
  </si>
  <si>
    <t>Chak No 291 Gb</t>
  </si>
  <si>
    <t>Shahida Sarwar</t>
  </si>
  <si>
    <t>52684</t>
  </si>
  <si>
    <t>GGES JAITH PUR</t>
  </si>
  <si>
    <t>JAITHPUR</t>
  </si>
  <si>
    <t>JAITHPUR P/O HUJRA SHAH MUQEEM TEHSIL DEPALPUR DISTRICT OKARA</t>
  </si>
  <si>
    <t>JAITPUR</t>
  </si>
  <si>
    <t>Zarina Bi Bi</t>
  </si>
  <si>
    <t>GGPS ALLAH ABAD MULTAN</t>
  </si>
  <si>
    <t>Kotla Reham Ali</t>
  </si>
  <si>
    <t>Chah bhirr wla basti gharib abad post office lar multan</t>
  </si>
  <si>
    <t>Bhirr Wala</t>
  </si>
  <si>
    <t>Gull Fishan</t>
  </si>
  <si>
    <t>GGPS GARWAN</t>
  </si>
  <si>
    <t>garwan</t>
  </si>
  <si>
    <t>Basti Garwan</t>
  </si>
  <si>
    <t>Janu Wala</t>
  </si>
  <si>
    <t>Najma Nisa</t>
  </si>
  <si>
    <t>GPS BHOTA RAWAL</t>
  </si>
  <si>
    <t>Bhota Roual</t>
  </si>
  <si>
    <t>Bhota Royal The. Shakar Garh</t>
  </si>
  <si>
    <t>Muhammad Irfan Abbas Khan</t>
  </si>
  <si>
    <t>GPS MEHMAN FAT VERA-EAST</t>
  </si>
  <si>
    <t>Mehma Fatvera</t>
  </si>
  <si>
    <t>Moza mehma fatvera</t>
  </si>
  <si>
    <t>Basti Ch Shair Muhammad Muhammad</t>
  </si>
  <si>
    <t>29921</t>
  </si>
  <si>
    <t>GGES CHAK NO. 141/6-R</t>
  </si>
  <si>
    <t>141 6r</t>
  </si>
  <si>
    <t>chak n0 141 6r</t>
  </si>
  <si>
    <t>Tasneem  kousar</t>
  </si>
  <si>
    <t>GGPS CHAH SULTAN KHAN WALA</t>
  </si>
  <si>
    <t>20/TDA</t>
  </si>
  <si>
    <t>chah sultan Khan walla 20 TDA</t>
  </si>
  <si>
    <t>Chah Sultan Khan Wala</t>
  </si>
  <si>
    <t>Khawar Kalan</t>
  </si>
  <si>
    <t>fameeda  parveen</t>
  </si>
  <si>
    <t>36947</t>
  </si>
  <si>
    <t>GGCMS ALI CHAPPA SHUMALI ABDUL HAKIM</t>
  </si>
  <si>
    <t>GGCommunity Model School Ali Chappa shumali</t>
  </si>
  <si>
    <t>Ali Chappa Shumali</t>
  </si>
  <si>
    <t>Fauzia Fayyaz</t>
  </si>
  <si>
    <t>GGPS PIDRIAN WALA</t>
  </si>
  <si>
    <t>Pidranwala</t>
  </si>
  <si>
    <t>pidranwala</t>
  </si>
  <si>
    <t>Okhimohla</t>
  </si>
  <si>
    <t>SAMEENA BIBI</t>
  </si>
  <si>
    <t>33147</t>
  </si>
  <si>
    <t>GPS CHAH MUHAMMAD YOUSAF</t>
  </si>
  <si>
    <t>Chah Yousaf</t>
  </si>
  <si>
    <t>walgan sohail po  same</t>
  </si>
  <si>
    <t>Fakhar Ayyaz</t>
  </si>
  <si>
    <t>40888</t>
  </si>
  <si>
    <t>watalian</t>
  </si>
  <si>
    <t>gps wattalian vpo wattalian teh Dina Distt jhelum</t>
  </si>
  <si>
    <t>48398</t>
  </si>
  <si>
    <t>GES WADHAN</t>
  </si>
  <si>
    <t>Wadhan</t>
  </si>
  <si>
    <t>village Wadhan tehsil Bhera Distt. Sargodha</t>
  </si>
  <si>
    <t>MUHAMMAD JAMEEL</t>
  </si>
  <si>
    <t>22383</t>
  </si>
  <si>
    <t>GPS SANGO</t>
  </si>
  <si>
    <t>Sangu</t>
  </si>
  <si>
    <t>Village Sangoo  P/O  Tanda teh. &amp;  District. .  Gujrat</t>
  </si>
  <si>
    <t>Nosheen Naz</t>
  </si>
  <si>
    <t>GGPS CHAK 443/6-R EAST</t>
  </si>
  <si>
    <t>443/6r</t>
  </si>
  <si>
    <t>chack  no  443/6,r</t>
  </si>
  <si>
    <t>19032</t>
  </si>
  <si>
    <t>GPS CHAK 661/2 GB</t>
  </si>
  <si>
    <t>Adam  Pur</t>
  </si>
  <si>
    <t>GPS 661</t>
  </si>
  <si>
    <t>GES DERA DILDAR</t>
  </si>
  <si>
    <t>Dera Dildar Tehsil Rojhan Distt:Rajanpur</t>
  </si>
  <si>
    <t>Muhammad Naeem Siddiqi</t>
  </si>
  <si>
    <t>GPS NEW BUGHLANI</t>
  </si>
  <si>
    <t>P/o: Bughlani Tehsil Taunsa district DGKhan</t>
  </si>
  <si>
    <t>GPS NOON</t>
  </si>
  <si>
    <t>Noon shreef moza bhidwal wala p/o haidera abad tehsil Mankera Dist. Bhakkar</t>
  </si>
  <si>
    <t>GPS 116/7-CR</t>
  </si>
  <si>
    <t>116/7-cr</t>
  </si>
  <si>
    <t>chak no 116/7-cr</t>
  </si>
  <si>
    <t>GES MISSAR WALA</t>
  </si>
  <si>
    <t>poss bangi khel darmyani missar Wala post office tabi sar tehsil esa khel district mianwali</t>
  </si>
  <si>
    <t>Missar Wala</t>
  </si>
  <si>
    <t>Abdul Baqi Khan</t>
  </si>
  <si>
    <t>hose pipe</t>
  </si>
  <si>
    <t>16959</t>
  </si>
  <si>
    <t>GGES BHOCHERA</t>
  </si>
  <si>
    <t>Mouza bhochra</t>
  </si>
  <si>
    <t>shahnaz ahmed</t>
  </si>
  <si>
    <t>52608</t>
  </si>
  <si>
    <t>39062</t>
  </si>
  <si>
    <t>GPS BAJAL</t>
  </si>
  <si>
    <t>Vill bajal p o kot fateh khan teh fateh jang dist Attock</t>
  </si>
  <si>
    <t>kot Fateh Khan</t>
  </si>
  <si>
    <t>Irfan Haider Shah</t>
  </si>
  <si>
    <t>48705</t>
  </si>
  <si>
    <t>GMPS COLONY SARDAR SHAH</t>
  </si>
  <si>
    <t>Chak 6 Ml</t>
  </si>
  <si>
    <t>Colony sardar shah</t>
  </si>
  <si>
    <t>Colony Sardar Shah</t>
  </si>
  <si>
    <t>GPS MOHALLA SHARIF PURA</t>
  </si>
  <si>
    <t>Mohallh Sharifpura Arifwala</t>
  </si>
  <si>
    <t>Rana Nasir Mehmood</t>
  </si>
  <si>
    <t>34996</t>
  </si>
  <si>
    <t>GPS CHAK 73/M JALALPUR PIRWALA</t>
  </si>
  <si>
    <t>73 M</t>
  </si>
  <si>
    <t>chak 73 m</t>
  </si>
  <si>
    <t>73m</t>
  </si>
  <si>
    <t>GGPS SARWAR WALA</t>
  </si>
  <si>
    <t>mouza  dagar  Shada  sarwar  wala</t>
  </si>
  <si>
    <t>Sarwarwala</t>
  </si>
  <si>
    <t>GPS HARNIDAH</t>
  </si>
  <si>
    <t>Harinda mallot sattian tehsil kotli sattian District Rawalpindi</t>
  </si>
  <si>
    <t>Harinda</t>
  </si>
  <si>
    <t>Asim Shahid</t>
  </si>
  <si>
    <t>GPS JALLO DAKHLI PATHAR GARH</t>
  </si>
  <si>
    <t>Gps jallo dakhli pathar ghar</t>
  </si>
  <si>
    <t>Kot Sundky</t>
  </si>
  <si>
    <t>Sijjeel Khan</t>
  </si>
  <si>
    <t>39926</t>
  </si>
  <si>
    <t>GES AWAN ABAD (LUNDI)</t>
  </si>
  <si>
    <t>Village Awan Abad PO Shadi Khan Tehsil Hazro District Attock</t>
  </si>
  <si>
    <t>Awan abad</t>
  </si>
  <si>
    <t>Syed Kausar Ali Shah</t>
  </si>
  <si>
    <t>GMPS BASTI ANBALA MULTAN</t>
  </si>
  <si>
    <t>Anbala</t>
  </si>
  <si>
    <t>basti anbala po Aliwala teh&amp;distt. Multan</t>
  </si>
  <si>
    <t>Basti Anbala</t>
  </si>
  <si>
    <t>Iram Mubbashir</t>
  </si>
  <si>
    <t>32817</t>
  </si>
  <si>
    <t>GPS RATTI TIBBI ARAIAN</t>
  </si>
  <si>
    <t>Ratti Tibbi Araian</t>
  </si>
  <si>
    <t>ratti tibbi araian</t>
  </si>
  <si>
    <t>GPS MOZA DANA ABAD</t>
  </si>
  <si>
    <t>Moza Dana Abad</t>
  </si>
  <si>
    <t>,g p s moza nana abad</t>
  </si>
  <si>
    <t>Hamad Ka 378 G B</t>
  </si>
  <si>
    <t>GES FARID KOT P/O PAKPATTAN</t>
  </si>
  <si>
    <t>farid kot,pak pattan</t>
  </si>
  <si>
    <t>Mossay Wal</t>
  </si>
  <si>
    <t>Ch Parvaz Ahmad</t>
  </si>
  <si>
    <t>7645</t>
  </si>
  <si>
    <t>GPS GHORELA</t>
  </si>
  <si>
    <t>Gorhela</t>
  </si>
  <si>
    <t>Moza Gorhela</t>
  </si>
  <si>
    <t>Chak173/p</t>
  </si>
  <si>
    <t>available nearby school. we bring water from there.</t>
  </si>
  <si>
    <t>GGES KACHA PAKKA</t>
  </si>
  <si>
    <t>Kacha Pakka</t>
  </si>
  <si>
    <t>moza Kacha pakka shah yakka road depalpur</t>
  </si>
  <si>
    <t>Kacha pakka</t>
  </si>
  <si>
    <t>GPS THATHA LEHNA</t>
  </si>
  <si>
    <t>Thatha Lehna</t>
  </si>
  <si>
    <t>Thatha lehna, p/o more khunda, teh/district Nankana sahib</t>
  </si>
  <si>
    <t>Khiarey Kalan</t>
  </si>
  <si>
    <t>21072</t>
  </si>
  <si>
    <t>GGES 186/9-L</t>
  </si>
  <si>
    <t>186/9-L</t>
  </si>
  <si>
    <t>CHAK NO. 186/9-L</t>
  </si>
  <si>
    <t>Aqila Sharif</t>
  </si>
  <si>
    <t>34448</t>
  </si>
  <si>
    <t>GPS OLD BATTA MOZA GHRYALA P/O MUKHDOOM RASHID</t>
  </si>
  <si>
    <t>Chah Sandhi Wala Gharyala P /O Makhdoom Rasheed Multan</t>
  </si>
  <si>
    <t>GES BLOCK Y NEW SATTELITE TOWN</t>
  </si>
  <si>
    <t>Govt E/S block y sargodha</t>
  </si>
  <si>
    <t>M Farooq Malik</t>
  </si>
  <si>
    <t>water delivery</t>
  </si>
  <si>
    <t>GGES BINDA GUL HAIDER SHAH PO SHAHANI</t>
  </si>
  <si>
    <t>Moza Budani, Basti Jhunjh, Binda Gul Haider Shah, P/o Shahni, Bhakkar</t>
  </si>
  <si>
    <t>Binda Gul haider Shah</t>
  </si>
  <si>
    <t>Kalsoom Begum</t>
  </si>
  <si>
    <t>GMPS CHAH  KHIZAR HAYAT (30-04-15)</t>
  </si>
  <si>
    <t>chak # 175</t>
  </si>
  <si>
    <t>Imam Bibi</t>
  </si>
  <si>
    <t>GGCMS NATHOO DHAKA</t>
  </si>
  <si>
    <t>NATHOODHAKA</t>
  </si>
  <si>
    <t>CHAK NATHOODHAKA DUNGA BUNGA</t>
  </si>
  <si>
    <t>Rifat Anwar</t>
  </si>
  <si>
    <t>GGPS CHAK 205 RB II KHURRIANWALA</t>
  </si>
  <si>
    <t>205 RB Qadir Wala</t>
  </si>
  <si>
    <t>Munshi Wala</t>
  </si>
  <si>
    <t>Bazgha Mumtaz</t>
  </si>
  <si>
    <t>32348</t>
  </si>
  <si>
    <t>GGES MODEL GHAREEB ABAD</t>
  </si>
  <si>
    <t>G. G.  E. S.  MODAL.  GHAREEB.   ABAD.  SKP</t>
  </si>
  <si>
    <t>GhareebAbad</t>
  </si>
  <si>
    <t>Rakh  Minara</t>
  </si>
  <si>
    <t>Azra       Bano</t>
  </si>
  <si>
    <t>GPS CHAK NO.150/2-LA</t>
  </si>
  <si>
    <t>150 - 2L</t>
  </si>
  <si>
    <t>Government Primary School 150 / 2L (A), Tehsil Haroon Abad, District Bahawal Nagar,Punjab,Pakistan</t>
  </si>
  <si>
    <t>Chak 150/2L - A</t>
  </si>
  <si>
    <t>150 / 2L</t>
  </si>
  <si>
    <t>Muhammad Sajid Iqbal</t>
  </si>
  <si>
    <t>47993</t>
  </si>
  <si>
    <t>GGPS CHAK 277 JB I NANGAL</t>
  </si>
  <si>
    <t>277j B 1 Nangal</t>
  </si>
  <si>
    <t>govt  girls primary  school 277 J. b 1 nangal</t>
  </si>
  <si>
    <t>277j B 1</t>
  </si>
  <si>
    <t>Usman Kot</t>
  </si>
  <si>
    <t>Aqsa Mushtaq</t>
  </si>
  <si>
    <t>GPS CHAK NO.41 WB</t>
  </si>
  <si>
    <t>41/WB Danewal</t>
  </si>
  <si>
    <t>41/WB Danewal Vehari.</t>
  </si>
  <si>
    <t>41/WB</t>
  </si>
  <si>
    <t>Mahra Fraz</t>
  </si>
  <si>
    <t>Ggps Murad wala moza mahra fraz m ghar</t>
  </si>
  <si>
    <t>Bhuta Pur</t>
  </si>
  <si>
    <t>tasneem anjum</t>
  </si>
  <si>
    <t>GPS DHAMIANA P/O 26/SP PAKPATTAN</t>
  </si>
  <si>
    <t>Dhamyana</t>
  </si>
  <si>
    <t>Chak Dhamyana</t>
  </si>
  <si>
    <t>Raza Ahmad</t>
  </si>
  <si>
    <t>GGPS BHATTI NAGAR</t>
  </si>
  <si>
    <t>jasso ke</t>
  </si>
  <si>
    <t>jasso ke gurditta bhatti nagar</t>
  </si>
  <si>
    <t>jasso ke gurditta</t>
  </si>
  <si>
    <t>klassan paramal</t>
  </si>
  <si>
    <t>Nabila bibi</t>
  </si>
  <si>
    <t>GGPS KULKURAI NO. 2</t>
  </si>
  <si>
    <t>Cha Bohar Wala</t>
  </si>
  <si>
    <t>mouza kul karai chah bohard wala</t>
  </si>
  <si>
    <t>Kulkarai</t>
  </si>
  <si>
    <t>GGPS CHAK NO. 194/P EAST</t>
  </si>
  <si>
    <t>Ggps 194 p east sadiq abad</t>
  </si>
  <si>
    <t>chak 194 p east</t>
  </si>
  <si>
    <t>173 p</t>
  </si>
  <si>
    <t>automaticaly</t>
  </si>
  <si>
    <t>GGES USMANIA</t>
  </si>
  <si>
    <t>GGES USMANIA ISLAM NAGAR RYK</t>
  </si>
  <si>
    <t>mc basti imanat Ali</t>
  </si>
  <si>
    <t>REHANA ZAIB</t>
  </si>
  <si>
    <t>GPS JHOKE DHAP PO SHAHANI</t>
  </si>
  <si>
    <t>Moondaywali</t>
  </si>
  <si>
    <t>village moondaywali p / o shahani tehsil DIST bhakkar</t>
  </si>
  <si>
    <t>GMPS TARA JAT</t>
  </si>
  <si>
    <t>Tara Jat</t>
  </si>
  <si>
    <t>basti wisalderamoza Tara jat bahawalnagar</t>
  </si>
  <si>
    <t>Wisalderamoza Tara Jat</t>
  </si>
  <si>
    <t>Koriyanwali</t>
  </si>
  <si>
    <t>Saba Jamil</t>
  </si>
  <si>
    <t>GMPS QURESHIAN</t>
  </si>
  <si>
    <t>Malluana</t>
  </si>
  <si>
    <t>Gmps yousfi Qureshian</t>
  </si>
  <si>
    <t>36117</t>
  </si>
  <si>
    <t>Moza Mustufa Abad Mustufaabad</t>
  </si>
  <si>
    <t>34348</t>
  </si>
  <si>
    <t>GPS SHARIF PUR NAWAB PUR MULTAN</t>
  </si>
  <si>
    <t>P/O Nawab pur Basti sharif pur Multan</t>
  </si>
  <si>
    <t>Nawab Pur</t>
  </si>
  <si>
    <t>GPS SHER MUHAMMAD KHACHI</t>
  </si>
  <si>
    <t>Rojhan wali</t>
  </si>
  <si>
    <t>Basti Sher Muhammad Khichi Moza Rojhan wali Bahawalnagar</t>
  </si>
  <si>
    <t>Sher Muhammad Khichi</t>
  </si>
  <si>
    <t>GGPS ALI AMBRIEND</t>
  </si>
  <si>
    <t>mahra faraz near admorepump</t>
  </si>
  <si>
    <t>Basti Marafrz Fraz</t>
  </si>
  <si>
    <t>Bhuttapur</t>
  </si>
  <si>
    <t>Farkhanda kosur</t>
  </si>
  <si>
    <t>GGPS RATTA KHURD</t>
  </si>
  <si>
    <t>Ratta khurd, Tehsil jhang</t>
  </si>
  <si>
    <t>Ratta khurd</t>
  </si>
  <si>
    <t>Ratta matta</t>
  </si>
  <si>
    <t>Balqees Ramzan</t>
  </si>
  <si>
    <t>GPS ALAM GIR MOUZA ALAMGIR TEH. DISTT. MULTAN</t>
  </si>
  <si>
    <t>Gps Alam gir basti Alam gir</t>
  </si>
  <si>
    <t>Muhammad  Farooq</t>
  </si>
  <si>
    <t>GGCMES SUKH PUR</t>
  </si>
  <si>
    <t>village sukhpur</t>
  </si>
  <si>
    <t>ume kousar</t>
  </si>
  <si>
    <t>GGES CHAK 128/P</t>
  </si>
  <si>
    <t>gov girls es post office 148p chk 128p sadiqabad</t>
  </si>
  <si>
    <t>Chak128p</t>
  </si>
  <si>
    <t>11748</t>
  </si>
  <si>
    <t>GGPS JADEED TAPPAY WALA</t>
  </si>
  <si>
    <t>near lateef abad p/o sinawan kot adu</t>
  </si>
  <si>
    <t>Chah Tappah</t>
  </si>
  <si>
    <t>37016</t>
  </si>
  <si>
    <t>GGPS NAULAKHA BHIRKI</t>
  </si>
  <si>
    <t>basti naulakha bhirki tehsile kabirwala district khaniwal</t>
  </si>
  <si>
    <t>Naulakha Bhirki</t>
  </si>
  <si>
    <t>Robina Sundas</t>
  </si>
  <si>
    <t>51666</t>
  </si>
  <si>
    <t>GGPS MALYANA</t>
  </si>
  <si>
    <t>Chak Malyana, Pakpattan</t>
  </si>
  <si>
    <t>12769</t>
  </si>
  <si>
    <t>GGPS RAB NAWAZ PURA</t>
  </si>
  <si>
    <t>rabnawaz pura</t>
  </si>
  <si>
    <t>Zatoon Akhtar</t>
  </si>
  <si>
    <t>GMPS CHAK NO.56 A-SB</t>
  </si>
  <si>
    <t>55sb</t>
  </si>
  <si>
    <t>chak 56 A-sb</t>
  </si>
  <si>
    <t>55A-sb</t>
  </si>
  <si>
    <t>Chak  55 Sb</t>
  </si>
  <si>
    <t>Ayesha Jabeen</t>
  </si>
  <si>
    <t>31889</t>
  </si>
  <si>
    <t>GHS GUJIANA NAU</t>
  </si>
  <si>
    <t>gujiana nau</t>
  </si>
  <si>
    <t>GHS Gajiana nau</t>
  </si>
  <si>
    <t>Gujiana nau</t>
  </si>
  <si>
    <t>Zafar  Iqbal</t>
  </si>
  <si>
    <t>GGPS BASTI LURKA</t>
  </si>
  <si>
    <t>basti lurka bait sohni</t>
  </si>
  <si>
    <t>Basti lurka</t>
  </si>
  <si>
    <t>GES KARRI WALA</t>
  </si>
  <si>
    <t>Shafqat Raza Babar</t>
  </si>
  <si>
    <t>GGPS HAZOOR SINGH</t>
  </si>
  <si>
    <t>Gurmakh Singh</t>
  </si>
  <si>
    <t>Chak hazoor  singh</t>
  </si>
  <si>
    <t>GMPS 150/P</t>
  </si>
  <si>
    <t>Chak 150/p</t>
  </si>
  <si>
    <t>chak no 150/p teh sadiq abad disst RYK</t>
  </si>
  <si>
    <t>Chak No 150/p</t>
  </si>
  <si>
    <t>Chak No148/p</t>
  </si>
  <si>
    <t>GGPS KHANPUR SHUMALI</t>
  </si>
  <si>
    <t>khan pur shumali Post office 205 TDA</t>
  </si>
  <si>
    <t>GGES CHAK NO.98 SB</t>
  </si>
  <si>
    <t>Chak 98 SB</t>
  </si>
  <si>
    <t>GGES 98 SB</t>
  </si>
  <si>
    <t>32791</t>
  </si>
  <si>
    <t>GPS QILA QAMAR SINGH</t>
  </si>
  <si>
    <t>Qilla Qammar Singh</t>
  </si>
  <si>
    <t>qilla Qammar Singh p/o more khunda tehsil and district nankana sahib</t>
  </si>
  <si>
    <t>Haft Madar</t>
  </si>
  <si>
    <t>GGES TIBBA KARIM ABAD</t>
  </si>
  <si>
    <t>Rakh Khan Pur</t>
  </si>
  <si>
    <t>tibba kareemabad m.garh</t>
  </si>
  <si>
    <t>Tibba Kareem Abad</t>
  </si>
  <si>
    <t>Nazia Jamshaid</t>
  </si>
  <si>
    <t>GGPS PIR SHAHIDAN NO.2</t>
  </si>
  <si>
    <t>Peer Shahedan No 2 Rahim Yar Khan</t>
  </si>
  <si>
    <t>Peer Shahedan No 2</t>
  </si>
  <si>
    <t>Nasim    naz</t>
  </si>
  <si>
    <t>GGPS JOYIAN WALA</t>
  </si>
  <si>
    <t>Lakh badhar</t>
  </si>
  <si>
    <t>govt girls primary school joiyan wala</t>
  </si>
  <si>
    <t>GGES GOTH LAL BAHAWALPUR</t>
  </si>
  <si>
    <t>Basti Goth lal</t>
  </si>
  <si>
    <t>Attia Rasool</t>
  </si>
  <si>
    <t>GMPS MARI DIN SALAH</t>
  </si>
  <si>
    <t>Mari Din Salah</t>
  </si>
  <si>
    <t>7 / 1R</t>
  </si>
  <si>
    <t>GMPS WALI MOHAMMAD JHANDIR</t>
  </si>
  <si>
    <t>Wali Muhammad Wali Muhammad Jhandir</t>
  </si>
  <si>
    <t>Gmps wali Muhammad jhandir</t>
  </si>
  <si>
    <t>Wali Muhammad Jhandir</t>
  </si>
  <si>
    <t>GGPS DONA QUTAB SARU</t>
  </si>
  <si>
    <t>Dona Qutab Saru</t>
  </si>
  <si>
    <t>GGPS Dona Qutab Saru</t>
  </si>
  <si>
    <t>Dona qutab Saru</t>
  </si>
  <si>
    <t>Firdos Kosar</t>
  </si>
  <si>
    <t>GGES JAND MEHLU</t>
  </si>
  <si>
    <t>Jand mehlu</t>
  </si>
  <si>
    <t>village n post office jand mehlu, tehsil Gujar Khan, district Rawalpindi</t>
  </si>
  <si>
    <t>Nazima Shaheen</t>
  </si>
  <si>
    <t>GGPS KATHAIL</t>
  </si>
  <si>
    <t>Kathail</t>
  </si>
  <si>
    <t>Village Kathail post office Kotnaina.</t>
  </si>
  <si>
    <t>Samia Bashir</t>
  </si>
  <si>
    <t>GGES BHATTA NO.1</t>
  </si>
  <si>
    <t>GGES bhatta no. 1 bahawalpur</t>
  </si>
  <si>
    <t>basti manzoor khan jatai</t>
  </si>
  <si>
    <t>Basti Manzoor Khan</t>
  </si>
  <si>
    <t>Waqas Hassan</t>
  </si>
  <si>
    <t>GPS PIND KAMAL BANIAN</t>
  </si>
  <si>
    <t>Pindkamalabanian</t>
  </si>
  <si>
    <t>Gbps pind kamala banian</t>
  </si>
  <si>
    <t>Pind Kamala Banian</t>
  </si>
  <si>
    <t>Asifa noureen</t>
  </si>
  <si>
    <t>GPS CHAK NO. 302 TDA</t>
  </si>
  <si>
    <t>Aolakh Thal Kalan</t>
  </si>
  <si>
    <t>chak no 302 tda</t>
  </si>
  <si>
    <t>Chak No 302 Tda</t>
  </si>
  <si>
    <t>Imam Din</t>
  </si>
  <si>
    <t>GMPS BHAROKAY KHURD</t>
  </si>
  <si>
    <t>Bharokay Khurd</t>
  </si>
  <si>
    <t>GMPS bharokay khurd post office musy wala tehsil daska</t>
  </si>
  <si>
    <t>Bharokay Kalan</t>
  </si>
  <si>
    <t>Anila Shamshad</t>
  </si>
  <si>
    <t>30507</t>
  </si>
  <si>
    <t>GGPS QURBAN LINE</t>
  </si>
  <si>
    <t>Qurban Line</t>
  </si>
  <si>
    <t>Government Girls Primary School Qurban Line</t>
  </si>
  <si>
    <t>Qurban Line Gulberg  2</t>
  </si>
  <si>
    <t>Ruby Parveen</t>
  </si>
  <si>
    <t>GGPS MOHALLAH DALLU KHEL</t>
  </si>
  <si>
    <t>Shahbaz Khail</t>
  </si>
  <si>
    <t>g.g.p.school dalu khail shahbaz khail</t>
  </si>
  <si>
    <t>Razia Khatoon</t>
  </si>
  <si>
    <t>35094</t>
  </si>
  <si>
    <t>21999</t>
  </si>
  <si>
    <t>GGES DHEER VIRKAN</t>
  </si>
  <si>
    <t>DHAIR VIRKAN</t>
  </si>
  <si>
    <t>GGES DHAIR VIRKAN,P/O Budha Goraya,Nowshera Virkan,Gujranwala</t>
  </si>
  <si>
    <t>Mari Bhinderan</t>
  </si>
  <si>
    <t>Sara Shoaib</t>
  </si>
  <si>
    <t>30524</t>
  </si>
  <si>
    <t>GGES NARWAR</t>
  </si>
  <si>
    <t>Narwar</t>
  </si>
  <si>
    <t>Village narwar barasta wahga</t>
  </si>
  <si>
    <t>Azra Tabassum</t>
  </si>
  <si>
    <t>41068</t>
  </si>
  <si>
    <t>GES CHATRANA</t>
  </si>
  <si>
    <t>Sahil saweri</t>
  </si>
  <si>
    <t>chatrana p.o. anoor kahuta</t>
  </si>
  <si>
    <t>beor</t>
  </si>
  <si>
    <t>iFTIKHAR HUSSAIN</t>
  </si>
  <si>
    <t>28871</t>
  </si>
  <si>
    <t>GMPS NAKI</t>
  </si>
  <si>
    <t>Naki</t>
  </si>
  <si>
    <t>naki</t>
  </si>
  <si>
    <t>Sumera Parveen</t>
  </si>
  <si>
    <t>16342</t>
  </si>
  <si>
    <t>GES 42 JB I</t>
  </si>
  <si>
    <t>MUTMAL</t>
  </si>
  <si>
    <t>chak #42 jb Tehsil chak Jhumra district Faisalabad</t>
  </si>
  <si>
    <t>Chak 42 JB</t>
  </si>
  <si>
    <t>Qadar Kay</t>
  </si>
  <si>
    <t>GPS MC NO. 9 HAFIZABAD</t>
  </si>
  <si>
    <t>Mian Da Kot</t>
  </si>
  <si>
    <t>mohala mian da kot</t>
  </si>
  <si>
    <t>Mc Hafizabad</t>
  </si>
  <si>
    <t>Issa Khan</t>
  </si>
  <si>
    <t>GES RAFIQUE KOT AZAM</t>
  </si>
  <si>
    <t>Basti Kot Azam Tehsil Khairpur Tamewali Distt.Bahawal Pur</t>
  </si>
  <si>
    <t>47882</t>
  </si>
  <si>
    <t>GPS CHAK NO 9ML THE PIPLAN MWI</t>
  </si>
  <si>
    <t>Post office chak no 9ml gps chak no 9ml tehsil piplan mianwali</t>
  </si>
  <si>
    <t>CHAK NO 9ML</t>
  </si>
  <si>
    <t>GGPS SRAI SHAH FATEH</t>
  </si>
  <si>
    <t>Saray Shah Fateh</t>
  </si>
  <si>
    <t>Saray shah fateh</t>
  </si>
  <si>
    <t>KINZA MUBARAK</t>
  </si>
  <si>
    <t>34714</t>
  </si>
  <si>
    <t>GGPS MUHAMMAD PUR KHOKHAR</t>
  </si>
  <si>
    <t>Muhammad Pur Khokhar</t>
  </si>
  <si>
    <t>old shujabad road multan</t>
  </si>
  <si>
    <t>Shakila Yasmin</t>
  </si>
  <si>
    <t>43423</t>
  </si>
  <si>
    <t>GGPS DHAB LOHARAN</t>
  </si>
  <si>
    <t>Dhab Loharan</t>
  </si>
  <si>
    <t>Village Dhab Loharan p/Dhab Kalan Teh + Distt Chakwal</t>
  </si>
  <si>
    <t>Dhab LOHARAN</t>
  </si>
  <si>
    <t>Harchar DHAB</t>
  </si>
  <si>
    <t>Saman Nida Mohsin</t>
  </si>
  <si>
    <t>16211</t>
  </si>
  <si>
    <t>GMPS KHANDOT</t>
  </si>
  <si>
    <t>Nalla Musalmana</t>
  </si>
  <si>
    <t>VPO khandot tehsil kallar syedain district Rawalpindi</t>
  </si>
  <si>
    <t>Khandot</t>
  </si>
  <si>
    <t>Saffora Kausar</t>
  </si>
  <si>
    <t>GGPS THATHA PUNJ CHATHA</t>
  </si>
  <si>
    <t>thatha punjarha p/o Mehlowala</t>
  </si>
  <si>
    <t>Thatha Punjatha</t>
  </si>
  <si>
    <t>Kiran Nawaz</t>
  </si>
  <si>
    <t>36357</t>
  </si>
  <si>
    <t>GGPS 208 EB</t>
  </si>
  <si>
    <t>chak no 208EB Vehari</t>
  </si>
  <si>
    <t>GPS CHAK NO.189/M</t>
  </si>
  <si>
    <t>Chak No 189M</t>
  </si>
  <si>
    <t>Chak No.189M</t>
  </si>
  <si>
    <t>189 Murad</t>
  </si>
  <si>
    <t>192 Murad</t>
  </si>
  <si>
    <t>GPS SHAHANI WALA (CHAK NO. 114-B TDA)</t>
  </si>
  <si>
    <t>Do Charkha Thal Jandi</t>
  </si>
  <si>
    <t>Chak No.114-B/TDA P/O Rana Nagar Teh&amp;Dist Layyah</t>
  </si>
  <si>
    <t>Basti Mian</t>
  </si>
  <si>
    <t>GPS CHHAWIND</t>
  </si>
  <si>
    <t>village chhwind p/o shumari tehsil malakwal dist. m.b.din</t>
  </si>
  <si>
    <t>Chhwind</t>
  </si>
  <si>
    <t>Hriah</t>
  </si>
  <si>
    <t>Taqveem Hussain Shah</t>
  </si>
  <si>
    <t>24425</t>
  </si>
  <si>
    <t>GGPS KOTLI</t>
  </si>
  <si>
    <t>GGPS Kotli</t>
  </si>
  <si>
    <t>GGPS SAJHAR</t>
  </si>
  <si>
    <t>mouza sajhar p/o machiwal</t>
  </si>
  <si>
    <t>7/1 Thal</t>
  </si>
  <si>
    <t>GPS SEROY</t>
  </si>
  <si>
    <t>Seroy</t>
  </si>
  <si>
    <t>village seroy post office sarhali kalan t/d kasur</t>
  </si>
  <si>
    <t>Villag Seroy</t>
  </si>
  <si>
    <t>M Numan Ishaq</t>
  </si>
  <si>
    <t>Qudrat abad,khan bela teh.Liaqatpur,Rahim Yar khan</t>
  </si>
  <si>
    <t>27648</t>
  </si>
  <si>
    <t>32013</t>
  </si>
  <si>
    <t>GPS CHAK DAMOANA</t>
  </si>
  <si>
    <t>Damona</t>
  </si>
  <si>
    <t>Chak Damoana District sheikhupura</t>
  </si>
  <si>
    <t>Damoana</t>
  </si>
  <si>
    <t>Javen Pura</t>
  </si>
  <si>
    <t>Syed Munawar Hussain Shah</t>
  </si>
  <si>
    <t>GGPS DHOK MUNAWAR</t>
  </si>
  <si>
    <t>Dhok Munawar p\o Kala Gujran Teh &amp; District Jhelum</t>
  </si>
  <si>
    <t>Nazia Kausar</t>
  </si>
  <si>
    <t>GES DINGA MAIN</t>
  </si>
  <si>
    <t>Moh. shah takia dinga</t>
  </si>
  <si>
    <t>49053</t>
  </si>
  <si>
    <t>chukera</t>
  </si>
  <si>
    <t>pindiwala dakhli chukera sargodha</t>
  </si>
  <si>
    <t>GMPS DHINGRAN WALI</t>
  </si>
  <si>
    <t>dhingranwali  Teh. kot momin  distt. sargodha</t>
  </si>
  <si>
    <t>Ume Habiba Kanwal</t>
  </si>
  <si>
    <t>GGES CHAK NO.158 NB</t>
  </si>
  <si>
    <t>Chack No 158</t>
  </si>
  <si>
    <t>GGES chak no 158 nb sillanwali Sargodha</t>
  </si>
  <si>
    <t>Chak No 158 Nb</t>
  </si>
  <si>
    <t>Zonash Khalid</t>
  </si>
  <si>
    <t>32775</t>
  </si>
  <si>
    <t>Ahmad Wala p/o mandi faizabad tehsile n district nankana sahib</t>
  </si>
  <si>
    <t>GGPS CHAK NO. 147 JB</t>
  </si>
  <si>
    <t>Chak No 147</t>
  </si>
  <si>
    <t>chak no 147</t>
  </si>
  <si>
    <t>Chak No 146jb</t>
  </si>
  <si>
    <t>Mumtaz Muhammad Ali</t>
  </si>
  <si>
    <t>GGPS JATOI SHUMALI</t>
  </si>
  <si>
    <t>p\s jatoi shumali</t>
  </si>
  <si>
    <t>basti esenwala</t>
  </si>
  <si>
    <t>muncipal Committee Jatoi</t>
  </si>
  <si>
    <t>Rizwana naz</t>
  </si>
  <si>
    <t>GPS JAMIA RASHIDIA NO.2</t>
  </si>
  <si>
    <t>Kot Kadam Ali</t>
  </si>
  <si>
    <t>GPS JAMIA RASHIDIA No.2 kot khadam Ali</t>
  </si>
  <si>
    <t>86/6R</t>
  </si>
  <si>
    <t>GPS NAI BASTI LOHAR WALA MOUZA MATI TAL</t>
  </si>
  <si>
    <t>Nai Basti Loharwala Markaz Mattital Teh,Dist.Multan</t>
  </si>
  <si>
    <t>Nai Basti Loharwala</t>
  </si>
  <si>
    <t>Soba Khan</t>
  </si>
  <si>
    <t>26239</t>
  </si>
  <si>
    <t>GGPS PINDI BHOMAIN</t>
  </si>
  <si>
    <t>Pindi Bhomian</t>
  </si>
  <si>
    <t>village pindi bhomian</t>
  </si>
  <si>
    <t>GGPS CHAK NO.112/TDA (DERA RAZA)</t>
  </si>
  <si>
    <t>112 tda</t>
  </si>
  <si>
    <t>GGPS 112/TDA DERA RAZA KAROR LAL EASON DISTRICT LAYYAH</t>
  </si>
  <si>
    <t>dera raza</t>
  </si>
  <si>
    <t>SUMAIRA AUNBER</t>
  </si>
  <si>
    <t>GGPS CHAK NO 49 MB</t>
  </si>
  <si>
    <t>49mb</t>
  </si>
  <si>
    <t>50mb</t>
  </si>
  <si>
    <t>Nasim Ahmed Kanwal</t>
  </si>
  <si>
    <t>33413</t>
  </si>
  <si>
    <t>GPS JHABAIL</t>
  </si>
  <si>
    <t>KHAIRPUR JADID</t>
  </si>
  <si>
    <t>MOZA KHAIRPUR JADID pO KHAIRPUR DAHA TEHSIL AHMADPUR DISTRIC bAHAWALPUR</t>
  </si>
  <si>
    <t>BASTI JHABAIL</t>
  </si>
  <si>
    <t>KHAIRPUR DAHA</t>
  </si>
  <si>
    <t>RIZWAN UL ZAMAN</t>
  </si>
  <si>
    <t>GPS 48 KB</t>
  </si>
  <si>
    <t>48/ KB</t>
  </si>
  <si>
    <t>Chak No 48/ KB Post office Joyya Bangla Teh. Burewala Dist. Vehari</t>
  </si>
  <si>
    <t>Ghafoor Wah</t>
  </si>
  <si>
    <t>GES 92/15-L, MIAN CHANNU</t>
  </si>
  <si>
    <t>GES 92/15L Mianchannu</t>
  </si>
  <si>
    <t>92/15-L</t>
  </si>
  <si>
    <t>GGPS GULABI WALA BASTI NOOR PUR</t>
  </si>
  <si>
    <t>Ruknabad</t>
  </si>
  <si>
    <t>Chah Gulabi Wala p/o lar teh/Dist Multan</t>
  </si>
  <si>
    <t>GULABI WALA</t>
  </si>
  <si>
    <t>Laar</t>
  </si>
  <si>
    <t>Qaisra Rasheed</t>
  </si>
  <si>
    <t>GGES HANIF NAGAR</t>
  </si>
  <si>
    <t>Hanif Nagar</t>
  </si>
  <si>
    <t>Phularwan Wazirkay</t>
  </si>
  <si>
    <t>Saima Shahnaz</t>
  </si>
  <si>
    <t>GGPS CHAK NO. 115 TDA</t>
  </si>
  <si>
    <t>Aoulakh</t>
  </si>
  <si>
    <t>chak number 115 tda</t>
  </si>
  <si>
    <t>115 TDA</t>
  </si>
  <si>
    <t>Perveen akhtar</t>
  </si>
  <si>
    <t>37080</t>
  </si>
  <si>
    <t>53517</t>
  </si>
  <si>
    <t>37035</t>
  </si>
  <si>
    <t>GPS JAHANA MIRALI</t>
  </si>
  <si>
    <t>Jahana mirali</t>
  </si>
  <si>
    <t>Jahana Merali HfgggfdhjfMerali</t>
  </si>
  <si>
    <t>Mazahir Hussain</t>
  </si>
  <si>
    <t>GGPS CHAK NO.55 KB</t>
  </si>
  <si>
    <t>Chak no 55\Kb luddan</t>
  </si>
  <si>
    <t>Chak55/KB</t>
  </si>
  <si>
    <t>Budh gulam</t>
  </si>
  <si>
    <t>Madiha Fiaz</t>
  </si>
  <si>
    <t>GGPS SHEHLANI NO 1</t>
  </si>
  <si>
    <t>PS shehlani</t>
  </si>
  <si>
    <t>Shehlani</t>
  </si>
  <si>
    <t>Najma  Bi Bi</t>
  </si>
  <si>
    <t>GGPS NEW CENTRAL JAIL BAHAWALPUR</t>
  </si>
  <si>
    <t>new central jail coloney</t>
  </si>
  <si>
    <t>Central Jail</t>
  </si>
  <si>
    <t>Zareena Naz</t>
  </si>
  <si>
    <t>49919</t>
  </si>
  <si>
    <t>GPS KOTLA WATNI</t>
  </si>
  <si>
    <t>Kotlawatni</t>
  </si>
  <si>
    <t>kotlawatni po radhan teh sahiwal diss sargodha</t>
  </si>
  <si>
    <t>M Zakir</t>
  </si>
  <si>
    <t>18709</t>
  </si>
  <si>
    <t>Moza Bhatti, P/O Sahuka, Tehsil Burewala, District Vehari</t>
  </si>
  <si>
    <t>GPS DARKHAWAST MEERAN KHAN</t>
  </si>
  <si>
    <t>Darkhawast Meeran Khan Meeran Khan</t>
  </si>
  <si>
    <t>Darkhawast Meeran Khan basti sauntra u/c peer bakhsh sharki Distt Rajanpur</t>
  </si>
  <si>
    <t>Basti Sauntra</t>
  </si>
  <si>
    <t>Peer Bakhsh Sharki</t>
  </si>
  <si>
    <t>44428</t>
  </si>
  <si>
    <t>GPS BASTI BUMB</t>
  </si>
  <si>
    <t>Kotla Jam Nashaib</t>
  </si>
  <si>
    <t>kotla Jam Nashaib,</t>
  </si>
  <si>
    <t>GMPS MIANI MEHMOOD NO. 2</t>
  </si>
  <si>
    <t>GPS CHAK NO.47/DB (E)</t>
  </si>
  <si>
    <t>Chak No 47 D.B East</t>
  </si>
  <si>
    <t>Chak 47 DB East</t>
  </si>
  <si>
    <t>Chak No 68 DB</t>
  </si>
  <si>
    <t>GPS DHELUM</t>
  </si>
  <si>
    <t>Basti Hasan Khan</t>
  </si>
  <si>
    <t>basti hasan khan dhilum</t>
  </si>
  <si>
    <t>Dulukhurd</t>
  </si>
  <si>
    <t>Afzal Nisar Sakee</t>
  </si>
  <si>
    <t>GES CHAK NO. 33/BC-A</t>
  </si>
  <si>
    <t>33/BC-A</t>
  </si>
  <si>
    <t>GPS 33/BC-A</t>
  </si>
  <si>
    <t>Muhammad  Shahzad Nawaz</t>
  </si>
  <si>
    <t>GPS CHAK NO 240 JB</t>
  </si>
  <si>
    <t>Chak No 240 JB East Malaka</t>
  </si>
  <si>
    <t>Chak No 208 JB  Sahmall</t>
  </si>
  <si>
    <t>GPS MIAN WALA NALLI</t>
  </si>
  <si>
    <t>G PS Dera Mian wala Nalli Khushab</t>
  </si>
  <si>
    <t>34961</t>
  </si>
  <si>
    <t>GMPS MOCHI PANUHAN</t>
  </si>
  <si>
    <t>basti zaildar wali mochi panuhan</t>
  </si>
  <si>
    <t>Mochi Panuhaan</t>
  </si>
  <si>
    <t>GGES CHAK 330 JB</t>
  </si>
  <si>
    <t>330 JB</t>
  </si>
  <si>
    <t>Chak 330 JB</t>
  </si>
  <si>
    <t>Chak 391 JB</t>
  </si>
  <si>
    <t>10187</t>
  </si>
  <si>
    <t>GGPS SADAT NAGAR</t>
  </si>
  <si>
    <t>Olakh Thaljandi</t>
  </si>
  <si>
    <t>sadat nagar p/o shah pur tehsil karor district layyah</t>
  </si>
  <si>
    <t>sadat nagar</t>
  </si>
  <si>
    <t>samina bibi</t>
  </si>
  <si>
    <t>GMPS GARHI KALA</t>
  </si>
  <si>
    <t>G M P S     Garhi kala kotmomin SGD</t>
  </si>
  <si>
    <t>GGPS BASTI JADEED KORAI</t>
  </si>
  <si>
    <t>Jatoi Shomali</t>
  </si>
  <si>
    <t>ward no 3 bismila coloni jatoi</t>
  </si>
  <si>
    <t>Jatoi</t>
  </si>
  <si>
    <t>MC  jatoi</t>
  </si>
  <si>
    <t>Jamila Kousar</t>
  </si>
  <si>
    <t>GMPS EHATA MIAN FAIZ MOHAMMAD</t>
  </si>
  <si>
    <t>moza chayanwala teh shorkot
distt jhang</t>
  </si>
  <si>
    <t>Ehata Mian Faiz Muhammad</t>
  </si>
  <si>
    <t>Ghulam Shabbir Saqib</t>
  </si>
  <si>
    <t>GGES BUKHARIAN</t>
  </si>
  <si>
    <t>Bukharian</t>
  </si>
  <si>
    <t>Moza Bukharian</t>
  </si>
  <si>
    <t>Munira Begum</t>
  </si>
  <si>
    <t>GPS NLLAH</t>
  </si>
  <si>
    <t>Village waghal po waghal tehsil kotli sattian district rawalpindi</t>
  </si>
  <si>
    <t>GMPS KOT BIALA</t>
  </si>
  <si>
    <t>KOT Baila</t>
  </si>
  <si>
    <t>KOT baila teh wazirabad district gujranwala</t>
  </si>
  <si>
    <t>GPS AMIR NAGAR</t>
  </si>
  <si>
    <t>GPS ameer nagar dera malik qaiser wali more</t>
  </si>
  <si>
    <t>Amir Nagar</t>
  </si>
  <si>
    <t>GPS KIKAR WALA SHUJABAD</t>
  </si>
  <si>
    <t>dhondo</t>
  </si>
  <si>
    <t>gpskikarwala moza dhondo teh.shujabad dist.multan</t>
  </si>
  <si>
    <t>kikar Wala</t>
  </si>
  <si>
    <t>Grdaze Pur</t>
  </si>
  <si>
    <t>kashif Kamran Shah</t>
  </si>
  <si>
    <t>GGPS CHAK CHOUR SHAH</t>
  </si>
  <si>
    <t>Chak Chour Shah</t>
  </si>
  <si>
    <t>Nazia Yaseen</t>
  </si>
  <si>
    <t>18312</t>
  </si>
  <si>
    <t>GPS BUGHEY WALA</t>
  </si>
  <si>
    <t>GPS Bughay Wala Near Pull Hathradi Moza Dull Tehsil Ahmad Pur Sial, Jhang.</t>
  </si>
  <si>
    <t>Bughey Wala</t>
  </si>
  <si>
    <t>GGPS CHAK 14 FAIZ P/O LAR</t>
  </si>
  <si>
    <t>14 Faiz</t>
  </si>
  <si>
    <t>14  faiz post office lar tehseel and District multan</t>
  </si>
  <si>
    <t>14faiz</t>
  </si>
  <si>
    <t>1 Faiz</t>
  </si>
  <si>
    <t>Amna Shakir</t>
  </si>
  <si>
    <t>GPS DUGRI HUNDLAN</t>
  </si>
  <si>
    <t>Dugri hundlan</t>
  </si>
  <si>
    <t>Dugri Hundlan</t>
  </si>
  <si>
    <t>Muhammad Usman Ashfaq</t>
  </si>
  <si>
    <t>GGPS MOHRA BHATTIAN</t>
  </si>
  <si>
    <t>Tal Khalsa</t>
  </si>
  <si>
    <t>Mohra bhattain po talkhalsa</t>
  </si>
  <si>
    <t>Mohra Bhattian</t>
  </si>
  <si>
    <t>Samia Altaf</t>
  </si>
  <si>
    <t>GGES AMBALTAS</t>
  </si>
  <si>
    <t>Ameltas</t>
  </si>
  <si>
    <t>Ameltas Teh.Pindi Bhattian Distr.Hafizabad</t>
  </si>
  <si>
    <t>GES ASHRAF ABAD</t>
  </si>
  <si>
    <t>mouza ashrafabad taunsa sharif</t>
  </si>
  <si>
    <t>GPS CHAK NO.114/DNB</t>
  </si>
  <si>
    <t>114dnb</t>
  </si>
  <si>
    <t>Chak no 114/DNB</t>
  </si>
  <si>
    <t>Muhammad Khaliq</t>
  </si>
  <si>
    <t>51989</t>
  </si>
  <si>
    <t>GPS 159 EB P.O ARIF WALA</t>
  </si>
  <si>
    <t>159/eb</t>
  </si>
  <si>
    <t>gps 159/eb</t>
  </si>
  <si>
    <t>Chak No 159/eb</t>
  </si>
  <si>
    <t>Chak No 147/eb</t>
  </si>
  <si>
    <t>Muhammad Ramiz</t>
  </si>
  <si>
    <t>GGPS MUQARAB KHEL</t>
  </si>
  <si>
    <t>mohala muqarabkhel</t>
  </si>
  <si>
    <t>Ammara Sadaf</t>
  </si>
  <si>
    <t>Baghiana Khurd P/O Talwandi Tehsil Chunian Distt. Kasur</t>
  </si>
  <si>
    <t>GPS CHAK NO 300 TDA</t>
  </si>
  <si>
    <t>chak no 300 TDA tehsil chobara disst layyah</t>
  </si>
  <si>
    <t>Chak No 300 TDA</t>
  </si>
  <si>
    <t>Olakh Than Kalan</t>
  </si>
  <si>
    <t>GGPS BASTI DESI</t>
  </si>
  <si>
    <t>GHIRI</t>
  </si>
  <si>
    <t>Basti Desi Mouza Ghiri</t>
  </si>
  <si>
    <t>Basti Desi</t>
  </si>
  <si>
    <t>Javaria Rubab</t>
  </si>
  <si>
    <t>GGPS DIN PURA</t>
  </si>
  <si>
    <t>near saim nala tatly aali</t>
  </si>
  <si>
    <t>DINPURA</t>
  </si>
  <si>
    <t>Samina Ijaz</t>
  </si>
  <si>
    <t>GMPS BAHAR LUCK</t>
  </si>
  <si>
    <t>Baharluck</t>
  </si>
  <si>
    <t>gmpsbaharluck</t>
  </si>
  <si>
    <t>Fakharunnisa</t>
  </si>
  <si>
    <t>GMPS CHAK NO.21 RISALA</t>
  </si>
  <si>
    <t>21 risala</t>
  </si>
  <si>
    <t>chak 21 risala n.b</t>
  </si>
  <si>
    <t>21 Risala</t>
  </si>
  <si>
    <t>36 Nb</t>
  </si>
  <si>
    <t>GGPS THALLA GULL KALA</t>
  </si>
  <si>
    <t>Thala Gul Kala</t>
  </si>
  <si>
    <t>thala gul kala po mankera</t>
  </si>
  <si>
    <t>Thala  Gul Kala</t>
  </si>
  <si>
    <t>Rural Mankera</t>
  </si>
  <si>
    <t>Humaira Yousuf</t>
  </si>
  <si>
    <t>GGPS TAMMAN NO 1</t>
  </si>
  <si>
    <t>Bari ban vpo Tamman GGPS No 1</t>
  </si>
  <si>
    <t>Walter Supply</t>
  </si>
  <si>
    <t>GGPS REHMAN PURA PATTOKI</t>
  </si>
  <si>
    <t>purani mandi Pattoki</t>
  </si>
  <si>
    <t>Mc  Pttoki</t>
  </si>
  <si>
    <t>Tahira Yahyau</t>
  </si>
  <si>
    <t>19033</t>
  </si>
  <si>
    <t>41094</t>
  </si>
  <si>
    <t>GMPS GHARIAT</t>
  </si>
  <si>
    <t>Gariat</t>
  </si>
  <si>
    <t>village and Po Gariat. Teh kahuta Rwp</t>
  </si>
  <si>
    <t>Nadia BiBi</t>
  </si>
  <si>
    <t>GGES SATTO KATLA LAHORE</t>
  </si>
  <si>
    <t>G G M M school sattokatla Lahore</t>
  </si>
  <si>
    <t>GGPS PROFESSOR COLONY</t>
  </si>
  <si>
    <t>Professor Colony</t>
  </si>
  <si>
    <t>professor colony</t>
  </si>
  <si>
    <t>Krana</t>
  </si>
  <si>
    <t>GES 196/GB</t>
  </si>
  <si>
    <t>Chak No 196 GB</t>
  </si>
  <si>
    <t>Chak No 198 GB</t>
  </si>
  <si>
    <t>GGPS SEHJPAL BHATTA CHOWK, BAIDIAN ROAD</t>
  </si>
  <si>
    <t>Sehjpal</t>
  </si>
  <si>
    <t>GGPS Sehjpal Bhatta Chowk Baidian Road Lahore</t>
  </si>
  <si>
    <t>Ateeqa Shaheen</t>
  </si>
  <si>
    <t>GPS LACHMAN WALA</t>
  </si>
  <si>
    <t>Ghulaman 2</t>
  </si>
  <si>
    <t>GPS Lachman wala</t>
  </si>
  <si>
    <t>Lachman Wala</t>
  </si>
  <si>
    <t>GPS BHAGIWAL NO.1</t>
  </si>
  <si>
    <t>Bhagiwall</t>
  </si>
  <si>
    <t>Bhagiwall.No.1 gehlen hithar tehsil chunian kasur</t>
  </si>
  <si>
    <t>Mohammad Yahya</t>
  </si>
  <si>
    <t>21237</t>
  </si>
  <si>
    <t>GGPS NAWA GIRAN</t>
  </si>
  <si>
    <t>Fatwala</t>
  </si>
  <si>
    <t>NAWAN Giran</t>
  </si>
  <si>
    <t>GES CHAK NO.22/DNB</t>
  </si>
  <si>
    <t>Chak No 22/DNB Yazman Bahawapur</t>
  </si>
  <si>
    <t>GGES THATTI NOOR</t>
  </si>
  <si>
    <t>Gges Thatti Noor</t>
  </si>
  <si>
    <t>Asma Marryam</t>
  </si>
  <si>
    <t>GMES CHAK NO 208 JB</t>
  </si>
  <si>
    <t>Chak no 208 jb sahmal tÄ›Å¡il bhowana district chiniot</t>
  </si>
  <si>
    <t>208jb</t>
  </si>
  <si>
    <t>11281</t>
  </si>
  <si>
    <t>GGES MUD WALA</t>
  </si>
  <si>
    <t>Yaki Wala</t>
  </si>
  <si>
    <t>Humera Hameed</t>
  </si>
  <si>
    <t>GGPS JAND WALI COLONY</t>
  </si>
  <si>
    <t>jund Wala Colony</t>
  </si>
  <si>
    <t>Jund Wala Colony</t>
  </si>
  <si>
    <t>34786</t>
  </si>
  <si>
    <t>GES GHAR WALA</t>
  </si>
  <si>
    <t>thaiklan junobi</t>
  </si>
  <si>
    <t>basti ghar wala tehsil jalalpur pir wala</t>
  </si>
  <si>
    <t>ghar wala</t>
  </si>
  <si>
    <t>QAISER ABBAS</t>
  </si>
  <si>
    <t>41470</t>
  </si>
  <si>
    <t>36518</t>
  </si>
  <si>
    <t>Mmtaz abad vehari</t>
  </si>
  <si>
    <t>Dad Kmera</t>
  </si>
  <si>
    <t>Riffat Munir</t>
  </si>
  <si>
    <t>GGPS MC NO.25 GUJRANWALA</t>
  </si>
  <si>
    <t>mukhtar colony</t>
  </si>
  <si>
    <t>Riffat Jan</t>
  </si>
  <si>
    <t>GGPS KUR BAGLA</t>
  </si>
  <si>
    <t>Kurbagla</t>
  </si>
  <si>
    <t>village kurbagla and p/o Phagwari Tehsil murree District Rawal pindi</t>
  </si>
  <si>
    <t>Samina Rafaq</t>
  </si>
  <si>
    <t>GGPS BALWAL</t>
  </si>
  <si>
    <t>Zubaida Bi Bi</t>
  </si>
  <si>
    <t>GMPS QILA SUKHA SINGH</t>
  </si>
  <si>
    <t>Qila Sikhs Singh</t>
  </si>
  <si>
    <t>po Malke Tahsil kamoke District Gujranwala</t>
  </si>
  <si>
    <t>Qila Sukha Singh</t>
  </si>
  <si>
    <t>Razia sultana</t>
  </si>
  <si>
    <t>GPS THATHA BAWA</t>
  </si>
  <si>
    <t>Thatha Bawa</t>
  </si>
  <si>
    <t>GPS thatha bawa markaz dhoda teh.pasrur.dist .sialkot</t>
  </si>
  <si>
    <t>rana m afzal</t>
  </si>
  <si>
    <t>GGPS MIRZIAL</t>
  </si>
  <si>
    <t>Mirzial</t>
  </si>
  <si>
    <t>vpo mithial</t>
  </si>
  <si>
    <t>GGPS PACHAR WALA</t>
  </si>
  <si>
    <t>Basti khutto Bair Band2 Teh. jatoi Dist M.garh</t>
  </si>
  <si>
    <t>Basti Khutto</t>
  </si>
  <si>
    <t>12857</t>
  </si>
  <si>
    <t>GGPS MANIK PUR</t>
  </si>
  <si>
    <t>G.g.p.s.manik pur (manik Pur khas )</t>
  </si>
  <si>
    <t>Tahmina Ameen</t>
  </si>
  <si>
    <t>GES GAHNOYAN</t>
  </si>
  <si>
    <t>Ghanoian</t>
  </si>
  <si>
    <t>gbes ghanoian</t>
  </si>
  <si>
    <t>GPS KALANCH WALA</t>
  </si>
  <si>
    <t>Kalanchwala</t>
  </si>
  <si>
    <t>Basti Moaz KALANCHWALA Bahawalpur Saddar</t>
  </si>
  <si>
    <t>GGPS CHAK NO.122 TDA  SULTAN WALA</t>
  </si>
  <si>
    <t>Chak No.122/TDA Sultan wala</t>
  </si>
  <si>
    <t>Chak No 122/TDA Sultan Wala</t>
  </si>
  <si>
    <t>Razia Youssef</t>
  </si>
  <si>
    <t>GGPS BASTI ATLAIRA</t>
  </si>
  <si>
    <t>karor nashaib</t>
  </si>
  <si>
    <t>GGPS basti atlaira karor nashaib</t>
  </si>
  <si>
    <t>basti atlaira</t>
  </si>
  <si>
    <t>GES BASTI LARAN</t>
  </si>
  <si>
    <t>basti Laran P/o Jamal Din Wali ,SDK</t>
  </si>
  <si>
    <t>Jamal DiN Wali</t>
  </si>
  <si>
    <t>Yasmin Aziz</t>
  </si>
  <si>
    <t>GPS 93/D</t>
  </si>
  <si>
    <t>Chack No 93/D</t>
  </si>
  <si>
    <t>Chack No 93/</t>
  </si>
  <si>
    <t>chack No 93/D</t>
  </si>
  <si>
    <t>Muhammad DilnawazHussain</t>
  </si>
  <si>
    <t>GPS KASSOANA</t>
  </si>
  <si>
    <t>Kassoana</t>
  </si>
  <si>
    <t>GPS Kassoana, Mouza Kassoana Tehsil A.P.Dial District Jhang</t>
  </si>
  <si>
    <t>Kudal Khokhran</t>
  </si>
  <si>
    <t>37512</t>
  </si>
  <si>
    <t>GPS MC NO.2 SAOOD ABAD MIAN CHANNU</t>
  </si>
  <si>
    <t>GPS MC No. 2 English Medium Mian Channu</t>
  </si>
  <si>
    <t>Muhammad Babar Ahmad</t>
  </si>
  <si>
    <t>GGPS ADDAH JAHAN KHAN</t>
  </si>
  <si>
    <t>Jahan Khan</t>
  </si>
  <si>
    <t>jahan khan</t>
  </si>
  <si>
    <t>Modassar Tbasam</t>
  </si>
  <si>
    <t>GES BUGHLANI</t>
  </si>
  <si>
    <t>P/o sokar tehsil taunsa distt d g khan</t>
  </si>
  <si>
    <t>Allah Wasaya Akhtar</t>
  </si>
  <si>
    <t>line water</t>
  </si>
  <si>
    <t>44703</t>
  </si>
  <si>
    <t>GGES SAINT FAITHS MISSION ROAD GOJRA</t>
  </si>
  <si>
    <t>Kacha Gojra</t>
  </si>
  <si>
    <t>mission road</t>
  </si>
  <si>
    <t>49415</t>
  </si>
  <si>
    <t>GES GUJRAN WALA</t>
  </si>
  <si>
    <t>GPS HERAJUN</t>
  </si>
  <si>
    <t>herajhun</t>
  </si>
  <si>
    <t>vilage herajhun p/o kot nainan teh. SKG narowal</t>
  </si>
  <si>
    <t>GPS KOT AMEER</t>
  </si>
  <si>
    <t>Gps kot ameer</t>
  </si>
  <si>
    <t>Saqib Umar</t>
  </si>
  <si>
    <t>GPS CHAK NO. 137/ML</t>
  </si>
  <si>
    <t>Chack no 137/ML</t>
  </si>
  <si>
    <t>Chack no 137ML</t>
  </si>
  <si>
    <t>51213</t>
  </si>
  <si>
    <t>moza khair shah dak khana 58GD tehsil o zilah</t>
  </si>
  <si>
    <t>GMPS DHOK GOLA</t>
  </si>
  <si>
    <t>Dhok Gola</t>
  </si>
  <si>
    <t>village dhok Gola , Pind Dadan Khan, Jhelum</t>
  </si>
  <si>
    <t>Shadab Zanib</t>
  </si>
  <si>
    <t>28133</t>
  </si>
  <si>
    <t>47210</t>
  </si>
  <si>
    <t>GPS HAKEEMAN WALA</t>
  </si>
  <si>
    <t>P/O Chhidru Village Gole Khelanwala Teh &amp; Distt Mianwali</t>
  </si>
  <si>
    <t>Gole Khelanwala</t>
  </si>
  <si>
    <t>Kamran Khan</t>
  </si>
  <si>
    <t>50343</t>
  </si>
  <si>
    <t>GPS BUNGA SHAHAMAD</t>
  </si>
  <si>
    <t>Basti Mian K Saho</t>
  </si>
  <si>
    <t>Basti Mian K Saho Murad K Kathia</t>
  </si>
  <si>
    <t>Bahadir Ali</t>
  </si>
  <si>
    <t>GPS JHUGIAN SHAHAB DIN</t>
  </si>
  <si>
    <t>Jhugain  Shahab</t>
  </si>
  <si>
    <t>jhugian shahabdin. post office service Distt  sheikhupura</t>
  </si>
  <si>
    <t>Jhugian Shahabdin</t>
  </si>
  <si>
    <t>Khutiala Virkan</t>
  </si>
  <si>
    <t>22005</t>
  </si>
  <si>
    <t>GMPS KHAWASRA</t>
  </si>
  <si>
    <t>Khawasra</t>
  </si>
  <si>
    <t>p/o muraliwala v khawasra</t>
  </si>
  <si>
    <t>Chiyan Wali</t>
  </si>
  <si>
    <t>Nazia Faqeer Muhammad</t>
  </si>
  <si>
    <t>GGES MC ROAD KOT KASUR</t>
  </si>
  <si>
    <t>godam haji ali road kot</t>
  </si>
  <si>
    <t>shahida</t>
  </si>
  <si>
    <t>GMPS 82/EB PO 66/EB ARIFWALA DISTT PAKPATTAN</t>
  </si>
  <si>
    <t>82eb</t>
  </si>
  <si>
    <t>chak no 82 EB Arifwala</t>
  </si>
  <si>
    <t>Sonia Rasheed</t>
  </si>
  <si>
    <t>GPS AYYAZ ABAD MARRAL NO. 2</t>
  </si>
  <si>
    <t>Ayaz Abad Maral</t>
  </si>
  <si>
    <t>Qasba Ayaz Abad Maral</t>
  </si>
  <si>
    <t>GPS DURGAHI WALA</t>
  </si>
  <si>
    <t>Durgahi Wala</t>
  </si>
  <si>
    <t>village dargahi wala p./o batala jhanda Singh tehsil wazir a bad</t>
  </si>
  <si>
    <t>Saharan Chattha</t>
  </si>
  <si>
    <t>33019</t>
  </si>
  <si>
    <t>GGPS MODEL NABI PUR DHAK</t>
  </si>
  <si>
    <t>Nabi Pur Dhak</t>
  </si>
  <si>
    <t>nabi pur dhak</t>
  </si>
  <si>
    <t>GGPS TAILL FAIZ PUR SHUJABAD</t>
  </si>
  <si>
    <t>faizabad marinnon p/o rajaram shujabad multan</t>
  </si>
  <si>
    <t>Iqra Sehrish</t>
  </si>
  <si>
    <t>28916</t>
  </si>
  <si>
    <t>GMPS KOT ARJAN SINGH</t>
  </si>
  <si>
    <t>kot arjan singh</t>
  </si>
  <si>
    <t>Kot Arjun Singh</t>
  </si>
  <si>
    <t>Kausar Begum</t>
  </si>
  <si>
    <t>13638</t>
  </si>
  <si>
    <t>MOHAMDIA Col0NY</t>
  </si>
  <si>
    <t>RANIBAZAR   JAMPUR</t>
  </si>
  <si>
    <t>GES CHAK NO.52 DB</t>
  </si>
  <si>
    <t>Check No 52DB</t>
  </si>
  <si>
    <t>chak no52db</t>
  </si>
  <si>
    <t>Chak No 52 Db</t>
  </si>
  <si>
    <t>HAFIZ MUHAMMAD QASIM</t>
  </si>
  <si>
    <t>GES MEHMOOD WALA NO 2</t>
  </si>
  <si>
    <t>Kallurkot Daggar</t>
  </si>
  <si>
    <t>Akairanwala Tehsil Kallur kot District Bhakkar</t>
  </si>
  <si>
    <t>Akairan wala</t>
  </si>
  <si>
    <t>GGPS MANAN WALA BADIAN ROAD</t>
  </si>
  <si>
    <t>GGPS Mananwala Bedian Road Lahore Cantt</t>
  </si>
  <si>
    <t>45110</t>
  </si>
  <si>
    <t>24543</t>
  </si>
  <si>
    <t>GGPS BASU PUNNU</t>
  </si>
  <si>
    <t>Basu pannu</t>
  </si>
  <si>
    <t>Basu Pannu</t>
  </si>
  <si>
    <t>Robila naz</t>
  </si>
  <si>
    <t>41810</t>
  </si>
  <si>
    <t>GMPS MODEL KHINGER</t>
  </si>
  <si>
    <t>post office sihal and village khinger</t>
  </si>
  <si>
    <t>Uzma Tanveer</t>
  </si>
  <si>
    <t>GGPS KALYARI</t>
  </si>
  <si>
    <t>village kulyari p.o Mirza Pur.mallot sattian.teh kotli sattian.r.w.p</t>
  </si>
  <si>
    <t>Kulyari</t>
  </si>
  <si>
    <t>Anjum Raza</t>
  </si>
  <si>
    <t>21541</t>
  </si>
  <si>
    <t>GGES MAQBOOL SHAHEED ABAD</t>
  </si>
  <si>
    <t>Maqbool shahid Abad</t>
  </si>
  <si>
    <t>Govt Girls Elementary school  Maqbool Shahid Abad More e</t>
  </si>
  <si>
    <t>Maqbool Shahid Abad</t>
  </si>
  <si>
    <t>43127</t>
  </si>
  <si>
    <t>GES OUDHERWAL</t>
  </si>
  <si>
    <t>V.P.O oudherwal</t>
  </si>
  <si>
    <t>GGPS 18/14-L</t>
  </si>
  <si>
    <t>chak no 18/14L,PO Iqbal nagar,teh chichawatni,distt sahiwal</t>
  </si>
  <si>
    <t>18/14L</t>
  </si>
  <si>
    <t>GGPS SAR WALA</t>
  </si>
  <si>
    <t>village sarwala</t>
  </si>
  <si>
    <t>GGES CHAK NO. 203 M</t>
  </si>
  <si>
    <t>203M</t>
  </si>
  <si>
    <t>Chak 203M Markaz Dahranwala Tehsil Chishtian.</t>
  </si>
  <si>
    <t>177M</t>
  </si>
  <si>
    <t>Ayesha Khan</t>
  </si>
  <si>
    <t>42659</t>
  </si>
  <si>
    <t>GGES SUI CHEEMAIN</t>
  </si>
  <si>
    <t>v&amp;p,sui cheemain,teh,gujar khan,dist, Rawalpindi</t>
  </si>
  <si>
    <t>GGPS THATTA MALIAN</t>
  </si>
  <si>
    <t>thatha mallian</t>
  </si>
  <si>
    <t>Thatha Mallian</t>
  </si>
  <si>
    <t>46573</t>
  </si>
  <si>
    <t>GGPS CHUSOO</t>
  </si>
  <si>
    <t>GPS MC GRAIN MARKET KAMALIA</t>
  </si>
  <si>
    <t>grain market railway road kamalia</t>
  </si>
  <si>
    <t>Ward No 5</t>
  </si>
  <si>
    <t>Tahir Rashid</t>
  </si>
  <si>
    <t>GPS SOKAR NO 2</t>
  </si>
  <si>
    <t>P/o sokar tehsil taunsa disst Dg khan</t>
  </si>
  <si>
    <t>52177</t>
  </si>
  <si>
    <t>GPS CHAK NO. 82-A EB KHARLAN WALA</t>
  </si>
  <si>
    <t>82/EB</t>
  </si>
  <si>
    <t>chak no 82/eb arifwala</t>
  </si>
  <si>
    <t>82-A/EB</t>
  </si>
  <si>
    <t>GPS 71 WB</t>
  </si>
  <si>
    <t>71/wb</t>
  </si>
  <si>
    <t>chak no 71/wb</t>
  </si>
  <si>
    <t>Arzoo Fida</t>
  </si>
  <si>
    <t>GMES THATTI GUJRAN NO.1</t>
  </si>
  <si>
    <t>Thatti</t>
  </si>
  <si>
    <t>Village  Thatti Gujran tehsil Fateh Jang District Attack</t>
  </si>
  <si>
    <t>Waheeda Fakhar</t>
  </si>
  <si>
    <t>GGES BURHAN</t>
  </si>
  <si>
    <t>gges Burhan</t>
  </si>
  <si>
    <t>isfahana Begum</t>
  </si>
  <si>
    <t>GGPS HAJI GHALOO</t>
  </si>
  <si>
    <t>government girls primary school haji Ghaloo Wala</t>
  </si>
  <si>
    <t>Haji Ghaloo Wala</t>
  </si>
  <si>
    <t>Mishbah Batool</t>
  </si>
  <si>
    <t>GGES CHAK NO. 136/P</t>
  </si>
  <si>
    <t>Wah KohNa</t>
  </si>
  <si>
    <t>G G Elemetary school 136/p</t>
  </si>
  <si>
    <t>136p</t>
  </si>
  <si>
    <t>27264</t>
  </si>
  <si>
    <t>GGPS CHAK 1-1AL</t>
  </si>
  <si>
    <t>1/1 Al</t>
  </si>
  <si>
    <t>Chak no 1/1AL TEH RNK DISTT OKARA</t>
  </si>
  <si>
    <t>1/1AL</t>
  </si>
  <si>
    <t>4/1ALKalan</t>
  </si>
  <si>
    <t>Azra Liaqat</t>
  </si>
  <si>
    <t>GPS KOT DHOON CHAND</t>
  </si>
  <si>
    <t>Kot Dooni Chand</t>
  </si>
  <si>
    <t>Kot dooni chand</t>
  </si>
  <si>
    <t>Handoo Gujjar</t>
  </si>
  <si>
    <t>GGPS ADA BEGOWALA</t>
  </si>
  <si>
    <t>Adda Begowala</t>
  </si>
  <si>
    <t>railway roads Adda begowala tehseel sambrial district</t>
  </si>
  <si>
    <t>Maria Ashiq</t>
  </si>
  <si>
    <t>54370</t>
  </si>
  <si>
    <t>GMPS PRIANDLA</t>
  </si>
  <si>
    <t>Prindla</t>
  </si>
  <si>
    <t>village prindla post office narar tehsil kotlisttian district rawalpindi</t>
  </si>
  <si>
    <t>Anjuman Shaheen</t>
  </si>
  <si>
    <t>GPS BASTI SOBDAR NO 2</t>
  </si>
  <si>
    <t>Basti Nawaz Qasai</t>
  </si>
  <si>
    <t>GES PUBLIC SAHIWAL</t>
  </si>
  <si>
    <t>Near civil hospital sahiwal</t>
  </si>
  <si>
    <t>Mehboob Ellahi</t>
  </si>
  <si>
    <t>39396</t>
  </si>
  <si>
    <t>GMPS KHUNDI DHERI</t>
  </si>
  <si>
    <t>Khundi Dheri</t>
  </si>
  <si>
    <t>village khundi dheri p.o jangla</t>
  </si>
  <si>
    <t>Gharebwal</t>
  </si>
  <si>
    <t>Nadia Afzal</t>
  </si>
  <si>
    <t>GGCMS KALSIAN</t>
  </si>
  <si>
    <t>kalsian p/ochhabba sindhwan the nowshera virkan diss gujranwala</t>
  </si>
  <si>
    <t>GPS CHINJI</t>
  </si>
  <si>
    <t>chinji</t>
  </si>
  <si>
    <t>vpo chinji tehsil talagang</t>
  </si>
  <si>
    <t>bhillomar</t>
  </si>
  <si>
    <t>GPS BARHAMA</t>
  </si>
  <si>
    <t>Brahma</t>
  </si>
  <si>
    <t>village brahma tehsil Taxila district Rawalpindi</t>
  </si>
  <si>
    <t>GGPS CHAK NO. 40</t>
  </si>
  <si>
    <t>chak no 40</t>
  </si>
  <si>
    <t>Khurshida Jabeen</t>
  </si>
  <si>
    <t>GPS MATON KALAN</t>
  </si>
  <si>
    <t>Matan Kalan</t>
  </si>
  <si>
    <t>vill/ Matan Kalan p/o sarkalan</t>
  </si>
  <si>
    <t>Nurpur</t>
  </si>
  <si>
    <t>water supply conection</t>
  </si>
  <si>
    <t>GGPS YOUSUF PUR</t>
  </si>
  <si>
    <t>Yousaf Pur</t>
  </si>
  <si>
    <t>patri Sadat no.za yousaf pur</t>
  </si>
  <si>
    <t>Patri  Sadat</t>
  </si>
  <si>
    <t>Thata Qurashi</t>
  </si>
  <si>
    <t>Sughra Shaheen</t>
  </si>
  <si>
    <t>GPS CHAK 13/NP BASTI THAHEEMA KHANPUR</t>
  </si>
  <si>
    <t>govt primary  school 13/NP thaheemabad</t>
  </si>
  <si>
    <t>Thaheem Abad</t>
  </si>
  <si>
    <t>Mc Khanpur</t>
  </si>
  <si>
    <t>saleem mahmood</t>
  </si>
  <si>
    <t>43378</t>
  </si>
  <si>
    <t>GGPS MC NO.4 CHAKWAL</t>
  </si>
  <si>
    <t>MCGGPiramry School no4 sargojra chakwal</t>
  </si>
  <si>
    <t>Aziza Begum</t>
  </si>
  <si>
    <t>GGPS MOHLAN WAL KHURD</t>
  </si>
  <si>
    <t>GGPS mohlanwal khurd</t>
  </si>
  <si>
    <t>Mohlanwal Kalan</t>
  </si>
  <si>
    <t>Farhana Umer Hayat</t>
  </si>
  <si>
    <t>GPS CHAK 322 GB</t>
  </si>
  <si>
    <t>chak no 322 GB</t>
  </si>
  <si>
    <t>322 GB</t>
  </si>
  <si>
    <t>MUHAMMAD KHURAM SHAHZAD</t>
  </si>
  <si>
    <t>GGPS GAGARI</t>
  </si>
  <si>
    <t>Gagari</t>
  </si>
  <si>
    <t>ggps gagari</t>
  </si>
  <si>
    <t>Anssa Zafar</t>
  </si>
  <si>
    <t>42973</t>
  </si>
  <si>
    <t>GGPS THALA</t>
  </si>
  <si>
    <t>Thalla</t>
  </si>
  <si>
    <t>vill thalla p/o loona</t>
  </si>
  <si>
    <t>Tehmina Sajid</t>
  </si>
  <si>
    <t>GES MALWAL</t>
  </si>
  <si>
    <t>Malwal</t>
  </si>
  <si>
    <t>Malwal khushab</t>
  </si>
  <si>
    <t>Tanseer Hussain</t>
  </si>
  <si>
    <t>GPS BASTI GHARRAZAN</t>
  </si>
  <si>
    <t>Basti Ghurazan</t>
  </si>
  <si>
    <t>GMPS GABRAN</t>
  </si>
  <si>
    <t>GAbbran</t>
  </si>
  <si>
    <t>basti omouza GAbbran</t>
  </si>
  <si>
    <t>Bhar Khakhi</t>
  </si>
  <si>
    <t>Zakia Noreen</t>
  </si>
  <si>
    <t>GGPS FARZAND ALI</t>
  </si>
  <si>
    <t>Kacha Bhuta</t>
  </si>
  <si>
    <t>ckh 19  Np basti farzand aki</t>
  </si>
  <si>
    <t>Basti farzand Ali</t>
  </si>
  <si>
    <t>samia latif</t>
  </si>
  <si>
    <t>GPS BASTI SHAREEN WALA</t>
  </si>
  <si>
    <t>basti aarian bangla road hasil pur</t>
  </si>
  <si>
    <t>Basti Aarian</t>
  </si>
  <si>
    <t>sabir saeed</t>
  </si>
  <si>
    <t>GGPS CHAK DABURJI</t>
  </si>
  <si>
    <t>Chack Duburji</t>
  </si>
  <si>
    <t>village chack duburji</t>
  </si>
  <si>
    <t>Klaswala</t>
  </si>
  <si>
    <t>Sumera Jakab</t>
  </si>
  <si>
    <t>GPS CHAK NO.537 EB</t>
  </si>
  <si>
    <t>Chao No, 537 EB Vehari</t>
  </si>
  <si>
    <t>537 EBvehari</t>
  </si>
  <si>
    <t>Naveed Ahmad Awan</t>
  </si>
  <si>
    <t>GGPS RAKH BUTT</t>
  </si>
  <si>
    <t>Rakh Butt</t>
  </si>
  <si>
    <t>Rakh Butt K.R.K kasur</t>
  </si>
  <si>
    <t>Shazia Abdul Rehman</t>
  </si>
  <si>
    <t>GGES CHAK 277 JB II</t>
  </si>
  <si>
    <t>CHAK NO. 277 JB II</t>
  </si>
  <si>
    <t>G.G.E.S CHAK NO. 277 JB II , TEHSIL GOJRA. DISTT. T.T.SINGH.</t>
  </si>
  <si>
    <t>GES MIAN SANSI</t>
  </si>
  <si>
    <t>miansansi</t>
  </si>
  <si>
    <t>miansansi gujranwala</t>
  </si>
  <si>
    <t>GES KOT BHAWANIDASS</t>
  </si>
  <si>
    <t>Kot Bhawanidass</t>
  </si>
  <si>
    <t>Kot Bhawanidass tehsil and district Gujranwala</t>
  </si>
  <si>
    <t>Ghulam Abbas Warraich</t>
  </si>
  <si>
    <t>GPS WADARA PO MUSTAFA ABAD</t>
  </si>
  <si>
    <t>Wafara</t>
  </si>
  <si>
    <t>Lakhneke</t>
  </si>
  <si>
    <t>Moeen akhter</t>
  </si>
  <si>
    <t>40207</t>
  </si>
  <si>
    <t>GGPS CHAK BUDDO</t>
  </si>
  <si>
    <t>Chakbuddo</t>
  </si>
  <si>
    <t>Village Chakbuddo,P.O Gharmala,Teh &amp; District Jhelum</t>
  </si>
  <si>
    <t>Ambreen Mahmood</t>
  </si>
  <si>
    <t>GPS BASTI KABIR ABAD</t>
  </si>
  <si>
    <t>Basti Kabir Abad p/o Maoza Peer wala. Tehsil Shorkot  district Jhang</t>
  </si>
  <si>
    <t>Basti Kabir Abad</t>
  </si>
  <si>
    <t>13166</t>
  </si>
  <si>
    <t>GPS BASIRA MARKAND</t>
  </si>
  <si>
    <t>Ward # 18</t>
  </si>
  <si>
    <t>Basti Basirra Shahbazpur</t>
  </si>
  <si>
    <t>GGES 98/M</t>
  </si>
  <si>
    <t>Chak 98m</t>
  </si>
  <si>
    <t>gges 98m doran wala lodhran</t>
  </si>
  <si>
    <t>17345</t>
  </si>
  <si>
    <t>GMPS UMRANA JANOOBI</t>
  </si>
  <si>
    <t>Umrana Janoobi</t>
  </si>
  <si>
    <t>Govt.Model primary school umrana janoobi</t>
  </si>
  <si>
    <t>Siddiqa Khan</t>
  </si>
  <si>
    <t>GGES QILA STAR SHAH</t>
  </si>
  <si>
    <t>govt.girls elementary school qila satar shah</t>
  </si>
  <si>
    <t>Muskaan Tabassum</t>
  </si>
  <si>
    <t>GGPS LOWER BIRGRAN</t>
  </si>
  <si>
    <t>Birgran</t>
  </si>
  <si>
    <t>Village birgran post office sher bagla tehsil murree district rawal pindi</t>
  </si>
  <si>
    <t>Sumaira Safeer</t>
  </si>
  <si>
    <t>29875</t>
  </si>
  <si>
    <t>GGES KAWIN BALAQA SINGH</t>
  </si>
  <si>
    <t>Kanwain</t>
  </si>
  <si>
    <t>kanwain biaqa singh</t>
  </si>
  <si>
    <t>Kanwain Bilaqa Singh</t>
  </si>
  <si>
    <t>GGPS KOT MIRZA</t>
  </si>
  <si>
    <t>govt. girls primary school kot Mirza.</t>
  </si>
  <si>
    <t>GPS CHAH SYED WALA</t>
  </si>
  <si>
    <t>chah Syed wala noorshah sahiwal</t>
  </si>
  <si>
    <t>Nabeel Saleem</t>
  </si>
  <si>
    <t>GGPS THEHRI</t>
  </si>
  <si>
    <t>Thehri</t>
  </si>
  <si>
    <t>Sidra Akhtar</t>
  </si>
  <si>
    <t>GGPS KOT ISMAIL</t>
  </si>
  <si>
    <t>kot ismail Tehsil Lalian District . chiniot</t>
  </si>
  <si>
    <t>Kot ismail</t>
  </si>
  <si>
    <t>kanwainwala</t>
  </si>
  <si>
    <t>Tayyaba Maqbool</t>
  </si>
  <si>
    <t>49555</t>
  </si>
  <si>
    <t>GGPS THATTI DHAKWAN</t>
  </si>
  <si>
    <t>Thatti Dhakwan</t>
  </si>
  <si>
    <t>post ofc chakrala village thatti dhakwan tehsil shahpur sgd</t>
  </si>
  <si>
    <t>Mussarrat Asif</t>
  </si>
  <si>
    <t>ggps qazi wala</t>
  </si>
  <si>
    <t>Tehrili</t>
  </si>
  <si>
    <t>31006</t>
  </si>
  <si>
    <t>GPS ALI RAZA ABAD</t>
  </si>
  <si>
    <t>Ali raza abad raiwind road LHR</t>
  </si>
  <si>
    <t>Sobia Ashraf</t>
  </si>
  <si>
    <t>GMPS SHARIF MUHAMMAD AWAN</t>
  </si>
  <si>
    <t>basti sharif m awan, post office amin abad</t>
  </si>
  <si>
    <t>Sharif M Awan</t>
  </si>
  <si>
    <t>Zaib Un nisa</t>
  </si>
  <si>
    <t>40662</t>
  </si>
  <si>
    <t>GPS JOHDA</t>
  </si>
  <si>
    <t>Johda</t>
  </si>
  <si>
    <t>vill and p/o johda teh sohawa Distt jhelum</t>
  </si>
  <si>
    <t>MUHAMMAD ZEESHAN  NISAR</t>
  </si>
  <si>
    <t>GMPS SOBAY WALA</t>
  </si>
  <si>
    <t>Sobay Wala bsti dad shujabad</t>
  </si>
  <si>
    <t>Sobay Wala</t>
  </si>
  <si>
    <t>MASOOMA KOUSAR</t>
  </si>
  <si>
    <t>GMPS MIAN PUR MATAM</t>
  </si>
  <si>
    <t>Mian pur</t>
  </si>
  <si>
    <t>Mian put Mahtam</t>
  </si>
  <si>
    <t>Wahi salamat rai</t>
  </si>
  <si>
    <t>p/s khar wala p/s Shaher Sultan</t>
  </si>
  <si>
    <t>Qurat-ul-ain Bukhari</t>
  </si>
  <si>
    <t>GGPS SALOONI</t>
  </si>
  <si>
    <t>Pahian</t>
  </si>
  <si>
    <t>Saloni P/O Lehtrar Teh Kotli Sattian</t>
  </si>
  <si>
    <t>Saloni</t>
  </si>
  <si>
    <t>Rizwana kousar</t>
  </si>
  <si>
    <t>46975</t>
  </si>
  <si>
    <t>GMPS KALIAN WALA</t>
  </si>
  <si>
    <t>KALIAN WALA</t>
  </si>
  <si>
    <t>KALIAN WALA NEAR MANDA KHEL KAMMAR MUSHANI  TEHSIL ESA KHEL DISTRICT MIANWALI</t>
  </si>
  <si>
    <t>TASLEEM ZAFAR</t>
  </si>
  <si>
    <t>GPS 45/12-L</t>
  </si>
  <si>
    <t>45/12L Firdous</t>
  </si>
  <si>
    <t>ZULIFIQAR ALI GILL</t>
  </si>
  <si>
    <t>21088</t>
  </si>
  <si>
    <t>GGPS NEALO CHAK</t>
  </si>
  <si>
    <t>Nahalo Chak</t>
  </si>
  <si>
    <t>nahalo chak Wazirabad District Gujranwala</t>
  </si>
  <si>
    <t>Ghakka Miter</t>
  </si>
  <si>
    <t>Fazeelat Tahira</t>
  </si>
  <si>
    <t>GGPS ISLAM NAGGAR</t>
  </si>
  <si>
    <t>Islam Naggar</t>
  </si>
  <si>
    <t>Mohallah Islam Naggar Darya Khan Dist Bhakkar</t>
  </si>
  <si>
    <t>Darya Khan-2</t>
  </si>
  <si>
    <t>Jazba Saroosh</t>
  </si>
  <si>
    <t>GGPS BORING SHABBIR SHAH</t>
  </si>
  <si>
    <t>borang shabir shah karor nashaib</t>
  </si>
  <si>
    <t>borang shabir shah</t>
  </si>
  <si>
    <t>RUKHSANA QURESHI</t>
  </si>
  <si>
    <t>GES BAIT MIR AHMED</t>
  </si>
  <si>
    <t>Bait Mir Ahmed</t>
  </si>
  <si>
    <t>moza bait mir ahmed abad pur rahim yar khan</t>
  </si>
  <si>
    <t>Jam Meer Ahmed</t>
  </si>
  <si>
    <t>10011</t>
  </si>
  <si>
    <t>48577</t>
  </si>
  <si>
    <t>GGPS PEOPLE'S COLONY NAWAN KOT</t>
  </si>
  <si>
    <t>GGPS Peoples Colony midh ranch attuned</t>
  </si>
  <si>
    <t>Midh Ranjha 2</t>
  </si>
  <si>
    <t>Sangeeta Chand</t>
  </si>
  <si>
    <t>21563</t>
  </si>
  <si>
    <t>GMPS MALAKAY VIRKAN</t>
  </si>
  <si>
    <t>Mallah Virkan</t>
  </si>
  <si>
    <t>Govt.model primary school mallah virkan</t>
  </si>
  <si>
    <t>Akbar Ghonke</t>
  </si>
  <si>
    <t>Fakhira Bano</t>
  </si>
  <si>
    <t>47531</t>
  </si>
  <si>
    <t>27271</t>
  </si>
  <si>
    <t>GGES THATHA ARGAN</t>
  </si>
  <si>
    <t>Thatha Argan</t>
  </si>
  <si>
    <t>thatha argan</t>
  </si>
  <si>
    <t>Humara Sabir</t>
  </si>
  <si>
    <t>42548</t>
  </si>
  <si>
    <t>GPS MODEL PUNJ GARAN KALAN</t>
  </si>
  <si>
    <t>Village and Po punjgran kalan tehsil gk district rwp</t>
  </si>
  <si>
    <t>Sadia Rizwan Baig</t>
  </si>
  <si>
    <t>843975</t>
  </si>
  <si>
    <t>GGPS CHAK NO. 174/MB</t>
  </si>
  <si>
    <t>Chak Number 174MB</t>
  </si>
  <si>
    <t>173 Murad</t>
  </si>
  <si>
    <t>GGPS NASIR KHAN KHAKWANI</t>
  </si>
  <si>
    <t>ggps nasir khan purana garey wala Multan</t>
  </si>
  <si>
    <t>Purana Garey Wala</t>
  </si>
  <si>
    <t>GGPS KOREY</t>
  </si>
  <si>
    <t>GGPS Korey</t>
  </si>
  <si>
    <t>Abida Noor</t>
  </si>
  <si>
    <t>43124</t>
  </si>
  <si>
    <t>GES THANIL FATOHI</t>
  </si>
  <si>
    <t>VPO THANIL FATUHI CHAKWAL</t>
  </si>
  <si>
    <t>amir hussain</t>
  </si>
  <si>
    <t>GGPS BAKHRI NOU BURAMADAH</t>
  </si>
  <si>
    <t>bindi</t>
  </si>
  <si>
    <t>daira shah</t>
  </si>
  <si>
    <t>Khadija Bano</t>
  </si>
  <si>
    <t>GGPS SUNDARANA</t>
  </si>
  <si>
    <t>Sundarna</t>
  </si>
  <si>
    <t>government girls primary school sundarana</t>
  </si>
  <si>
    <t>Sundarana</t>
  </si>
  <si>
    <t>Kalke Mandi</t>
  </si>
  <si>
    <t>Shumaila Hanif</t>
  </si>
  <si>
    <t>GMPS CHAK NO. 22/3-R</t>
  </si>
  <si>
    <t>22/3r</t>
  </si>
  <si>
    <t>chak no 22/3r Haroonabad</t>
  </si>
  <si>
    <t>2o/3r</t>
  </si>
  <si>
    <t>Samina Tufail</t>
  </si>
  <si>
    <t>32694</t>
  </si>
  <si>
    <t>GGES CHAK 641</t>
  </si>
  <si>
    <t>Govt. girls elementary school Chak 641gb</t>
  </si>
  <si>
    <t>Mussarat Khalid</t>
  </si>
  <si>
    <t>GPS DHOK CHUNWAL</t>
  </si>
  <si>
    <t>dhok chanwal</t>
  </si>
  <si>
    <t>Dhok Chanwal</t>
  </si>
  <si>
    <t>14417</t>
  </si>
  <si>
    <t>GGPS ROJHAN NO. 3</t>
  </si>
  <si>
    <t>chuck dim</t>
  </si>
  <si>
    <t>govt primery school no 3 Rojhan nisd masjid bahraam khan</t>
  </si>
  <si>
    <t>Anila yasmeen</t>
  </si>
  <si>
    <t>GGPS BASTI JONSRAN</t>
  </si>
  <si>
    <t>Chak Lohari</t>
  </si>
  <si>
    <t>government girls primary school m.ghar</t>
  </si>
  <si>
    <t>Basti Jonsran Wala</t>
  </si>
  <si>
    <t>MC Mgarh</t>
  </si>
  <si>
    <t>Shanaz Mai</t>
  </si>
  <si>
    <t>GPS CHAH KAMAREKI</t>
  </si>
  <si>
    <t>Thatha Fateh Ali</t>
  </si>
  <si>
    <t>chah Kamary Ka</t>
  </si>
  <si>
    <t>Chah Kamary Ka</t>
  </si>
  <si>
    <t>GGES 349 EB POST OFFICE chak 157/EB</t>
  </si>
  <si>
    <t>Chak no 349/eb,  Arifwala, Distt. Pakpattan.</t>
  </si>
  <si>
    <t>19963</t>
  </si>
  <si>
    <t>Thaklan Shumali</t>
  </si>
  <si>
    <t>besti darkhan wala mouza thaklan shumali uc krm Ali wala p/o havali Lang jalal pur pir wala multan</t>
  </si>
  <si>
    <t>Karm Ali Wala</t>
  </si>
  <si>
    <t>Falak shair</t>
  </si>
  <si>
    <t>GPS CHAK NO 213/P</t>
  </si>
  <si>
    <t>chak 213/p</t>
  </si>
  <si>
    <t>213/p</t>
  </si>
  <si>
    <t>GGPS NO.2 CHAK NO.46 SB</t>
  </si>
  <si>
    <t>46 SB</t>
  </si>
  <si>
    <t>chak no 46 sb sgd</t>
  </si>
  <si>
    <t>46 Sb</t>
  </si>
  <si>
    <t>46 sb</t>
  </si>
  <si>
    <t>Maqsooda Bibi</t>
  </si>
  <si>
    <t>GGES CHABBAR</t>
  </si>
  <si>
    <t>chabbar hithar p/o Khudian khas Kasur</t>
  </si>
  <si>
    <t>Chabbar Hithar</t>
  </si>
  <si>
    <t>GGES PHOGHAN WALA</t>
  </si>
  <si>
    <t>Phogan Wala</t>
  </si>
  <si>
    <t>G.G ES Phogan Wala</t>
  </si>
  <si>
    <t>31027</t>
  </si>
  <si>
    <t>GPS KANJRA</t>
  </si>
  <si>
    <t>Kanjra</t>
  </si>
  <si>
    <t>shah pur kanjra multan road lahore</t>
  </si>
  <si>
    <t>Muhammad Atta Raool</t>
  </si>
  <si>
    <t>44043</t>
  </si>
  <si>
    <t>GPS DHOKE MOMEN 2</t>
  </si>
  <si>
    <t>Dhoke Momen</t>
  </si>
  <si>
    <t>Fehmeeda Naz</t>
  </si>
  <si>
    <t>Community Supply</t>
  </si>
  <si>
    <t>GPS SHAH SHAHEED</t>
  </si>
  <si>
    <t>Shah Shaheed</t>
  </si>
  <si>
    <t>Shah Shaheed bata pur Lahore</t>
  </si>
  <si>
    <t>Syed Maqsood Ali Shah</t>
  </si>
  <si>
    <t>GGPS JANGLE</t>
  </si>
  <si>
    <t>GGP/school jangle</t>
  </si>
  <si>
    <t>Naima Sajjad</t>
  </si>
  <si>
    <t>11791</t>
  </si>
  <si>
    <t>govt  girls primary school Islam pura</t>
  </si>
  <si>
    <t>qila javind singh</t>
  </si>
  <si>
    <t>GES KUNDAI</t>
  </si>
  <si>
    <t>Kundai</t>
  </si>
  <si>
    <t>GES PHIRAY</t>
  </si>
  <si>
    <t>Govt Elementary school pheray</t>
  </si>
  <si>
    <t>Dherakan</t>
  </si>
  <si>
    <t>Tauqir Ahmed</t>
  </si>
  <si>
    <t>GGPS MALOTE DHUNDAN</t>
  </si>
  <si>
    <t>Malote</t>
  </si>
  <si>
    <t>Post office kashmiri Bazar village Malote Dhundan tehsil murree district rawalpindi</t>
  </si>
  <si>
    <t>GGPS DEV SIAL</t>
  </si>
  <si>
    <t>Devsial</t>
  </si>
  <si>
    <t>devsial</t>
  </si>
  <si>
    <t>Batool Sharif</t>
  </si>
  <si>
    <t>GGPS MALOOK SHAH NO. 1</t>
  </si>
  <si>
    <t>basti malook shah ghous abad</t>
  </si>
  <si>
    <t>Shadani</t>
  </si>
  <si>
    <t>Najma Kouser</t>
  </si>
  <si>
    <t>42247</t>
  </si>
  <si>
    <t>GGES MALLOT SATTIAN</t>
  </si>
  <si>
    <t>mallot sattian</t>
  </si>
  <si>
    <t>GES NARBAN</t>
  </si>
  <si>
    <t>Basti Narban vehari road Hasilpur</t>
  </si>
  <si>
    <t>Basti Narban</t>
  </si>
  <si>
    <t>KHALID PERVAIZ AKHTAR</t>
  </si>
  <si>
    <t>GPS JHOKE PANDOKI</t>
  </si>
  <si>
    <t>Jhoke</t>
  </si>
  <si>
    <t>village pandoki post office kahna nau tehsil and district lahorel</t>
  </si>
  <si>
    <t>Jhoke Pandoki</t>
  </si>
  <si>
    <t>Fiyyaz Ahmed</t>
  </si>
  <si>
    <t>GMES CHAK 354/WB</t>
  </si>
  <si>
    <t>chak354/wb</t>
  </si>
  <si>
    <t>chak number 354/wb</t>
  </si>
  <si>
    <t>354/wb</t>
  </si>
  <si>
    <t>chak 353/wb</t>
  </si>
  <si>
    <t>hUMAIRA yASMEEN</t>
  </si>
  <si>
    <t>GGES BADDO RATTA</t>
  </si>
  <si>
    <t>MARIA ASHIQ</t>
  </si>
  <si>
    <t>water  dispenser and handpump</t>
  </si>
  <si>
    <t>GPS 76/12-L</t>
  </si>
  <si>
    <t>76/12L</t>
  </si>
  <si>
    <t>chak 76/12L chichawatni</t>
  </si>
  <si>
    <t>76/12 L</t>
  </si>
  <si>
    <t>37476</t>
  </si>
  <si>
    <t>GMES 93/15-L, MIAN CHANNU</t>
  </si>
  <si>
    <t>chak no 93/15-l</t>
  </si>
  <si>
    <t>93/15-l</t>
  </si>
  <si>
    <t>GGPS MEHD PUR</t>
  </si>
  <si>
    <t>Mehadpur</t>
  </si>
  <si>
    <t>village mehadpur,tehsil wazirabad,district Gujranwala</t>
  </si>
  <si>
    <t>Ghakhameter</t>
  </si>
  <si>
    <t>40455</t>
  </si>
  <si>
    <t>GMPS PIRAN WALA</t>
  </si>
  <si>
    <t>Piranwala</t>
  </si>
  <si>
    <t>village piranwala post office pindi said pur</t>
  </si>
  <si>
    <t>14875</t>
  </si>
  <si>
    <t>GMPS WALLEKE</t>
  </si>
  <si>
    <t>Wallayke</t>
  </si>
  <si>
    <t>Walayke</t>
  </si>
  <si>
    <t>Tayyaba Janjooah</t>
  </si>
  <si>
    <t>GGPS MOUZA JAI SHUJABAD</t>
  </si>
  <si>
    <t>mouza Jai near Bari jhoke</t>
  </si>
  <si>
    <t>Mouza Jai</t>
  </si>
  <si>
    <t>Chak R S</t>
  </si>
  <si>
    <t>Salma Farooq</t>
  </si>
  <si>
    <t>GMPS NAKODAR (SHEENBAGH)</t>
  </si>
  <si>
    <t>dhoke nakodar,village mari kanjoor</t>
  </si>
  <si>
    <t>Maimooona Bibi</t>
  </si>
  <si>
    <t>GPS FAZLOO KOKARA</t>
  </si>
  <si>
    <t>Fazloo Kokara</t>
  </si>
  <si>
    <t>fazloo kokara</t>
  </si>
  <si>
    <t>fiaz hussain</t>
  </si>
  <si>
    <t>GGPS CHAK NO.54 DAWANI MARALA GURB</t>
  </si>
  <si>
    <t>Dwani Marla Garbi</t>
  </si>
  <si>
    <t>Dwani Marla Garbi kot radha kishen</t>
  </si>
  <si>
    <t>Dwani Marla</t>
  </si>
  <si>
    <t>35314</t>
  </si>
  <si>
    <t>GGPS KALO KHEL</t>
  </si>
  <si>
    <t>Kuchtunderkhel</t>
  </si>
  <si>
    <t>ggpskalukhel</t>
  </si>
  <si>
    <t>Kalukhel</t>
  </si>
  <si>
    <t>Zatoon Begum</t>
  </si>
  <si>
    <t>GGPS NANOANA GHARBI</t>
  </si>
  <si>
    <t>GPS CHAK 48 GB I SAMUNDRI</t>
  </si>
  <si>
    <t>48 GB I</t>
  </si>
  <si>
    <t>chak no 48 GB I</t>
  </si>
  <si>
    <t>Chak No 48 GB 1</t>
  </si>
  <si>
    <t>Chak no 45 GB</t>
  </si>
  <si>
    <t>GMPS CHANNI GOTERIALA</t>
  </si>
  <si>
    <t>gmps channi Goteriala pobox Goteriala district Gujarat tehsil kharian</t>
  </si>
  <si>
    <t>Channi Goteriala</t>
  </si>
  <si>
    <t>Thutharaibudther</t>
  </si>
  <si>
    <t>Amera Fazal</t>
  </si>
  <si>
    <t>GPS CHAK NO. 446 TDA</t>
  </si>
  <si>
    <t>chack no 446 tda</t>
  </si>
  <si>
    <t>Chack No 446 Tda</t>
  </si>
  <si>
    <t>Muhammad sultan</t>
  </si>
  <si>
    <t>GGCMS CHAK NO. 50/DB</t>
  </si>
  <si>
    <t>50DB</t>
  </si>
  <si>
    <t>Sidra Nisar</t>
  </si>
  <si>
    <t>23018</t>
  </si>
  <si>
    <t>GPS HAVELI NARAIN DAS</t>
  </si>
  <si>
    <t>Haveli narain das</t>
  </si>
  <si>
    <t>government primary school Haveli narain das tehsile Bhalwal district sargodha</t>
  </si>
  <si>
    <t>Haveli Narain Das</t>
  </si>
  <si>
    <t>36438</t>
  </si>
  <si>
    <t>GGPS CHAK NO.56 KB</t>
  </si>
  <si>
    <t>56/kb</t>
  </si>
  <si>
    <t>GGPS CHAK NO56k.b</t>
  </si>
  <si>
    <t>Bud Ghulam</t>
  </si>
  <si>
    <t>AYsha Jabeen</t>
  </si>
  <si>
    <t>GPS NO.4 SAHIWAL</t>
  </si>
  <si>
    <t>mohallah Hussain abad tehsil sahiwal sargodha</t>
  </si>
  <si>
    <t>GGPS RIAZ HUSSAIN SHAH</t>
  </si>
  <si>
    <t>Basti zamin shah post office shedani sharif moza laal shah tehseel liaqat pur</t>
  </si>
  <si>
    <t>Basti Zamin Shah</t>
  </si>
  <si>
    <t>Rashida Bukhari</t>
  </si>
  <si>
    <t>GGPS SALHOO WALA</t>
  </si>
  <si>
    <t>ghalwan 2</t>
  </si>
  <si>
    <t>GGPS Salhoo Wala</t>
  </si>
  <si>
    <t>Salhoo wala</t>
  </si>
  <si>
    <t>ghalwan2</t>
  </si>
  <si>
    <t>shaista perveen</t>
  </si>
  <si>
    <t>GGPS HAJI MUHAMMAD</t>
  </si>
  <si>
    <t>govt.girls primary school basti haji Muhammad bahawalpur</t>
  </si>
  <si>
    <t>Basti Haji Muhammad</t>
  </si>
  <si>
    <t>GPS CHAK NO 155/P</t>
  </si>
  <si>
    <t>Tibba Qadar Abad</t>
  </si>
  <si>
    <t>Chak No 155p</t>
  </si>
  <si>
    <t>Qadar Uz Zaman</t>
  </si>
  <si>
    <t>GES CHUR MUNDA</t>
  </si>
  <si>
    <t>Chuhar Munda</t>
  </si>
  <si>
    <t>Vpo chuharmunda Tehsil Pasrur Distt. Sialkot</t>
  </si>
  <si>
    <t>Saleem Fayyaz</t>
  </si>
  <si>
    <t>GMPS SALARI</t>
  </si>
  <si>
    <t>salari khura tehsil naushera distt khushab</t>
  </si>
  <si>
    <t>15714</t>
  </si>
  <si>
    <t>48524</t>
  </si>
  <si>
    <t>GGPS NO. 3 KOT MOMIN</t>
  </si>
  <si>
    <t>mohallah tariq abad kmn</t>
  </si>
  <si>
    <t>Mc Kotmoman</t>
  </si>
  <si>
    <t>Shanaz Bibi</t>
  </si>
  <si>
    <t>GPS MODEL NOWSHERA ROAD GUJRANWALA</t>
  </si>
  <si>
    <t>gmps nowshera road gujranwala</t>
  </si>
  <si>
    <t>GGPS 2/KB</t>
  </si>
  <si>
    <t>2kb village</t>
  </si>
  <si>
    <t>Behrampur</t>
  </si>
  <si>
    <t>Salma Idrees</t>
  </si>
  <si>
    <t>GPS BASTI DANISH MANDAN</t>
  </si>
  <si>
    <t>Hrdo Bandkey</t>
  </si>
  <si>
    <t>basti Danish mandan post office farooqabad teshil and District sheikhupura</t>
  </si>
  <si>
    <t>Basti Danish Mandan</t>
  </si>
  <si>
    <t>Mureedkey</t>
  </si>
  <si>
    <t>GPS DAMAL</t>
  </si>
  <si>
    <t>village damal post office kahal teh jand distt attock</t>
  </si>
  <si>
    <t>Tabassum Iqbal Khan</t>
  </si>
  <si>
    <t>GGCMS HUSSAIN PUR TIBBA</t>
  </si>
  <si>
    <t>govt  community  model. school  Hussain  pur  tibba  rajoya. the  dist. chiniot</t>
  </si>
  <si>
    <t>Ghazala Naheedv</t>
  </si>
  <si>
    <t>37585</t>
  </si>
  <si>
    <t>GGPS 42/15-L, MIAN CHANNU</t>
  </si>
  <si>
    <t>42/15-L</t>
  </si>
  <si>
    <t>42/15-L Dak Khana 43/15-L</t>
  </si>
  <si>
    <t>27 Bombay Wala</t>
  </si>
  <si>
    <t>Razia Tahseen</t>
  </si>
  <si>
    <t>water bump &amp; hand bump</t>
  </si>
  <si>
    <t>GGES YARA DAHA</t>
  </si>
  <si>
    <t>Gehny wala</t>
  </si>
  <si>
    <t>Near chowk godar</t>
  </si>
  <si>
    <t>Yara Daha</t>
  </si>
  <si>
    <t>GGPS DERA KHIZAR HAYAT</t>
  </si>
  <si>
    <t>GPS KORRA BHOOTNA</t>
  </si>
  <si>
    <t>Tugga Balouchan</t>
  </si>
  <si>
    <t>basti lodhran p/o mangheran sharif</t>
  </si>
  <si>
    <t>Basti Lodhran</t>
  </si>
  <si>
    <t>Shaher Farid</t>
  </si>
  <si>
    <t>Hafiz Noor Smad</t>
  </si>
  <si>
    <t>GGES DANOI</t>
  </si>
  <si>
    <t>DANOI</t>
  </si>
  <si>
    <t>GGES  Danoi</t>
  </si>
  <si>
    <t>Zafreen Nisa</t>
  </si>
  <si>
    <t>Boring water</t>
  </si>
  <si>
    <t>Khair Pur bambly</t>
  </si>
  <si>
    <t>GPS Sheikh wala Basti Azeem Din khan Rojhan</t>
  </si>
  <si>
    <t>Basti Azeem din Khan</t>
  </si>
  <si>
    <t>Waleed Hussain</t>
  </si>
  <si>
    <t>GPS CHAK 698/40 GB</t>
  </si>
  <si>
    <t>chak no 698/40 G.B Teh.Prmhal Dist.TTS</t>
  </si>
  <si>
    <t>Chak No 698/40 G B</t>
  </si>
  <si>
    <t>Chak No 694/36 G B</t>
  </si>
  <si>
    <t>GGPS PENCILIN COLONY SIKANDER ABAD</t>
  </si>
  <si>
    <t>Pencilin Colony Iskanderabad</t>
  </si>
  <si>
    <t>Iskandarabad</t>
  </si>
  <si>
    <t>GPS FAUJA DHARA</t>
  </si>
  <si>
    <t>Moza Allah yar juta Teh.shorkot(jhang)</t>
  </si>
  <si>
    <t>GMPS MODEL BASTI BALOCHAN</t>
  </si>
  <si>
    <t>Dara Gobind</t>
  </si>
  <si>
    <t>GMPS Basti Balouchan</t>
  </si>
  <si>
    <t>NOOR SHAH-B-FEMALE</t>
  </si>
  <si>
    <t>GGPS KARYAL NOOR SHAH SAHIWAL</t>
  </si>
  <si>
    <t>Abida  Qaisar</t>
  </si>
  <si>
    <t>GGPS CHAK 280 TDA</t>
  </si>
  <si>
    <t>Gmps 280tda markaz Chowk Azam</t>
  </si>
  <si>
    <t>280Tda</t>
  </si>
  <si>
    <t>GMPS CHAH DHAN WALA</t>
  </si>
  <si>
    <t>Chah Dhan Wala</t>
  </si>
  <si>
    <t>Chah Dhan Wala p/o Dholan Hithar</t>
  </si>
  <si>
    <t>IQRA NASEEM</t>
  </si>
  <si>
    <t>GMPS GOHER PUNCHAN</t>
  </si>
  <si>
    <t>Gohar Punchan</t>
  </si>
  <si>
    <t>gohar punchan</t>
  </si>
  <si>
    <t>GPS MORGAH</t>
  </si>
  <si>
    <t>GBPS Morgah Rawalpindi</t>
  </si>
  <si>
    <t>Naveeda Mushtaq</t>
  </si>
  <si>
    <t>GGPS RAILWAY STATION NO 2 KAROR</t>
  </si>
  <si>
    <t>karor city ward no 6 near railway station</t>
  </si>
  <si>
    <t>karor</t>
  </si>
  <si>
    <t>ruqia bano</t>
  </si>
  <si>
    <t>GGPS PINDORY</t>
  </si>
  <si>
    <t>pandori.ghummanwala</t>
  </si>
  <si>
    <t>Hafsa Naz</t>
  </si>
  <si>
    <t>GGES PATTI BALANDA</t>
  </si>
  <si>
    <t>Pattibalanda</t>
  </si>
  <si>
    <t>pattiblnda p/o mankera</t>
  </si>
  <si>
    <t>35795</t>
  </si>
  <si>
    <t>GMES KALAS</t>
  </si>
  <si>
    <t>vill p/o kalas, tehsil bhera dist sargodha</t>
  </si>
  <si>
    <t>kalas</t>
  </si>
  <si>
    <t>Rameela kalsoom</t>
  </si>
  <si>
    <t>GPS CHAK NO. 27 EB</t>
  </si>
  <si>
    <t>27eb</t>
  </si>
  <si>
    <t>chak no 27eb p/o 25eb Teh arifwala dist pakpattan</t>
  </si>
  <si>
    <t>Chak no 27eb</t>
  </si>
  <si>
    <t>Hafeez Ahmed</t>
  </si>
  <si>
    <t>GGCMS QUMBER SHAH</t>
  </si>
  <si>
    <t>BASTI QAMBER SHAH</t>
  </si>
  <si>
    <t>QAMBER SHAH</t>
  </si>
  <si>
    <t>SHAIZA DURRANI</t>
  </si>
  <si>
    <t>30525</t>
  </si>
  <si>
    <t>31834</t>
  </si>
  <si>
    <t>dera changran(khtiala virkan). tehsil muridke dist sheikhupura</t>
  </si>
  <si>
    <t>Tahir Ali Shah</t>
  </si>
  <si>
    <t>GGES BAHMANI WALA</t>
  </si>
  <si>
    <t>Saal Sadar</t>
  </si>
  <si>
    <t>govt girls elementary school bahimni wala</t>
  </si>
  <si>
    <t>Bahimni Wala</t>
  </si>
  <si>
    <t>GMPS KOT PEIJO</t>
  </si>
  <si>
    <t>Kot Pejo</t>
  </si>
  <si>
    <t>kot pejo tehsil phalia distt.M b din</t>
  </si>
  <si>
    <t>Sundas</t>
  </si>
  <si>
    <t>GGPS NEHALKA</t>
  </si>
  <si>
    <t>Nehalka</t>
  </si>
  <si>
    <t>govt girls primary school Nehalka</t>
  </si>
  <si>
    <t>Misbah Shareen</t>
  </si>
  <si>
    <t>GGPS MAHROOK KALAN</t>
  </si>
  <si>
    <t>Mehrook Kalan</t>
  </si>
  <si>
    <t>chaki mehrook kalan</t>
  </si>
  <si>
    <t>Bushra Adnan</t>
  </si>
  <si>
    <t>40459</t>
  </si>
  <si>
    <t>GGMPS SAUWAL</t>
  </si>
  <si>
    <t>V&amp;P Sauwal tehsil Pind Dadan Khan district Jhelum</t>
  </si>
  <si>
    <t>Rozina Naheed</t>
  </si>
  <si>
    <t>30071</t>
  </si>
  <si>
    <t>GGPS BHAGIAR MAR</t>
  </si>
  <si>
    <t>govt girls p/s baghyar mar</t>
  </si>
  <si>
    <t>Noreen Nazar</t>
  </si>
  <si>
    <t>38872</t>
  </si>
  <si>
    <t>GMPS DHERY CHOHAN</t>
  </si>
  <si>
    <t>Dhery Chohan</t>
  </si>
  <si>
    <t>Shahida Sultan</t>
  </si>
  <si>
    <t>47318</t>
  </si>
  <si>
    <t>33033</t>
  </si>
  <si>
    <t>GMPS MODEL KALI BAIR</t>
  </si>
  <si>
    <t>kalibair tehsil distt nankana sahib</t>
  </si>
  <si>
    <t>Khiray Kalan</t>
  </si>
  <si>
    <t>Tasneem Tahir</t>
  </si>
  <si>
    <t>GGES ALLAH ABAD</t>
  </si>
  <si>
    <t>wahi bhakar</t>
  </si>
  <si>
    <t>allah abad bagh wala</t>
  </si>
  <si>
    <t>raja ram</t>
  </si>
  <si>
    <t>ariba fayyaz</t>
  </si>
  <si>
    <t>49144</t>
  </si>
  <si>
    <t>GGPS CHAK NO.61 SB</t>
  </si>
  <si>
    <t>g,g,p,s,61sb</t>
  </si>
  <si>
    <t>61sb</t>
  </si>
  <si>
    <t>49sb</t>
  </si>
  <si>
    <t>37334</t>
  </si>
  <si>
    <t>GPS 58/10-R SAHIL COLONY KHANEWAL</t>
  </si>
  <si>
    <t>chak no 58</t>
  </si>
  <si>
    <t>58 /10-r</t>
  </si>
  <si>
    <t>GGPS IMRAN ABAD</t>
  </si>
  <si>
    <t>Fazil Kalru</t>
  </si>
  <si>
    <t>jaday wala</t>
  </si>
  <si>
    <t>Maliha Majeed</t>
  </si>
  <si>
    <t>GGES CHAH ALLAH BAKHSH KHAN WALA</t>
  </si>
  <si>
    <t>khanpur janubi</t>
  </si>
  <si>
    <t>p/o73 tda chah allah bakhsh khan wala bhakkar</t>
  </si>
  <si>
    <t>chah allah bakhsh khan wala</t>
  </si>
  <si>
    <t>78ml</t>
  </si>
  <si>
    <t>GGPS JAMRANI JADEED</t>
  </si>
  <si>
    <t>Jamrani Jadeed</t>
  </si>
  <si>
    <t>jamrani jadeed tehsil ahmadpur east bahawal pur</t>
  </si>
  <si>
    <t>Rashida Mehboob</t>
  </si>
  <si>
    <t>49337</t>
  </si>
  <si>
    <t>GGPS CHAK NO.5 RAKH DHAREMA</t>
  </si>
  <si>
    <t>Dhrema</t>
  </si>
  <si>
    <t>chak 5 rakh dhrema</t>
  </si>
  <si>
    <t>Chak 5 Rakh Dhrema</t>
  </si>
  <si>
    <t>GGPS 74/5-L BHOJOWANA</t>
  </si>
  <si>
    <t>74/5-L</t>
  </si>
  <si>
    <t>chak 74/5-L Bhojowana</t>
  </si>
  <si>
    <t>Chak 74/5-L Bhojowana</t>
  </si>
  <si>
    <t>44/5-L Fojian</t>
  </si>
  <si>
    <t>GGPS CHAK 340 JB II CHAOOR</t>
  </si>
  <si>
    <t>Chak no 340 jb</t>
  </si>
  <si>
    <t>Chak No 340jb</t>
  </si>
  <si>
    <t>Sumaira Bashsarat</t>
  </si>
  <si>
    <t>GGES 3RD</t>
  </si>
  <si>
    <t>chak no 3rdp/o dulle wala</t>
  </si>
  <si>
    <t>Chak No 3rd</t>
  </si>
  <si>
    <t>GGPS MADOO</t>
  </si>
  <si>
    <t>maddo p/o Syedwala nankana</t>
  </si>
  <si>
    <t>Nasima Shaheen</t>
  </si>
  <si>
    <t>GPS BASTI SHURNANI</t>
  </si>
  <si>
    <t>Basti Shurnani tehsil TAUNSA distt DGKhan</t>
  </si>
  <si>
    <t>Shurnani</t>
  </si>
  <si>
    <t>GGES BAKHSHISH GARH QADIRPUR</t>
  </si>
  <si>
    <t>Baksheesh Garh</t>
  </si>
  <si>
    <t>GGMS Baksheesh garh multan sader</t>
  </si>
  <si>
    <t>Nabila Kouser</t>
  </si>
  <si>
    <t>GGPS BASTI MORANI</t>
  </si>
  <si>
    <t>GGPS Basti morani karor lala eason district layyah</t>
  </si>
  <si>
    <t>basti morani</t>
  </si>
  <si>
    <t>rukhsana parveen</t>
  </si>
  <si>
    <t>GGES CHAK 249 GB</t>
  </si>
  <si>
    <t>ch ak no 249g.b t t singh</t>
  </si>
  <si>
    <t>Chak No 249 GB</t>
  </si>
  <si>
    <t>Chak No 251GB mourispur</t>
  </si>
  <si>
    <t>shahnaz Amjad</t>
  </si>
  <si>
    <t>GPS CHAK NO.84 SB</t>
  </si>
  <si>
    <t>84 SB</t>
  </si>
  <si>
    <t>GPS CHAK 84 SB SARGODHA</t>
  </si>
  <si>
    <t>Chak 84 SB</t>
  </si>
  <si>
    <t>Muhammad Junaid Azam</t>
  </si>
  <si>
    <t>GGPS MAKHAN BELA</t>
  </si>
  <si>
    <t>Makhan BELA</t>
  </si>
  <si>
    <t>G.G P/S Makhan Bela</t>
  </si>
  <si>
    <t>Moosy Wala</t>
  </si>
  <si>
    <t>ROHILLANWALI</t>
  </si>
  <si>
    <t>17228</t>
  </si>
  <si>
    <t>GPS MEHBOOB ABAD</t>
  </si>
  <si>
    <t>44635</t>
  </si>
  <si>
    <t>GGPS DILAWAR WALA</t>
  </si>
  <si>
    <t>Dilawarwala</t>
  </si>
  <si>
    <t>Tahira perveen</t>
  </si>
  <si>
    <t>6844</t>
  </si>
  <si>
    <t>GMMS HAJI RAHIM BUX KAMBOO</t>
  </si>
  <si>
    <t>Bat Merr Ahmad</t>
  </si>
  <si>
    <t>basti fareed cheock abad Pur ryk</t>
  </si>
  <si>
    <t>Basti Fareed Cheock</t>
  </si>
  <si>
    <t>Waghwara</t>
  </si>
  <si>
    <t>Cha Shera Khoo 17 TDA</t>
  </si>
  <si>
    <t>Cha Shera Khoo</t>
  </si>
  <si>
    <t>Kohawar Kala</t>
  </si>
  <si>
    <t>Zeenat Rafaqat</t>
  </si>
  <si>
    <t>GGES 248/HL</t>
  </si>
  <si>
    <t>248/HL</t>
  </si>
  <si>
    <t>Chak no 248HL cholistan</t>
  </si>
  <si>
    <t>Mir garh</t>
  </si>
  <si>
    <t>Razia umer din</t>
  </si>
  <si>
    <t>GGPS LAKHAN WALI</t>
  </si>
  <si>
    <t>Aaliwahin</t>
  </si>
  <si>
    <t>basti lakhan wali mouza aliwahn post office hatheji tehseel Ahmed pur east</t>
  </si>
  <si>
    <t>Lakhan Wali</t>
  </si>
  <si>
    <t>Razia</t>
  </si>
  <si>
    <t>GES 46/15-L, MIAN CHANNU</t>
  </si>
  <si>
    <t>46/15L</t>
  </si>
  <si>
    <t>46/15L Main Channu</t>
  </si>
  <si>
    <t>Hafiz Muhammad Imran Khan</t>
  </si>
  <si>
    <t>GES NAHRAY WALA</t>
  </si>
  <si>
    <t>GES Nahray wala</t>
  </si>
  <si>
    <t>Nahray Wala</t>
  </si>
  <si>
    <t>SHADU KHAN</t>
  </si>
  <si>
    <t>Shahid ABBAS Nasir</t>
  </si>
  <si>
    <t>46895</t>
  </si>
  <si>
    <t>GGPS CHAK NO.114 TDA (BAHADAR WALA)</t>
  </si>
  <si>
    <t>AOULAK</t>
  </si>
  <si>
    <t>CHAK NO. 114-A TDA BAHADAR WALA TEHSIL AND DISTRICT LAYYAH</t>
  </si>
  <si>
    <t>BAHADAR WALA</t>
  </si>
  <si>
    <t>TAIL INDUS</t>
  </si>
  <si>
    <t>Shaista Batool</t>
  </si>
  <si>
    <t>GGPS JATTEPUR</t>
  </si>
  <si>
    <t>Jattepur</t>
  </si>
  <si>
    <t>village Jattepur p/o kajror Teh Dist NWL .</t>
  </si>
  <si>
    <t>Chanerkey Rajpotan</t>
  </si>
  <si>
    <t>Nabila Ghaffar</t>
  </si>
  <si>
    <t>45929</t>
  </si>
  <si>
    <t>GGPS CHAK NO. 58 MB</t>
  </si>
  <si>
    <t>58mb</t>
  </si>
  <si>
    <t>chak no 58mb</t>
  </si>
  <si>
    <t>GGCMS 42/3-R</t>
  </si>
  <si>
    <t>Sabira Sultan</t>
  </si>
  <si>
    <t>GGPS CHAH DANA WALA</t>
  </si>
  <si>
    <t>Chak no 175 chah Dana Wala</t>
  </si>
  <si>
    <t>Drakshan Gull</t>
  </si>
  <si>
    <t>GPS CHAK MURAD</t>
  </si>
  <si>
    <t>chak murad depalpur okara</t>
  </si>
  <si>
    <t>Chak Murad</t>
  </si>
  <si>
    <t>Atari</t>
  </si>
  <si>
    <t>18013</t>
  </si>
  <si>
    <t>GPS MASJID WALA</t>
  </si>
  <si>
    <t>Kaki Nau Soim</t>
  </si>
  <si>
    <t>masjid wala kaki nau soim</t>
  </si>
  <si>
    <t>GGPS CHAK 313 JB</t>
  </si>
  <si>
    <t>chak no 313jb</t>
  </si>
  <si>
    <t>SHABANA QAMAR</t>
  </si>
  <si>
    <t>GGES CHAK NO. 138 MURAD</t>
  </si>
  <si>
    <t>Chak No138/M</t>
  </si>
  <si>
    <t>Govt girls elementary School 138/M post office 170/M tehsil chishtian district Bhawalnager</t>
  </si>
  <si>
    <t>Chak No 138/M</t>
  </si>
  <si>
    <t>GMPS KHAZAN SINGH</t>
  </si>
  <si>
    <t>Khazan Singh</t>
  </si>
  <si>
    <t>mozakhazan singh tehsil &amp; district bahawalnagar</t>
  </si>
  <si>
    <t>Khazansingh</t>
  </si>
  <si>
    <t>Siddra Riaz</t>
  </si>
  <si>
    <t>GES CHAK NO. 182/ EB</t>
  </si>
  <si>
    <t>182/eb</t>
  </si>
  <si>
    <t>Chan no 182/eb tehsil &amp; district vehari.</t>
  </si>
  <si>
    <t>Chan No 182/eb</t>
  </si>
  <si>
    <t>Rana Ashiq Ali</t>
  </si>
  <si>
    <t>GGES DHER YARU WALA</t>
  </si>
  <si>
    <t>Gges dher yaruwala</t>
  </si>
  <si>
    <t>Khursheed Begum</t>
  </si>
  <si>
    <t>GGPS CHAK 250 GB AZAFI ABADI</t>
  </si>
  <si>
    <t>250GB</t>
  </si>
  <si>
    <t>chak no.250gb azafi abadi teh &amp;dist toba tek singh</t>
  </si>
  <si>
    <t>Chak No250gb</t>
  </si>
  <si>
    <t>251gb Uggi</t>
  </si>
  <si>
    <t>Muniba Kiran</t>
  </si>
  <si>
    <t>36867</t>
  </si>
  <si>
    <t>GGPS CHAH ANGARI WALA</t>
  </si>
  <si>
    <t>Panah Kharal Gharbi</t>
  </si>
  <si>
    <t>chah angari wala panah kharal gharbi p/o kot sultan</t>
  </si>
  <si>
    <t>Chah Angari Wala</t>
  </si>
  <si>
    <t>GGPSGulzarPur Old Duniya Pur Road Multan</t>
  </si>
  <si>
    <t>Surriya Naseer</t>
  </si>
  <si>
    <t>GES KATHA MISRAL</t>
  </si>
  <si>
    <t>Katha Masral</t>
  </si>
  <si>
    <t>vpo katha masral</t>
  </si>
  <si>
    <t>Inayat-ullah</t>
  </si>
  <si>
    <t>GPS DERAH</t>
  </si>
  <si>
    <t>Nazar M Jhullan</t>
  </si>
  <si>
    <t>Basti Old Dingra P/O Jamaldinwali Teh.Sadiq Abad Dist. Ryk</t>
  </si>
  <si>
    <t>Basti Old Dingra</t>
  </si>
  <si>
    <t>GGPS 129/9-L KHURD</t>
  </si>
  <si>
    <t>chak # 129/9-l khurd sahiwal</t>
  </si>
  <si>
    <t>129/9-l Khurd</t>
  </si>
  <si>
    <t>44397</t>
  </si>
  <si>
    <t>GPS MOHALLA DHANDLA</t>
  </si>
  <si>
    <t>GPS Mohallah Dhandlha Bhakkar</t>
  </si>
  <si>
    <t>Urban 3</t>
  </si>
  <si>
    <t>Javaid iqbal</t>
  </si>
  <si>
    <t>GGES CHAK NO 66/4-R</t>
  </si>
  <si>
    <t>GGes 66/4r, Tehsil haroonabad, District bahawalnagar</t>
  </si>
  <si>
    <t>Fazeelat Naheed</t>
  </si>
  <si>
    <t>GGPS CHAK NO 450 JB II</t>
  </si>
  <si>
    <t>Chak450/2</t>
  </si>
  <si>
    <t>chak 450/2jb</t>
  </si>
  <si>
    <t>Chak 450/2</t>
  </si>
  <si>
    <t>Chak 450</t>
  </si>
  <si>
    <t>Anbareen Salam</t>
  </si>
  <si>
    <t>GGMPS PHUL WALA</t>
  </si>
  <si>
    <t>Chack Jhangail</t>
  </si>
  <si>
    <t>chah phul wala</t>
  </si>
  <si>
    <t>Phul Wala</t>
  </si>
  <si>
    <t>TANVEER KOUSAR</t>
  </si>
  <si>
    <t>GPS CHAK NO.4 SB AHALI</t>
  </si>
  <si>
    <t>Ahli CHAK No 4 SB</t>
  </si>
  <si>
    <t>Chak No 4 SB Ahli Bhalwal</t>
  </si>
  <si>
    <t>Ahli CHAK 4 SB</t>
  </si>
  <si>
    <t>GMPS KARARRI NOON</t>
  </si>
  <si>
    <t>karari noon teh darya khan bhakkar</t>
  </si>
  <si>
    <t>Karari Noon</t>
  </si>
  <si>
    <t>Asiya Altaf</t>
  </si>
  <si>
    <t>36913</t>
  </si>
  <si>
    <t>GGPS BASTI BATI, ABDUL HAKIM</t>
  </si>
  <si>
    <t>Ggps basti bati</t>
  </si>
  <si>
    <t>Model Colaney A</t>
  </si>
  <si>
    <t>Mc Abdul Hakim</t>
  </si>
  <si>
    <t>13868</t>
  </si>
  <si>
    <t>GGPS BHAG SIR NEAR BAND BOSAN BARSATI MULTAN</t>
  </si>
  <si>
    <t>Bhagh Sar</t>
  </si>
  <si>
    <t>basti bhagh sar near adda bun bosan</t>
  </si>
  <si>
    <t>Aasma Yousaf</t>
  </si>
  <si>
    <t>GPS CHAK 377 JB</t>
  </si>
  <si>
    <t>Chak 377 JB</t>
  </si>
  <si>
    <t>Govt Primary School chak 377 JB District &amp; Tehsil Toba Tek Singh.</t>
  </si>
  <si>
    <t>Chak 375 JB</t>
  </si>
  <si>
    <t>SAJJAD MOHMOOD</t>
  </si>
  <si>
    <t>17372</t>
  </si>
  <si>
    <t>35869</t>
  </si>
  <si>
    <t>GGES MEHBOOB SHAH</t>
  </si>
  <si>
    <t>mehboob shah</t>
  </si>
  <si>
    <t>Khadija Perveen</t>
  </si>
  <si>
    <t>GGPS DARKHAN WALA PO KOT SULTAN</t>
  </si>
  <si>
    <t>wanjhera thal</t>
  </si>
  <si>
    <t>Ggps darkhan wala mohallah hasnain abad</t>
  </si>
  <si>
    <t>kotsultan</t>
  </si>
  <si>
    <t>kotsultan Urban</t>
  </si>
  <si>
    <t>45967</t>
  </si>
  <si>
    <t>GMPS RANG PUR KADHI GIROTE</t>
  </si>
  <si>
    <t>p.o box girote teh &amp;disst khushab</t>
  </si>
  <si>
    <t>Muhibpur</t>
  </si>
  <si>
    <t>Ali Waqas Khan</t>
  </si>
  <si>
    <t>GES CHAK 383 JB CHOTA ALHAR</t>
  </si>
  <si>
    <t>383 jb</t>
  </si>
  <si>
    <t>chak 383 jb</t>
  </si>
  <si>
    <t>Chak 383 jb</t>
  </si>
  <si>
    <t>Chak 383 Jb</t>
  </si>
  <si>
    <t>Ghulam Hasan Tahir</t>
  </si>
  <si>
    <t>41088</t>
  </si>
  <si>
    <t>GGPS CHAK NO. 261 HR</t>
  </si>
  <si>
    <t>Chak 261-HR</t>
  </si>
  <si>
    <t>chak # 261/HR Fort Abbas</t>
  </si>
  <si>
    <t>Chak # 261/HR Fort Abbas</t>
  </si>
  <si>
    <t>Sadia Rafique</t>
  </si>
  <si>
    <t>50488</t>
  </si>
  <si>
    <t>GGPS 37/12-L GUJRAN WALI</t>
  </si>
  <si>
    <t>DADFATYANA-FEMALE</t>
  </si>
  <si>
    <t>37/12L Gujranwala</t>
  </si>
  <si>
    <t>GGPs 37/12 L Gujranwala</t>
  </si>
  <si>
    <t>37/12LGujranwali</t>
  </si>
  <si>
    <t>Robina Iqbal</t>
  </si>
  <si>
    <t>GGES BHOOCHKAY</t>
  </si>
  <si>
    <t>Jora Hithar</t>
  </si>
  <si>
    <t>Bhouchkey</t>
  </si>
  <si>
    <t>Bahdar Pura</t>
  </si>
  <si>
    <t>GGPS BHOUTA ROWAL</t>
  </si>
  <si>
    <t>Bhouta Raul</t>
  </si>
  <si>
    <t>vill. Bhouta Raul Tehseel shakargarh district narowal</t>
  </si>
  <si>
    <t>Asma Abid</t>
  </si>
  <si>
    <t>GHULwan -1</t>
  </si>
  <si>
    <t>gov.girls p/s basti gopang</t>
  </si>
  <si>
    <t>Basti Tolay Wala</t>
  </si>
  <si>
    <t>Ghulwan 1</t>
  </si>
  <si>
    <t>Sidra Irum</t>
  </si>
  <si>
    <t>48181</t>
  </si>
  <si>
    <t>GPS NOOR HAYAT COLONY</t>
  </si>
  <si>
    <t>Noor hayat colony bhalwal Distt.Sargodha</t>
  </si>
  <si>
    <t>Noor Hayat Colony</t>
  </si>
  <si>
    <t>Hafiz Muhmmad Amjad</t>
  </si>
  <si>
    <t>11576</t>
  </si>
  <si>
    <t>35434</t>
  </si>
  <si>
    <t>GMES 33 KB (OLD)</t>
  </si>
  <si>
    <t>chak no.33/KB</t>
  </si>
  <si>
    <t>33/KB</t>
  </si>
  <si>
    <t>91/EB</t>
  </si>
  <si>
    <t>GGPS NO.1 SAHIWAL</t>
  </si>
  <si>
    <t>Gg  p/s  no.1  sultantown   sahiwal.</t>
  </si>
  <si>
    <t>GGES 5/8-AR, TULAMBA</t>
  </si>
  <si>
    <t>5/8AR</t>
  </si>
  <si>
    <t>5/8 AR Kot Marth tulamba teh Mian channu khanewal</t>
  </si>
  <si>
    <t>Nasra Qamar</t>
  </si>
  <si>
    <t>electric color</t>
  </si>
  <si>
    <t>Nanik Chand</t>
  </si>
  <si>
    <t>35629</t>
  </si>
  <si>
    <t>GPS 265 WB</t>
  </si>
  <si>
    <t>265/wb</t>
  </si>
  <si>
    <t>chack no 265/wb tehsil Mailsi district vehari</t>
  </si>
  <si>
    <t>GGPS MOHSIN SHAH WALA</t>
  </si>
  <si>
    <t>basti mohsin shah wala</t>
  </si>
  <si>
    <t>Shaheena Shehnaz</t>
  </si>
  <si>
    <t>GGPS BASTI KAREEM BUKHSH</t>
  </si>
  <si>
    <t>Basti Karim Bux p/o feroza</t>
  </si>
  <si>
    <t>Basti Jam Kareem Bux</t>
  </si>
  <si>
    <t>34025</t>
  </si>
  <si>
    <t>34882</t>
  </si>
  <si>
    <t>GGPS MUNIR WALI TEH. JALALPUR PIRWALA</t>
  </si>
  <si>
    <t>wahi khore</t>
  </si>
  <si>
    <t>wahi khore jppw</t>
  </si>
  <si>
    <t>khore wala</t>
  </si>
  <si>
    <t>juggo wala</t>
  </si>
  <si>
    <t>tehsil nshra virkan shahpur</t>
  </si>
  <si>
    <t>Majuchk</t>
  </si>
  <si>
    <t>Yasmeen Akram</t>
  </si>
  <si>
    <t>GGES CHAK NO. 207/M</t>
  </si>
  <si>
    <t>Chak 207M</t>
  </si>
  <si>
    <t>chak 207/M tehsil chishtian distt bahwalnagar</t>
  </si>
  <si>
    <t>Chak 207/M</t>
  </si>
  <si>
    <t>GGPS CHAK NO.6 DB</t>
  </si>
  <si>
    <t>Chak No 6 Db</t>
  </si>
  <si>
    <t>chak no 6db dak khana 4db tehsil piplan district mianwali</t>
  </si>
  <si>
    <t>Chak No 6db</t>
  </si>
  <si>
    <t>Chak No 4db</t>
  </si>
  <si>
    <t>GPS SOUNRA</t>
  </si>
  <si>
    <t>Sounra</t>
  </si>
  <si>
    <t>basti sounra</t>
  </si>
  <si>
    <t>Javed Saleem</t>
  </si>
  <si>
    <t>25870</t>
  </si>
  <si>
    <t>GGPS KOT GHUMMAN</t>
  </si>
  <si>
    <t>village kot ghuman post office giddian district &amp; tehsil narrowal</t>
  </si>
  <si>
    <t>Kot Ghumab</t>
  </si>
  <si>
    <t>Samra Rani</t>
  </si>
  <si>
    <t>GES GODDA</t>
  </si>
  <si>
    <t>R/o goda p/o dullewals tehsil daryakhan district bhakkar</t>
  </si>
  <si>
    <t>khaj omer</t>
  </si>
  <si>
    <t>45046</t>
  </si>
  <si>
    <t>GGPS DAKI RANGO KHEL</t>
  </si>
  <si>
    <t>ggps daki rangu khel,tehsil kalor kot,distt bhakkar</t>
  </si>
  <si>
    <t>Daki Rangu Khel Wali</t>
  </si>
  <si>
    <t>Mehnaz Hayat</t>
  </si>
  <si>
    <t>GGPS BASTI BHAND</t>
  </si>
  <si>
    <t>GOVEREMENT GIRLS PRIMARY BASTI BHAND</t>
  </si>
  <si>
    <t>THAL JHANDI</t>
  </si>
  <si>
    <t>perveen mashooq</t>
  </si>
  <si>
    <t>GGCMS CHAK NO.52 SB NANGIAN WALI</t>
  </si>
  <si>
    <t>ggcms52 s.b nangianwala</t>
  </si>
  <si>
    <t>52 Sb Nangianwala</t>
  </si>
  <si>
    <t>Sara Ehsan</t>
  </si>
  <si>
    <t>20303</t>
  </si>
  <si>
    <t>GGPS MUMTAZ ABAD BAHIWAL</t>
  </si>
  <si>
    <t>mumtaz Abbad Bahiwal</t>
  </si>
  <si>
    <t>Mumtaz Abbad Baiwal</t>
  </si>
  <si>
    <t>Laila Hassan</t>
  </si>
  <si>
    <t>GGES ANAR WALA</t>
  </si>
  <si>
    <t>Vehniwal Thal</t>
  </si>
  <si>
    <t>moza vehniwal thal..basti anarwala.khokharabad.teh distt layyah</t>
  </si>
  <si>
    <t>Khokharabad</t>
  </si>
  <si>
    <t>Rabia Karim</t>
  </si>
  <si>
    <t>GES KALERA</t>
  </si>
  <si>
    <t>Kalera</t>
  </si>
  <si>
    <t>dakhana khas kalera jhang</t>
  </si>
  <si>
    <t>GMPS WALLA RAI</t>
  </si>
  <si>
    <t>Walla Rai</t>
  </si>
  <si>
    <t>gmps walla rai</t>
  </si>
  <si>
    <t>Rukhsana Rani</t>
  </si>
  <si>
    <t>GGCMS TOORANWAL</t>
  </si>
  <si>
    <t>toranwal</t>
  </si>
  <si>
    <t>51650</t>
  </si>
  <si>
    <t>GGPS 33 SP</t>
  </si>
  <si>
    <t>33s/p Pakpattan</t>
  </si>
  <si>
    <t>33s/p</t>
  </si>
  <si>
    <t>36917</t>
  </si>
  <si>
    <t>GGES SULTAN HERAJ, ABDUL HAKIM</t>
  </si>
  <si>
    <t>GGMS Sultan Haraj</t>
  </si>
  <si>
    <t>Kho Tharajwala</t>
  </si>
  <si>
    <t>Rakhshanda Jabeen</t>
  </si>
  <si>
    <t>GGPS DHELAY WALA QADIRPUR RAN MULTAN</t>
  </si>
  <si>
    <t>Qadir Pu Raan</t>
  </si>
  <si>
    <t>basti dheely Wala wadir pur raan</t>
  </si>
  <si>
    <t>Dheely Wala</t>
  </si>
  <si>
    <t>Qadir Pur Raan Gharbi</t>
  </si>
  <si>
    <t>GGPS KOT MOHAMMAD HUSSAIN.</t>
  </si>
  <si>
    <t>Kot  Muhammad  Husain</t>
  </si>
  <si>
    <t>GGPS Kot Muhammad Husain</t>
  </si>
  <si>
    <t>Kot Muhammad Husain</t>
  </si>
  <si>
    <t>Audoray</t>
  </si>
  <si>
    <t>50821</t>
  </si>
  <si>
    <t>GGES 139/9-L</t>
  </si>
  <si>
    <t>139/9l</t>
  </si>
  <si>
    <t>chak#139/9l</t>
  </si>
  <si>
    <t>Chak#139/9l</t>
  </si>
  <si>
    <t>Chak#185/9l</t>
  </si>
  <si>
    <t>Farida Ahmad</t>
  </si>
  <si>
    <t>48367</t>
  </si>
  <si>
    <t>GPS DERA MUHAMMAD YAR</t>
  </si>
  <si>
    <t>gps Dera Muhammad Yar, Salam, tehsil Bhalwal, Sargodha</t>
  </si>
  <si>
    <t>40988</t>
  </si>
  <si>
    <t>GMPS LOUNG</t>
  </si>
  <si>
    <t>Loung</t>
  </si>
  <si>
    <t>govt model primary school loung.</t>
  </si>
  <si>
    <t>Subohi Ahmed</t>
  </si>
  <si>
    <t>GMPS 156/HB FAQIR WALI</t>
  </si>
  <si>
    <t>Chak 156/HB</t>
  </si>
  <si>
    <t>Chak 156/Hb</t>
  </si>
  <si>
    <t>192/2L</t>
  </si>
  <si>
    <t>GGES BHUTTA PUR</t>
  </si>
  <si>
    <t>52522</t>
  </si>
  <si>
    <t>GMMS TAHLI BAGHAR</t>
  </si>
  <si>
    <t>TAHLI BAGHAR</t>
  </si>
  <si>
    <t>TAHLI BAGHAR MARKAZ MANDI AHMAD ABAD</t>
  </si>
  <si>
    <t>34857</t>
  </si>
  <si>
    <t>GPS KHAKHI QOOM P/O GHAZI PUR JALALPUR PIRWALA</t>
  </si>
  <si>
    <t>basti khakhi qaum moza khakhi post office ghazi pur tehsil jalal pur pir wala district multan</t>
  </si>
  <si>
    <t>Khakhi Qaum</t>
  </si>
  <si>
    <t>51597</t>
  </si>
  <si>
    <t>GGCMES 1 KB PAKPATTAN</t>
  </si>
  <si>
    <t>1/Kb</t>
  </si>
  <si>
    <t>chak 1kb</t>
  </si>
  <si>
    <t>Almas Shaheeh Buttt</t>
  </si>
  <si>
    <t>30084</t>
  </si>
  <si>
    <t>GGES NAUL OTTAR</t>
  </si>
  <si>
    <t>Noul Otar</t>
  </si>
  <si>
    <t>got girl's elementry school olak otar</t>
  </si>
  <si>
    <t>Olak Otar</t>
  </si>
  <si>
    <t>Sadia Shoukat</t>
  </si>
  <si>
    <t>GPS CHAK NO 128/M E</t>
  </si>
  <si>
    <t>128 Murad</t>
  </si>
  <si>
    <t>Chak 128/M East Chishtian</t>
  </si>
  <si>
    <t>Chak 128/M E</t>
  </si>
  <si>
    <t>Chak 128/M</t>
  </si>
  <si>
    <t>Muhammad  Yousaf Liaquat</t>
  </si>
  <si>
    <t>19038</t>
  </si>
  <si>
    <t>GPS BASTI KHITRAN 705 GB</t>
  </si>
  <si>
    <t>basti khitran chack no.705 G.B</t>
  </si>
  <si>
    <t>705 G.B</t>
  </si>
  <si>
    <t>chack no.661 G.B</t>
  </si>
  <si>
    <t>Muhammad Shahid Rafique</t>
  </si>
  <si>
    <t>GGPS KHEWIAN WALA</t>
  </si>
  <si>
    <t>khewianwala</t>
  </si>
  <si>
    <t>village.khewianwala.post office:saghar pur. Teh..Pind Dadan khan.Distt. jhelum</t>
  </si>
  <si>
    <t>pindi said pur</t>
  </si>
  <si>
    <t>GPS DERA ISMAIL KA</t>
  </si>
  <si>
    <t>Dera Ismail ka kotmomin</t>
  </si>
  <si>
    <t>Dera Ismail Ka</t>
  </si>
  <si>
    <t>GPS CHAK 49 GB SAMUNDRI</t>
  </si>
  <si>
    <t>CHAK 49 GB</t>
  </si>
  <si>
    <t>CHAK 49 GB TEHSIL SAMUNDRI DISTRICT FAISALABAD P/O SAME.</t>
  </si>
  <si>
    <t>CHAK 45 GB</t>
  </si>
  <si>
    <t>GMPS SHAHPUR</t>
  </si>
  <si>
    <t>village&amp;p/o shahpur tehsil and district chakwal</t>
  </si>
  <si>
    <t>Balokassar</t>
  </si>
  <si>
    <t>Najma Saleem</t>
  </si>
  <si>
    <t>village and post office SULTANPUR Teh HASSANABDAL Distt ATTOCK</t>
  </si>
  <si>
    <t>Mian Baqar Hussain Qureshi</t>
  </si>
  <si>
    <t>50039</t>
  </si>
  <si>
    <t>GGPS NO.1 FAROOKA</t>
  </si>
  <si>
    <t>G.G.P.S.No.1 Farooka</t>
  </si>
  <si>
    <t>Farooka Village</t>
  </si>
  <si>
    <t>Kaluwali</t>
  </si>
  <si>
    <t>kaluwali teh wazirabad</t>
  </si>
  <si>
    <t>Asma Shahid</t>
  </si>
  <si>
    <t>GGPS NASEERA KALU KA</t>
  </si>
  <si>
    <t>Khola Mirzyka</t>
  </si>
  <si>
    <t>Ggps naseera kaluka</t>
  </si>
  <si>
    <t>Naseera Kaluka</t>
  </si>
  <si>
    <t>Merzyka</t>
  </si>
  <si>
    <t>GPS KEER KHURD</t>
  </si>
  <si>
    <t>Keer</t>
  </si>
  <si>
    <t>village keer khurd near syed karam ali shah darbar bedian road lahore cantt</t>
  </si>
  <si>
    <t>Keer  Khurd</t>
  </si>
  <si>
    <t>WEB</t>
  </si>
  <si>
    <t>Rizwana Ramzan</t>
  </si>
  <si>
    <t>GPS BASTI MAULVIAN</t>
  </si>
  <si>
    <t>Basti Molvian khirpur tame wali district Bahawalpur</t>
  </si>
  <si>
    <t>Basti MOLVIAN</t>
  </si>
  <si>
    <t>Kotla Kaim Khan</t>
  </si>
  <si>
    <t>Humera JAMIL</t>
  </si>
  <si>
    <t>GGPS CHAH MOCHIAN WALA</t>
  </si>
  <si>
    <t>Chah mochian wala</t>
  </si>
  <si>
    <t>Chah Mochian Wala</t>
  </si>
  <si>
    <t>Bilquees Bibi</t>
  </si>
  <si>
    <t>41944</t>
  </si>
  <si>
    <t>GGPS KHASALA KHURD</t>
  </si>
  <si>
    <t>Khasala Khurd</t>
  </si>
  <si>
    <t>village khasala khurd P/O KHASALA kalan Rawalpindi</t>
  </si>
  <si>
    <t>GGPS 149/P QADEEM SADIQABAD</t>
  </si>
  <si>
    <t>Adam Sohaba</t>
  </si>
  <si>
    <t>149/p qadeem sadiq abad district rahim yar khan</t>
  </si>
  <si>
    <t>149/p</t>
  </si>
  <si>
    <t>GPS RAKH TAHLA KHATWAN</t>
  </si>
  <si>
    <t>Rakh Thala Khatwan Khatwan</t>
  </si>
  <si>
    <t>Rakh Thala Khatwan</t>
  </si>
  <si>
    <t>Rakh Tahla Khatwan</t>
  </si>
  <si>
    <t>GPS WAHI KHORE P/O JUGGO WALA</t>
  </si>
  <si>
    <t>Wahi Khore</t>
  </si>
  <si>
    <t>mouza wahi khore uc juggo wala teshil halal pur district multan</t>
  </si>
  <si>
    <t>Juggo Wala</t>
  </si>
  <si>
    <t>43901</t>
  </si>
  <si>
    <t>village&amp;post office noor pur</t>
  </si>
  <si>
    <t>Tamnan</t>
  </si>
  <si>
    <t>41167</t>
  </si>
  <si>
    <t>GGES BHAGAR SHARIF</t>
  </si>
  <si>
    <t>Bhagharsharif</t>
  </si>
  <si>
    <t>Village and P.O Baghar Sharif Tehsil Kahuta District Rawalpindi</t>
  </si>
  <si>
    <t>Tuqdees Zahra</t>
  </si>
  <si>
    <t>GPS RACHNA TOWN</t>
  </si>
  <si>
    <t>GPS rachna town</t>
  </si>
  <si>
    <t>54624</t>
  </si>
  <si>
    <t>GGPS FAREED ABAD</t>
  </si>
  <si>
    <t>Karnan</t>
  </si>
  <si>
    <t>Basti Ghos Baksh bwp</t>
  </si>
  <si>
    <t>Basti Ghos Baksh</t>
  </si>
  <si>
    <t>Bwpcity Xv111</t>
  </si>
  <si>
    <t>Farhat perveen</t>
  </si>
  <si>
    <t>GMPS 9-A/8-R, P/O ABDUL HAKIM, TULAMBA</t>
  </si>
  <si>
    <t>9a/8r</t>
  </si>
  <si>
    <t>9a/8r p/o abdulhakim, khaniwal</t>
  </si>
  <si>
    <t>Aqssa Aslam</t>
  </si>
  <si>
    <t>GES MOHAMMAD FAZAL ABAD</t>
  </si>
  <si>
    <t>Tehsil. Shorkot Distt.Jhang</t>
  </si>
  <si>
    <t>Muhammad Fazal  Abad</t>
  </si>
  <si>
    <t>Muhammad Kishwer Jelani</t>
  </si>
  <si>
    <t>46001</t>
  </si>
  <si>
    <t>GGPS MOHALLA SADDAL</t>
  </si>
  <si>
    <t>Mohalla Sadal Naushera</t>
  </si>
  <si>
    <t>GPS TANZEEM SAINT MARTIN</t>
  </si>
  <si>
    <t>M Pannah</t>
  </si>
  <si>
    <t>christian colony hasilpur</t>
  </si>
  <si>
    <t>GES 96-A/10-R</t>
  </si>
  <si>
    <t>Chak 96A/10R</t>
  </si>
  <si>
    <t>chak 96A/10R khanewal</t>
  </si>
  <si>
    <t>Faheem Ahmad</t>
  </si>
  <si>
    <t>GPS DHOK SADOO</t>
  </si>
  <si>
    <t>Dhok Saidoo</t>
  </si>
  <si>
    <t>dhok saidoo</t>
  </si>
  <si>
    <t>Muhammad Arslan Sarwar</t>
  </si>
  <si>
    <t>7941</t>
  </si>
  <si>
    <t>GGES BASSI</t>
  </si>
  <si>
    <t>Dhoke bassi p /o mallot sattian teh kotli sattian dist Rawalpindi</t>
  </si>
  <si>
    <t>Bassi</t>
  </si>
  <si>
    <t>12610</t>
  </si>
  <si>
    <t>GGES BASTI CHADHAR</t>
  </si>
  <si>
    <t>Government Girls elementary school Basti Chadhar</t>
  </si>
  <si>
    <t>Alia Narjis</t>
  </si>
  <si>
    <t>GPS MUSSO TALPUR</t>
  </si>
  <si>
    <t>Chak dodara</t>
  </si>
  <si>
    <t>chak dodara basti massu talpur</t>
  </si>
  <si>
    <t>Muhammad Mujahid</t>
  </si>
  <si>
    <t>47507</t>
  </si>
  <si>
    <t>GGPS MAUZA BAZAR</t>
  </si>
  <si>
    <t>Mouza Bazar</t>
  </si>
  <si>
    <t>GGPS Mouza Bazar</t>
  </si>
  <si>
    <t>Jameela bibi</t>
  </si>
  <si>
    <t>GPS KUTANEY WALA</t>
  </si>
  <si>
    <t>Kutaney Wala P/O Haiderabad Thal Tehsil Mankeera District Bhakkar</t>
  </si>
  <si>
    <t>Kutaney Wala</t>
  </si>
  <si>
    <t>ABDUL AZIZ KHALEEQ</t>
  </si>
  <si>
    <t>30038</t>
  </si>
  <si>
    <t>GGPS GHULAM HUSSAIN DRESHAK</t>
  </si>
  <si>
    <t>GHULAM HUSSAIN DARISHAK FAZIL PUR</t>
  </si>
  <si>
    <t>BASTI DARISHAK</t>
  </si>
  <si>
    <t>Zaib Un Nisa Awan</t>
  </si>
  <si>
    <t>GPS NAI ABADI CHAPRARI</t>
  </si>
  <si>
    <t>Nai Abadi Chprari</t>
  </si>
  <si>
    <t>Village Nai Abadi chaprari Post Office chaprar Tehsil&amp;Distt Sialkot</t>
  </si>
  <si>
    <t>Nai Abadi Chaprari</t>
  </si>
  <si>
    <t>Chak Joggo</t>
  </si>
  <si>
    <t>Shakeel Akhtar</t>
  </si>
  <si>
    <t>GGPS CHAK NO. 112/TDA</t>
  </si>
  <si>
    <t>CHAK NO 112/TDA KAROR LAL EASON DISTRICT LAYYAH</t>
  </si>
  <si>
    <t>chak no.112 tda</t>
  </si>
  <si>
    <t>110/TDA KAROR LALEASON</t>
  </si>
  <si>
    <t>Najama Perveen</t>
  </si>
  <si>
    <t>GGES MANDAY SHAH</t>
  </si>
  <si>
    <t>Jhandeer Duraija Sharqi</t>
  </si>
  <si>
    <t>maoza jhndeer duraija sharqi po sinawan teh kotaddu distt.muzaffar garh</t>
  </si>
  <si>
    <t>Monday Shah</t>
  </si>
  <si>
    <t>Sohawa Village</t>
  </si>
  <si>
    <t>GGPS Sohawa no 2</t>
  </si>
  <si>
    <t>Asma  Shaheen</t>
  </si>
  <si>
    <t>GGPS CHAK 769 GB</t>
  </si>
  <si>
    <t>village 769 GB</t>
  </si>
  <si>
    <t>GGPS 44/3-R</t>
  </si>
  <si>
    <t>44/3R</t>
  </si>
  <si>
    <t>GGPS 44/3_R</t>
  </si>
  <si>
    <t>44 / 3-R</t>
  </si>
  <si>
    <t>23 laly ka</t>
  </si>
  <si>
    <t>Sana Miraj</t>
  </si>
  <si>
    <t>GGPS CHHABEEL</t>
  </si>
  <si>
    <t>ggps chhabeel</t>
  </si>
  <si>
    <t>Chhabeel</t>
  </si>
  <si>
    <t>8668</t>
  </si>
  <si>
    <t>GGPS BULHAR</t>
  </si>
  <si>
    <t>bilhar dgkhan</t>
  </si>
  <si>
    <t>Ume Salma Siddiqi</t>
  </si>
  <si>
    <t>GPS JAMIA HANFIA COLLEGE ROAD KASUR</t>
  </si>
  <si>
    <t>COLLAGE ROAD</t>
  </si>
  <si>
    <t>KOT MIR BAZ KHAN</t>
  </si>
  <si>
    <t>MAZHAR ISHAQ</t>
  </si>
  <si>
    <t>near govt primary school hayyat wala</t>
  </si>
  <si>
    <t>Chachu Wala</t>
  </si>
  <si>
    <t>GGPS MOHRA SHARAN</t>
  </si>
  <si>
    <t>Mohra Shera</t>
  </si>
  <si>
    <t>village Mohra  Shera Gujar Khan Rawalpindi</t>
  </si>
  <si>
    <t>Mohra Sheran</t>
  </si>
  <si>
    <t>Habiba khanum</t>
  </si>
  <si>
    <t>GGPS DERA MALIK NAZAR HUSSAIN AWAN</t>
  </si>
  <si>
    <t>GGP/S DERA MALIK NAZAR HUSSAIN AWAN NEAR PAKKA JHBANA DULLYWALA</t>
  </si>
  <si>
    <t>50855</t>
  </si>
  <si>
    <t>GPS 86/9-L</t>
  </si>
  <si>
    <t>86/9L</t>
  </si>
  <si>
    <t>86/9.L</t>
  </si>
  <si>
    <t>GPS DHOK MOUROSE</t>
  </si>
  <si>
    <t>V.P.O Namal ( Dhok Mourose)</t>
  </si>
  <si>
    <t>Mourose</t>
  </si>
  <si>
    <t>GPS KHORI</t>
  </si>
  <si>
    <t>Khori</t>
  </si>
  <si>
    <t>khori post office muridke markaz mdk dist skp</t>
  </si>
  <si>
    <t>Skp Bedad</t>
  </si>
  <si>
    <t>GPS TANZEEM TEHSIL BAZAR</t>
  </si>
  <si>
    <t>opposite saddar thana in jame raza e mustafa</t>
  </si>
  <si>
    <t>GHS BUDHA GORAYA</t>
  </si>
  <si>
    <t>Budha Goraya Tehsil Daska District sialkot</t>
  </si>
  <si>
    <t>AZAM ALI</t>
  </si>
  <si>
    <t>GGES KIRPAL PUR</t>
  </si>
  <si>
    <t>govt girls primary school kirpal pur post office jhariwala</t>
  </si>
  <si>
    <t>ManiMani Wala</t>
  </si>
  <si>
    <t>Shabana Kanwal</t>
  </si>
  <si>
    <t>33030</t>
  </si>
  <si>
    <t>GGPS PARKAR ABAD</t>
  </si>
  <si>
    <t>Chak 370</t>
  </si>
  <si>
    <t>6 chk ram nagar</t>
  </si>
  <si>
    <t>Parkar Abad</t>
  </si>
  <si>
    <t>Martan Pur</t>
  </si>
  <si>
    <t>Anbar Naz</t>
  </si>
  <si>
    <t>GPS BASTI LANG</t>
  </si>
  <si>
    <t>Basti Lang Mouza Lang Garwan Markaz Dhorkot Tehsil Ahmed Pur East District Bahawalpur</t>
  </si>
  <si>
    <t>GPS BUNGA SAHIBA</t>
  </si>
  <si>
    <t>Bounga Sahiba</t>
  </si>
  <si>
    <t>GPS Bounga Sahiba</t>
  </si>
  <si>
    <t>GPS 119/13-AL</t>
  </si>
  <si>
    <t>119/13.AL</t>
  </si>
  <si>
    <t>Chak no.119/13.AL</t>
  </si>
  <si>
    <t>116/7.CR</t>
  </si>
  <si>
    <t>GGES BONGI KILLAN</t>
  </si>
  <si>
    <t>boungi kalian</t>
  </si>
  <si>
    <t>boungi kalian post office arzani pur teh chunian distt kasur</t>
  </si>
  <si>
    <t>bhagiwal</t>
  </si>
  <si>
    <t>Aqsa Abbas</t>
  </si>
  <si>
    <t>GGCMS KAKA KALAS PADA</t>
  </si>
  <si>
    <t>kakka klaas</t>
  </si>
  <si>
    <t>GGCMS kakka klaas nwl</t>
  </si>
  <si>
    <t>chandowal</t>
  </si>
  <si>
    <t>GGPS GURZ BARDAR</t>
  </si>
  <si>
    <t>village gurzbardar p/o kalaswala tehsil pasrur district sialkot</t>
  </si>
  <si>
    <t>Kalaswala 98</t>
  </si>
  <si>
    <t>Samina Munawar</t>
  </si>
  <si>
    <t>GPS NARAIN GARH P/O GARDEZPUR SHUJABAD</t>
  </si>
  <si>
    <t>Nai Basti Moza Bangala</t>
  </si>
  <si>
    <t>GGPS LADOO WALA</t>
  </si>
  <si>
    <t>Sumra Thal Klan</t>
  </si>
  <si>
    <t>ladoo wala</t>
  </si>
  <si>
    <t>Ladoo Wala</t>
  </si>
  <si>
    <t>Saba Younas</t>
  </si>
  <si>
    <t>408376</t>
  </si>
  <si>
    <t>GGPS PAK UNITED BILAL GUNJ</t>
  </si>
  <si>
    <t>Ittehad Colony Massan Lahore</t>
  </si>
  <si>
    <t>ittehad colony massan Lahore</t>
  </si>
  <si>
    <t>Data Gunj Bakhsh Town Lahore</t>
  </si>
  <si>
    <t>Hussain pur rajoya Sadat chiniot</t>
  </si>
  <si>
    <t>GGPS CHAK NO.114 TDA</t>
  </si>
  <si>
    <t>114 b Basti Mian</t>
  </si>
  <si>
    <t>BastiMian</t>
  </si>
  <si>
    <t>farha saleem</t>
  </si>
  <si>
    <t>GPS CHAK NO.40 NB</t>
  </si>
  <si>
    <t>40 NB</t>
  </si>
  <si>
    <t>chak No. 40 NB Sargodha</t>
  </si>
  <si>
    <t>Fakhar Ur Rehman Khan</t>
  </si>
  <si>
    <t>46346</t>
  </si>
  <si>
    <t>GGPS RAKH BILAND</t>
  </si>
  <si>
    <t>village rakh biland p/o 28 MB Tehsil Noor Pur Thal District Khushab</t>
  </si>
  <si>
    <t>GES BOSAN HITTAR</t>
  </si>
  <si>
    <t>BOSAN HITHAR</t>
  </si>
  <si>
    <t>BASTI BOSAN HITHAR MARKAZ BOSAN TEHSIL MULTAN SADDAR DISTRICT MULTAN</t>
  </si>
  <si>
    <t>EJAZ RASOOL</t>
  </si>
  <si>
    <t>18992</t>
  </si>
  <si>
    <t>GPS KHAJURA</t>
  </si>
  <si>
    <t>Khajura</t>
  </si>
  <si>
    <t>Moza khajura kamalia Thursday Thursday Singh</t>
  </si>
  <si>
    <t>Moza Khajura</t>
  </si>
  <si>
    <t>724 GB</t>
  </si>
  <si>
    <t>GPS FATOHAL WALA</t>
  </si>
  <si>
    <t>Patal Gharbi</t>
  </si>
  <si>
    <t>chah fatohal wala ,tehsil kot adu</t>
  </si>
  <si>
    <t>Fatohal Wala</t>
  </si>
  <si>
    <t>GGPS CHAK NO 109 ML PEER CHATTAR</t>
  </si>
  <si>
    <t>Peer Chatter</t>
  </si>
  <si>
    <t>GGPS 109 ml peer chatter</t>
  </si>
  <si>
    <t>Chak No109 Ml Peer Chatter</t>
  </si>
  <si>
    <t>112 Ml</t>
  </si>
  <si>
    <t>Saima Muneer</t>
  </si>
  <si>
    <t>GPS TANWARIAN WALA</t>
  </si>
  <si>
    <t>Sadh Wala</t>
  </si>
  <si>
    <t>Tanwarian wala tehsil mankera district bhakkar</t>
  </si>
  <si>
    <t>Tanwarian Wala</t>
  </si>
  <si>
    <t>Karlu Wals</t>
  </si>
  <si>
    <t>30795</t>
  </si>
  <si>
    <t>GES MC FATEH GARH</t>
  </si>
  <si>
    <t>cdg boys middle school fateh garh tehsil shalimar lahore</t>
  </si>
  <si>
    <t>M Afzal Khan</t>
  </si>
  <si>
    <t>GPS BASTI BATLIAN</t>
  </si>
  <si>
    <t>Bedans Gherbi</t>
  </si>
  <si>
    <t>vihari road Batlian</t>
  </si>
  <si>
    <t>Basti Batlian</t>
  </si>
  <si>
    <t>GGES BHAIRY</t>
  </si>
  <si>
    <t>Bheri</t>
  </si>
  <si>
    <t>vill Bheri P/o Marakiwal teh &amp;Dist Sialkot</t>
  </si>
  <si>
    <t>Mrakiwal</t>
  </si>
  <si>
    <t>Pakeeza Batool</t>
  </si>
  <si>
    <t>43298</t>
  </si>
  <si>
    <t>Vill. &amp; P.O SOHAWA. Teh. &amp; Distt. Chakwal</t>
  </si>
  <si>
    <t>Shoaib Mehmood Malik</t>
  </si>
  <si>
    <t>GPS 170 WB</t>
  </si>
  <si>
    <t>170/wb</t>
  </si>
  <si>
    <t>chack # 170/wb</t>
  </si>
  <si>
    <t>GMPS CHAK NO. 55  MB</t>
  </si>
  <si>
    <t>Chak No 55MB</t>
  </si>
  <si>
    <t>GMPS CHAK NO 55MB TEHSIL AND DISTRIC KHUSHAB</t>
  </si>
  <si>
    <t>Chak NO 55MB</t>
  </si>
  <si>
    <t>Night Sultana</t>
  </si>
  <si>
    <t>GMPS LOOMBRA</t>
  </si>
  <si>
    <t>LOOMBRA</t>
  </si>
  <si>
    <t>t. Gujranwala</t>
  </si>
  <si>
    <t>Loombra</t>
  </si>
  <si>
    <t>GGES CHAK NO. 135 MURAD</t>
  </si>
  <si>
    <t>135m</t>
  </si>
  <si>
    <t>135/m c.t.n bwn</t>
  </si>
  <si>
    <t>135/m</t>
  </si>
  <si>
    <t>GGPS BASTI KANJIN WALI</t>
  </si>
  <si>
    <t>Mutfarka</t>
  </si>
  <si>
    <t>jatoi road Basti kanjan wali</t>
  </si>
  <si>
    <t>Kanjan Wali</t>
  </si>
  <si>
    <t>Taskeen Kouser</t>
  </si>
  <si>
    <t>GES NOORPUR JADEED</t>
  </si>
  <si>
    <t>moza noorpur klp road basti goth Dewan near attock petroleum service</t>
  </si>
  <si>
    <t>48184</t>
  </si>
  <si>
    <t>Mohallah Sultan Abad Bhalwal</t>
  </si>
  <si>
    <t>Muhammad Bashir Ranjha</t>
  </si>
  <si>
    <t>GPS SATHIYAN WALA</t>
  </si>
  <si>
    <t>Nwan kot</t>
  </si>
  <si>
    <t>Chah Roran, UC Nwankot, tehseel choubara, District Layyah</t>
  </si>
  <si>
    <t>Roraan</t>
  </si>
  <si>
    <t>muhammad boota sagar</t>
  </si>
  <si>
    <t>51574</t>
  </si>
  <si>
    <t>GGPS KOT HUKAM SINGH</t>
  </si>
  <si>
    <t>Village Kot Hukam Singh post office malka hans</t>
  </si>
  <si>
    <t>Sandhey khan</t>
  </si>
  <si>
    <t>Ambreen Naz</t>
  </si>
  <si>
    <t>23161</t>
  </si>
  <si>
    <t>GGES SARSAL</t>
  </si>
  <si>
    <t>Village sarsal, p/o sarsal, district gujrat, tehsil kharian</t>
  </si>
  <si>
    <t>Hassan Patham</t>
  </si>
  <si>
    <t>Rukhsana Kausar Mirza</t>
  </si>
  <si>
    <t>GPS CHAK NO. 156 JB KHOKHAR</t>
  </si>
  <si>
    <t>Chak No 156jb</t>
  </si>
  <si>
    <t>gps CHAK NO.156 JB KHOKHAR</t>
  </si>
  <si>
    <t>CHAK NO. 156 JB KHOKHAR</t>
  </si>
  <si>
    <t>CHAK.NO.158 JB</t>
  </si>
  <si>
    <t>Shaugfta Zakir</t>
  </si>
  <si>
    <t>GPS TAGIANI NO 2</t>
  </si>
  <si>
    <t>chah ghaloo wala moza kot mubarak</t>
  </si>
  <si>
    <t>chah ghaloo wala</t>
  </si>
  <si>
    <t>GGPS PATTI WATOO</t>
  </si>
  <si>
    <t>mouza sonhara Wasawa kot sultan</t>
  </si>
  <si>
    <t>Tehmina Gulshan</t>
  </si>
  <si>
    <t>GES CHAK 327 GB I</t>
  </si>
  <si>
    <t>327 Gb</t>
  </si>
  <si>
    <t>chak no. 327 gb</t>
  </si>
  <si>
    <t>Chak No 327 Gb</t>
  </si>
  <si>
    <t>Chak No327 Gb</t>
  </si>
  <si>
    <t>13821</t>
  </si>
  <si>
    <t>GMPS CHAK SULEHRIA</t>
  </si>
  <si>
    <t>Tibba Chindia</t>
  </si>
  <si>
    <t>GMPS chak sulehria moza tiba chandio</t>
  </si>
  <si>
    <t>Koat Tahir</t>
  </si>
  <si>
    <t>GPS HALA GOTH CHAK HALA GOTH</t>
  </si>
  <si>
    <t>212p</t>
  </si>
  <si>
    <t>212p SDK</t>
  </si>
  <si>
    <t>Hala Goth</t>
  </si>
  <si>
    <t>45258</t>
  </si>
  <si>
    <t>GMPS LAL BHATTI WALA</t>
  </si>
  <si>
    <t>Lal bhatti wala p/O haidarabad. thall..tehsil Mankera.distt. distt bhakkar</t>
  </si>
  <si>
    <t>Lal Bhatti Wala</t>
  </si>
  <si>
    <t>18077</t>
  </si>
  <si>
    <t>GPS BINDA SURBANA</t>
  </si>
  <si>
    <t>basti binda surbana</t>
  </si>
  <si>
    <t>Kgaki Kakhi</t>
  </si>
  <si>
    <t>mohmmad shahid saqib</t>
  </si>
  <si>
    <t>GPS ABBUWALA</t>
  </si>
  <si>
    <t>Abbuwala</t>
  </si>
  <si>
    <t>abbuwala</t>
  </si>
  <si>
    <t>Mubharay Khan</t>
  </si>
  <si>
    <t>Abbas Raza Shah</t>
  </si>
  <si>
    <t>GGPS TIBBI PEERAN</t>
  </si>
  <si>
    <t>Tibbi piran</t>
  </si>
  <si>
    <t>Govt.Girls Primary School Tibbi Piran..</t>
  </si>
  <si>
    <t>GGPS THAKAR KALAN</t>
  </si>
  <si>
    <t>Thakkar Klan</t>
  </si>
  <si>
    <t>village Thakkar Klan po Bherowal teh Phalia dist M.B.Din</t>
  </si>
  <si>
    <t>119125</t>
  </si>
  <si>
    <t>GMPS MALKEY</t>
  </si>
  <si>
    <t>Malkey</t>
  </si>
  <si>
    <t>village and p /o Malkey teh. kamoke District. Gujranwala</t>
  </si>
  <si>
    <t>Akber Ghanoke</t>
  </si>
  <si>
    <t>25848</t>
  </si>
  <si>
    <t>GPS CHOUDHARY CHAINA</t>
  </si>
  <si>
    <t>Choudhary China</t>
  </si>
  <si>
    <t>Choudhary China p/o Baddomalhi Tehsil and district Narowal</t>
  </si>
  <si>
    <t>Mirza Ashfaq Baig</t>
  </si>
  <si>
    <t>GGCMS AKERAN WALA NORTH</t>
  </si>
  <si>
    <t>Akeranwalla tehsil kallurkot District bhakkar</t>
  </si>
  <si>
    <t>Akeranwalla</t>
  </si>
  <si>
    <t>Non Daggar</t>
  </si>
  <si>
    <t>Afeera Bakhat</t>
  </si>
  <si>
    <t>GPS HAJI NAZAR MUHAMMAD</t>
  </si>
  <si>
    <t>gps boys haji nazar mohammad katchi mandi liaquat pur</t>
  </si>
  <si>
    <t>Basti Haji Nazar Mohammad Waseer Lqp</t>
  </si>
  <si>
    <t>Seraj Ahmad Waseer</t>
  </si>
  <si>
    <t>GMPS MOZA MURAD WALA</t>
  </si>
  <si>
    <t>Moza Murad Wala</t>
  </si>
  <si>
    <t>GGPS KOTLA JAAM DAGGAR</t>
  </si>
  <si>
    <t>MOH.QAZIAN WALA .KOTLA JAM Daggar TEH&amp;DISTT. BHAKKAR</t>
  </si>
  <si>
    <t>46090</t>
  </si>
  <si>
    <t>GES CHANKI</t>
  </si>
  <si>
    <t>Government Elementary school for boys Chanki tehsil &amp; district Khushab</t>
  </si>
  <si>
    <t>chanki factory</t>
  </si>
  <si>
    <t>GGES ALI PUR CHATHA</t>
  </si>
  <si>
    <t>ALIPURCHATHA TEHSIL WZIRABAD DISTT GUJRANWALA</t>
  </si>
  <si>
    <t>TOWN COMMITTEE ALIPUR CHATHA</t>
  </si>
  <si>
    <t>GHS RAZA-E-MUSTAFA SAUKAN WIND</t>
  </si>
  <si>
    <t>Saukin wind</t>
  </si>
  <si>
    <t>VPO Saukin Wind</t>
  </si>
  <si>
    <t>muhammad idrees</t>
  </si>
  <si>
    <t>GPS BALIU KHAN KHATAK</t>
  </si>
  <si>
    <t>Basti Ranjhay Khan Mouza Kotla Moaziz Ud Din tehsil Khan pur</t>
  </si>
  <si>
    <t>Basti Ranjhay Khan</t>
  </si>
  <si>
    <t>12962</t>
  </si>
  <si>
    <t>GPS REHMAN ABAD</t>
  </si>
  <si>
    <t>Jhangar Mahra</t>
  </si>
  <si>
    <t>Mouza Jhangar Mahra Basti Rehman Abad</t>
  </si>
  <si>
    <t>GGPS CHAK NO.72 A-SB</t>
  </si>
  <si>
    <t>72A-SB</t>
  </si>
  <si>
    <t>ggps72asb</t>
  </si>
  <si>
    <t>Mumtaz  Begum</t>
  </si>
  <si>
    <t>GPS CHAK NO. 188 JB</t>
  </si>
  <si>
    <t>Musalpur</t>
  </si>
  <si>
    <t>chak no. 188jb</t>
  </si>
  <si>
    <t>Chak No188jb</t>
  </si>
  <si>
    <t>52256</t>
  </si>
  <si>
    <t>GES TIBBA TUGHRAIL</t>
  </si>
  <si>
    <t>Tibba Tughreel Msndi Ahmad Abad</t>
  </si>
  <si>
    <t>GGPS CHABEEL PUR SYED WALI KHOI NAWAB PUR ROAD</t>
  </si>
  <si>
    <t>Chabeel Pur</t>
  </si>
  <si>
    <t>G.G.P.S chabeel pur   syed  wali   khoi  nawab pur road   multan</t>
  </si>
  <si>
    <t>Yasmeen Begum</t>
  </si>
  <si>
    <t>GMPS DHOLI WALA</t>
  </si>
  <si>
    <t>Dholi Wala</t>
  </si>
  <si>
    <t>dholi wala</t>
  </si>
  <si>
    <t>Sadia Javaid</t>
  </si>
  <si>
    <t>GGPS 152/EB</t>
  </si>
  <si>
    <t>GGPS TOOR</t>
  </si>
  <si>
    <t>village toor</t>
  </si>
  <si>
    <t>7241</t>
  </si>
  <si>
    <t>GPS BASTI SANGHAR</t>
  </si>
  <si>
    <t>GPS sanghar p o  sanjar pur. kandair</t>
  </si>
  <si>
    <t>Nehal Khan</t>
  </si>
  <si>
    <t>Kot  Sanjar Khan</t>
  </si>
  <si>
    <t>AMANA LLAH</t>
  </si>
  <si>
    <t>47058</t>
  </si>
  <si>
    <t>GES RIAZ ABAD</t>
  </si>
  <si>
    <t>Wanbhachranl Shumali</t>
  </si>
  <si>
    <t>GES Riazabad</t>
  </si>
  <si>
    <t>GGPS CHAK NO. 83/P NEW</t>
  </si>
  <si>
    <t>Chak 83p New</t>
  </si>
  <si>
    <t>chak 83p New sunny pull Rahim Yar khan</t>
  </si>
  <si>
    <t>GES FARID ABAD</t>
  </si>
  <si>
    <t>Muhammad Yasir Arfat</t>
  </si>
  <si>
    <t>GPS BUKHTIARI</t>
  </si>
  <si>
    <t>moza bukhtiari</t>
  </si>
  <si>
    <t>GGPS BADDO CHEEDA</t>
  </si>
  <si>
    <t>Bado</t>
  </si>
  <si>
    <t>Baddo Chida</t>
  </si>
  <si>
    <t>Baddo Cheeda</t>
  </si>
  <si>
    <t>KALSOOM Akhter</t>
  </si>
  <si>
    <t>GMPS RASHIDI</t>
  </si>
  <si>
    <t>mouza pir panja chah rasheedi post office pir panja tehsil lalian district chiniot</t>
  </si>
  <si>
    <t>Rasheedi</t>
  </si>
  <si>
    <t>GES JALAL KOT</t>
  </si>
  <si>
    <t>jalal kot mehr shah khagga</t>
  </si>
  <si>
    <t>Mehr Shah Khagga</t>
  </si>
  <si>
    <t>Ghulam Husain</t>
  </si>
  <si>
    <t>GES BASTI LASHARI</t>
  </si>
  <si>
    <t>muhammad pur no.2</t>
  </si>
  <si>
    <t>basti lashari tehsil jampur district rajanpur</t>
  </si>
  <si>
    <t>basti lashari</t>
  </si>
  <si>
    <t>37498</t>
  </si>
  <si>
    <t>GGMES 8/8-AR NO. 1, TULAMBA</t>
  </si>
  <si>
    <t>8/8 AR</t>
  </si>
  <si>
    <t>chak no 8/8Ar</t>
  </si>
  <si>
    <t>8/8AR</t>
  </si>
  <si>
    <t>Humera Rehman</t>
  </si>
  <si>
    <t>GGPS BHONAN WALA</t>
  </si>
  <si>
    <t>Bhonan wala</t>
  </si>
  <si>
    <t>Bhonan Wala</t>
  </si>
  <si>
    <t>Ghulaman 01</t>
  </si>
  <si>
    <t>Nasreen Gul</t>
  </si>
  <si>
    <t>GGPS 131/WB</t>
  </si>
  <si>
    <t>Chak no 131/w.b Mailsi, Vehari</t>
  </si>
  <si>
    <t>131/wb</t>
  </si>
  <si>
    <t>Amara Batool</t>
  </si>
  <si>
    <t>GPS JATTU  WALA</t>
  </si>
  <si>
    <t>Chak No613/tda</t>
  </si>
  <si>
    <t>p/o zulfiqarabad</t>
  </si>
  <si>
    <t>muhammad sajjad</t>
  </si>
  <si>
    <t>GGPS NO. 1 PHULARWAN</t>
  </si>
  <si>
    <t>g.g.p.s.no.1 phularwan</t>
  </si>
  <si>
    <t>Rukhsana Nisar</t>
  </si>
  <si>
    <t>GGPS JAHANGIR ABAD FARM, KACHA KHUH</t>
  </si>
  <si>
    <t>Livestock JahangirAbad Farm Kacha Khuh</t>
  </si>
  <si>
    <t>JahangirAbad Farm</t>
  </si>
  <si>
    <t>GGPS KHUNDI WALA</t>
  </si>
  <si>
    <t>Chak Khundiwala</t>
  </si>
  <si>
    <t>basti ghuman p/o shadan lund dgk</t>
  </si>
  <si>
    <t>Khundi Wala</t>
  </si>
  <si>
    <t>GGES CHAK NO 126/M</t>
  </si>
  <si>
    <t>G.G E. S.126murad  C</t>
  </si>
  <si>
    <t>126 M</t>
  </si>
  <si>
    <t>128 M</t>
  </si>
  <si>
    <t>GPS SOHAN WALA</t>
  </si>
  <si>
    <t>post office daily namdar tehsil Kalur Kot District Bhakkar</t>
  </si>
  <si>
    <t>Sohanwala</t>
  </si>
  <si>
    <t>GES DIWAL</t>
  </si>
  <si>
    <t>Diwal</t>
  </si>
  <si>
    <t>vpo dewal tehsil talagang district chakwal</t>
  </si>
  <si>
    <t>Adeeba Batool</t>
  </si>
  <si>
    <t>GGPS CHAK NO.53 A-NB</t>
  </si>
  <si>
    <t>53 A Nb</t>
  </si>
  <si>
    <t>GGPS 53 A NB</t>
  </si>
  <si>
    <t>53 A NB</t>
  </si>
  <si>
    <t>Gulshan Nisa</t>
  </si>
  <si>
    <t>GGES KOTLA DEEWAN</t>
  </si>
  <si>
    <t>KOTLA DEWAN GGCMES</t>
  </si>
  <si>
    <t>49551</t>
  </si>
  <si>
    <t>GGES JALAL PUR JADEED</t>
  </si>
  <si>
    <t>Jalalpurjadeed</t>
  </si>
  <si>
    <t>saba mujeeb</t>
  </si>
  <si>
    <t>GMPS PATHAN WALI</t>
  </si>
  <si>
    <t>Pathanwall</t>
  </si>
  <si>
    <t>pathanwali tehsil wazirabad</t>
  </si>
  <si>
    <t>Ghakkamitar</t>
  </si>
  <si>
    <t>Farah Islam</t>
  </si>
  <si>
    <t>GMPS CHAK NO.3 DB</t>
  </si>
  <si>
    <t>Chak No 1-4DB</t>
  </si>
  <si>
    <t>chak no 3db</t>
  </si>
  <si>
    <t>Chak No 3db</t>
  </si>
  <si>
    <t>Chak No 1-4db</t>
  </si>
  <si>
    <t>GGPS DAMMER WALA JANUBI NO. 1</t>
  </si>
  <si>
    <t>dammarwala janubi no1 basti chanjan</t>
  </si>
  <si>
    <t>Basti Chanjan</t>
  </si>
  <si>
    <t>Shaheen Sultana</t>
  </si>
  <si>
    <t>19572</t>
  </si>
  <si>
    <t>GGES CHAK 288 GB I</t>
  </si>
  <si>
    <t>chak 288 GB teh and distt Toba tek singh</t>
  </si>
  <si>
    <t>Chak 288 GB</t>
  </si>
  <si>
    <t>Arfa Aftab</t>
  </si>
  <si>
    <t>GMPS JOHDAY WALI</t>
  </si>
  <si>
    <t>Jodhay Wali Kalan</t>
  </si>
  <si>
    <t>Near Basic Health Unit,Vill Jodhay Wali Kalan,Bhagowal Rd Sialkot</t>
  </si>
  <si>
    <t>GGPS BEHL CHAKA</t>
  </si>
  <si>
    <t>Bangal</t>
  </si>
  <si>
    <t>Behlchakka tensile kotlisattian station</t>
  </si>
  <si>
    <t>Behlchakka</t>
  </si>
  <si>
    <t>supply pip</t>
  </si>
  <si>
    <t>GGPS BAIG PUR</t>
  </si>
  <si>
    <t>baigpur</t>
  </si>
  <si>
    <t>nasim akhter</t>
  </si>
  <si>
    <t>34324</t>
  </si>
  <si>
    <t>GPS MARIL</t>
  </si>
  <si>
    <t>Mouza Uch Mouza Uch Bukhari</t>
  </si>
  <si>
    <t>basti maral</t>
  </si>
  <si>
    <t>Maral</t>
  </si>
  <si>
    <t>GGPS CHAK MURAD</t>
  </si>
  <si>
    <t>gg p/s chak murad</t>
  </si>
  <si>
    <t>Rohila Tajayka</t>
  </si>
  <si>
    <t>Naseem Siraj</t>
  </si>
  <si>
    <t>GGPS MC D-BRANCH KAMALIA</t>
  </si>
  <si>
    <t>Mohallah kharlanwala kamalia.</t>
  </si>
  <si>
    <t>Kamalia City /MCK</t>
  </si>
  <si>
    <t>Saeeda bano</t>
  </si>
  <si>
    <t>GPS PALLA MARI</t>
  </si>
  <si>
    <t>Basti pala mari near head islam</t>
  </si>
  <si>
    <t>Basti Palla Mari</t>
  </si>
  <si>
    <t>GPS PUNJ PIR TIBBA DHUP</t>
  </si>
  <si>
    <t>Tibba Dhup</t>
  </si>
  <si>
    <t>Punj pir Moza Tibba Dhup The/Dist, Jhang</t>
  </si>
  <si>
    <t>Punj Pir</t>
  </si>
  <si>
    <t>29779</t>
  </si>
  <si>
    <t>GPS THATHA BOOR SINGH</t>
  </si>
  <si>
    <t>Jaja Kila</t>
  </si>
  <si>
    <t>Thatha Boor SINGH jajah Kila Sarai Mughal</t>
  </si>
  <si>
    <t>Thatha Boor SINGh</t>
  </si>
  <si>
    <t>Sarai Noshara</t>
  </si>
  <si>
    <t>GPS NAWAB WALA</t>
  </si>
  <si>
    <t>gpsnawabwalla bkr.</t>
  </si>
  <si>
    <t>Nawabwala</t>
  </si>
  <si>
    <t>Muhammad Jahangir Bader</t>
  </si>
  <si>
    <t>32872</t>
  </si>
  <si>
    <t>GPS KAVERA KALAN</t>
  </si>
  <si>
    <t>Kavera Kalan</t>
  </si>
  <si>
    <t>Village Kavera Kalan Tehsil and District Nankana Sahib.</t>
  </si>
  <si>
    <t>GGPS MC NO.3 KHUSHAB</t>
  </si>
  <si>
    <t>mohallah himatpura khushab</t>
  </si>
  <si>
    <t>GPS CHAK 47 GB III SAMUNDARI</t>
  </si>
  <si>
    <t>KHATRANWAN</t>
  </si>
  <si>
    <t>CHAK NO. 47 G.B. KHATRANWAN</t>
  </si>
  <si>
    <t>47 G.B</t>
  </si>
  <si>
    <t>43 G.B. KOHALI</t>
  </si>
  <si>
    <t>Masood Ali</t>
  </si>
  <si>
    <t>GMPS PATHAN KOT</t>
  </si>
  <si>
    <t>Nor Allah Dad</t>
  </si>
  <si>
    <t>adda pathan kot moza noor allah dad tehsil bhowana district chiniot</t>
  </si>
  <si>
    <t>Sajida Khatoon</t>
  </si>
  <si>
    <t>GGPS HJYIAL</t>
  </si>
  <si>
    <t>ggps hajial po tharpal Teh District chakwal</t>
  </si>
  <si>
    <t>Miss Asia Batool</t>
  </si>
  <si>
    <t>GMPS 54/P JADEED</t>
  </si>
  <si>
    <t>54 P</t>
  </si>
  <si>
    <t>chack 54pb</t>
  </si>
  <si>
    <t>Chack 54pb</t>
  </si>
  <si>
    <t>GGPS NARRALA</t>
  </si>
  <si>
    <t>Vill hokra keri dhok narrala teh murree dist rwp</t>
  </si>
  <si>
    <t>GPS BASTI WALA</t>
  </si>
  <si>
    <t>Basti wala,teh.lalian</t>
  </si>
  <si>
    <t>Ahmad Shafi</t>
  </si>
  <si>
    <t>GGPS PUN</t>
  </si>
  <si>
    <t>Pun</t>
  </si>
  <si>
    <t>p/o uddo Fatah village pun tehsil pasrur district sialjot</t>
  </si>
  <si>
    <t>Shahina Kousar</t>
  </si>
  <si>
    <t>GGES GARAH JAN MUHAMMAD</t>
  </si>
  <si>
    <t>GGES GARAH JAN MUHAMMAD Tehsil Karor District Layyah</t>
  </si>
  <si>
    <t>Garah Jan Muhammad</t>
  </si>
  <si>
    <t>Sumaira Manzoor</t>
  </si>
  <si>
    <t>GPS CHAK NO 48 TDA</t>
  </si>
  <si>
    <t>Chak no 48tda</t>
  </si>
  <si>
    <t>govt primary school chak no 48tda</t>
  </si>
  <si>
    <t>Chak no 45 Tda</t>
  </si>
  <si>
    <t>Abdul Majeed Nadeem</t>
  </si>
  <si>
    <t>GPS MULLAN WALA</t>
  </si>
  <si>
    <t>Basti Noon Wala Mouza Khohawar Railway Station Mehmood Kot</t>
  </si>
  <si>
    <t>Noon Wala</t>
  </si>
  <si>
    <t>37335</t>
  </si>
  <si>
    <t>GPS 67-A/10-R, P/O 45/10-R, KHANEWAL (OLD NM MASJID MAKTAB)</t>
  </si>
  <si>
    <t>67A</t>
  </si>
  <si>
    <t>Govt primary school 67A/10R</t>
  </si>
  <si>
    <t>67A/10R</t>
  </si>
  <si>
    <t>Muhammad Latif Shahid</t>
  </si>
  <si>
    <t>GMPS CHAK NO 183/7-R (S)</t>
  </si>
  <si>
    <t>183/7R  S</t>
  </si>
  <si>
    <t>Chak No 183/7R(s)</t>
  </si>
  <si>
    <t>FARAH YASMEEN</t>
  </si>
  <si>
    <t>GGPS DHOKE NUMBARDAR BILAWAL</t>
  </si>
  <si>
    <t>village and post office sui Cheemian tehsile gujarkhan</t>
  </si>
  <si>
    <t>Tehmina Bibi</t>
  </si>
  <si>
    <t>36879</t>
  </si>
  <si>
    <t>GGPS AADIL WALA, KABIRWALA</t>
  </si>
  <si>
    <t>adil wala</t>
  </si>
  <si>
    <t>Adil wala</t>
  </si>
  <si>
    <t>Monganwala</t>
  </si>
  <si>
    <t>42236</t>
  </si>
  <si>
    <t>GGPS KAHUTI</t>
  </si>
  <si>
    <t>Kahuti</t>
  </si>
  <si>
    <t>village kahuti</t>
  </si>
  <si>
    <t>Iffat Sultana</t>
  </si>
  <si>
    <t>51428</t>
  </si>
  <si>
    <t>GES 9 KB</t>
  </si>
  <si>
    <t>9/kb</t>
  </si>
  <si>
    <t>Chak no 9/kb tehsil &amp; district 9/kb</t>
  </si>
  <si>
    <t>GPS AZIZ ABAD MOZA SARAY P/O CHAK SARAY</t>
  </si>
  <si>
    <t>Kochan wala saray shujabad</t>
  </si>
  <si>
    <t>Kochan Wala</t>
  </si>
  <si>
    <t>GPS JANAY WALA NO. 2</t>
  </si>
  <si>
    <t>jindy thind wala, tehsil choubara district layyah</t>
  </si>
  <si>
    <t>Jindy Thind Wala</t>
  </si>
  <si>
    <t>GGPS MOHALLA KARBALA SADAT</t>
  </si>
  <si>
    <t>Darya  Khan  Dagar</t>
  </si>
  <si>
    <t>mohala  karbala  sadat  darya  khan</t>
  </si>
  <si>
    <t>Darya  Khan</t>
  </si>
  <si>
    <t>GMPS CHAK NO. 199/M (E)  GRU WALA</t>
  </si>
  <si>
    <t>199/M E</t>
  </si>
  <si>
    <t>chack no 199/ M E</t>
  </si>
  <si>
    <t>Chack No 199/ M E</t>
  </si>
  <si>
    <t>Saima Imran</t>
  </si>
  <si>
    <t>GGPS MOH NOORI KHEL KUNDIAN</t>
  </si>
  <si>
    <t>moh Noor khel</t>
  </si>
  <si>
    <t>Kundiab</t>
  </si>
  <si>
    <t>Fatima Habeeb</t>
  </si>
  <si>
    <t>GPS 52/5-L ISLAM PURA</t>
  </si>
  <si>
    <t>GPS 52/5L,ISlampura,.SAHIWAL</t>
  </si>
  <si>
    <t>52/5l</t>
  </si>
  <si>
    <t>56/5l</t>
  </si>
  <si>
    <t>Misbah Rehman</t>
  </si>
  <si>
    <t>23568</t>
  </si>
  <si>
    <t>23383</t>
  </si>
  <si>
    <t>45246</t>
  </si>
  <si>
    <t>GPS DERA AMIR KHAN WALA</t>
  </si>
  <si>
    <t>Rakh Galkala</t>
  </si>
  <si>
    <t>Dera Ameer Khan Wala Rakh Galkala P /O Sarai Muhajir tehsil Mankera District Bhakkar</t>
  </si>
  <si>
    <t>Dera Ameer Khan Wala</t>
  </si>
  <si>
    <t>13039</t>
  </si>
  <si>
    <t>GPS HAIDER KARAR WALA</t>
  </si>
  <si>
    <t>Marhra Grbi</t>
  </si>
  <si>
    <t>post office mahra teh:&amp;dist m garh</t>
  </si>
  <si>
    <t>Mundhi Wala</t>
  </si>
  <si>
    <t>Jam Rustam Shahzad</t>
  </si>
  <si>
    <t>21796</t>
  </si>
  <si>
    <t>GGES KIRYAL KHURD</t>
  </si>
  <si>
    <t>Hajrah Bibi</t>
  </si>
  <si>
    <t>GPS KOHAR LHR CANTT</t>
  </si>
  <si>
    <t>village bhatta kohar</t>
  </si>
  <si>
    <t>GPS CHAK NO.197/M</t>
  </si>
  <si>
    <t>Chak no. 197/M</t>
  </si>
  <si>
    <t>Chak No.197/M</t>
  </si>
  <si>
    <t>ARSLAN MAQSOOD</t>
  </si>
  <si>
    <t>GGPS MUQEEMI WALA</t>
  </si>
  <si>
    <t>BABUL WALI</t>
  </si>
  <si>
    <t>GGPS MUQEEMI WALA MOUZA BABUL WALI</t>
  </si>
  <si>
    <t>MAQAMI WALA</t>
  </si>
  <si>
    <t>9279</t>
  </si>
  <si>
    <t>GGPS KACHAL</t>
  </si>
  <si>
    <t>Ggps kachal taunsa</t>
  </si>
  <si>
    <t>Mehwish Aziz</t>
  </si>
  <si>
    <t>GPS CHAK 79 M P/S CHAK 79M JALAL PUR PIRWALA</t>
  </si>
  <si>
    <t>chak 79/m tehsil jalal pur pir wala</t>
  </si>
  <si>
    <t>Chak 79/m</t>
  </si>
  <si>
    <t>water supply through public sources</t>
  </si>
  <si>
    <t>GMPS KOTLI LAL</t>
  </si>
  <si>
    <t>Kotli lal</t>
  </si>
  <si>
    <t>Nibi Pur Piran</t>
  </si>
  <si>
    <t>Anila Mushtaq</t>
  </si>
  <si>
    <t>GPS HASAN ABAD</t>
  </si>
  <si>
    <t>Moaza Hussain Abad</t>
  </si>
  <si>
    <t>GPS  hassanabad moaza hussainabad  bwn</t>
  </si>
  <si>
    <t>Moaza Hussainabad</t>
  </si>
  <si>
    <t>GGCMS KHAI KHAIR SHAH</t>
  </si>
  <si>
    <t>Khai khair Shah</t>
  </si>
  <si>
    <t>GGCM Khai khair shah jajjah abbasian</t>
  </si>
  <si>
    <t>Khai khair shah</t>
  </si>
  <si>
    <t>Jajjah abbasian</t>
  </si>
  <si>
    <t>43618</t>
  </si>
  <si>
    <t>GGPS MAIRA BIKHARI KALAN</t>
  </si>
  <si>
    <t>bikhari kalan</t>
  </si>
  <si>
    <t>v.p.o bikhari kalan,</t>
  </si>
  <si>
    <t>Rizwana Attia</t>
  </si>
  <si>
    <t>GGPS GUJAR WALA NO 2</t>
  </si>
  <si>
    <t>bastÄ± barkhor dar wala (jamil town) taunsa road d g khan</t>
  </si>
  <si>
    <t>Basti Barkhordar Wala</t>
  </si>
  <si>
    <t>Churhatta 2</t>
  </si>
  <si>
    <t>GGPS HAROON ABAD</t>
  </si>
  <si>
    <t>haroon abad</t>
  </si>
  <si>
    <t>kotla ray walihan moza haroon abad</t>
  </si>
  <si>
    <t>GPS 193 GB S</t>
  </si>
  <si>
    <t>yousaf pur</t>
  </si>
  <si>
    <t>chak no 193 GB</t>
  </si>
  <si>
    <t>193 GB</t>
  </si>
  <si>
    <t>Chak 193 GB S</t>
  </si>
  <si>
    <t>Umer Hayat Tariq</t>
  </si>
  <si>
    <t>GPS M. PURA F.ABAD</t>
  </si>
  <si>
    <t>Islam Pura farooq abad</t>
  </si>
  <si>
    <t>Muhammad Pura farooq abad city</t>
  </si>
  <si>
    <t>Muhammad Pura farooq abad</t>
  </si>
  <si>
    <t>Farooq abad city</t>
  </si>
  <si>
    <t>17562</t>
  </si>
  <si>
    <t>GGPS CHAH BHIR WALA</t>
  </si>
  <si>
    <t>Vijhalana</t>
  </si>
  <si>
    <t>chah bhir wala</t>
  </si>
  <si>
    <t>Chah Bhir Wala</t>
  </si>
  <si>
    <t>Rozina Anwar</t>
  </si>
  <si>
    <t>BEHLOLPUR</t>
  </si>
  <si>
    <t>VILLAGE BEHLOLPUR PO BOX AHMADABAD (NWL)</t>
  </si>
  <si>
    <t>AHMADABAD</t>
  </si>
  <si>
    <t>Maria Nisar</t>
  </si>
  <si>
    <t>GGPS MAHANDA</t>
  </si>
  <si>
    <t>Mahanda</t>
  </si>
  <si>
    <t>GGPS CHAK NO.455/ EB</t>
  </si>
  <si>
    <t>455/ EB</t>
  </si>
  <si>
    <t>chak no 455 EB Burewala</t>
  </si>
  <si>
    <t>455/EB</t>
  </si>
  <si>
    <t>safina Shabbir</t>
  </si>
  <si>
    <t>GGPS SHAUKAT ABAD</t>
  </si>
  <si>
    <t>basti ShoukatAbad</t>
  </si>
  <si>
    <t>ShoukatAbad</t>
  </si>
  <si>
    <t>GES CHAK NO.36 TDA</t>
  </si>
  <si>
    <t>Kamal THAHEEM</t>
  </si>
  <si>
    <t>GES Chak No. 36 TDA Bhakkar</t>
  </si>
  <si>
    <t>36 TDA</t>
  </si>
  <si>
    <t>45972</t>
  </si>
  <si>
    <t>GGPS WATOO GIROTE</t>
  </si>
  <si>
    <t>VPO Wattoo</t>
  </si>
  <si>
    <t>Watoo</t>
  </si>
  <si>
    <t>Mehwish Kanwal</t>
  </si>
  <si>
    <t>48094</t>
  </si>
  <si>
    <t>GES CHAK NO.18 NB</t>
  </si>
  <si>
    <t>Chak 18 Nb</t>
  </si>
  <si>
    <t>CHAK NO. 18 NB</t>
  </si>
  <si>
    <t>Abid Iqbal</t>
  </si>
  <si>
    <t>9994</t>
  </si>
  <si>
    <t>GGES CHAK NO. 92 /ML</t>
  </si>
  <si>
    <t>92ml</t>
  </si>
  <si>
    <t>chak no 92 ml teh karor dist layyah</t>
  </si>
  <si>
    <t>92m</t>
  </si>
  <si>
    <t>mudasra tayyab</t>
  </si>
  <si>
    <t>45516</t>
  </si>
  <si>
    <t>GGPS DOGGI</t>
  </si>
  <si>
    <t>doggi Moza mahota tehsil darya khan  district bhakkar</t>
  </si>
  <si>
    <t>Doggi</t>
  </si>
  <si>
    <t>Neelam Aziz</t>
  </si>
  <si>
    <t>GGPS DERA SHAKROOKA</t>
  </si>
  <si>
    <t>laluwali</t>
  </si>
  <si>
    <t>ggps dera shakrooka</t>
  </si>
  <si>
    <t>Dera Shakrooka</t>
  </si>
  <si>
    <t>Annum Sarfraz</t>
  </si>
  <si>
    <t>GGPS 70 KB</t>
  </si>
  <si>
    <t>chak no 70 kb distric vehari tehsil mailsi</t>
  </si>
  <si>
    <t>70kb</t>
  </si>
  <si>
    <t>GPS 9 SP</t>
  </si>
  <si>
    <t>Musawal</t>
  </si>
  <si>
    <t>chak 9 s.p</t>
  </si>
  <si>
    <t>Chak 9sp</t>
  </si>
  <si>
    <t>Mkusay Wall</t>
  </si>
  <si>
    <t>Shehzad Akram</t>
  </si>
  <si>
    <t>GGPS CHACHA BUTTA</t>
  </si>
  <si>
    <t>Haidr wala</t>
  </si>
  <si>
    <t>ggps chacha bhutta haider wala</t>
  </si>
  <si>
    <t>Musrat Bibi</t>
  </si>
  <si>
    <t>GGES LAK BADHAR WEST</t>
  </si>
  <si>
    <t>maal wala lak badhar</t>
  </si>
  <si>
    <t>Maal Wala</t>
  </si>
  <si>
    <t>GGPS JAM PALLU KHOR</t>
  </si>
  <si>
    <t>govt.girls primary school jam pallu khor markaz mubarakpur teh.ahmadpu east</t>
  </si>
  <si>
    <t>Khoran</t>
  </si>
  <si>
    <t>Tasneem Sattar</t>
  </si>
  <si>
    <t>GMPS DERA WATTAY KA</t>
  </si>
  <si>
    <t>Lalowali</t>
  </si>
  <si>
    <t>Dera wattay ka lalowali</t>
  </si>
  <si>
    <t>Lalowai</t>
  </si>
  <si>
    <t>34642</t>
  </si>
  <si>
    <t>GGPS LAAL PUR</t>
  </si>
  <si>
    <t>Ggps laalpur</t>
  </si>
  <si>
    <t>Basti Laalpur</t>
  </si>
  <si>
    <t>Kanwal Mukhtar</t>
  </si>
  <si>
    <t>7758</t>
  </si>
  <si>
    <t>GGES BASTI KHAKHI GHARBI</t>
  </si>
  <si>
    <t>Basti khakhi garbi</t>
  </si>
  <si>
    <t>Mrs Shaheena Parveen</t>
  </si>
  <si>
    <t>GGPS MITHU SHAH WALA</t>
  </si>
  <si>
    <t>mitho shah wala moza sheinh wala tehsil karor district layyah.</t>
  </si>
  <si>
    <t>chragh shah</t>
  </si>
  <si>
    <t>rukhsana malik</t>
  </si>
  <si>
    <t>50932</t>
  </si>
  <si>
    <t>GPS 55/5-L</t>
  </si>
  <si>
    <t>55/5-L</t>
  </si>
  <si>
    <t>Manzoor ALI</t>
  </si>
  <si>
    <t>GGPS 25/SP</t>
  </si>
  <si>
    <t>25sp</t>
  </si>
  <si>
    <t>Rizwana Farkhanda</t>
  </si>
  <si>
    <t>52763</t>
  </si>
  <si>
    <t>GGES SHAKOOR ABAD</t>
  </si>
  <si>
    <t>GGES shakoor abad haveli lakha</t>
  </si>
  <si>
    <t>shakoor abad</t>
  </si>
  <si>
    <t>KALSOOM BEGUM</t>
  </si>
  <si>
    <t>GGPS AHMADPUR TAPPA</t>
  </si>
  <si>
    <t>Ahmad Pur Tappa</t>
  </si>
  <si>
    <t>Ggps Ahmad Pur tappa tesil Ahmad Pur district bahawalpur.</t>
  </si>
  <si>
    <t>GPS CHAK NO.114 SB</t>
  </si>
  <si>
    <t>Chak No 114 Sb</t>
  </si>
  <si>
    <t>chak no 114 sb</t>
  </si>
  <si>
    <t>12988</t>
  </si>
  <si>
    <t>GPS 12/1 GHAGH, ABDUL HAKIM</t>
  </si>
  <si>
    <t>Chk No 12 GH</t>
  </si>
  <si>
    <t>chk no 12 ghah</t>
  </si>
  <si>
    <t>Chk No 12 Gh</t>
  </si>
  <si>
    <t>Mohammad Yousuf Nasir</t>
  </si>
  <si>
    <t>GGES RAM PURA (BWN)</t>
  </si>
  <si>
    <t>Rampura</t>
  </si>
  <si>
    <t>post office khas rampura</t>
  </si>
  <si>
    <t>Sajida Rahman</t>
  </si>
  <si>
    <t>51096</t>
  </si>
  <si>
    <t>GGES 93/9-L</t>
  </si>
  <si>
    <t>GGES 93/9l</t>
  </si>
  <si>
    <t>93/9l</t>
  </si>
  <si>
    <t>roma irfan</t>
  </si>
  <si>
    <t>GGPS CHAK NO 77 TDA</t>
  </si>
  <si>
    <t>77/Tda</t>
  </si>
  <si>
    <t>GGPS 77/tda Karor layyah</t>
  </si>
  <si>
    <t>90/Ml</t>
  </si>
  <si>
    <t>samina chohan</t>
  </si>
  <si>
    <t>GPS 4 JB II</t>
  </si>
  <si>
    <t>chak#4jb 2nd</t>
  </si>
  <si>
    <t>4jb 2nd</t>
  </si>
  <si>
    <t>Chak#2jb</t>
  </si>
  <si>
    <t>Muhammad Asim Shahzad</t>
  </si>
  <si>
    <t>28789</t>
  </si>
  <si>
    <t>GMPS CHAK NO 463 JB</t>
  </si>
  <si>
    <t>chak#463, Hassan Shah</t>
  </si>
  <si>
    <t>Mussarat Mumtaz</t>
  </si>
  <si>
    <t>33018</t>
  </si>
  <si>
    <t>GGPS NABI PUR PIRIAN</t>
  </si>
  <si>
    <t>Nabipur Piran</t>
  </si>
  <si>
    <t>Shabana Saleem</t>
  </si>
  <si>
    <t>GGPS GOTH MEHMOOD</t>
  </si>
  <si>
    <t>Goth Mehmood mahi chock sadiq abad.</t>
  </si>
  <si>
    <t>SAFIA SIRAJ</t>
  </si>
  <si>
    <t>GGPS ANAYAT ABAD</t>
  </si>
  <si>
    <t>Anayat abad</t>
  </si>
  <si>
    <t>Mulan Wali</t>
  </si>
  <si>
    <t>18547</t>
  </si>
  <si>
    <t>GGES CHAK 95 JB GHLARI</t>
  </si>
  <si>
    <t>95jbghari</t>
  </si>
  <si>
    <t>chack no95jb ghari</t>
  </si>
  <si>
    <t>95jb ghari</t>
  </si>
  <si>
    <t>GGPS KACHI BAHAR SHAH</t>
  </si>
  <si>
    <t>KACHI BAHAR SHAH</t>
  </si>
  <si>
    <t>KACHI BAHAR SHAH, P/O LASKANI WALA TEHSIL KAROR LAL EASON DISTRICT LAYYAH</t>
  </si>
  <si>
    <t>BASEERA</t>
  </si>
  <si>
    <t>msarat sarwar</t>
  </si>
  <si>
    <t>GPS DAD BALOUCH</t>
  </si>
  <si>
    <t>Dad Baloch</t>
  </si>
  <si>
    <t>gps daad balouch noorshah sahiwal</t>
  </si>
  <si>
    <t>Dad Balouch</t>
  </si>
  <si>
    <t>GES CHAK NO 164/NP</t>
  </si>
  <si>
    <t>Chak # 164/NP</t>
  </si>
  <si>
    <t>chak # 164/NY sadiqabad</t>
  </si>
  <si>
    <t>18373</t>
  </si>
  <si>
    <t>12663</t>
  </si>
  <si>
    <t>GGPS MUHAMMAD MUSA</t>
  </si>
  <si>
    <t>Bagh Wali Cholistan</t>
  </si>
  <si>
    <t>basti bagh wali muhammad moosa muzafar garh</t>
  </si>
  <si>
    <t>M Musa</t>
  </si>
  <si>
    <t>GPS RAMBRAH</t>
  </si>
  <si>
    <t>Rambrah</t>
  </si>
  <si>
    <t>Village Rambrah Tehsil Shakargarh</t>
  </si>
  <si>
    <t>GPS PAHORAN WALA</t>
  </si>
  <si>
    <t>gps pahoranwala</t>
  </si>
  <si>
    <t>Pahoran Wala</t>
  </si>
  <si>
    <t>GGES BHEELA GULAB SINGH</t>
  </si>
  <si>
    <t>gges bheela gulab singh,depal pur,okara.</t>
  </si>
  <si>
    <t>Baqiyya Inam</t>
  </si>
  <si>
    <t>32992</t>
  </si>
  <si>
    <t>GMPS CHOOKHIAN WALA</t>
  </si>
  <si>
    <t>Chookhian Wala</t>
  </si>
  <si>
    <t>CHOOKHIAN wala</t>
  </si>
  <si>
    <t>Shumaila Murtaza</t>
  </si>
  <si>
    <t>18925</t>
  </si>
  <si>
    <t>GPS CHAK NO 186 TDA</t>
  </si>
  <si>
    <t>186 Tda</t>
  </si>
  <si>
    <t>chak no 186 tda</t>
  </si>
  <si>
    <t>183 184 Tda</t>
  </si>
  <si>
    <t>GGPS BASTI JHANGRAN WALI</t>
  </si>
  <si>
    <t>Kot Fatha Mohammad Shah</t>
  </si>
  <si>
    <t>Basti jhangran wali</t>
  </si>
  <si>
    <t>Basti Jhangran Wali</t>
  </si>
  <si>
    <t>Nusrat Kausar</t>
  </si>
  <si>
    <t>GGPS GOBIND GARH, ABDUL HAKIM</t>
  </si>
  <si>
    <t>gobind garh</t>
  </si>
  <si>
    <t>moza gobind garh basti dharam pur abdulhakim</t>
  </si>
  <si>
    <t>dharam pur</t>
  </si>
  <si>
    <t>Mah e noor</t>
  </si>
  <si>
    <t>36421</t>
  </si>
  <si>
    <t>GGPS 72 WB</t>
  </si>
  <si>
    <t>72wb Old</t>
  </si>
  <si>
    <t>72wb old markaz pipli</t>
  </si>
  <si>
    <t>72 Wb Old</t>
  </si>
  <si>
    <t>Mehak Hadayat Ali</t>
  </si>
  <si>
    <t>18698</t>
  </si>
  <si>
    <t>GGPS CHAK 335 JB DOST PUR</t>
  </si>
  <si>
    <t>Nialahore</t>
  </si>
  <si>
    <t>chak no 335jb dost pur teh gojra  dis t t Singh</t>
  </si>
  <si>
    <t>Chak No 335jb Dostpur</t>
  </si>
  <si>
    <t>Tehsil Dar</t>
  </si>
  <si>
    <t>Zahida Yasmin</t>
  </si>
  <si>
    <t>51665</t>
  </si>
  <si>
    <t>GGPS OPANA</t>
  </si>
  <si>
    <t>Pakka Sidhar</t>
  </si>
  <si>
    <t>GGPS Opana, P/O pakka sidhar, Dist Pakpattan</t>
  </si>
  <si>
    <t>Opana</t>
  </si>
  <si>
    <t>Syeda Tehseen Fatima</t>
  </si>
  <si>
    <t>GGPS BASTI SHORTI</t>
  </si>
  <si>
    <t>makhan Bela</t>
  </si>
  <si>
    <t>Bastishorti</t>
  </si>
  <si>
    <t>Shazia Rubnawaz</t>
  </si>
  <si>
    <t>GMPS TIBBA KHICHI</t>
  </si>
  <si>
    <t>tibba-khichi</t>
  </si>
  <si>
    <t>Tibba Khichi</t>
  </si>
  <si>
    <t>Angra - Dagger</t>
  </si>
  <si>
    <t>Akbari Perveen</t>
  </si>
  <si>
    <t>49149</t>
  </si>
  <si>
    <t>GMPS CHAK NO.45 SB MUBARAK PURA</t>
  </si>
  <si>
    <t>Chak No 45 Sb</t>
  </si>
  <si>
    <t>Chak no 45 SB MUBARAK PURA</t>
  </si>
  <si>
    <t>45SB Mubarak PURA</t>
  </si>
  <si>
    <t>Nida Akbar</t>
  </si>
  <si>
    <t>GHS CHAK NO. 402/GB TANDLIANWALA</t>
  </si>
  <si>
    <t>chak no 402gb Tandlanwal</t>
  </si>
  <si>
    <t>Chak 402</t>
  </si>
  <si>
    <t>Chak 400Gb</t>
  </si>
  <si>
    <t>Shahid Ul Hassan</t>
  </si>
  <si>
    <t>GES CHAKWAL LALOTRA</t>
  </si>
  <si>
    <t>Chkwal Lalotra</t>
  </si>
  <si>
    <t>Village chkwal lalotra p/o sukhochak teh.shakargarh</t>
  </si>
  <si>
    <t>Muhammad arif Javed</t>
  </si>
  <si>
    <t>GES PUNJ KOHA MOUZA PUJKOOHA MULTAN</t>
  </si>
  <si>
    <t>Punj koha</t>
  </si>
  <si>
    <t>Basti and moza punj koha ,p/o doran nigana</t>
  </si>
  <si>
    <t>32933</t>
  </si>
  <si>
    <t>GPS CHAH WARIS</t>
  </si>
  <si>
    <t>Chah Waris</t>
  </si>
  <si>
    <t>Post office alipur warburton</t>
  </si>
  <si>
    <t>M Zahid Farooq</t>
  </si>
  <si>
    <t>37608</t>
  </si>
  <si>
    <t>GMPS 91/15-L, MIAN CHANNU</t>
  </si>
  <si>
    <t>91//15.l</t>
  </si>
  <si>
    <t>91/15l</t>
  </si>
  <si>
    <t>17221</t>
  </si>
  <si>
    <t>GES BINDI PATUANA NO 1</t>
  </si>
  <si>
    <t>Bindi Patuana Kalan</t>
  </si>
  <si>
    <t>Moza Bindi patuana kalan</t>
  </si>
  <si>
    <t>44537</t>
  </si>
  <si>
    <t>GGPS JHOKE SAMTIA</t>
  </si>
  <si>
    <t>GGPS Jhok Samtia</t>
  </si>
  <si>
    <t>Jhok Samtia</t>
  </si>
  <si>
    <t>Nasim Bagum</t>
  </si>
  <si>
    <t>GGMPS ARIF ABAD</t>
  </si>
  <si>
    <t>basti marrha. hairo.</t>
  </si>
  <si>
    <t>Basti Marrha</t>
  </si>
  <si>
    <t>Laraib Fatima</t>
  </si>
  <si>
    <t>GGPS CHAK NO.80-B/TDA</t>
  </si>
  <si>
    <t>80-B/TDA</t>
  </si>
  <si>
    <t>CHAK NO. 80-B/TDA TEHSIL KAROR LAL EASON DISTRICT LAYYAH</t>
  </si>
  <si>
    <t>zahida nasreen</t>
  </si>
  <si>
    <t>7319</t>
  </si>
  <si>
    <t>GGPS 184/P QADEEM</t>
  </si>
  <si>
    <t>184p Qadeem</t>
  </si>
  <si>
    <t>Fouzia Ashraf</t>
  </si>
  <si>
    <t>17962</t>
  </si>
  <si>
    <t>GGES JAMPUR NO. 4</t>
  </si>
  <si>
    <t>Govt Girls Elementary School No 4</t>
  </si>
  <si>
    <t>TATAR WAlA</t>
  </si>
  <si>
    <t>JAMPUR GARBI</t>
  </si>
  <si>
    <t>Mrs Naseera Begum</t>
  </si>
  <si>
    <t>21734</t>
  </si>
  <si>
    <t>Kinger Wali</t>
  </si>
  <si>
    <t>post office qiam pur ,village kinger wali tehsil kamoke district grw</t>
  </si>
  <si>
    <t>GGPS NO.4 SAHIWAL</t>
  </si>
  <si>
    <t>g.g.p/s ward no 4 sahiwal</t>
  </si>
  <si>
    <t>Mc Sahiwal</t>
  </si>
  <si>
    <t>GES TAHIR BHUTTA</t>
  </si>
  <si>
    <t>Mouza Tahir Bhutta</t>
  </si>
  <si>
    <t>Moaza Tahir Bhutta</t>
  </si>
  <si>
    <t>366w/b</t>
  </si>
  <si>
    <t>Muhammad javed Akhtar</t>
  </si>
  <si>
    <t>GPS CHAK 102/L</t>
  </si>
  <si>
    <t>Chack 102 /1L</t>
  </si>
  <si>
    <t>GPS chack 102/1L PO box chack 103/1L</t>
  </si>
  <si>
    <t>102 /1L</t>
  </si>
  <si>
    <t>Chack 45P</t>
  </si>
  <si>
    <t>M TARIQ JAVED</t>
  </si>
  <si>
    <t>GMPS CHAK NO 485 JB NORTH</t>
  </si>
  <si>
    <t>chak 485 shumali</t>
  </si>
  <si>
    <t>485 Shumali</t>
  </si>
  <si>
    <t>Atia Iram</t>
  </si>
  <si>
    <t>19486</t>
  </si>
  <si>
    <t>GPS CHAK 194 GB</t>
  </si>
  <si>
    <t>chak 194 gb toba tek singh</t>
  </si>
  <si>
    <t>194 Gb</t>
  </si>
  <si>
    <t>GGPS BASTI JAMAL KHAN</t>
  </si>
  <si>
    <t>Lall Ghar</t>
  </si>
  <si>
    <t>basti Jamal kham</t>
  </si>
  <si>
    <t>Jamal Khan</t>
  </si>
  <si>
    <t>Najma Bashir</t>
  </si>
  <si>
    <t>GGES 293/HR</t>
  </si>
  <si>
    <t>293/HR</t>
  </si>
  <si>
    <t>GGES 293/HR, FORTABBAS</t>
  </si>
  <si>
    <t>MEER GHAR</t>
  </si>
  <si>
    <t>Sadia Tabbssum</t>
  </si>
  <si>
    <t>49323</t>
  </si>
  <si>
    <t>GGPS CHAK NO.9 REMOUNT DEPOT</t>
  </si>
  <si>
    <t>Chak 9 Remount  Depot</t>
  </si>
  <si>
    <t>chak no 9 Remount Depot sargodha</t>
  </si>
  <si>
    <t>Chak No 9 Remount depot</t>
  </si>
  <si>
    <t>Khansa islam</t>
  </si>
  <si>
    <t>GPS CHAK NO 70 KB</t>
  </si>
  <si>
    <t>70KB</t>
  </si>
  <si>
    <t>GPS 70 kb</t>
  </si>
  <si>
    <t>70 KB</t>
  </si>
  <si>
    <t>M Shahbaz Badar</t>
  </si>
  <si>
    <t>45945</t>
  </si>
  <si>
    <t>GPS FAQIRAN WALA</t>
  </si>
  <si>
    <t>faqiranwala chidru</t>
  </si>
  <si>
    <t>Faqiranwala</t>
  </si>
  <si>
    <t>14421</t>
  </si>
  <si>
    <t>GMPS ROJHAN NO. 2</t>
  </si>
  <si>
    <t>Chak Dum</t>
  </si>
  <si>
    <t>GMPS # 2 Rojhan</t>
  </si>
  <si>
    <t>Mahala Mochian</t>
  </si>
  <si>
    <t>tahira Shamus</t>
  </si>
  <si>
    <t>others</t>
  </si>
  <si>
    <t>GGES CHAK NO. 175/M</t>
  </si>
  <si>
    <t>175M</t>
  </si>
  <si>
    <t>chak no 175 M dahranwala</t>
  </si>
  <si>
    <t>Chak No175 M</t>
  </si>
  <si>
    <t>167 M</t>
  </si>
  <si>
    <t>GGPS CHAK 332 GB II</t>
  </si>
  <si>
    <t>Chak No 332 GB II</t>
  </si>
  <si>
    <t>chak no 332 GBII</t>
  </si>
  <si>
    <t>Chak No 332 GBII</t>
  </si>
  <si>
    <t>333 GB</t>
  </si>
  <si>
    <t>GGES CHAK NO.315 TDA</t>
  </si>
  <si>
    <t>GGES Chak#315/TDA</t>
  </si>
  <si>
    <t>Chak #315/TDA</t>
  </si>
  <si>
    <t>6816</t>
  </si>
  <si>
    <t>32263</t>
  </si>
  <si>
    <t>GGPS KURLKEY ANDROON</t>
  </si>
  <si>
    <t>GGPS kurlkey androon</t>
  </si>
  <si>
    <t>GPS CHAK NO.9 NB</t>
  </si>
  <si>
    <t>Chak 9 nb</t>
  </si>
  <si>
    <t>chak 9 nb</t>
  </si>
  <si>
    <t>Muhammad  Nawaz Khan</t>
  </si>
  <si>
    <t>GGPS NOOR MAHAL ROAD MUHAMMADIA COLONY</t>
  </si>
  <si>
    <t>Hansra</t>
  </si>
  <si>
    <t>Ggps Muhammadia colony Noor mahal road bwp</t>
  </si>
  <si>
    <t>20084</t>
  </si>
  <si>
    <t>GMPS KANJUWAN</t>
  </si>
  <si>
    <t>Kanjuwan</t>
  </si>
  <si>
    <t>Government Model Primary School Kanjuan</t>
  </si>
  <si>
    <t>GGPS LONGAWALI</t>
  </si>
  <si>
    <t>Longanwali</t>
  </si>
  <si>
    <t>moza longanwali post office noorshah tehsil and district sahiwal</t>
  </si>
  <si>
    <t>GGPS KHARARY</t>
  </si>
  <si>
    <t>near behria golf city.Murree expressway.</t>
  </si>
  <si>
    <t>Salkhaiter</t>
  </si>
  <si>
    <t>Tareat</t>
  </si>
  <si>
    <t>Nafeesa Basharat</t>
  </si>
  <si>
    <t>17589</t>
  </si>
  <si>
    <t>GGPS CHAK 270/JB CHISHTIAN</t>
  </si>
  <si>
    <t>Chak 268</t>
  </si>
  <si>
    <t>chak 270 chistian</t>
  </si>
  <si>
    <t>Chak Chishtian</t>
  </si>
  <si>
    <t>GMPS KANI WALA</t>
  </si>
  <si>
    <t>Kani Wala</t>
  </si>
  <si>
    <t>village Kani Wala tehsil and district kasur</t>
  </si>
  <si>
    <t>Saria Rahman</t>
  </si>
  <si>
    <t>GGPS BASTI KHAIRIAN</t>
  </si>
  <si>
    <t>BASTI KHIARIAN TEHSIL KAROR LAL EASON DISTRICT LAYYAH.</t>
  </si>
  <si>
    <t>BASTI KHARIAN</t>
  </si>
  <si>
    <t>GPS TIBBA KACHHA</t>
  </si>
  <si>
    <t>Tibba kacha</t>
  </si>
  <si>
    <t>GGPS SAMANDARI</t>
  </si>
  <si>
    <t>Mansaram Khas</t>
  </si>
  <si>
    <t>GGPS samandari Wala mouza  mansaram khas</t>
  </si>
  <si>
    <t>Basti Smandari</t>
  </si>
  <si>
    <t>Zeest Rubab</t>
  </si>
  <si>
    <t>GPS CHAK NO.191 EB P/O BUREWALA</t>
  </si>
  <si>
    <t>Chak No. 191 E. B.</t>
  </si>
  <si>
    <t>Chak 191 EB</t>
  </si>
  <si>
    <t>GGPS HUSSAKE SANI</t>
  </si>
  <si>
    <t>Husseki Sani</t>
  </si>
  <si>
    <t>GES CANAL COLONY HEAD PALLA HASILPUR</t>
  </si>
  <si>
    <t>CANAL COLONY HEEAD PALLAH HASILPUR DISTT. BAHAWALPUR</t>
  </si>
  <si>
    <t>CANAL COLONY HEEAD PALLAH</t>
  </si>
  <si>
    <t>Abdul Razzaq Asif</t>
  </si>
  <si>
    <t>GPS BHEKHO MORE</t>
  </si>
  <si>
    <t>vpo bhekho tehsil phalia district m.b.din</t>
  </si>
  <si>
    <t>Bhekho more</t>
  </si>
  <si>
    <t>Umair Hassan</t>
  </si>
  <si>
    <t>51356</t>
  </si>
  <si>
    <t>GGES 35 SP</t>
  </si>
  <si>
    <t>35/Sp</t>
  </si>
  <si>
    <t>khalida jafar</t>
  </si>
  <si>
    <t>GGPS JANDALA</t>
  </si>
  <si>
    <t>village jandala P.O lehtrar tehsil kotli</t>
  </si>
  <si>
    <t>Anila Mussrat</t>
  </si>
  <si>
    <t>GPS SHER SINGH</t>
  </si>
  <si>
    <t>chak sher singh kamalia, T.T Singh</t>
  </si>
  <si>
    <t>sher Singh</t>
  </si>
  <si>
    <t>57/4 TUKRA</t>
  </si>
  <si>
    <t>SOHAIL IQBAL</t>
  </si>
  <si>
    <t>8252</t>
  </si>
  <si>
    <t>govt primary school qadirabad</t>
  </si>
  <si>
    <t>Banwala</t>
  </si>
  <si>
    <t>47291</t>
  </si>
  <si>
    <t>GPS CHAK DOSARI</t>
  </si>
  <si>
    <t>GPS Chack Dosari</t>
  </si>
  <si>
    <t>Chack Dosari</t>
  </si>
  <si>
    <t>Ali Hassnan Shah</t>
  </si>
  <si>
    <t>GPS BLAGGAN</t>
  </si>
  <si>
    <t>tehsil pasrur village balaggan</t>
  </si>
  <si>
    <t>GPS GURAM BAGRAON</t>
  </si>
  <si>
    <t>Goram Baghraon</t>
  </si>
  <si>
    <t>moza goram baghrown teh&amp;distt muzaffargarh</t>
  </si>
  <si>
    <t>Goram Shreef</t>
  </si>
  <si>
    <t>GGES SAIKHUM</t>
  </si>
  <si>
    <t>Govt. girls Elementary School Saikhum, Tehsil Muridke, Distt. Sheikhupura</t>
  </si>
  <si>
    <t>Qila star Shah</t>
  </si>
  <si>
    <t>Sehrish Rasheed</t>
  </si>
  <si>
    <t>38072</t>
  </si>
  <si>
    <t>GGPS CHAK NO.50/M NO 2</t>
  </si>
  <si>
    <t>Ggps 50m2moza salsadar gharwali Lodhran</t>
  </si>
  <si>
    <t>Gharwali</t>
  </si>
  <si>
    <t>Amna Manzoor</t>
  </si>
  <si>
    <t>GPS THATHA WARBHOO</t>
  </si>
  <si>
    <t>Thatha Warbhoo</t>
  </si>
  <si>
    <t>chak no 237 thatha warboo east</t>
  </si>
  <si>
    <t>Chak no 237</t>
  </si>
  <si>
    <t>Chak no 184 Sial</t>
  </si>
  <si>
    <t>Zulfqar Ali</t>
  </si>
  <si>
    <t>54681</t>
  </si>
  <si>
    <t>GPSMACHRALLA Tehsil&amp; District Nankana sahib</t>
  </si>
  <si>
    <t>MACHRALLA</t>
  </si>
  <si>
    <t>GGPS PAHARDAN WALA</t>
  </si>
  <si>
    <t>pharadawala isakhel</t>
  </si>
  <si>
    <t>Rasheeda Bibi</t>
  </si>
  <si>
    <t>GGPS NO.2 SAHIWAL NAI HAVELI</t>
  </si>
  <si>
    <t>Naye Haweli School No 2 Sahiwal</t>
  </si>
  <si>
    <t>GPS DERA FAZAL WALA</t>
  </si>
  <si>
    <t>VPo chan tehsil Noor pur Thal Distt KHUSHAB</t>
  </si>
  <si>
    <t>MUNTAZAR MEHDI</t>
  </si>
  <si>
    <t>GGPS MALAKOKI</t>
  </si>
  <si>
    <t>malkhoki</t>
  </si>
  <si>
    <t>malkhoki badian Road</t>
  </si>
  <si>
    <t>rukhsana Shaheen</t>
  </si>
  <si>
    <t>GGPS DHOK HYDER KHAN</t>
  </si>
  <si>
    <t>Kairi</t>
  </si>
  <si>
    <t>dhok haider Khan village kairi post office lower topa tehsil murree</t>
  </si>
  <si>
    <t>Nazma irshad</t>
  </si>
  <si>
    <t>36999</t>
  </si>
  <si>
    <t>GGPS MUBARAK ABAD, ABDUL HAKIM</t>
  </si>
  <si>
    <t>Ai Chappa</t>
  </si>
  <si>
    <t>Basti Mubarakabad</t>
  </si>
  <si>
    <t>Basti Mubarak Abad</t>
  </si>
  <si>
    <t>Sabeeha  Bano</t>
  </si>
  <si>
    <t>GPS CHAK NO 494 JB</t>
  </si>
  <si>
    <t>Chak No 494 Jb</t>
  </si>
  <si>
    <t>Chak no 494 Jb</t>
  </si>
  <si>
    <t>Chak  No 494 Jb</t>
  </si>
  <si>
    <t>Muhammad Farooq Iqbal</t>
  </si>
  <si>
    <t>GGPS BOKEN</t>
  </si>
  <si>
    <t>adrana</t>
  </si>
  <si>
    <t>GPS CHAK NO 107 NP</t>
  </si>
  <si>
    <t>Chak 107/NP</t>
  </si>
  <si>
    <t>Chak No 107/NP P/O Nawan kot tehsil KPR RYK</t>
  </si>
  <si>
    <t>Chak 107 NP</t>
  </si>
  <si>
    <t>GES CHAK 158 GB KHAKHAN</t>
  </si>
  <si>
    <t>chak 158gb gojra</t>
  </si>
  <si>
    <t>158gb Gojra</t>
  </si>
  <si>
    <t>GGCMS CHAK NO. 297/HR</t>
  </si>
  <si>
    <t>297/hr</t>
  </si>
  <si>
    <t>chak no 297-H.R,teh,fort abbas district bahawalnagar</t>
  </si>
  <si>
    <t>Amtarrakeeb</t>
  </si>
  <si>
    <t>35623</t>
  </si>
  <si>
    <t>GPS CHAK 168/WB PANDA WALI</t>
  </si>
  <si>
    <t>Chak Langah</t>
  </si>
  <si>
    <t>chak no.168/WB  PANDEY WALY</t>
  </si>
  <si>
    <t>168/WB PANDEY Wali  WALY</t>
  </si>
  <si>
    <t>158/WB</t>
  </si>
  <si>
    <t>GGPS KUDLATHI</t>
  </si>
  <si>
    <t>kudlathi</t>
  </si>
  <si>
    <t>GPS 120/13 AL</t>
  </si>
  <si>
    <t>120/13Al</t>
  </si>
  <si>
    <t>chak no 120/13 Al</t>
  </si>
  <si>
    <t>114/ 7R</t>
  </si>
  <si>
    <t>GGPS MC G-BLOCK</t>
  </si>
  <si>
    <t>ablock near arbia islamia</t>
  </si>
  <si>
    <t>Ward No 38</t>
  </si>
  <si>
    <t>Nasreen Akhtarlkram</t>
  </si>
  <si>
    <t>GPS RANJIAN WALA</t>
  </si>
  <si>
    <t>Ranjhiawala</t>
  </si>
  <si>
    <t>chak ranjhiawala, teh kamalia</t>
  </si>
  <si>
    <t>Chak 738 East</t>
  </si>
  <si>
    <t>739 GB Jakhar</t>
  </si>
  <si>
    <t>GPS QUTAB AWAN</t>
  </si>
  <si>
    <t>Qutab</t>
  </si>
  <si>
    <t>moza qutab po mandi shah jewana tehsil and district jhang</t>
  </si>
  <si>
    <t>Noor Ul Zaman Shah</t>
  </si>
  <si>
    <t>GMPS GHABI</t>
  </si>
  <si>
    <t>Gebi</t>
  </si>
  <si>
    <t>Gebi P/O Buda Goraya tehsil noshera  virkan distt Gujranwala</t>
  </si>
  <si>
    <t>Mari bhindran</t>
  </si>
  <si>
    <t>Fizzah Batool</t>
  </si>
  <si>
    <t>33055</t>
  </si>
  <si>
    <t>GGPS KOT HIDAYAT</t>
  </si>
  <si>
    <t>Kot Hidayat</t>
  </si>
  <si>
    <t>kot hidayat post office 10/63 disst. nankana sahib</t>
  </si>
  <si>
    <t>Adeela Nosheen</t>
  </si>
  <si>
    <t>36151</t>
  </si>
  <si>
    <t>GGES 74 WB</t>
  </si>
  <si>
    <t>74 Wb</t>
  </si>
  <si>
    <t>gges 74 wb vehari</t>
  </si>
  <si>
    <t>78 Wb</t>
  </si>
  <si>
    <t>Mahnaz Iram</t>
  </si>
  <si>
    <t>37443</t>
  </si>
  <si>
    <t>GES 54/15-L, MIAN CHANNU</t>
  </si>
  <si>
    <t>54/15 L</t>
  </si>
  <si>
    <t>Chak No.54/15.L,Tehsil Mian Channu,District Khanewal</t>
  </si>
  <si>
    <t>Chak No 57/15 L</t>
  </si>
  <si>
    <t>GGPS CHAK NO. 116/TDA</t>
  </si>
  <si>
    <t>olakh</t>
  </si>
  <si>
    <t>GGPS 116/TDA karor lal eason district layyah</t>
  </si>
  <si>
    <t>116/tDA</t>
  </si>
  <si>
    <t>GHULAM ZAHRA</t>
  </si>
  <si>
    <t>47772</t>
  </si>
  <si>
    <t>GGES KETANE WALA KUNDIAN</t>
  </si>
  <si>
    <t>GGES keetan wala kundian</t>
  </si>
  <si>
    <t>Afreen kausar</t>
  </si>
  <si>
    <t>GGPS MIR KHAN MAHMOONKA</t>
  </si>
  <si>
    <t>mir khan mahmoonka</t>
  </si>
  <si>
    <t>Mir Khan Mahmoonka</t>
  </si>
  <si>
    <t>Jagga Bloach</t>
  </si>
  <si>
    <t>Mehwish Shahbaz</t>
  </si>
  <si>
    <t>shamsabad p/o hatheji</t>
  </si>
  <si>
    <t>Muhammad Jalil Bhatti</t>
  </si>
  <si>
    <t>32254</t>
  </si>
  <si>
    <t>GGPS BADO MURADAY</t>
  </si>
  <si>
    <t>Bado Muraday</t>
  </si>
  <si>
    <t>GGPS Bado muraday SKP</t>
  </si>
  <si>
    <t>GGPS BAHOO WALA QADIRPUR RAWAN</t>
  </si>
  <si>
    <t>Bahoowala</t>
  </si>
  <si>
    <t>motorway rawan byass mu
tan</t>
  </si>
  <si>
    <t>Bahoo Wala</t>
  </si>
  <si>
    <t>34819</t>
  </si>
  <si>
    <t>GES HOOT WALA BASTI HAVELI AMIN</t>
  </si>
  <si>
    <t>Basti haveli Ameen Mouza hootwala jalalpurpir wala</t>
  </si>
  <si>
    <t>Haveli Ameen</t>
  </si>
  <si>
    <t>M Yameen Ameer</t>
  </si>
  <si>
    <t>GGES 258/HL</t>
  </si>
  <si>
    <t>258HL</t>
  </si>
  <si>
    <t>Chak No. 258hl Fortabbas</t>
  </si>
  <si>
    <t>258hl</t>
  </si>
  <si>
    <t>Bushra Farid</t>
  </si>
  <si>
    <t>GPS MOZA KHEW</t>
  </si>
  <si>
    <t>GPS MOZA KHEW MANKERA</t>
  </si>
  <si>
    <t>GGPS MEHMONWALI</t>
  </si>
  <si>
    <t>Mahmowali</t>
  </si>
  <si>
    <t>GGPS Memonwali</t>
  </si>
  <si>
    <t>49177</t>
  </si>
  <si>
    <t>GGCMS CHAK NO.23 SB SGD</t>
  </si>
  <si>
    <t>chak No 23SB</t>
  </si>
  <si>
    <t>Chak No 23SB</t>
  </si>
  <si>
    <t>Sahib Khatoon</t>
  </si>
  <si>
    <t>GGPS CHAK NO 32 3R</t>
  </si>
  <si>
    <t>32  3/r</t>
  </si>
  <si>
    <t>GGPS 32  3/r tehsil  haroonabad  Distt Bahawalnagar</t>
  </si>
  <si>
    <t>33   3/r</t>
  </si>
  <si>
    <t>Erum Imtiaz</t>
  </si>
  <si>
    <t>GGPS PAHAR PUR NASHAIB</t>
  </si>
  <si>
    <t>PAHAR PUR NASHAIB</t>
  </si>
  <si>
    <t>BASTI KALALR</t>
  </si>
  <si>
    <t>GGES CHAK NO.6 ML</t>
  </si>
  <si>
    <t>Chak No 6 ML</t>
  </si>
  <si>
    <t>GGES kChak no 6 ML</t>
  </si>
  <si>
    <t>Hafiza Fozia Tabbsam</t>
  </si>
  <si>
    <t>GMPS MOHAR</t>
  </si>
  <si>
    <t>mohar, teh.NWR district GRW</t>
  </si>
  <si>
    <t>Mohar</t>
  </si>
  <si>
    <t>Shamsa Dhahda</t>
  </si>
  <si>
    <t>Shafaaqat Ali</t>
  </si>
  <si>
    <t>GGMPS PAHI WALA</t>
  </si>
  <si>
    <t>Kotmubarak</t>
  </si>
  <si>
    <t>Pahi wala,mouza kot mubarik</t>
  </si>
  <si>
    <t>Pahi Wala</t>
  </si>
  <si>
    <t>Bahadurgarh</t>
  </si>
  <si>
    <t>Aqsa Batool</t>
  </si>
  <si>
    <t>18561</t>
  </si>
  <si>
    <t>GGES CHAK 245 GB TALWANDI</t>
  </si>
  <si>
    <t>Chak No 245 G B</t>
  </si>
  <si>
    <t>chak no 245G.B.Talwandi</t>
  </si>
  <si>
    <t>Chak no 245GBTalwandino 245GBTalwandi  245GBTalwan</t>
  </si>
  <si>
    <t>Chak no 245GBTalwandino 245GBTalwandino 245GBTalwandi  245GBTalwandi245GBTalwandi</t>
  </si>
  <si>
    <t>Sabila Afzal</t>
  </si>
  <si>
    <t>Hafiza Jamil Fatima</t>
  </si>
  <si>
    <t>mouza meeran pur basti mulan wala p/o mahra city..</t>
  </si>
  <si>
    <t>Mullan wala</t>
  </si>
  <si>
    <t>Usman korya</t>
  </si>
  <si>
    <t>45847</t>
  </si>
  <si>
    <t>GPS NAWAN LOK KATHA SAGHRAL</t>
  </si>
  <si>
    <t>katha saghral</t>
  </si>
  <si>
    <t>GPS LAHLA JOHLA (April-2016)</t>
  </si>
  <si>
    <t>Lahla Johla</t>
  </si>
  <si>
    <t>moza lahla johla Tehsil and disst jhang</t>
  </si>
  <si>
    <t>Chah Milyana</t>
  </si>
  <si>
    <t>22846</t>
  </si>
  <si>
    <t>GGPS LABH SINGH WEST</t>
  </si>
  <si>
    <t>labh Singh West</t>
  </si>
  <si>
    <t>Chak labh singh teh n distt bwn</t>
  </si>
  <si>
    <t>Teku Ram Pura</t>
  </si>
  <si>
    <t>51423</t>
  </si>
  <si>
    <t>GPS BARA</t>
  </si>
  <si>
    <t>bara</t>
  </si>
  <si>
    <t>moza bara</t>
  </si>
  <si>
    <t>kalayana</t>
  </si>
  <si>
    <t>NIAZ AHMAD</t>
  </si>
  <si>
    <t>39096</t>
  </si>
  <si>
    <t>GPS 50 KB</t>
  </si>
  <si>
    <t>Chak no 50/KB</t>
  </si>
  <si>
    <t>chak no 50/ KB</t>
  </si>
  <si>
    <t>GGCMS FAROOQ ABAD</t>
  </si>
  <si>
    <t>G G C M S Farooq Abad litra</t>
  </si>
  <si>
    <t>farooq Abad litra</t>
  </si>
  <si>
    <t>Aqila Begum</t>
  </si>
  <si>
    <t>GGPS DERA GHULAM SHABIR</t>
  </si>
  <si>
    <t>mochi wala</t>
  </si>
  <si>
    <t>basti gurman p/o basti aiazi mochi wala karor lal eason district layyah</t>
  </si>
  <si>
    <t>basti gurmani</t>
  </si>
  <si>
    <t>Asia Amir</t>
  </si>
  <si>
    <t>GGPS BAGH WALA (NEW)</t>
  </si>
  <si>
    <t>Sohiya Thall</t>
  </si>
  <si>
    <t>moza sohiya thall, chah bagh wala</t>
  </si>
  <si>
    <t>Chah Bagh Wala</t>
  </si>
  <si>
    <t>GGPS 154/3-L SHARQI</t>
  </si>
  <si>
    <t>154 /3L East</t>
  </si>
  <si>
    <t>G.G.P . S154 3/L east</t>
  </si>
  <si>
    <t>154 3/L East</t>
  </si>
  <si>
    <t>152 /2L</t>
  </si>
  <si>
    <t>Kousar Malik</t>
  </si>
  <si>
    <t>GGPS GAJAR WALA</t>
  </si>
  <si>
    <t>khanpur</t>
  </si>
  <si>
    <t>khanpur junubi p/o 73tda bhakkar</t>
  </si>
  <si>
    <t>khanpur junubi</t>
  </si>
  <si>
    <t>GGPS CHAK KAMAIRIAN</t>
  </si>
  <si>
    <t>Kameerian</t>
  </si>
  <si>
    <t>GGPS kameerian</t>
  </si>
  <si>
    <t>Jagga Bloch</t>
  </si>
  <si>
    <t>Shukra Perveen</t>
  </si>
  <si>
    <t>GGPS CHAK NO.1 RAKH DHAREMA</t>
  </si>
  <si>
    <t>chak1 rakh dharema</t>
  </si>
  <si>
    <t>Chak1 Rakh Dharema</t>
  </si>
  <si>
    <t>Tayyaba Manzoor</t>
  </si>
  <si>
    <t>GGES CHAK NO.173/7-R (W)</t>
  </si>
  <si>
    <t>173/ 7r7r west</t>
  </si>
  <si>
    <t>173/ 7.r west</t>
  </si>
  <si>
    <t>173/7r7r west</t>
  </si>
  <si>
    <t>Sobia tabassum</t>
  </si>
  <si>
    <t>GGES 116/9-L</t>
  </si>
  <si>
    <t>ada shabeel 116/9L</t>
  </si>
  <si>
    <t>116/9L</t>
  </si>
  <si>
    <t>Buddhakko</t>
  </si>
  <si>
    <t>Rehana Qammer</t>
  </si>
  <si>
    <t>GPS DERA LUNDOO</t>
  </si>
  <si>
    <t>GPS Dera Lundoo</t>
  </si>
  <si>
    <t>Dera Lundoo</t>
  </si>
  <si>
    <t>Muhammad Ihsan Khalid Jahangir</t>
  </si>
  <si>
    <t>GPS CHAK 351 GB</t>
  </si>
  <si>
    <t>Chak 351 GB</t>
  </si>
  <si>
    <t>Chak 295 GB</t>
  </si>
  <si>
    <t>GMPS BASTI GHULAM ALI</t>
  </si>
  <si>
    <t>Ghulam Ali tehsil chishtian disstict bahawalngr</t>
  </si>
  <si>
    <t>Dullah Badhera</t>
  </si>
  <si>
    <t>GGES AFZAL KHAN SHIKRANI NO.2</t>
  </si>
  <si>
    <t>Mahi Tibba</t>
  </si>
  <si>
    <t>basti haji ghulam akber  mouza mahi tibba post office Mubarak pur tehsil Ahmed pur east dist bahawalpur</t>
  </si>
  <si>
    <t>Haji Ghulam Akber</t>
  </si>
  <si>
    <t>Jannuwala</t>
  </si>
  <si>
    <t>GGPS CHAK NO 229 TDA</t>
  </si>
  <si>
    <t>GGPS 229/TDA, Tehsil Karor District Layyah</t>
  </si>
  <si>
    <t>Chak No 229/TDA</t>
  </si>
  <si>
    <t>Fateh Pur  Rural</t>
  </si>
  <si>
    <t>Bano Akhtar</t>
  </si>
  <si>
    <t>24293</t>
  </si>
  <si>
    <t>44751</t>
  </si>
  <si>
    <t>GGPS DERA AZIZ QURESHI</t>
  </si>
  <si>
    <t>dera aziz quershi p/o khansar tehsil and district bhakkar</t>
  </si>
  <si>
    <t>Dera Aziz Quershi</t>
  </si>
  <si>
    <t>GGES RODA SINGH NO.1</t>
  </si>
  <si>
    <t>G.G E/S RODA Singh TEHSIL &amp; DIST B W N</t>
  </si>
  <si>
    <t>Mussarat Tahira</t>
  </si>
  <si>
    <t>17903</t>
  </si>
  <si>
    <t>GPS umar kot p/o kot khan tehsil and District jhang</t>
  </si>
  <si>
    <t>49228</t>
  </si>
  <si>
    <t>GGPS CHAK NO.104 SB</t>
  </si>
  <si>
    <t>Chak 104 SB</t>
  </si>
  <si>
    <t>GGPS 104 SB sargodha</t>
  </si>
  <si>
    <t>Chak 109 SB</t>
  </si>
  <si>
    <t>Tayyaba Rustum</t>
  </si>
  <si>
    <t>GPS BOSAN UTTAR MULTAN</t>
  </si>
  <si>
    <t>basti bosan uttar</t>
  </si>
  <si>
    <t>Bosan Uttar</t>
  </si>
  <si>
    <t>42687</t>
  </si>
  <si>
    <t>GGCMS BUDDHA</t>
  </si>
  <si>
    <t>Buddha</t>
  </si>
  <si>
    <t>G.G.C.M.S.Buddha</t>
  </si>
  <si>
    <t>Sherejhangar</t>
  </si>
  <si>
    <t>Far hat Mehmood</t>
  </si>
  <si>
    <t>37719</t>
  </si>
  <si>
    <t>GGPS 128/15-L</t>
  </si>
  <si>
    <t>128/15-l</t>
  </si>
  <si>
    <t>chak # 128/15-l mian channu khanewal</t>
  </si>
  <si>
    <t>Gulnaz Kousar</t>
  </si>
  <si>
    <t>GGES ALI PUR SADAT</t>
  </si>
  <si>
    <t>basti ali pur sadat</t>
  </si>
  <si>
    <t>GGPS CHAK NO. 145/6-R</t>
  </si>
  <si>
    <t>145/6r</t>
  </si>
  <si>
    <t>CHAK no. 145/6.r</t>
  </si>
  <si>
    <t>Sakhia Khalid</t>
  </si>
  <si>
    <t>GGPS KHAI KULIA</t>
  </si>
  <si>
    <t>Khai Kulia</t>
  </si>
  <si>
    <t>GGPS Khai Kulia Tehsil &amp;Distt Jhelum</t>
  </si>
  <si>
    <t>GGES KALYAR</t>
  </si>
  <si>
    <t>GGES kalyar Farooka</t>
  </si>
  <si>
    <t>Fareeda Kazmi</t>
  </si>
  <si>
    <t>GGPS WAHI MOCHIAN</t>
  </si>
  <si>
    <t>Wahi Michian Mouchiaan</t>
  </si>
  <si>
    <t>bre baste wahi mochian</t>
  </si>
  <si>
    <t>GMPS TRIGERY SHARIF</t>
  </si>
  <si>
    <t>trigri sharif</t>
  </si>
  <si>
    <t>trigri sharif po box ranyki nagra teh daska dist sialkot</t>
  </si>
  <si>
    <t>seokey</t>
  </si>
  <si>
    <t>GGPS NOOR AHMED WALI</t>
  </si>
  <si>
    <t>Post Office Mangrotha East</t>
  </si>
  <si>
    <t>Misbah Khan</t>
  </si>
  <si>
    <t>GGPS JAWAHRAN WALI</t>
  </si>
  <si>
    <t>Soraj Gang</t>
  </si>
  <si>
    <t>basti jawahranwali bwn, punjab, Pakistan.</t>
  </si>
  <si>
    <t>Jawahranwali</t>
  </si>
  <si>
    <t>Arshad Akhter</t>
  </si>
  <si>
    <t>54352</t>
  </si>
  <si>
    <t>GPS SHAFI CHANG</t>
  </si>
  <si>
    <t>basti shafi chang</t>
  </si>
  <si>
    <t>Shafi Chang</t>
  </si>
  <si>
    <t>Abdul Jubbar Nasir</t>
  </si>
  <si>
    <t>GGES 13/D, ABDUL HAKIM</t>
  </si>
  <si>
    <t>Chak No 13 D</t>
  </si>
  <si>
    <t>chak no.13D</t>
  </si>
  <si>
    <t>water suplly conection</t>
  </si>
  <si>
    <t>42087</t>
  </si>
  <si>
    <t>GPS BASEERA</t>
  </si>
  <si>
    <t>Village baseera,tehsil taxila , district Rawalpindi.</t>
  </si>
  <si>
    <t>GES CHAK NO. 29/1-AL</t>
  </si>
  <si>
    <t>Chak 29/1.A.L</t>
  </si>
  <si>
    <t>GES Chak 29/1.A.L</t>
  </si>
  <si>
    <t>Chak 25/1.A.L</t>
  </si>
  <si>
    <t>GPS CHAK 378 JB</t>
  </si>
  <si>
    <t>378 Jb</t>
  </si>
  <si>
    <t>Chak no 378 jb</t>
  </si>
  <si>
    <t>Chak No 378 JB</t>
  </si>
  <si>
    <t>375 JB</t>
  </si>
  <si>
    <t>GGPS FAYYAZ ABAD NO.2</t>
  </si>
  <si>
    <t>Basti sial moza Qaiser  ghazlani</t>
  </si>
  <si>
    <t>Mryum Bibi</t>
  </si>
  <si>
    <t>33948</t>
  </si>
  <si>
    <t>GGES HAYAT KHAN WALA SHUJA ABAD</t>
  </si>
  <si>
    <t>Basti Mitho</t>
  </si>
  <si>
    <t>Hayat khan wala, moza basti mitho shrqi, tehsil shuja bad, district multan.</t>
  </si>
  <si>
    <t>Robina Kareem</t>
  </si>
  <si>
    <t>24806</t>
  </si>
  <si>
    <t>GMES BUTTER</t>
  </si>
  <si>
    <t>Butter Sialkot</t>
  </si>
  <si>
    <t>village Butter P.O addahTeh and District sialkot</t>
  </si>
  <si>
    <t>GPS CHOORRI</t>
  </si>
  <si>
    <t>Haitu No 1</t>
  </si>
  <si>
    <t>GPS Choori P/O Saeed wala Tehsil kallur kot district Bhakkar.</t>
  </si>
  <si>
    <t>Choori</t>
  </si>
  <si>
    <t>Both hand pump and electrict pump</t>
  </si>
  <si>
    <t>chah lodiwala</t>
  </si>
  <si>
    <t>Syed Ghazanfar Ali Shah</t>
  </si>
  <si>
    <t>GES DEPOKEY</t>
  </si>
  <si>
    <t>Depoke p/o same teh zafarwal distt narowal</t>
  </si>
  <si>
    <t>Naseem ullah</t>
  </si>
  <si>
    <t>Govt.girls primary school kudlathi</t>
  </si>
  <si>
    <t>Lakbadar</t>
  </si>
  <si>
    <t>Surraya Nighat</t>
  </si>
  <si>
    <t>GES ADREHMA</t>
  </si>
  <si>
    <t>Adrehman</t>
  </si>
  <si>
    <t>P.o Adrehman Tehsil kotmomin district Sargodha</t>
  </si>
  <si>
    <t>Halal pur</t>
  </si>
  <si>
    <t>AMJAD IKRAM</t>
  </si>
  <si>
    <t>GMPS FIRDOUS PURA</t>
  </si>
  <si>
    <t>Firdous pura</t>
  </si>
  <si>
    <t>fardospura tehsil sambrial distic sialkot</t>
  </si>
  <si>
    <t>Alewali</t>
  </si>
  <si>
    <t>Shahida Mughal</t>
  </si>
  <si>
    <t>GGPS 143/6-R</t>
  </si>
  <si>
    <t>chak no 143/6 r</t>
  </si>
  <si>
    <t>143/6 r</t>
  </si>
  <si>
    <t>Sadia Tehreem</t>
  </si>
  <si>
    <t>37163</t>
  </si>
  <si>
    <t>GES 92/10-R, P/O 93/10-R, KHANEWAL</t>
  </si>
  <si>
    <t>PO 93/10R , chak 92/10 R</t>
  </si>
  <si>
    <t>Chak 92/10R</t>
  </si>
  <si>
    <t>GGPS WARIS ABAD WARIS ABAD SHUJABAD</t>
  </si>
  <si>
    <t>chak waris abad shujabad district multan</t>
  </si>
  <si>
    <t>Waris Abad</t>
  </si>
  <si>
    <t>Madiha Saadat</t>
  </si>
  <si>
    <t>44967</t>
  </si>
  <si>
    <t>GPS ROHILLA SHARQI</t>
  </si>
  <si>
    <t>maibal shareef</t>
  </si>
  <si>
    <t>Govt P/S Rohilla sharqi</t>
  </si>
  <si>
    <t>wadhay wala</t>
  </si>
  <si>
    <t>Maibal shareef</t>
  </si>
  <si>
    <t>Izhar Ul Hassan</t>
  </si>
  <si>
    <t>GGPS PLAY</t>
  </si>
  <si>
    <t>Thoon Pallay</t>
  </si>
  <si>
    <t>village pallay  p/o  brohi teh kotli sattian dist rawalpindi</t>
  </si>
  <si>
    <t>GGPS TALA SHARQ</t>
  </si>
  <si>
    <t>dhok Jhabar</t>
  </si>
  <si>
    <t>ggps talagang sharq</t>
  </si>
  <si>
    <t>Dhok Jhabar</t>
  </si>
  <si>
    <t>GPS DAIRY FARM</t>
  </si>
  <si>
    <t>Mamoon Abad</t>
  </si>
  <si>
    <t>Mouza mamoon abad post office Uch shareef tehsil Ahmad pur East District bwp</t>
  </si>
  <si>
    <t>Mahmood Alam</t>
  </si>
  <si>
    <t>39813</t>
  </si>
  <si>
    <t>GPS DHOK JALLO</t>
  </si>
  <si>
    <t>village jallo gt road</t>
  </si>
  <si>
    <t>GGPS SHADIWAL SHARQI</t>
  </si>
  <si>
    <t>shadiwal moh. chourkey</t>
  </si>
  <si>
    <t>27765</t>
  </si>
  <si>
    <t>GGPS AHALI BOSAL</t>
  </si>
  <si>
    <t>Ahali Bosal</t>
  </si>
  <si>
    <t>Chak Riab</t>
  </si>
  <si>
    <t>54919</t>
  </si>
  <si>
    <t>GPS LAKHIA</t>
  </si>
  <si>
    <t>lakhia</t>
  </si>
  <si>
    <t>Nabila Sajid</t>
  </si>
  <si>
    <t>GPS WANDHA GHALAY KHEL</t>
  </si>
  <si>
    <t>Govt primary school GHALEY KHEL,</t>
  </si>
  <si>
    <t>GHALEY Khel</t>
  </si>
  <si>
    <t>Taj Mehboob</t>
  </si>
  <si>
    <t>GGPS BHUKHI MUSTAFAABAD</t>
  </si>
  <si>
    <t>Bhukhi</t>
  </si>
  <si>
    <t>Village &amp; P. O Mustafabad teh Naushera Distt. Khushab</t>
  </si>
  <si>
    <t>shabanakanwal</t>
  </si>
  <si>
    <t>35173</t>
  </si>
  <si>
    <t>33161</t>
  </si>
  <si>
    <t>GGPS JAG DA CHAK</t>
  </si>
  <si>
    <t>Jag Da Chak</t>
  </si>
  <si>
    <t>Jag Da Chak p/0 Haft Mudder NNS</t>
  </si>
  <si>
    <t>Saleem Pur Paka</t>
  </si>
  <si>
    <t>Jamila Tufail</t>
  </si>
  <si>
    <t>GGPS KALU PIND</t>
  </si>
  <si>
    <t>Kalupind</t>
  </si>
  <si>
    <t>ggps kalupind</t>
  </si>
  <si>
    <t>Sumbul Gul</t>
  </si>
  <si>
    <t>jogi wala</t>
  </si>
  <si>
    <t>GPS KACHA FARID ABAD</t>
  </si>
  <si>
    <t>p/o kot mithan mauza wang uc rakh dama teh rajan pur</t>
  </si>
  <si>
    <t>Chakk Malhnas</t>
  </si>
  <si>
    <t>GGPS BALEKE KHURD</t>
  </si>
  <si>
    <t>Baleke khurd</t>
  </si>
  <si>
    <t>Musarrat Iqbal</t>
  </si>
  <si>
    <t>43199</t>
  </si>
  <si>
    <t>GPS CHAK NO.120/DNB</t>
  </si>
  <si>
    <t>chak no120dnb tehsil yazman dist bwp</t>
  </si>
  <si>
    <t>120dnb</t>
  </si>
  <si>
    <t>Hussnain Ali</t>
  </si>
  <si>
    <t>GGPS CHAK NO.33 NB</t>
  </si>
  <si>
    <t>33 Nb</t>
  </si>
  <si>
    <t>ggps33nb</t>
  </si>
  <si>
    <t>Nurmeen Muqadas</t>
  </si>
  <si>
    <t>GGES NAWAN LOK</t>
  </si>
  <si>
    <t>Nawan Lok</t>
  </si>
  <si>
    <t>Nawan Lok tehsil &amp; DISTRICT MANDIBAHAUDDIN</t>
  </si>
  <si>
    <t>Ummara Siddiqua</t>
  </si>
  <si>
    <t>GGPS CHAK NO 145 RB 111</t>
  </si>
  <si>
    <t>Ward Pur</t>
  </si>
  <si>
    <t>chak #145 rb ward pur tehsil Jhumra district Fsd</t>
  </si>
  <si>
    <t>145 RB</t>
  </si>
  <si>
    <t>15243</t>
  </si>
  <si>
    <t>45442</t>
  </si>
  <si>
    <t>GPS RAKH DAGGARAN WALI LOT NO 34</t>
  </si>
  <si>
    <t>Rakh Daggran Wali</t>
  </si>
  <si>
    <t>Rakh Daggran Wali lot no 34</t>
  </si>
  <si>
    <t>Lot No 34</t>
  </si>
  <si>
    <t>GGPS GUJAR KOTLA</t>
  </si>
  <si>
    <t>Gujjarkotla</t>
  </si>
  <si>
    <t>village Gujjar Kotla  p.o  Guliana tehsil kharian disst Gujrat</t>
  </si>
  <si>
    <t>GPS CHAK NO 444 TDA (MANJHI WALA)</t>
  </si>
  <si>
    <t>Chah majhi wala, moza Nawankot Tehsil Choubara Layyah</t>
  </si>
  <si>
    <t>40441</t>
  </si>
  <si>
    <t>GGPS DHOK BAGH</t>
  </si>
  <si>
    <t>Dhok Bagh</t>
  </si>
  <si>
    <t>dhok Bagh</t>
  </si>
  <si>
    <t>Sadia Riffat</t>
  </si>
  <si>
    <t>GGPS MOHRA MUZA GHANOIAN</t>
  </si>
  <si>
    <t>Ghanoyian</t>
  </si>
  <si>
    <t>vill-ghanoyian pob lehtrar kotli sattian rawalpindi</t>
  </si>
  <si>
    <t>Ghanoyiian</t>
  </si>
  <si>
    <t>Zahida Zafar</t>
  </si>
  <si>
    <t>potha sharif, tehsil Murree, district rawal pindi</t>
  </si>
  <si>
    <t>Surrayia Khanam</t>
  </si>
  <si>
    <t>GGPS 107/9-L</t>
  </si>
  <si>
    <t>107/9l</t>
  </si>
  <si>
    <t>G.G.P.S 107/9l</t>
  </si>
  <si>
    <t>Chak No 107/9l</t>
  </si>
  <si>
    <t>Samreen</t>
  </si>
  <si>
    <t>GGES MURAD PUR JANUBI</t>
  </si>
  <si>
    <t>MURAD Pur JANOBI</t>
  </si>
  <si>
    <t>basti khizra abad p/o khair pur Sadat</t>
  </si>
  <si>
    <t>Khizra Abad</t>
  </si>
  <si>
    <t>Saira Qadeer</t>
  </si>
  <si>
    <t>46459</t>
  </si>
  <si>
    <t>GPS GHAZI KHAIL</t>
  </si>
  <si>
    <t>dera ghazi khail teh.quaidabad distt.khushab</t>
  </si>
  <si>
    <t>Dera Ghazi Khail</t>
  </si>
  <si>
    <t>FATEH MUHAMMAD</t>
  </si>
  <si>
    <t>GGES RASHIDA</t>
  </si>
  <si>
    <t>moza rashida tehsil &amp; district chiniot</t>
  </si>
  <si>
    <t>Quratulain Sarfraz</t>
  </si>
  <si>
    <t>50934</t>
  </si>
  <si>
    <t>36587</t>
  </si>
  <si>
    <t>GES INAYAT PUR, P/O HAJI PUR, KABIRWALA</t>
  </si>
  <si>
    <t>Inyatpur</t>
  </si>
  <si>
    <t>inyatpur p/o hajipur tehsil kabirwala kwl</t>
  </si>
  <si>
    <t>Wajid Manhood Sajjad</t>
  </si>
  <si>
    <t>GGES CHAK NO.2 SB</t>
  </si>
  <si>
    <t>2sb</t>
  </si>
  <si>
    <t>GGES 2sb</t>
  </si>
  <si>
    <t>2 Sb</t>
  </si>
  <si>
    <t>Sidra Khanum</t>
  </si>
  <si>
    <t>GMES 126/10-R, JAHANIAN</t>
  </si>
  <si>
    <t>126/10-R</t>
  </si>
  <si>
    <t>Chak No.126/10-R Jahanian Dist Khamewal</t>
  </si>
  <si>
    <t>Henna Andleeb</t>
  </si>
  <si>
    <t>GES CHAK 255 GB KALAN</t>
  </si>
  <si>
    <t>Madahpur</t>
  </si>
  <si>
    <t>Chak No.255 GB Toba Tek Singh</t>
  </si>
  <si>
    <t>183 GB Miankot</t>
  </si>
  <si>
    <t>ABAID ULLAH</t>
  </si>
  <si>
    <t>GGPS DANAN</t>
  </si>
  <si>
    <t>Dannan</t>
  </si>
  <si>
    <t>ggps Dannan</t>
  </si>
  <si>
    <t>Rozeena Pervez</t>
  </si>
  <si>
    <t>21456</t>
  </si>
  <si>
    <t>GPS DALIAN WALI</t>
  </si>
  <si>
    <t>Dalianwali</t>
  </si>
  <si>
    <t>Rana Gulraiz Mustafa</t>
  </si>
  <si>
    <t>GGPS CHAK NO.139 SB</t>
  </si>
  <si>
    <t>chak no 139SB tehsil Sillanwali district Sargodha</t>
  </si>
  <si>
    <t>chak no 139SB</t>
  </si>
  <si>
    <t>chak no 136SB</t>
  </si>
  <si>
    <t>Neelam Hafeez</t>
  </si>
  <si>
    <t>44356</t>
  </si>
  <si>
    <t>GGPS TUBEWEL BAGUM AYESHA</t>
  </si>
  <si>
    <t>Noshehra Psthana</t>
  </si>
  <si>
    <t>Dera CH  Nazir ahmad</t>
  </si>
  <si>
    <t>Tubewel Begum Ayesha</t>
  </si>
  <si>
    <t>Shabnum Shahzadi</t>
  </si>
  <si>
    <t>GPS ISLAMPUR  SEHANIAN</t>
  </si>
  <si>
    <t>sehnian afghana</t>
  </si>
  <si>
    <t>Sehnian</t>
  </si>
  <si>
    <t>Qasir Abbas</t>
  </si>
  <si>
    <t>GPS JHAMET</t>
  </si>
  <si>
    <t>Adda Begowala Tehsil sambrial district sialkot</t>
  </si>
  <si>
    <t>Ali Rizwan</t>
  </si>
  <si>
    <t>GPS SHAIKHAN</t>
  </si>
  <si>
    <t>sheikhan</t>
  </si>
  <si>
    <t>Gps shekhan moza sheikhan tehsil lalian district chiniot</t>
  </si>
  <si>
    <t>Imran Ali Jafar</t>
  </si>
  <si>
    <t>GGPS MEHMOODA JODHEKA</t>
  </si>
  <si>
    <t>Mehmoodajodhek</t>
  </si>
  <si>
    <t>Mehmoodajodheka</t>
  </si>
  <si>
    <t>Rehanakoser</t>
  </si>
  <si>
    <t>GPS SOJHLA TANWARI</t>
  </si>
  <si>
    <t>Sojhla tanwari</t>
  </si>
  <si>
    <t>mohallah quresh abad tehsil ahmad pur east</t>
  </si>
  <si>
    <t>Khuram pur</t>
  </si>
  <si>
    <t>51820</t>
  </si>
  <si>
    <t>GES 143 EB PO 143 EB</t>
  </si>
  <si>
    <t>Chak no 143 EB tehsil arifwala District pakpattan</t>
  </si>
  <si>
    <t>143EB</t>
  </si>
  <si>
    <t>abdul wahid</t>
  </si>
  <si>
    <t>GPS THATHI MEHRANI</t>
  </si>
  <si>
    <t>Bela Sher</t>
  </si>
  <si>
    <t>Bela sher p/o kot shakir</t>
  </si>
  <si>
    <t>KHALID-MAHMOOD</t>
  </si>
  <si>
    <t>GGPS CHAK NO. 59 MB</t>
  </si>
  <si>
    <t>chak 59 mb</t>
  </si>
  <si>
    <t>GGPS CHAK NO.59 MB</t>
  </si>
  <si>
    <t>63 m b</t>
  </si>
  <si>
    <t>Afshan Naz</t>
  </si>
  <si>
    <t>39268</t>
  </si>
  <si>
    <t>GPS KHOUR COMPANY</t>
  </si>
  <si>
    <t>GPS KHOUR COY</t>
  </si>
  <si>
    <t>POL</t>
  </si>
  <si>
    <t>26847</t>
  </si>
  <si>
    <t>GGES RAMBRI</t>
  </si>
  <si>
    <t>village rambri</t>
  </si>
  <si>
    <t>GGPS MIAN SANSI</t>
  </si>
  <si>
    <t>Mian Sansi</t>
  </si>
  <si>
    <t>Nargis Khanum</t>
  </si>
  <si>
    <t>GGES BASTI SITHARI</t>
  </si>
  <si>
    <t>basti sithari po box jatoi shumali tehsil jatoi</t>
  </si>
  <si>
    <t>Basti sithari</t>
  </si>
  <si>
    <t>GPS CHANDAY WALI</t>
  </si>
  <si>
    <t>po nutkani taunsa sharif</t>
  </si>
  <si>
    <t>Chanday wali</t>
  </si>
  <si>
    <t>muhammad saad akhtar</t>
  </si>
  <si>
    <t>GES CHAK NO.18/F.W</t>
  </si>
  <si>
    <t>Chak#18f.w</t>
  </si>
  <si>
    <t>Chak#18fw</t>
  </si>
  <si>
    <t>Javed Iqbal Shaheen</t>
  </si>
  <si>
    <t>GPS MUD HASHIM</t>
  </si>
  <si>
    <t>Mud Hashim</t>
  </si>
  <si>
    <t>basti sewrra</t>
  </si>
  <si>
    <t>GGPS CHAK NO 490 JB</t>
  </si>
  <si>
    <t>chak490</t>
  </si>
  <si>
    <t>490south</t>
  </si>
  <si>
    <t>Iram Mustafa</t>
  </si>
  <si>
    <t>GMPS SULTAN PUR</t>
  </si>
  <si>
    <t>Sultanpurmela</t>
  </si>
  <si>
    <t>sultampurmela teh kotmomin dist sargodha</t>
  </si>
  <si>
    <t>Sultanpurmala</t>
  </si>
  <si>
    <t>GPS CHAK NO 11 NP</t>
  </si>
  <si>
    <t>Chak no 11 np p/o 24 np</t>
  </si>
  <si>
    <t>chak 11 np</t>
  </si>
  <si>
    <t>GGES MANZOOR ABAD NO.1</t>
  </si>
  <si>
    <t>Gajjuhatta</t>
  </si>
  <si>
    <t>Basti Manzoorabad,  near higher secondary school,shujabad.</t>
  </si>
  <si>
    <t>Zoya Zafar</t>
  </si>
  <si>
    <t>29229</t>
  </si>
  <si>
    <t>GES THEH WADANA</t>
  </si>
  <si>
    <t>theh wadana</t>
  </si>
  <si>
    <t>Theh Wadana main feroz pur road the &amp;district kasur</t>
  </si>
  <si>
    <t>Theh wadana</t>
  </si>
  <si>
    <t>Chary waan</t>
  </si>
  <si>
    <t>Muhabbat Ali</t>
  </si>
  <si>
    <t>35246</t>
  </si>
  <si>
    <t>GPS 183/EB</t>
  </si>
  <si>
    <t>183/EB</t>
  </si>
  <si>
    <t>183/EB p/o Gaggoo Tehsil Burewala District Vehari</t>
  </si>
  <si>
    <t>23994</t>
  </si>
  <si>
    <t>37194</t>
  </si>
  <si>
    <t>GGPS KHERA ABAD QADIRPUR RAWAN</t>
  </si>
  <si>
    <t>KHERABAD</t>
  </si>
  <si>
    <t>GGPS Kherabad qadir pur ran khanewal road,multan sadar</t>
  </si>
  <si>
    <t>Basti Peeray Wala</t>
  </si>
  <si>
    <t>GES SHEIKH BURHAN</t>
  </si>
  <si>
    <t>Sheikh Burhan</t>
  </si>
  <si>
    <t>moza sheikh burhan</t>
  </si>
  <si>
    <t>Asghar Bashir</t>
  </si>
  <si>
    <t>GGPS CHAK NO. 27/3-R</t>
  </si>
  <si>
    <t>chak no 27/3R district BWN</t>
  </si>
  <si>
    <t>27/3R</t>
  </si>
  <si>
    <t>GGES LUQMAN BHAGTANWALA</t>
  </si>
  <si>
    <t>GGES luqman</t>
  </si>
  <si>
    <t>Aymen Qayyum</t>
  </si>
  <si>
    <t>21909</t>
  </si>
  <si>
    <t>GGPS GORAI</t>
  </si>
  <si>
    <t>Garmola Virkan</t>
  </si>
  <si>
    <t>Gulshan Maqbool</t>
  </si>
  <si>
    <t>GGES CHAK NO 125-A TDA</t>
  </si>
  <si>
    <t>Sumrah Thal Jandi</t>
  </si>
  <si>
    <t>GGES 125A TDA Layyah</t>
  </si>
  <si>
    <t>125a/TDA</t>
  </si>
  <si>
    <t>Noreen Iram</t>
  </si>
  <si>
    <t>30413</t>
  </si>
  <si>
    <t>GGPS BHADDA BAKHRA WALA</t>
  </si>
  <si>
    <t>Basti Mian Panja</t>
  </si>
  <si>
    <t>Govt girls p/s bhaday bakhray wala</t>
  </si>
  <si>
    <t>Bhaday Bakhray Wala</t>
  </si>
  <si>
    <t>Mehwish Aman</t>
  </si>
  <si>
    <t>koriyana</t>
  </si>
  <si>
    <t>khalida abad jhang</t>
  </si>
  <si>
    <t>khalidabad</t>
  </si>
  <si>
    <t>sheikh chohar</t>
  </si>
  <si>
    <t>GGES GADHU KALAN</t>
  </si>
  <si>
    <t>GADHU KALAN</t>
  </si>
  <si>
    <t>GGES GADHU KALAN Teh.Phalia Dist. MANDI BAHA UD DIN</t>
  </si>
  <si>
    <t>NRANG</t>
  </si>
  <si>
    <t>GGPS GAGAY WALI</t>
  </si>
  <si>
    <t>Gagay Wali</t>
  </si>
  <si>
    <t>gagay wali kotli loharan west sialkot</t>
  </si>
  <si>
    <t>Monghr</t>
  </si>
  <si>
    <t>GPS MC HALQA - C BAHAWALNAGAR</t>
  </si>
  <si>
    <t>Municipality</t>
  </si>
  <si>
    <t>Jinah cony bwn</t>
  </si>
  <si>
    <t>Municipality Committee</t>
  </si>
  <si>
    <t>GES NAZIK NAGAR BELAY WALA</t>
  </si>
  <si>
    <t>Mian Pur Belly Wala</t>
  </si>
  <si>
    <t>nazik nagar jalal pur pir wala</t>
  </si>
  <si>
    <t>GGPS DAIRA SHAH</t>
  </si>
  <si>
    <t>Zulaikha Bibi</t>
  </si>
  <si>
    <t>GGPS BASTI ILAM DIN</t>
  </si>
  <si>
    <t>basti ilm din</t>
  </si>
  <si>
    <t>Basti Ilm Din</t>
  </si>
  <si>
    <t>Goth Jangooo</t>
  </si>
  <si>
    <t>students home</t>
  </si>
  <si>
    <t>GMPS CHAK NO. 237/9-R</t>
  </si>
  <si>
    <t>237/9R</t>
  </si>
  <si>
    <t>Chak no 237/9r</t>
  </si>
  <si>
    <t>GGPS CHAK NO. 85/P</t>
  </si>
  <si>
    <t>85p</t>
  </si>
  <si>
    <t>abu dahbi road 85p RYK</t>
  </si>
  <si>
    <t>Suriya Kousar</t>
  </si>
  <si>
    <t>GMPS BASTI ASHIQ MUHAMMAD</t>
  </si>
  <si>
    <t>Ashiq Muhammad</t>
  </si>
  <si>
    <t>GMPS Ashiq Muhammd</t>
  </si>
  <si>
    <t>Sadia Mumtaz</t>
  </si>
  <si>
    <t>GGPS 69/5-L</t>
  </si>
  <si>
    <t>69/5l</t>
  </si>
  <si>
    <t>Naseem Kausar</t>
  </si>
  <si>
    <t>GMPS CHAK 292 GB RASALA</t>
  </si>
  <si>
    <t>Chak No 292 GB</t>
  </si>
  <si>
    <t>292 G.b rasala</t>
  </si>
  <si>
    <t>292 G B</t>
  </si>
  <si>
    <t>Berinwala</t>
  </si>
  <si>
    <t>Gulfam Akhtar</t>
  </si>
  <si>
    <t>GGPS BITHARAY WALA</t>
  </si>
  <si>
    <t>Long Moalana</t>
  </si>
  <si>
    <t>bithary wala</t>
  </si>
  <si>
    <t>Bithary Wala</t>
  </si>
  <si>
    <t>M-Garh</t>
  </si>
  <si>
    <t>Assma Anjum</t>
  </si>
  <si>
    <t>GGPS BASTI NOU DHAND</t>
  </si>
  <si>
    <t>Basti Nau Dhand</t>
  </si>
  <si>
    <t>basti nau dhand matti tal road tehsil Multan saddar dist. Multan</t>
  </si>
  <si>
    <t>Shumyla Ashraf</t>
  </si>
  <si>
    <t>GGPS CHAK NO.72 D</t>
  </si>
  <si>
    <t>Chak No 72/D Pakpattan</t>
  </si>
  <si>
    <t>Munazza Farooq Wattoo</t>
  </si>
  <si>
    <t>JASLANI</t>
  </si>
  <si>
    <t>GPS MUHAMMAD SHAH BANGLA</t>
  </si>
  <si>
    <t>Muhammad Shah kamalia</t>
  </si>
  <si>
    <t>45244</t>
  </si>
  <si>
    <t>GPS MEHRAY WARRAICH WALA</t>
  </si>
  <si>
    <t>gps mehray warraich wala</t>
  </si>
  <si>
    <t>Mehray Warraich Wala</t>
  </si>
  <si>
    <t>GES DESHTIAN</t>
  </si>
  <si>
    <t>BASTI DASHTIAN FEROZA</t>
  </si>
  <si>
    <t>BASTI DASHTIAN</t>
  </si>
  <si>
    <t>45095</t>
  </si>
  <si>
    <t>GGPS SHAHIAN WALA</t>
  </si>
  <si>
    <t>ggps shahian wala</t>
  </si>
  <si>
    <t>Shahian wala</t>
  </si>
  <si>
    <t>Noora Shareef</t>
  </si>
  <si>
    <t>Sadaf Norin</t>
  </si>
  <si>
    <t>GPS NALLI P.O NALLI</t>
  </si>
  <si>
    <t>GPS Nalli</t>
  </si>
  <si>
    <t>GGPS MISTRY KHUDA BUKHSH</t>
  </si>
  <si>
    <t>noshera</t>
  </si>
  <si>
    <t>house no BIII 2141 mohallah qureshiyan</t>
  </si>
  <si>
    <t>basti darkhan</t>
  </si>
  <si>
    <t>noshera jadeed</t>
  </si>
  <si>
    <t>34973</t>
  </si>
  <si>
    <t>basti latif abad bait kaitch</t>
  </si>
  <si>
    <t>Sundus ASLAM</t>
  </si>
  <si>
    <t>GPS 119/15-L, MIAN CHANNU</t>
  </si>
  <si>
    <t>119/15L</t>
  </si>
  <si>
    <t>Chak no 119/15L</t>
  </si>
  <si>
    <t>37248</t>
  </si>
  <si>
    <t>GPS BASTI AMIR BUX</t>
  </si>
  <si>
    <t>basti amir bux mouza thairh tehseal Sadiq abad distric ryk</t>
  </si>
  <si>
    <t>Basti amir bux</t>
  </si>
  <si>
    <t>GGES KOT BILAL</t>
  </si>
  <si>
    <t>ggeskot Bilal Noshehra virkaan Gujranwala</t>
  </si>
  <si>
    <t>Rukhsana Sultan</t>
  </si>
  <si>
    <t>GGCMES 75-A/10-R ZAHOOR ABAD KHANEWAL</t>
  </si>
  <si>
    <t>75-A/10-R, Zahoor Abad, Khanewal</t>
  </si>
  <si>
    <t>M.C Khanewal</t>
  </si>
  <si>
    <t>KOUSAR GILLANI</t>
  </si>
  <si>
    <t>GGES CHAK NO. 308 HR</t>
  </si>
  <si>
    <t>GGES CHAK NO 308/HR</t>
  </si>
  <si>
    <t>Chak No 308/HR</t>
  </si>
  <si>
    <t>12119</t>
  </si>
  <si>
    <t>GPS BASTI BAKHRI</t>
  </si>
  <si>
    <t>basti bakhri mouza dona tehsil kot adu</t>
  </si>
  <si>
    <t>Muhammad Kaleemullah Shah</t>
  </si>
  <si>
    <t>GMPS CHAK HAMZA</t>
  </si>
  <si>
    <t>Chakhamza39</t>
  </si>
  <si>
    <t>gmps chak hamza</t>
  </si>
  <si>
    <t>Chakhamza</t>
  </si>
  <si>
    <t>45198</t>
  </si>
  <si>
    <t>GPS DHUDDY WALA</t>
  </si>
  <si>
    <t>Dhudi wala p/o &amp; Tehseel mankera Bhakkar</t>
  </si>
  <si>
    <t>Dhuddy Wala</t>
  </si>
  <si>
    <t>GPS MAL FATYANA</t>
  </si>
  <si>
    <t>Mal Fatyana</t>
  </si>
  <si>
    <t>mouza mal fatyana tehsil kamalia</t>
  </si>
  <si>
    <t>Qadirbuksh</t>
  </si>
  <si>
    <t>Naseem Hassan</t>
  </si>
  <si>
    <t>GGPS SONHARA SHAH</t>
  </si>
  <si>
    <t>sonhara shah</t>
  </si>
  <si>
    <t>Iram Bukhari</t>
  </si>
  <si>
    <t>GGES CHAK NO.100 NB</t>
  </si>
  <si>
    <t>Chakno100nbSAR</t>
  </si>
  <si>
    <t>chakno100nbSARGODHA</t>
  </si>
  <si>
    <t>Chakno100nbSARGO</t>
  </si>
  <si>
    <t>Rukhana Yasmeen</t>
  </si>
  <si>
    <t>51491</t>
  </si>
  <si>
    <t>GPS CHAK NO. 78/D</t>
  </si>
  <si>
    <t>Chak 78/D</t>
  </si>
  <si>
    <t>GPS chak no 78/D pakpattan</t>
  </si>
  <si>
    <t>Chak 85/D</t>
  </si>
  <si>
    <t>Kousar Noor Ahmed</t>
  </si>
  <si>
    <t>GES CHANDI KOT NANKANA SAHIB</t>
  </si>
  <si>
    <t>Chandi Kot</t>
  </si>
  <si>
    <t>Village Chandi Kot PO same</t>
  </si>
  <si>
    <t>Faqeer Hussain Warraich</t>
  </si>
  <si>
    <t>GGPS TAHROO NO.2</t>
  </si>
  <si>
    <t>GGPS Tahroo no 2 chah sharify wala</t>
  </si>
  <si>
    <t>Tahroo 2</t>
  </si>
  <si>
    <t>Walha</t>
  </si>
  <si>
    <t>Syeda Samia Akhtar</t>
  </si>
  <si>
    <t>GPS CHAH HASSA</t>
  </si>
  <si>
    <t>hassa dakhana jhammat shumali tehsil drya khan dist bhakkar</t>
  </si>
  <si>
    <t>Hassa</t>
  </si>
  <si>
    <t>GGPS BHAKRA P/O WAPDA COLONY KUNDIAN MIANWALI</t>
  </si>
  <si>
    <t>mohallah dosy khel khanqah sirajia</t>
  </si>
  <si>
    <t>Sarwat Fatima</t>
  </si>
  <si>
    <t>34997</t>
  </si>
  <si>
    <t>GMMS BORIYAN WALA P/O BUMB</t>
  </si>
  <si>
    <t>Borian wala</t>
  </si>
  <si>
    <t>Muhammad Shokat Hussain</t>
  </si>
  <si>
    <t>GGPS CHAK NO 196 TDA</t>
  </si>
  <si>
    <t>196 tda</t>
  </si>
  <si>
    <t>196 Tda</t>
  </si>
  <si>
    <t>GMPS KARPAL PUR</t>
  </si>
  <si>
    <t>GPS BHAKHRIAN</t>
  </si>
  <si>
    <t>chah Noor Muhammad Malkera</t>
  </si>
  <si>
    <t>Chah Noor Muhammad</t>
  </si>
  <si>
    <t>52383</t>
  </si>
  <si>
    <t>GPS SUKHA LADHOKA</t>
  </si>
  <si>
    <t>Sukha ladhuka</t>
  </si>
  <si>
    <t>Muhammad Latif Shakir</t>
  </si>
  <si>
    <t>GGPS MODEL CHAMBAL</t>
  </si>
  <si>
    <t>CHAMBAL</t>
  </si>
  <si>
    <t>Village Chambal P.O Box Awan Bhattia District Tehsil Sheikhupura</t>
  </si>
  <si>
    <t>Iqra abdul hameed dar</t>
  </si>
  <si>
    <t>26137</t>
  </si>
  <si>
    <t>GES MARDOWAL</t>
  </si>
  <si>
    <t>Village Mardowal Tehsil Shakargarh</t>
  </si>
  <si>
    <t>Abad Ali</t>
  </si>
  <si>
    <t>GPS SULEMAN PURA</t>
  </si>
  <si>
    <t>24 City Bhalwal</t>
  </si>
  <si>
    <t>GPS SULEMAN PURA BHALWAL</t>
  </si>
  <si>
    <t>Suleman Pura Bhalwal</t>
  </si>
  <si>
    <t>47457</t>
  </si>
  <si>
    <t>47521</t>
  </si>
  <si>
    <t>GGES MARI CITY</t>
  </si>
  <si>
    <t>gges mari city district mianwali</t>
  </si>
  <si>
    <t>GPS 160 WB P.O 160 WB</t>
  </si>
  <si>
    <t>160/wb</t>
  </si>
  <si>
    <t>chack No 160/wb Fojiyan wala Mailsi</t>
  </si>
  <si>
    <t>Faizan Gill</t>
  </si>
  <si>
    <t>GES MEER KHAR</t>
  </si>
  <si>
    <t>Meer Khar</t>
  </si>
  <si>
    <t>Govt middle school meer khar. P/O Nari. Taunsa sharif. DG Khan</t>
  </si>
  <si>
    <t>Suhail Akhter Qaisrani</t>
  </si>
  <si>
    <t>GMPS MOHIB PUR ZAREEN</t>
  </si>
  <si>
    <t>near post office village Mohibpur zareen</t>
  </si>
  <si>
    <t>GPS MALLAHY WALA</t>
  </si>
  <si>
    <t>Chah Mallahy wala mauza kot haibat</t>
  </si>
  <si>
    <t>Mallay Wala</t>
  </si>
  <si>
    <t>GES JINNAH COLONY, ABDUL HAKIM</t>
  </si>
  <si>
    <t>Ges jinnah colony abdul hakim.distt.khanewal.</t>
  </si>
  <si>
    <t>GPS NASIR ABAD (ADAM WALA)</t>
  </si>
  <si>
    <t>M BuxKohawar</t>
  </si>
  <si>
    <t>basti dose wala Muhammad Bux kohawar</t>
  </si>
  <si>
    <t>Dosay Wala</t>
  </si>
  <si>
    <t>HAFIZ MUHAMMAD  SHARIF</t>
  </si>
  <si>
    <t>GPS CHAK NO 111/6-R</t>
  </si>
  <si>
    <t>Chak 111/6R</t>
  </si>
  <si>
    <t>chak 111/6,R Teh Haroon abad Bwn</t>
  </si>
  <si>
    <t>111/6R</t>
  </si>
  <si>
    <t>Chak 118/6r</t>
  </si>
  <si>
    <t>GPS GURWAN WALI</t>
  </si>
  <si>
    <t>Gurwanwali</t>
  </si>
  <si>
    <t>Gurwanwali post office Manawala District Skp</t>
  </si>
  <si>
    <t>Muhammad Hussain Naz</t>
  </si>
  <si>
    <t>GPS NATHOKI</t>
  </si>
  <si>
    <t>village nathoki p.o.box batapur</t>
  </si>
  <si>
    <t>GPS MANGRAL</t>
  </si>
  <si>
    <t>Mangral</t>
  </si>
  <si>
    <t>Dhok Mangral, VPO Dholar Teh Talagang, Distt Chakwal</t>
  </si>
  <si>
    <t>GGPS DERA LATIF ARAIN</t>
  </si>
  <si>
    <t>Kharal Azeem Thal Klan</t>
  </si>
  <si>
    <t>chah smundar wala kharal azeem thal klan</t>
  </si>
  <si>
    <t>Chah  Smundar Wala Kharal Azeem Thal Klan</t>
  </si>
  <si>
    <t>Nazia Anjum</t>
  </si>
  <si>
    <t>20650</t>
  </si>
  <si>
    <t>GGPS GAGGAR KEY</t>
  </si>
  <si>
    <t>Gagger Key</t>
  </si>
  <si>
    <t>Ggps gagger key gujranwala</t>
  </si>
  <si>
    <t>Jandayala Bagh Wala</t>
  </si>
  <si>
    <t>Maddiha Saeed</t>
  </si>
  <si>
    <t>40751</t>
  </si>
  <si>
    <t>Dhok Gujran</t>
  </si>
  <si>
    <t>Dhok Gujran Tehsil Sohawa District Jhelum</t>
  </si>
  <si>
    <t>Nadia Nazir</t>
  </si>
  <si>
    <t>from near house</t>
  </si>
  <si>
    <t>GES CANAL COLONY GUNJIAL</t>
  </si>
  <si>
    <t>Gunjial shumali</t>
  </si>
  <si>
    <t>GPS CHAK NO.121/DNB</t>
  </si>
  <si>
    <t>chak No121/DNB</t>
  </si>
  <si>
    <t>chak No. 121/DNB POB Chak No.111/DNB TEHSIL YAZMAN</t>
  </si>
  <si>
    <t>Chak No 121/DNB</t>
  </si>
  <si>
    <t>Muhammad Mumtaz Ahmad</t>
  </si>
  <si>
    <t>GGES RATTA PUR REHAN</t>
  </si>
  <si>
    <t>Ratta pur Rehan</t>
  </si>
  <si>
    <t>gges ratta pur rehan</t>
  </si>
  <si>
    <t>Muqaddar Jabbar</t>
  </si>
  <si>
    <t>GES MARH BHANGWAN</t>
  </si>
  <si>
    <t>Marh Banguwan. daak khana khas.tehsil Sharqpur.Disst. Sheikhpura</t>
  </si>
  <si>
    <t>Marh Banguwan</t>
  </si>
  <si>
    <t>Ali Ijaz</t>
  </si>
  <si>
    <t>GGES 197/P</t>
  </si>
  <si>
    <t>197/p</t>
  </si>
  <si>
    <t>Saher Fatima</t>
  </si>
  <si>
    <t>GGPS MODEL DERA UMAR DA</t>
  </si>
  <si>
    <t>Dera umray da</t>
  </si>
  <si>
    <t>Dhaban klan</t>
  </si>
  <si>
    <t>Zeenat Ashraf</t>
  </si>
  <si>
    <t>GGES CHAUDRY COLONY KACHI ABADI</t>
  </si>
  <si>
    <t>Chaudhry colony kachi Abadi lhr</t>
  </si>
  <si>
    <t>Samina Sajjad</t>
  </si>
  <si>
    <t>GGES CHAK NO. 161 NB</t>
  </si>
  <si>
    <t>check no 161 NB</t>
  </si>
  <si>
    <t>161 NB</t>
  </si>
  <si>
    <t>Anam Umar</t>
  </si>
  <si>
    <t>GGPS DHAPI AMAR SINGH</t>
  </si>
  <si>
    <t>Dhapi Ameer Singh</t>
  </si>
  <si>
    <t>village dhapi Amar Singh district gujranwala tehsil p/o mitran wali</t>
  </si>
  <si>
    <t>Jora Sian</t>
  </si>
  <si>
    <t>Rizwana Tabassam</t>
  </si>
  <si>
    <t>48457</t>
  </si>
  <si>
    <t>GPS RAKH CHARGHA</t>
  </si>
  <si>
    <t>Govt.Primary School Rakh Chargah p/o Bhera Teh Bhera District Sargodha.</t>
  </si>
  <si>
    <t>gurmani station p/o gurmani kot adu m garh</t>
  </si>
  <si>
    <t>Gurmani</t>
  </si>
  <si>
    <t>GGES DURANA LANGANA NO.2 HAJI PUR MULTAN</t>
  </si>
  <si>
    <t>haji pur multan</t>
  </si>
  <si>
    <t>gges durana langana multan</t>
  </si>
  <si>
    <t>dura langana</t>
  </si>
  <si>
    <t>GGPS MAN PUR</t>
  </si>
  <si>
    <t>ggps manpur</t>
  </si>
  <si>
    <t>GPS NANGA WALI</t>
  </si>
  <si>
    <t>NANGAWALI</t>
  </si>
  <si>
    <t>GBPS NANGAWALI</t>
  </si>
  <si>
    <t>CHAKkI</t>
  </si>
  <si>
    <t>50714</t>
  </si>
  <si>
    <t>GPS MC WARA SATTAR SHAH</t>
  </si>
  <si>
    <t>Wara Sattar</t>
  </si>
  <si>
    <t>wara sattar</t>
  </si>
  <si>
    <t>Hafiz Muhammad Naseer</t>
  </si>
  <si>
    <t>GGPS HADDA JANUBI</t>
  </si>
  <si>
    <t>ggps hadda sb</t>
  </si>
  <si>
    <t>Chak #84 Sb</t>
  </si>
  <si>
    <t>Sitara Shameem</t>
  </si>
  <si>
    <t>53203</t>
  </si>
  <si>
    <t>GPS CHAK 20/4L</t>
  </si>
  <si>
    <t>20 4L</t>
  </si>
  <si>
    <t>20/4Lokara</t>
  </si>
  <si>
    <t>C B O</t>
  </si>
  <si>
    <t>GPS REHMAT PURA</t>
  </si>
  <si>
    <t>Rehmat Pura P/O Bucheki Tehsil &amp; District Nankana Sahib</t>
  </si>
  <si>
    <t>49605</t>
  </si>
  <si>
    <t>GGPS KHURSHID</t>
  </si>
  <si>
    <t>Khurshaid</t>
  </si>
  <si>
    <t>ggpskhurshaid</t>
  </si>
  <si>
    <t>47881</t>
  </si>
  <si>
    <t>GPS FAQEER ABAD HAFIZ WALA</t>
  </si>
  <si>
    <t>faqeerabad</t>
  </si>
  <si>
    <t>Imran Iqbal</t>
  </si>
  <si>
    <t>15172</t>
  </si>
  <si>
    <t>36971</t>
  </si>
  <si>
    <t>GGPS MARARA</t>
  </si>
  <si>
    <t>marara, zafarwal, narowal</t>
  </si>
  <si>
    <t>Tabassam Anayat</t>
  </si>
  <si>
    <t>GMPS KAMONKE KALAN</t>
  </si>
  <si>
    <t>Kamonkay Kalan</t>
  </si>
  <si>
    <t>vil &amp; p.o kamonkay kalan tehsil phalia distric m.b.din</t>
  </si>
  <si>
    <t>GPS LEERAN</t>
  </si>
  <si>
    <t>Sunio</t>
  </si>
  <si>
    <t>leeran</t>
  </si>
  <si>
    <t>Leeran</t>
  </si>
  <si>
    <t>Numal</t>
  </si>
  <si>
    <t>Shazia Wasim</t>
  </si>
  <si>
    <t>GGPS CHAK VEEHA</t>
  </si>
  <si>
    <t>GGPS chak veeha</t>
  </si>
  <si>
    <t>chak veeha</t>
  </si>
  <si>
    <t>Near Juggan Khan Petrol Pump</t>
  </si>
  <si>
    <t>GGPS JAHANIAN SHAH</t>
  </si>
  <si>
    <t>Izzat Batool</t>
  </si>
  <si>
    <t>GGPS GHULAM FAREED CHANDIA</t>
  </si>
  <si>
    <t>Dhory Wala</t>
  </si>
  <si>
    <t>42328</t>
  </si>
  <si>
    <t>GGPS DEGAL</t>
  </si>
  <si>
    <t>Degal</t>
  </si>
  <si>
    <t>GGPS Degal</t>
  </si>
  <si>
    <t>Bahttian</t>
  </si>
  <si>
    <t>GPS NO 2 BORANAWALA</t>
  </si>
  <si>
    <t>Borana Wala Khas</t>
  </si>
  <si>
    <t>muhammad ramzan ghafari</t>
  </si>
  <si>
    <t>31676</t>
  </si>
  <si>
    <t>GPS DHOOP SARI NARANG</t>
  </si>
  <si>
    <t>Dhopp Sarri</t>
  </si>
  <si>
    <t>Dhoop Sarri</t>
  </si>
  <si>
    <t>GGPS AHMAD WALA JADEED</t>
  </si>
  <si>
    <t>GGPS Ahmad wala jaded basti mian Wala Moza inayat pur</t>
  </si>
  <si>
    <t>Balqees Riaz</t>
  </si>
  <si>
    <t>GGES KHARLI</t>
  </si>
  <si>
    <t>Kharli</t>
  </si>
  <si>
    <t>kharli,pob,noorpur,sethi ,k.k,chakwal</t>
  </si>
  <si>
    <t>GGPS BHAJNA</t>
  </si>
  <si>
    <t>Salehpur Bhajna</t>
  </si>
  <si>
    <t>salehpur bhajnap/o mirpur</t>
  </si>
  <si>
    <t>Saleh Pur Bhajna</t>
  </si>
  <si>
    <t>Meluselu</t>
  </si>
  <si>
    <t>GES CHAK NO.113 SB</t>
  </si>
  <si>
    <t>chak no 113 sb</t>
  </si>
  <si>
    <t>Waseem Akbar</t>
  </si>
  <si>
    <t>GPS 56/4-R</t>
  </si>
  <si>
    <t>56/4-R</t>
  </si>
  <si>
    <t>chak no 56/4-R</t>
  </si>
  <si>
    <t>GGES CHAK NO 327 HR</t>
  </si>
  <si>
    <t>327 hr marot</t>
  </si>
  <si>
    <t>Sidra Ilyas</t>
  </si>
  <si>
    <t>GGCMES 91/6-R</t>
  </si>
  <si>
    <t>91/6R</t>
  </si>
  <si>
    <t>GGCMES 91/6R sahiwal</t>
  </si>
  <si>
    <t>Mehnaz Tanveer</t>
  </si>
  <si>
    <t>GPS 62/GD</t>
  </si>
  <si>
    <t>62/gd</t>
  </si>
  <si>
    <t>62gd sahiwal</t>
  </si>
  <si>
    <t>62gd</t>
  </si>
  <si>
    <t>59gd</t>
  </si>
  <si>
    <t>48754</t>
  </si>
  <si>
    <t>GHS CHAK NO.47 NB</t>
  </si>
  <si>
    <t>Chak No 47 NB</t>
  </si>
  <si>
    <t>CHak No 47 NB Sargodha</t>
  </si>
  <si>
    <t>Malik Zakir Latif Awan</t>
  </si>
  <si>
    <t>15059</t>
  </si>
  <si>
    <t>GGPS 125  GARB</t>
  </si>
  <si>
    <t>125 GB</t>
  </si>
  <si>
    <t>GGPS125GB Jaranwala</t>
  </si>
  <si>
    <t>CHAK NO 125GB</t>
  </si>
  <si>
    <t>Noor-ul-wara</t>
  </si>
  <si>
    <t>GGPS 582 GB</t>
  </si>
  <si>
    <t>Chak No 582 GB</t>
  </si>
  <si>
    <t>chak no 582 GB Jaranwala</t>
  </si>
  <si>
    <t>147 GB</t>
  </si>
  <si>
    <t>Asma Shaukat</t>
  </si>
  <si>
    <t>41445</t>
  </si>
  <si>
    <t>GMPS BATH</t>
  </si>
  <si>
    <t>Bath post office hardo ratali virkan tehsil Noshiranvirkan district Gujranwala</t>
  </si>
  <si>
    <t>Misbah Munir</t>
  </si>
  <si>
    <t>GGPS ESSA NAGRI</t>
  </si>
  <si>
    <t>Moh.Essa Nagri Narowal</t>
  </si>
  <si>
    <t>Essa Nagri</t>
  </si>
  <si>
    <t>GPS NARA</t>
  </si>
  <si>
    <t>Vpo Lawa tehsil Lawa moza Nara district chakwal</t>
  </si>
  <si>
    <t>GGPS BHOUND</t>
  </si>
  <si>
    <t>village bhound p/o chack choudhry tehsil nowshera virkan district Gujranwala</t>
  </si>
  <si>
    <t>Chack Choudhary</t>
  </si>
  <si>
    <t>Khalida  Asghar</t>
  </si>
  <si>
    <t>GPS CHAK 662/3 GB</t>
  </si>
  <si>
    <t>Chaka No 662/3 gb</t>
  </si>
  <si>
    <t>662/3 gb</t>
  </si>
  <si>
    <t>665/6 gb</t>
  </si>
  <si>
    <t>36881</t>
  </si>
  <si>
    <t>21927</t>
  </si>
  <si>
    <t>GGPS NANAK DA PIND</t>
  </si>
  <si>
    <t>Nanak Da Pind</t>
  </si>
  <si>
    <t>Nanak da pind</t>
  </si>
  <si>
    <t>Kryal Kalan</t>
  </si>
  <si>
    <t>GGES DOBURJI ARAIAN</t>
  </si>
  <si>
    <t>gges doburji araian sialkot</t>
  </si>
  <si>
    <t>GGPS MUSALMANIAN</t>
  </si>
  <si>
    <t>Musalmanian</t>
  </si>
  <si>
    <t>p.0 jassar village musalmanian Tehsil dist narowal</t>
  </si>
  <si>
    <t>GMPS KOT NISAR SHAH</t>
  </si>
  <si>
    <t>Kot Nisar Shah</t>
  </si>
  <si>
    <t>kot nisar shah teh Noshera virkan dist.grw</t>
  </si>
  <si>
    <t>Majuchak</t>
  </si>
  <si>
    <t>41951</t>
  </si>
  <si>
    <t>GGPS LAKHOO</t>
  </si>
  <si>
    <t>Lakhoo</t>
  </si>
  <si>
    <t>GGPS Lakhoo dakh khana noon</t>
  </si>
  <si>
    <t>Ayesha Adeel</t>
  </si>
  <si>
    <t>GPS LAB THATHO</t>
  </si>
  <si>
    <t>Village lab taxila district rawalpindi</t>
  </si>
  <si>
    <t>Lab</t>
  </si>
  <si>
    <t>Amir Farooq</t>
  </si>
  <si>
    <t>GMPS CHOUGH PUR</t>
  </si>
  <si>
    <t>chough pur</t>
  </si>
  <si>
    <t>Chough Pur</t>
  </si>
  <si>
    <t>sheeni</t>
  </si>
  <si>
    <t>GES MAMDOT</t>
  </si>
  <si>
    <t>Mamdot</t>
  </si>
  <si>
    <t>vpo mamdot talagang chakwal</t>
  </si>
  <si>
    <t>AHMED NAWAZ MALIK</t>
  </si>
  <si>
    <t>GGES KALYAN PUR BALA</t>
  </si>
  <si>
    <t>village ,p/o miani,tehsil bhera</t>
  </si>
  <si>
    <t>Kalyanpur Bala</t>
  </si>
  <si>
    <t>GGES CHAK PAKHAR</t>
  </si>
  <si>
    <t>chack pakhar</t>
  </si>
  <si>
    <t>chack pakhar tehsil noshera virkan district gujranwala</t>
  </si>
  <si>
    <t>baddo ratta</t>
  </si>
  <si>
    <t>Qurat Tul Ain</t>
  </si>
  <si>
    <t>GGES BAGHWALA</t>
  </si>
  <si>
    <t>vill baghwala po domeli teh sohawa distt jhelum</t>
  </si>
  <si>
    <t>Farzana Iffat</t>
  </si>
  <si>
    <t>GPS CHAK NO.118/DNB</t>
  </si>
  <si>
    <t>Chak No 118 Dnb</t>
  </si>
  <si>
    <t>chak no 118dnb</t>
  </si>
  <si>
    <t>GPS HAVALI SOHAN SING</t>
  </si>
  <si>
    <t>Haveli Sohan  Singh</t>
  </si>
  <si>
    <t>haveli sohan Singh p/o Bhamba kalan tehsil kot radha kishen district kasur</t>
  </si>
  <si>
    <t>Muhammad Siddiq ur Rehman</t>
  </si>
  <si>
    <t>GGPS BINDA MALKANA</t>
  </si>
  <si>
    <t>Binda Malkana</t>
  </si>
  <si>
    <t>moza binda malkana</t>
  </si>
  <si>
    <t>36413</t>
  </si>
  <si>
    <t>GGES NO. 48 WB</t>
  </si>
  <si>
    <t>48 wb</t>
  </si>
  <si>
    <t>Chak no 48/ wb</t>
  </si>
  <si>
    <t>Chak no 48 /wb</t>
  </si>
  <si>
    <t>Safia Mai</t>
  </si>
  <si>
    <t>48303</t>
  </si>
  <si>
    <t>GPS FATTU WALA</t>
  </si>
  <si>
    <t>Fattu wala</t>
  </si>
  <si>
    <t>Fattu Wala</t>
  </si>
  <si>
    <t>Muhammad Shoaib Rasool</t>
  </si>
  <si>
    <t>GPS ZAKAR ABAD PIR MAHAL</t>
  </si>
  <si>
    <t>Zakirabad Tahsil Pirmahal district Toba tek singh</t>
  </si>
  <si>
    <t>Zakir Abad</t>
  </si>
  <si>
    <t>Chak No 665/6 G B</t>
  </si>
  <si>
    <t>Atiq Amjad</t>
  </si>
  <si>
    <t>GGPS DERA JAMU WALA</t>
  </si>
  <si>
    <t>Jamuwala</t>
  </si>
  <si>
    <t>GGPS Dera Jamuwala Zafarabad</t>
  </si>
  <si>
    <t>Naila Naheed</t>
  </si>
  <si>
    <t>GGPS KHADIM ALI</t>
  </si>
  <si>
    <t>Pak Pura</t>
  </si>
  <si>
    <t>pak pura street # 12 sialkot.</t>
  </si>
  <si>
    <t>Pak pura</t>
  </si>
  <si>
    <t>Water Works</t>
  </si>
  <si>
    <t>Munaza Yasmeen</t>
  </si>
  <si>
    <t>GPS LAHR</t>
  </si>
  <si>
    <t>Jhandoo</t>
  </si>
  <si>
    <t>Lahr</t>
  </si>
  <si>
    <t>Umair Mehmood</t>
  </si>
  <si>
    <t>GMPS TABI SYEDAN</t>
  </si>
  <si>
    <t>Tibbi Syedan</t>
  </si>
  <si>
    <t>village and PO tibbi syedan tehsil sohawa distt. jhelum</t>
  </si>
  <si>
    <t>PhulraySyedan</t>
  </si>
  <si>
    <t>MEHVISH AZIZ</t>
  </si>
  <si>
    <t>25646</t>
  </si>
  <si>
    <t>GGES DHUDIALA</t>
  </si>
  <si>
    <t>govt elementary school dhadiala</t>
  </si>
  <si>
    <t>GES HARDO SEHOLE MUSLIM</t>
  </si>
  <si>
    <t>Hardo Sehole Muslim</t>
  </si>
  <si>
    <t>hardo sehole Muslim</t>
  </si>
  <si>
    <t>sowdagher mahmood</t>
  </si>
  <si>
    <t>GMPS CHAK NO.113/DB (W)</t>
  </si>
  <si>
    <t>113 Db W</t>
  </si>
  <si>
    <t>113 db west</t>
  </si>
  <si>
    <t>SONIA KIRAN</t>
  </si>
  <si>
    <t>GPS DHOK POUR</t>
  </si>
  <si>
    <t>Dhok Pour</t>
  </si>
  <si>
    <t>village dhok pour taxila, rwp</t>
  </si>
  <si>
    <t>Farhan Farooq</t>
  </si>
  <si>
    <t>GMPS BASANT PUR</t>
  </si>
  <si>
    <t>Basant pur</t>
  </si>
  <si>
    <t>Basant Pur Post office Kapur Wali sailkot</t>
  </si>
  <si>
    <t>Basant Pur</t>
  </si>
  <si>
    <t>Jourian Klan</t>
  </si>
  <si>
    <t>GGPS CHAK SAIDA BALA</t>
  </si>
  <si>
    <t>GGPSCHAK SAIDA bala</t>
  </si>
  <si>
    <t>Chak Saida Bala</t>
  </si>
  <si>
    <t>22049</t>
  </si>
  <si>
    <t>GGES TARKHANA WALA</t>
  </si>
  <si>
    <t>village tarkhanawala tehsil noshera virkan district gujranwala</t>
  </si>
  <si>
    <t>Atiqa Abdul Qayyum</t>
  </si>
  <si>
    <t>GPS CHAK 46 GB SAMUNDRI</t>
  </si>
  <si>
    <t>SUKHREA</t>
  </si>
  <si>
    <t>chak no 46 gb</t>
  </si>
  <si>
    <t>Chak NO 46 GB</t>
  </si>
  <si>
    <t>Chak NO 43GB</t>
  </si>
  <si>
    <t>51408</t>
  </si>
  <si>
    <t>GES 33 SP</t>
  </si>
  <si>
    <t>33/SP</t>
  </si>
  <si>
    <t>chak no 33/sp</t>
  </si>
  <si>
    <t>Haji Tariq Mehmood</t>
  </si>
  <si>
    <t>GPS KALI SUBA</t>
  </si>
  <si>
    <t>Kali Suba Khan thesil kamoke District gujranwala</t>
  </si>
  <si>
    <t>Abaid Ullah</t>
  </si>
  <si>
    <t>GPS NAWAN PIND H-II JOHAR TOWN</t>
  </si>
  <si>
    <t>634,H-2, Johar Town,lhr</t>
  </si>
  <si>
    <t>Mehar Pura</t>
  </si>
  <si>
    <t>GPS KHARA MOZA KHARA P/O CHAK SARAY</t>
  </si>
  <si>
    <t>Basti jano wala moza khara</t>
  </si>
  <si>
    <t>Muhammad Khizar Abbas</t>
  </si>
  <si>
    <t>GGES DOCTOR MUHAMMAD SHAFI MANKERA</t>
  </si>
  <si>
    <t>dera  DOCTOR MUHAMMAD SHAFI TEHSIL MANKERA DISTRICT BHAKAKR</t>
  </si>
  <si>
    <t>Dera Mohammad  Shafi Mankera</t>
  </si>
  <si>
    <t>mC MANKERA</t>
  </si>
  <si>
    <t>Nergus Siddique</t>
  </si>
  <si>
    <t>GGPS BASTI HAJI</t>
  </si>
  <si>
    <t>rasool pur no 2</t>
  </si>
  <si>
    <t>p/o rasoolpur basti haji tehsil jampur district rajanpur</t>
  </si>
  <si>
    <t>jhetha wala</t>
  </si>
  <si>
    <t>allha abad</t>
  </si>
  <si>
    <t>Noureen Afshan</t>
  </si>
  <si>
    <t>GMPS KAKKA PO KADHER</t>
  </si>
  <si>
    <t>GMPS Kakka</t>
  </si>
  <si>
    <t>Asma Nasreen</t>
  </si>
  <si>
    <t>41471</t>
  </si>
  <si>
    <t>GMPS CHAK NO. 93/NP</t>
  </si>
  <si>
    <t>93 N P</t>
  </si>
  <si>
    <t>post office 94n.p tahsil khanpur</t>
  </si>
  <si>
    <t>94 N P</t>
  </si>
  <si>
    <t>Shamim  Kanwal</t>
  </si>
  <si>
    <t>GES CHAK 381 JB</t>
  </si>
  <si>
    <t>CHAK NO  381 JB</t>
  </si>
  <si>
    <t>CHK 381 JB TOBA TEK SINGH</t>
  </si>
  <si>
    <t>Chk 381 Jb</t>
  </si>
  <si>
    <t>Chk 375 Jb</t>
  </si>
  <si>
    <t>GGPS KHARAIPER HITHAR</t>
  </si>
  <si>
    <t>Kharapar Hithar</t>
  </si>
  <si>
    <t>Govt Girls Primary School 2nd Shift kharapar Hithar</t>
  </si>
  <si>
    <t>Safeena Kalsoom</t>
  </si>
  <si>
    <t>GES KOHRIAN NEAR BARKI LHR CANTT</t>
  </si>
  <si>
    <t>kohrian</t>
  </si>
  <si>
    <t>village kohrian p/o barki lahore cantt</t>
  </si>
  <si>
    <t>GGPS IKRAM CHAK 330 GB SAMANABAD</t>
  </si>
  <si>
    <t>33ogb Samanabad</t>
  </si>
  <si>
    <t>chak no 330 gb samanabad</t>
  </si>
  <si>
    <t>330gb Samanabad</t>
  </si>
  <si>
    <t>330gb Kotly</t>
  </si>
  <si>
    <t>Naheed Nazar</t>
  </si>
  <si>
    <t>45076</t>
  </si>
  <si>
    <t>GMES CHAK NO.60/DB</t>
  </si>
  <si>
    <t>chak no 60 db</t>
  </si>
  <si>
    <t>Chak No 60 Db</t>
  </si>
  <si>
    <t>Aamna Aslam</t>
  </si>
  <si>
    <t>GGPS DHAGANA JAVED ABAD</t>
  </si>
  <si>
    <t>darya khan dagar</t>
  </si>
  <si>
    <t>GGPS dhangana javed abad</t>
  </si>
  <si>
    <t>meher abad</t>
  </si>
  <si>
    <t>daryakhan</t>
  </si>
  <si>
    <t>GGPS JHANGARWAN</t>
  </si>
  <si>
    <t>jhangarwaan</t>
  </si>
  <si>
    <t>shahpur bhangoo</t>
  </si>
  <si>
    <t>Sakhian Begun</t>
  </si>
  <si>
    <t>GPS CHAK NO.37 NB</t>
  </si>
  <si>
    <t>37NB</t>
  </si>
  <si>
    <t>chak no 37 nb</t>
  </si>
  <si>
    <t>34NB</t>
  </si>
  <si>
    <t>Rao Atique Ur Rehman</t>
  </si>
  <si>
    <t>GGPS CHAK NO 188/7-R W</t>
  </si>
  <si>
    <t>188/7Rw</t>
  </si>
  <si>
    <t>188/7R(w)</t>
  </si>
  <si>
    <t>GGPS HABIB SHAH</t>
  </si>
  <si>
    <t>GGPS HABIB SHAH P/O Wasnday wali</t>
  </si>
  <si>
    <t>mohammad pur</t>
  </si>
  <si>
    <t>Hassan pur trund</t>
  </si>
  <si>
    <t>Robina Khanum</t>
  </si>
  <si>
    <t>GMPS CHAK NO.86-A/ML</t>
  </si>
  <si>
    <t>chak no86aml</t>
  </si>
  <si>
    <t>Chak No 86 A Ml</t>
  </si>
  <si>
    <t>rubina akhtar</t>
  </si>
  <si>
    <t>45404</t>
  </si>
  <si>
    <t>GGES A.S.M DARYA KHAN</t>
  </si>
  <si>
    <t>asm elementry school darya khan fecto sugar mils colony</t>
  </si>
  <si>
    <t>Darya Khan2</t>
  </si>
  <si>
    <t>GGPS NANKANA</t>
  </si>
  <si>
    <t>Nankana</t>
  </si>
  <si>
    <t>Gov girls primry school nankana</t>
  </si>
  <si>
    <t>Shazia Ramzan</t>
  </si>
  <si>
    <t>15236</t>
  </si>
  <si>
    <t>GGPS CHAK NO 266 RB III</t>
  </si>
  <si>
    <t>G.G.P.S. 266R.B. SABUANA</t>
  </si>
  <si>
    <t>266rb sabuana</t>
  </si>
  <si>
    <t>Khurrianwala No 1</t>
  </si>
  <si>
    <t>GGPS MURTAZA</t>
  </si>
  <si>
    <t>Murtaza</t>
  </si>
  <si>
    <t>Murtaza P.O More khunda</t>
  </si>
  <si>
    <t>Ada Mangtanwala</t>
  </si>
  <si>
    <t>Shaista Abbas</t>
  </si>
  <si>
    <t>GGES TIBBA JANUBI BHAKKAR</t>
  </si>
  <si>
    <t>GGES TIbba janubi Bhakkar</t>
  </si>
  <si>
    <t>Anila Haneef</t>
  </si>
  <si>
    <t>GGPS CHOWK YADGAR SAHIWAL CITY</t>
  </si>
  <si>
    <t>Yadgar</t>
  </si>
  <si>
    <t>opposite GPO near  YADGAR chowk Sahiwal</t>
  </si>
  <si>
    <t>Zahida Shamim</t>
  </si>
  <si>
    <t>GGES THATHA QURESHI</t>
  </si>
  <si>
    <t>gges thatha qureshi</t>
  </si>
  <si>
    <t>Thatha qureshi</t>
  </si>
  <si>
    <t>Parya Shahnaz</t>
  </si>
  <si>
    <t>37017</t>
  </si>
  <si>
    <t>GGPS THAKRAL</t>
  </si>
  <si>
    <t>Surfraz Pur</t>
  </si>
  <si>
    <t>thakral</t>
  </si>
  <si>
    <t>Thakral</t>
  </si>
  <si>
    <t>24375</t>
  </si>
  <si>
    <t>GMPS CHAK NO 266 HR</t>
  </si>
  <si>
    <t>266/hr</t>
  </si>
  <si>
    <t>chak  no 266/hr tahseelFortabbas</t>
  </si>
  <si>
    <t>246/hr</t>
  </si>
  <si>
    <t>GMPS CHAK NO. 450 JB</t>
  </si>
  <si>
    <t>Chk 450</t>
  </si>
  <si>
    <t>G M P S chk 450</t>
  </si>
  <si>
    <t>Chk 450/1</t>
  </si>
  <si>
    <t>Tasmia Yaqoob</t>
  </si>
  <si>
    <t>GGPS SHEIKH PUR</t>
  </si>
  <si>
    <t>basti sheikh pur posted Khan garh muzaffargarh</t>
  </si>
  <si>
    <t>Sa day Wahin</t>
  </si>
  <si>
    <t>Shehnila Kausar</t>
  </si>
  <si>
    <t>GGPS MUSLIM ABAD NEW RAFEEQ ABAD</t>
  </si>
  <si>
    <t>Noorey Wali</t>
  </si>
  <si>
    <t>Rafeeq-Abad Colony Rahim Yar Khan</t>
  </si>
  <si>
    <t>Rafieeq-Abad</t>
  </si>
  <si>
    <t>GPS CHAK NO.140 ML</t>
  </si>
  <si>
    <t>140ml</t>
  </si>
  <si>
    <t>chak no 140ml</t>
  </si>
  <si>
    <t>ZULFQAR Abad</t>
  </si>
  <si>
    <t>Kanwar Abdul Jabbar</t>
  </si>
  <si>
    <t>GMPS ISTAQLAL ABAD</t>
  </si>
  <si>
    <t>Gmps Istaqlalabad sargodha</t>
  </si>
  <si>
    <t>Mc Factory Area</t>
  </si>
  <si>
    <t>Najma Taj</t>
  </si>
  <si>
    <t>GGPS BURBAGI</t>
  </si>
  <si>
    <t>Barbagi</t>
  </si>
  <si>
    <t>barbagi</t>
  </si>
  <si>
    <t>Amrat Nawaz</t>
  </si>
  <si>
    <t>GGPS SHAHAMAD BLOUCH</t>
  </si>
  <si>
    <t>Shahamad Blouch</t>
  </si>
  <si>
    <t>GGPS Shahamad Blouch</t>
  </si>
  <si>
    <t>Shagufta khan</t>
  </si>
  <si>
    <t>GGPS CHAK NO 188/7-R E</t>
  </si>
  <si>
    <t>188 7r East</t>
  </si>
  <si>
    <t>chak No. 188 7R/E, Tehsil Fort Abbas</t>
  </si>
  <si>
    <t>188 7.R/E</t>
  </si>
  <si>
    <t>UC-187</t>
  </si>
  <si>
    <t>GGPS JAM BHADAR NONARI</t>
  </si>
  <si>
    <t>Basti Jam Bahadar Nonari</t>
  </si>
  <si>
    <t>Razia Kusser</t>
  </si>
  <si>
    <t>GMPS CHAK NO 443 JB</t>
  </si>
  <si>
    <t>Chk#443</t>
  </si>
  <si>
    <t>chk#443</t>
  </si>
  <si>
    <t>Chak#443</t>
  </si>
  <si>
    <t>TAHIRA NOUREEN</t>
  </si>
  <si>
    <t>49212</t>
  </si>
  <si>
    <t>GGPS MEHAR COLONY SARGODHA</t>
  </si>
  <si>
    <t>49 Tail</t>
  </si>
  <si>
    <t>MEHAR colony 49 tail</t>
  </si>
  <si>
    <t>Mehar Colony</t>
  </si>
  <si>
    <t>Fakhara Inzmam</t>
  </si>
  <si>
    <t>GPS STATION BUDH</t>
  </si>
  <si>
    <t>Rodan Wala</t>
  </si>
  <si>
    <t>GPS station budh</t>
  </si>
  <si>
    <t>Station Budh</t>
  </si>
  <si>
    <t>Fazil Karloo</t>
  </si>
  <si>
    <t>54390</t>
  </si>
  <si>
    <t>GGPS KOT RAI AMEER ALI</t>
  </si>
  <si>
    <t>GGPS Kot Rai  Ameer Ali</t>
  </si>
  <si>
    <t>Yasmeen Bano</t>
  </si>
  <si>
    <t>GGPS CHAK 84/NP MOLVIAN</t>
  </si>
  <si>
    <t>CHAK 84 Np</t>
  </si>
  <si>
    <t>GGPS  chak 84np basti Molvian p.o tranda saway  khan ryk</t>
  </si>
  <si>
    <t>CHAK 84NP</t>
  </si>
  <si>
    <t>GGPS CHAK NO.233/9-R</t>
  </si>
  <si>
    <t>233/9-R</t>
  </si>
  <si>
    <t>Chak 233/9-R, P/O 207/9r teh Fortabbas, District Bahawalnagar</t>
  </si>
  <si>
    <t>238/9-R</t>
  </si>
  <si>
    <t>GGPS BASTI ADAM</t>
  </si>
  <si>
    <t>p/o mehmood kot city  moza khokhar tensil kot addu</t>
  </si>
  <si>
    <t>Basti Adam</t>
  </si>
  <si>
    <t>Alo Rid</t>
  </si>
  <si>
    <t>Farzana Hashim</t>
  </si>
  <si>
    <t>GGES CHAK NO. 90/6-R</t>
  </si>
  <si>
    <t>90/6-R</t>
  </si>
  <si>
    <t>90/6-R sahiwal</t>
  </si>
  <si>
    <t>90/6-R Sahiwal</t>
  </si>
  <si>
    <t>89/6-R</t>
  </si>
  <si>
    <t>RIFFAT MUSTAFA</t>
  </si>
  <si>
    <t>49161</t>
  </si>
  <si>
    <t>GGPS DERA SYEDAN</t>
  </si>
  <si>
    <t>113sb</t>
  </si>
  <si>
    <t>Chak no 113 s.b</t>
  </si>
  <si>
    <t>Dera Syedan</t>
  </si>
  <si>
    <t>Chak No113 S B</t>
  </si>
  <si>
    <t>GGPS KHAR SHARQI</t>
  </si>
  <si>
    <t>moza khar sharqi tehsil kotadu district m.garh</t>
  </si>
  <si>
    <t>Kashfabad</t>
  </si>
  <si>
    <t>GGPS TUNDI WALA</t>
  </si>
  <si>
    <t>chah Tundi wala Post office khas Bhutta pur.Tah &amp; DISTRICT M.GARH</t>
  </si>
  <si>
    <t>Tundi Wala</t>
  </si>
  <si>
    <t>GGES HASAN KHAN</t>
  </si>
  <si>
    <t>Hasan Khan</t>
  </si>
  <si>
    <t>hasan khan chund bharwana jhang</t>
  </si>
  <si>
    <t>Maryam Dilshad</t>
  </si>
  <si>
    <t>GGPS CHAK NO.30/WB</t>
  </si>
  <si>
    <t>30 /W B</t>
  </si>
  <si>
    <t>Chak No 30/W B</t>
  </si>
  <si>
    <t>56 /WB</t>
  </si>
  <si>
    <t>GGPS CHAK NO.75 SB</t>
  </si>
  <si>
    <t>Chak 75 SB</t>
  </si>
  <si>
    <t>Tabusam Saba</t>
  </si>
  <si>
    <t>GGES 141/9-L</t>
  </si>
  <si>
    <t>Chak No141/9-L</t>
  </si>
  <si>
    <t>chak no.141/9-L</t>
  </si>
  <si>
    <t>141/9L Sahiwal</t>
  </si>
  <si>
    <t>Farkhanda Aziz</t>
  </si>
  <si>
    <t>GGCMS CHAK NO.90 SB ANWAR ABAD</t>
  </si>
  <si>
    <t>Anwarabad. Sargodha</t>
  </si>
  <si>
    <t>Check 36 Sb</t>
  </si>
  <si>
    <t>Shahina Firdous</t>
  </si>
  <si>
    <t>GMPS CHAK NO 213 LALE</t>
  </si>
  <si>
    <t>CHAK  NO  213</t>
  </si>
  <si>
    <t>GMPS chak no 213</t>
  </si>
  <si>
    <t>Chak No Lail</t>
  </si>
  <si>
    <t>GGPS 127/9-L</t>
  </si>
  <si>
    <t>127/9l</t>
  </si>
  <si>
    <t>chak no 127/9l adda shabeel</t>
  </si>
  <si>
    <t>129/9l</t>
  </si>
  <si>
    <t>GGCMS KHICHIWALA</t>
  </si>
  <si>
    <t>Khichwala</t>
  </si>
  <si>
    <t>govt. girls community model p/s khichiwala</t>
  </si>
  <si>
    <t>GGPS 48/GD</t>
  </si>
  <si>
    <t>48/gd</t>
  </si>
  <si>
    <t>Ggps 48/</t>
  </si>
  <si>
    <t>48/Gd</t>
  </si>
  <si>
    <t>KLsoom Akhtar</t>
  </si>
  <si>
    <t>GGES QASBAN WALA 58 SB</t>
  </si>
  <si>
    <t>58 SB</t>
  </si>
  <si>
    <t>GGes 58 SB qw</t>
  </si>
  <si>
    <t>58 SB Qw</t>
  </si>
  <si>
    <t>Sughra Tabassum</t>
  </si>
  <si>
    <t>GGPS CHAK 188 GB I</t>
  </si>
  <si>
    <t>Chak188/GB-1</t>
  </si>
  <si>
    <t>Chak No. 188GB-1, Tehsil &amp; Distt. T.T.Singh</t>
  </si>
  <si>
    <t>Chak No 188GB-1</t>
  </si>
  <si>
    <t>Chak No. 189/GB</t>
  </si>
  <si>
    <t>24136</t>
  </si>
  <si>
    <t>GGPS CHAK NO 184/7-R</t>
  </si>
  <si>
    <t>184/7r</t>
  </si>
  <si>
    <t>Chak No. 184/7.r</t>
  </si>
  <si>
    <t>185/7r</t>
  </si>
  <si>
    <t>MUSSRAT BANO</t>
  </si>
  <si>
    <t>40652</t>
  </si>
  <si>
    <t>GPS KASIAL</t>
  </si>
  <si>
    <t>Kasial</t>
  </si>
  <si>
    <t>Village and post office Kasial Teh Sohawa District Jhelum</t>
  </si>
  <si>
    <t>Ksial</t>
  </si>
  <si>
    <t>Rashad Imran</t>
  </si>
  <si>
    <t>15347</t>
  </si>
  <si>
    <t>GHS ALLAMA IQBAL MODEL SANGLA HILL</t>
  </si>
  <si>
    <t>clock tower Chouck sangla hilll</t>
  </si>
  <si>
    <t>GGPS GUJRAN WALA SHARQI</t>
  </si>
  <si>
    <t>ggps Dera Gujranwala Sharqi noor pur thal</t>
  </si>
  <si>
    <t>Dera Gujranwala</t>
  </si>
  <si>
    <t>Mehjabeen Fatima</t>
  </si>
  <si>
    <t>GPS JHANG CHAK</t>
  </si>
  <si>
    <t>Jhang Chak</t>
  </si>
  <si>
    <t>village Jhang Chak p.o Bhogi Chak Teh sohawa Dist Jhelum</t>
  </si>
  <si>
    <t>Misbah Hussain</t>
  </si>
  <si>
    <t>GGPS DULLEKE</t>
  </si>
  <si>
    <t>Dulleki</t>
  </si>
  <si>
    <t>Ggps dulleki</t>
  </si>
  <si>
    <t>Shubana Farooq</t>
  </si>
  <si>
    <t>33411</t>
  </si>
  <si>
    <t>GGHS PANWAN CHAK NO.176/RB</t>
  </si>
  <si>
    <t>GGHS PANWAN CHAK NO 176/RB</t>
  </si>
  <si>
    <t>PANWAN176</t>
  </si>
  <si>
    <t>PANWAN 176</t>
  </si>
  <si>
    <t>syeda sukaina abbas</t>
  </si>
  <si>
    <t>GGHS MARH BALOCHAN</t>
  </si>
  <si>
    <t>GGHS Marh Balochan,chak # 111, R.B Charwind</t>
  </si>
  <si>
    <t>Sarwat Qamar</t>
  </si>
  <si>
    <t>GPS SAHARAN NO.1</t>
  </si>
  <si>
    <t>Kotala Ahmad Khan</t>
  </si>
  <si>
    <t>post of mana ahmadani bati sahsran</t>
  </si>
  <si>
    <t>Basti Saharan</t>
  </si>
  <si>
    <t>36213</t>
  </si>
  <si>
    <t>GPS CHAK NO. 533/EB</t>
  </si>
  <si>
    <t>533/Eb</t>
  </si>
  <si>
    <t>Chak no. 533/ eb vehari</t>
  </si>
  <si>
    <t>533/Eb Vehari</t>
  </si>
  <si>
    <t>557/Eb Machiwal</t>
  </si>
  <si>
    <t>Govt girls high school Muhammad Pura Chak no 174</t>
  </si>
  <si>
    <t>GHULAM FEEZA</t>
  </si>
  <si>
    <t>GGES ALLAH YAR JUTA</t>
  </si>
  <si>
    <t>Allah yar Jutta</t>
  </si>
  <si>
    <t>Basti Allah yar Jutta, Tehsil Shorkot, District jhang</t>
  </si>
  <si>
    <t>32085</t>
  </si>
  <si>
    <t>GPS MURIDKEY GAON</t>
  </si>
  <si>
    <t>Muridky Gaon</t>
  </si>
  <si>
    <t>Muridke Gaon Farooqabad Sheikhupura</t>
  </si>
  <si>
    <t>Muhammad Babar Naeem</t>
  </si>
  <si>
    <t>54327</t>
  </si>
  <si>
    <t>GPS GANDIAN</t>
  </si>
  <si>
    <t>Gandian</t>
  </si>
  <si>
    <t>village Gandian, P/o Nakrali, Tehsil: &amp; Distt: Rawalpindi.</t>
  </si>
  <si>
    <t>Muhammad Waqas Arif</t>
  </si>
  <si>
    <t>GGPS MAL BAJWA</t>
  </si>
  <si>
    <t>Mall Bajwa</t>
  </si>
  <si>
    <t>Village mall bajwa Tehsil &amp; District Narowal</t>
  </si>
  <si>
    <t>Shabana Akrm</t>
  </si>
  <si>
    <t>36041</t>
  </si>
  <si>
    <t>GGPS CHATT WAHIN</t>
  </si>
  <si>
    <t>Chatt wahin</t>
  </si>
  <si>
    <t>GGPS CHATT WAHIN MAILSI</t>
  </si>
  <si>
    <t>Chittania</t>
  </si>
  <si>
    <t>Naseem  e Saher</t>
  </si>
  <si>
    <t>38042</t>
  </si>
  <si>
    <t>GPS NOOR MUHAMMAD WALA</t>
  </si>
  <si>
    <t>Noor Muhammad Wala P/O Gale wal Tehsil &amp; Distric Lodhran</t>
  </si>
  <si>
    <t>GGES CHAK 47 GB SAMUNDRI</t>
  </si>
  <si>
    <t>47 Gb</t>
  </si>
  <si>
    <t>Govt girls comunity modal elemantry school 47 GB</t>
  </si>
  <si>
    <t>Khtravan</t>
  </si>
  <si>
    <t>Khtravan 47 Gb</t>
  </si>
  <si>
    <t>Mubeen Akram</t>
  </si>
  <si>
    <t>GGES NOUL</t>
  </si>
  <si>
    <t>Government Girls Middle School Noul</t>
  </si>
  <si>
    <t>FAIZA QUDSIA</t>
  </si>
  <si>
    <t>GGPS YAQIANI</t>
  </si>
  <si>
    <t>Basti Yaqiani</t>
  </si>
  <si>
    <t>Basti Yaqiani Tehsil kot chutta</t>
  </si>
  <si>
    <t>Basti Yaqi</t>
  </si>
  <si>
    <t>Rashida Tul Ghafoor</t>
  </si>
  <si>
    <t>GGPS SABIR PIA TOWN OKARA</t>
  </si>
  <si>
    <t>Karwan Town</t>
  </si>
  <si>
    <t>GGPS SABIR piya Town OKARA</t>
  </si>
  <si>
    <t>SABIR Piya Town</t>
  </si>
  <si>
    <t>City11</t>
  </si>
  <si>
    <t>Najma Abbas</t>
  </si>
  <si>
    <t>25672</t>
  </si>
  <si>
    <t>GGPS JINNAH NAROWAL</t>
  </si>
  <si>
    <t>mohallah Mohammad  pura nwl</t>
  </si>
  <si>
    <t>Narowal 4</t>
  </si>
  <si>
    <t>GPS BAKHRAY WALI</t>
  </si>
  <si>
    <t>GPS Bakhraywali Disst and tehsil Bhakkar p/ o dajal</t>
  </si>
  <si>
    <t>Kachl Shahsni</t>
  </si>
  <si>
    <t>Muhammad Fiaz Ul Haq</t>
  </si>
  <si>
    <t>GES PACCA SANDAN WALA</t>
  </si>
  <si>
    <t>GES pakka sandhan wala shadia</t>
  </si>
  <si>
    <t>Pakka Sandan Wala</t>
  </si>
  <si>
    <t>Ghulamm Mujtaba</t>
  </si>
  <si>
    <t>34753</t>
  </si>
  <si>
    <t>GGES WARIS WALA MULTAN SADDAR</t>
  </si>
  <si>
    <t>Mullah Faqeer</t>
  </si>
  <si>
    <t>Govt.Girls elementary  school Waris wala mullah faqeer.Multan saddar.</t>
  </si>
  <si>
    <t>Mullan Faqeer</t>
  </si>
  <si>
    <t>Jhok Lashkarbpur</t>
  </si>
  <si>
    <t>Misbah Gul</t>
  </si>
  <si>
    <t>GGCMS CHAK NO. 295 HR</t>
  </si>
  <si>
    <t>295/hr</t>
  </si>
  <si>
    <t>GGCM/S295/hr</t>
  </si>
  <si>
    <t>Mrs. Sajida Akram</t>
  </si>
  <si>
    <t>GGES CHAK 529 GB SAMUNDRI</t>
  </si>
  <si>
    <t>Haans</t>
  </si>
  <si>
    <t>GGES 529 G. B, smundri, fsd</t>
  </si>
  <si>
    <t>Chak No 529 G B</t>
  </si>
  <si>
    <t>41 GB</t>
  </si>
  <si>
    <t>Iqra Khan</t>
  </si>
  <si>
    <t>GGPS BHAND WALI</t>
  </si>
  <si>
    <t>Rihana Bhand Wali</t>
  </si>
  <si>
    <t>ggps Bhandwali</t>
  </si>
  <si>
    <t>Bhand Wali</t>
  </si>
  <si>
    <t>Shamim Allah Bakhsh</t>
  </si>
  <si>
    <t>GES CHAK 194 EB</t>
  </si>
  <si>
    <t>Chak No 194/EB</t>
  </si>
  <si>
    <t>GES 194/EB VEHARI</t>
  </si>
  <si>
    <t>194/EB</t>
  </si>
  <si>
    <t>Qaisar Abbas Adam</t>
  </si>
  <si>
    <t>GES CHAK 55/F</t>
  </si>
  <si>
    <t>Chak No 55/F</t>
  </si>
  <si>
    <t>Government elementary school 55/F Chishtian</t>
  </si>
  <si>
    <t>55/F</t>
  </si>
  <si>
    <t>Ghulam Mustafa Zaidi</t>
  </si>
  <si>
    <t>GGPS CHAH AMB WALA</t>
  </si>
  <si>
    <t>GGPS chah amb wala</t>
  </si>
  <si>
    <t>Chah Amb Wala</t>
  </si>
  <si>
    <t>Willsyat Abad No 2</t>
  </si>
  <si>
    <t>Nusrat Farzana</t>
  </si>
  <si>
    <t>GES KARAM ABAD</t>
  </si>
  <si>
    <t>moza rustam Sargana markaz H.B shah teh shorkot district jhang</t>
  </si>
  <si>
    <t>Rustam Sarhana</t>
  </si>
  <si>
    <t>habib ur rehman zia</t>
  </si>
  <si>
    <t>GPS BORI BANGE KHEL</t>
  </si>
  <si>
    <t>POS Bangi Khel Darmiyani</t>
  </si>
  <si>
    <t>bori bangi khel</t>
  </si>
  <si>
    <t>Bori Bangi Khel</t>
  </si>
  <si>
    <t>buy water tanks</t>
  </si>
  <si>
    <t>GMPS RAHMAN PURA</t>
  </si>
  <si>
    <t>GMPS Rehman Pur Khushab Moh Ali Pura Khb</t>
  </si>
  <si>
    <t>GPS BASTI MUNDHERA</t>
  </si>
  <si>
    <t>Mahrah Gharbi</t>
  </si>
  <si>
    <t>basti mundhaira p\0 mahra khass tehsil and district muzaffar garh.</t>
  </si>
  <si>
    <t>Basti Mundhaira</t>
  </si>
  <si>
    <t>GGPS CHAK 92 JB</t>
  </si>
  <si>
    <t>GGPS 92 j.b</t>
  </si>
  <si>
    <t>93 Jb</t>
  </si>
  <si>
    <t>GMPS KOT KACHA</t>
  </si>
  <si>
    <t>Kot Kacha</t>
  </si>
  <si>
    <t>Village Kot Kacha, PO &amp; Tehsil P.D Khan, Distt Jhelum</t>
  </si>
  <si>
    <t>Samavia Arshad</t>
  </si>
  <si>
    <t>Village's Handpump</t>
  </si>
  <si>
    <t>40199</t>
  </si>
  <si>
    <t>GGES CHAK 306 GB</t>
  </si>
  <si>
    <t>306 GB</t>
  </si>
  <si>
    <t>chak no 306 GB</t>
  </si>
  <si>
    <t>Chak No 306 GB</t>
  </si>
  <si>
    <t>Fatima Habib</t>
  </si>
  <si>
    <t>31424</t>
  </si>
  <si>
    <t>GPS SARAI KHAM</t>
  </si>
  <si>
    <t>Sarai Kham</t>
  </si>
  <si>
    <t>village sarai Khan</t>
  </si>
  <si>
    <t>31631</t>
  </si>
  <si>
    <t>GPS Kot Yaqoob</t>
  </si>
  <si>
    <t>Mustafa Ali</t>
  </si>
  <si>
    <t>GGPS GHARAL</t>
  </si>
  <si>
    <t>Gharal</t>
  </si>
  <si>
    <t>dhoke GHARAL,v.p.o mithial,tehsil jand ,district Attock</t>
  </si>
  <si>
    <t>Mahvish Sultan</t>
  </si>
  <si>
    <t>GGES 65/AGD ZAKHRI</t>
  </si>
  <si>
    <t>Zakheri</t>
  </si>
  <si>
    <t>65/A GD zakheri</t>
  </si>
  <si>
    <t>48-GD</t>
  </si>
  <si>
    <t>30944</t>
  </si>
  <si>
    <t>GGHS SALAMAT PURA LAHORE CANTT</t>
  </si>
  <si>
    <t>govt girls high school salamatpura</t>
  </si>
  <si>
    <t>GGCES SHAWALA</t>
  </si>
  <si>
    <t>Shawala</t>
  </si>
  <si>
    <t>Ghulam Sughra Abbass</t>
  </si>
  <si>
    <t>GMPS NASSOKE</t>
  </si>
  <si>
    <t>Nassoki</t>
  </si>
  <si>
    <t>Nassoke p /o kamoke</t>
  </si>
  <si>
    <t>Nassoke</t>
  </si>
  <si>
    <t>M Salman</t>
  </si>
  <si>
    <t>54045</t>
  </si>
  <si>
    <t>GES 170 EB</t>
  </si>
  <si>
    <t>chak no 170 EB burewala</t>
  </si>
  <si>
    <t>Chak No 170 EB</t>
  </si>
  <si>
    <t>21786</t>
  </si>
  <si>
    <t>GGES KOT KASHU</t>
  </si>
  <si>
    <t>Kot Kashu</t>
  </si>
  <si>
    <t>village kot kashu tehsil nohera virkan district gujrnwala</t>
  </si>
  <si>
    <t>Sadia Ramzan</t>
  </si>
  <si>
    <t>14001</t>
  </si>
  <si>
    <t>GPS KOTLA ALLAH YAR</t>
  </si>
  <si>
    <t>Kotla Qam</t>
  </si>
  <si>
    <t>basti salman u/c kotla essan</t>
  </si>
  <si>
    <t>Basti Salman</t>
  </si>
  <si>
    <t>GGPS AMIR WALA</t>
  </si>
  <si>
    <t>GGPS Ameer Wala</t>
  </si>
  <si>
    <t>Gunjiyal</t>
  </si>
  <si>
    <t>Imtiaz Parveen</t>
  </si>
  <si>
    <t>GPS MC BHABHRA</t>
  </si>
  <si>
    <t>333 gullbrag 3 main ferozpur road lahore</t>
  </si>
  <si>
    <t>Gupalnagar</t>
  </si>
  <si>
    <t>GES CHAK 429 JB</t>
  </si>
  <si>
    <t>Tajposhi Pur</t>
  </si>
  <si>
    <t>chak no 429 JB Gojra</t>
  </si>
  <si>
    <t>429 JB</t>
  </si>
  <si>
    <t>431 JB</t>
  </si>
  <si>
    <t>GGPS DERA FAZIL</t>
  </si>
  <si>
    <t>Dera Fazil</t>
  </si>
  <si>
    <t>Chack Frazi</t>
  </si>
  <si>
    <t>Saghira Bibi</t>
  </si>
  <si>
    <t>GGPS KHAR PUR SUI GAS ROAD NEAR CHOWK SHAHBAZ</t>
  </si>
  <si>
    <t>Tarafdaira</t>
  </si>
  <si>
    <t>Ggp/school kharpur near sui gas road multan</t>
  </si>
  <si>
    <t>Kharpur</t>
  </si>
  <si>
    <t>Amna Khan</t>
  </si>
  <si>
    <t>GGPS CHAK NO 175 JB ABAS NAGAR</t>
  </si>
  <si>
    <t>Chk175</t>
  </si>
  <si>
    <t>chk175'</t>
  </si>
  <si>
    <t>Chk175jb</t>
  </si>
  <si>
    <t>GGPS KHANI KHEL</t>
  </si>
  <si>
    <t>Mohallah khani khel tehsil and post office isa khel district mianwali</t>
  </si>
  <si>
    <t>Nighat Naseem Akhtar</t>
  </si>
  <si>
    <t>GGPS CHAK NO.62/F ZAFAR ABAD</t>
  </si>
  <si>
    <t>62f</t>
  </si>
  <si>
    <t>ggps zafarabad 62 f</t>
  </si>
  <si>
    <t>Dera Noormuhamad</t>
  </si>
  <si>
    <t>Afshan Mnawar</t>
  </si>
  <si>
    <t>26314</t>
  </si>
  <si>
    <t>GPS MOTHO MUHREE</t>
  </si>
  <si>
    <t>motho mohri post office padhri tehsil sohawa district jhelum</t>
  </si>
  <si>
    <t>Motho Mohri</t>
  </si>
  <si>
    <t>42398</t>
  </si>
  <si>
    <t>GES MANKIALA MUSLIM</t>
  </si>
  <si>
    <t>Village &amp; p.o. Mankiala Muslim</t>
  </si>
  <si>
    <t>Abdul Khalil</t>
  </si>
  <si>
    <t>basti ameen shah mouza makhan bela post office uch sharif</t>
  </si>
  <si>
    <t>Basti Ameen Shah</t>
  </si>
  <si>
    <t>Bakhtiyari</t>
  </si>
  <si>
    <t>51604</t>
  </si>
  <si>
    <t>GGES BUNGA HAYAT</t>
  </si>
  <si>
    <t>Bunga hayat</t>
  </si>
  <si>
    <t>fatima akbar</t>
  </si>
  <si>
    <t>GPS CHAK 336/HR</t>
  </si>
  <si>
    <t>336/HR</t>
  </si>
  <si>
    <t>Chak No 336/ HR</t>
  </si>
  <si>
    <t>49888</t>
  </si>
  <si>
    <t>GGES DHERO WAL</t>
  </si>
  <si>
    <t>dherowal tehsil sahiwal, distt. sargodha</t>
  </si>
  <si>
    <t>Rabia Jabbar</t>
  </si>
  <si>
    <t>34114</t>
  </si>
  <si>
    <t>GGPS ABBAS NAGAR MUZA JALALPUR KHAKHI</t>
  </si>
  <si>
    <t>Basti Abbas Nagar Jalalpur khaki Shujabad</t>
  </si>
  <si>
    <t>Sadaf bloch</t>
  </si>
  <si>
    <t>GMPS HAJI MOHAMMAD</t>
  </si>
  <si>
    <t>village haji muhammad</t>
  </si>
  <si>
    <t>WAJIHA SAFDAR</t>
  </si>
  <si>
    <t>GGES BASTI HAJI HAZOORI</t>
  </si>
  <si>
    <t>Chandrani W</t>
  </si>
  <si>
    <t>gges haji hazori</t>
  </si>
  <si>
    <t>Haji Hazoori</t>
  </si>
  <si>
    <t>Jamal Channer</t>
  </si>
  <si>
    <t>mumtaz nusrat</t>
  </si>
  <si>
    <t>GGPS GHAZI ABAD</t>
  </si>
  <si>
    <t>CHHOHAN</t>
  </si>
  <si>
    <t>Moza Chhohan</t>
  </si>
  <si>
    <t>GHAZI ABAD</t>
  </si>
  <si>
    <t>Asima Ali</t>
  </si>
  <si>
    <t>Allah Bakhsh wala</t>
  </si>
  <si>
    <t>Ansar Nazir</t>
  </si>
  <si>
    <t>GGPS 12 SP DAKHLI (BASTI KAMAL DIN)</t>
  </si>
  <si>
    <t>12sp</t>
  </si>
  <si>
    <t>chak no 12sp</t>
  </si>
  <si>
    <t>sana Hussain</t>
  </si>
  <si>
    <t>GGCMS CHAK 10/63</t>
  </si>
  <si>
    <t>Chak No 10/63</t>
  </si>
  <si>
    <t>chak no 10/63 P.O.Box same, tehsil &amp; district Nankana sahib</t>
  </si>
  <si>
    <t>Chak No10/63</t>
  </si>
  <si>
    <t>Raziya Parveen Malik Laldin</t>
  </si>
  <si>
    <t>46758</t>
  </si>
  <si>
    <t>GPS BADDA KHEL TRAGH TEH. ISA KHEL MIANWALI</t>
  </si>
  <si>
    <t>Badda Khel</t>
  </si>
  <si>
    <t>Badda Khel P/O Trag isakhel</t>
  </si>
  <si>
    <t>Aon Raza Shah</t>
  </si>
  <si>
    <t>GGPS EHDIPUR</t>
  </si>
  <si>
    <t>Ahdipur</t>
  </si>
  <si>
    <t>Ahdipur Dist/Teh Narowal</t>
  </si>
  <si>
    <t>Farzana Nasir</t>
  </si>
  <si>
    <t>GPS MINHALA KHURD</t>
  </si>
  <si>
    <t>gps minhala khurd</t>
  </si>
  <si>
    <t>40472</t>
  </si>
  <si>
    <t>27207</t>
  </si>
  <si>
    <t>GGPS JAHANIAN</t>
  </si>
  <si>
    <t>District and P/O Hafizabad village jahanian</t>
  </si>
  <si>
    <t>Solange Awan</t>
  </si>
  <si>
    <t>GGPS GUJJAR WALA</t>
  </si>
  <si>
    <t>Patti dargahi</t>
  </si>
  <si>
    <t>Gujjar Wala</t>
  </si>
  <si>
    <t>Zubida Bano</t>
  </si>
  <si>
    <t>GGES TAJ GARH</t>
  </si>
  <si>
    <t>GGESTaj garh</t>
  </si>
  <si>
    <t>amira yasmin</t>
  </si>
  <si>
    <t>GGPS CHAK NO.113/DB (EAST)</t>
  </si>
  <si>
    <t>chak no 113DB(E)</t>
  </si>
  <si>
    <t>113DB</t>
  </si>
  <si>
    <t>108DB</t>
  </si>
  <si>
    <t>GPS SADHANA</t>
  </si>
  <si>
    <t>Sadhana</t>
  </si>
  <si>
    <t>Gps sadhana mouza sadhana samandawana</t>
  </si>
  <si>
    <t>GGES KHAJOOR WALA</t>
  </si>
  <si>
    <t>Khajoorwala</t>
  </si>
  <si>
    <t>Village khajoorwala p/o hujra sha muqeem</t>
  </si>
  <si>
    <t>Guddar Malkana</t>
  </si>
  <si>
    <t>Mehwish Noor</t>
  </si>
  <si>
    <t>GGES JAND SHARIF</t>
  </si>
  <si>
    <t>Jandsharif</t>
  </si>
  <si>
    <t>village jandsharif po gulyana TEHSIL KHARIAN  district gujrat</t>
  </si>
  <si>
    <t>Najma khalil</t>
  </si>
  <si>
    <t>24833</t>
  </si>
  <si>
    <t>GPS KOTLI JASPAL</t>
  </si>
  <si>
    <t>Kotli Jaspal</t>
  </si>
  <si>
    <t>village:Kotli Jaspal , Sialkot</t>
  </si>
  <si>
    <t>Kotli Jasoal</t>
  </si>
  <si>
    <t>GGPS BASTI NAZAR KHAN</t>
  </si>
  <si>
    <t>wah machka</t>
  </si>
  <si>
    <t>basti Nazar khan rojhan</t>
  </si>
  <si>
    <t>Basti Nazar khan Rojhan</t>
  </si>
  <si>
    <t>rojhan shraqe</t>
  </si>
  <si>
    <t>Sana Shajahan</t>
  </si>
  <si>
    <t>GGPS BASTI DAD FTIANA</t>
  </si>
  <si>
    <t>Dad Fatyana</t>
  </si>
  <si>
    <t>Basti Dad fatiana</t>
  </si>
  <si>
    <t>Basti Dad Fatiana</t>
  </si>
  <si>
    <t>SOBIA AMIN</t>
  </si>
  <si>
    <t>GGES RATTIAN</t>
  </si>
  <si>
    <t>GGE/S Rattian</t>
  </si>
  <si>
    <t>Ghazala Nighat</t>
  </si>
  <si>
    <t>GGES NAI ABADI</t>
  </si>
  <si>
    <t>Nai Basti talkot</t>
  </si>
  <si>
    <t>ward # 1 sherwani colony muzaffargarh</t>
  </si>
  <si>
    <t>sherwani colony</t>
  </si>
  <si>
    <t>ZARINA SAEED</t>
  </si>
  <si>
    <t>GPS DHAKAR FARM PO PAKPATTAN</t>
  </si>
  <si>
    <t>Dhakar Farm</t>
  </si>
  <si>
    <t>Syed Abdulaziz Shah</t>
  </si>
  <si>
    <t>GGES FAZAL SHAH, SARAI SIDHU</t>
  </si>
  <si>
    <t>Fazal Shah</t>
  </si>
  <si>
    <t>moza fazal shah</t>
  </si>
  <si>
    <t>44348</t>
  </si>
  <si>
    <t>GES MURANI JANUBI</t>
  </si>
  <si>
    <t>murani janubi</t>
  </si>
  <si>
    <t>mauza murani janubi</t>
  </si>
  <si>
    <t>Sleem Abbas</t>
  </si>
  <si>
    <t>17297</t>
  </si>
  <si>
    <t>Dar bar Shah Jalan Bukhari</t>
  </si>
  <si>
    <t>darbar shah Jalan Bukharin kariwala jhang</t>
  </si>
  <si>
    <t>Azmat Nawaz</t>
  </si>
  <si>
    <t>GHS CHAK 248 GB</t>
  </si>
  <si>
    <t>chak no 248 gb</t>
  </si>
  <si>
    <t>chak no 248 gb tehsil gojra distric toba tek singh</t>
  </si>
  <si>
    <t>245 gb no 15</t>
  </si>
  <si>
    <t>M Fahim Anwar</t>
  </si>
  <si>
    <t>GPS MUDD</t>
  </si>
  <si>
    <t>Sanu Isra</t>
  </si>
  <si>
    <t>basti Allah Yar P/O Basti Qazi Teh karor layyah</t>
  </si>
  <si>
    <t>Sanu Wala</t>
  </si>
  <si>
    <t>sultan Ahmad</t>
  </si>
  <si>
    <t>49365</t>
  </si>
  <si>
    <t>GGPS SALAR WALA</t>
  </si>
  <si>
    <t>GGPS salar wala</t>
  </si>
  <si>
    <t>Salarwala</t>
  </si>
  <si>
    <t>Chak 82</t>
  </si>
  <si>
    <t>MUSARRAT NAZIR</t>
  </si>
  <si>
    <t>GGPS 326/HR</t>
  </si>
  <si>
    <t>326#hr</t>
  </si>
  <si>
    <t>GGPS  326#hr</t>
  </si>
  <si>
    <t>327#hr</t>
  </si>
  <si>
    <t>GGPS NAGROTA ANSARIAN</t>
  </si>
  <si>
    <t>ggps nagrota insarian</t>
  </si>
  <si>
    <t>ggps jal wala muza fazil kalroo thana m.kot m.garh</t>
  </si>
  <si>
    <t>Jal Wala</t>
  </si>
  <si>
    <t>Farhana Zahoor</t>
  </si>
  <si>
    <t>GGPS 125/9-L</t>
  </si>
  <si>
    <t>125/9-L</t>
  </si>
  <si>
    <t>chak no 125/9L</t>
  </si>
  <si>
    <t>125/9L</t>
  </si>
  <si>
    <t>Budh Dahko</t>
  </si>
  <si>
    <t>Manzooran Bibi</t>
  </si>
  <si>
    <t>GPS BASTI DRIGH</t>
  </si>
  <si>
    <t>GPS basti drigh chah fateh Wala mouza drigh</t>
  </si>
  <si>
    <t>45585</t>
  </si>
  <si>
    <t>GGPS BASTI BOON</t>
  </si>
  <si>
    <t>Daggar Quraishi</t>
  </si>
  <si>
    <t>Chan tayyab basti bhoon anarshah</t>
  </si>
  <si>
    <t>govt model primary school BOHAR WALA</t>
  </si>
  <si>
    <t>BOHAR WALA</t>
  </si>
  <si>
    <t>GGPS CHAK NO. 58/D BUNGA HAYAT</t>
  </si>
  <si>
    <t>58/D</t>
  </si>
  <si>
    <t>Chak  58d</t>
  </si>
  <si>
    <t>Chak 58/d</t>
  </si>
  <si>
    <t>Muqaddas Naz</t>
  </si>
  <si>
    <t>17586</t>
  </si>
  <si>
    <t>GGPS CHAK 455 MAHNI SHARIF</t>
  </si>
  <si>
    <t>Chak No 455 Mahni Sharif</t>
  </si>
  <si>
    <t>Chak 446 Khoi Adda</t>
  </si>
  <si>
    <t>Sana Shafique</t>
  </si>
  <si>
    <t>10178</t>
  </si>
  <si>
    <t>GGPS RAKHWAN</t>
  </si>
  <si>
    <t>moza rakhwan tehsil karor district layyah</t>
  </si>
  <si>
    <t>mussarat perveen</t>
  </si>
  <si>
    <t>GGPS FAZIL KALROO</t>
  </si>
  <si>
    <t>basti jada chandia</t>
  </si>
  <si>
    <t>FazilKalro</t>
  </si>
  <si>
    <t>Shahila Almas</t>
  </si>
  <si>
    <t>GPS DAHAB</t>
  </si>
  <si>
    <t>Dahab</t>
  </si>
  <si>
    <t>Village Dahab Tehsil and Disctrict Narowal</t>
  </si>
  <si>
    <t>GGES BOSAN HITHAR MULTAN</t>
  </si>
  <si>
    <t>GGES bosan hithar multan</t>
  </si>
  <si>
    <t>17528</t>
  </si>
  <si>
    <t>GGPS LAK BADHAR</t>
  </si>
  <si>
    <t>Moza lak badhar</t>
  </si>
  <si>
    <t>sanjh esra</t>
  </si>
  <si>
    <t>p/o basti qazi maza sanjh esra</t>
  </si>
  <si>
    <t>basti allah yar</t>
  </si>
  <si>
    <t>sahu walla</t>
  </si>
  <si>
    <t>GGPS DORA</t>
  </si>
  <si>
    <t>Patti Darigh</t>
  </si>
  <si>
    <t>basti dora</t>
  </si>
  <si>
    <t>Dora</t>
  </si>
  <si>
    <t>Mahal Khakhe</t>
  </si>
  <si>
    <t>18508</t>
  </si>
  <si>
    <t>GHS CHAK 181 GB ARIAN WALI</t>
  </si>
  <si>
    <t>181gb</t>
  </si>
  <si>
    <t>chak 181gb gojra</t>
  </si>
  <si>
    <t>Chak#245gb</t>
  </si>
  <si>
    <t>Rock Masih</t>
  </si>
  <si>
    <t>499800</t>
  </si>
  <si>
    <t>GPS NIZAM ADLIKEY P.O 23-S.P</t>
  </si>
  <si>
    <t>NIZAM ADLIKAY Pakpattan</t>
  </si>
  <si>
    <t>CHAK NIZAM ADLIKAY</t>
  </si>
  <si>
    <t>TWANA KALAN</t>
  </si>
  <si>
    <t>MUHAMMAD ARIF QAYYUM</t>
  </si>
  <si>
    <t>GGCMS 178/7-R</t>
  </si>
  <si>
    <t>178 7r</t>
  </si>
  <si>
    <t>chsk no 178. ,7 r</t>
  </si>
  <si>
    <t>178 7 R</t>
  </si>
  <si>
    <t>176 7 R</t>
  </si>
  <si>
    <t>Shaista Bashir</t>
  </si>
  <si>
    <t>GGPS BASTI PATWARI</t>
  </si>
  <si>
    <t>basti patwari moza kot habib shahn</t>
  </si>
  <si>
    <t>Taj Ghar</t>
  </si>
  <si>
    <t>noureen kokab</t>
  </si>
  <si>
    <t>GMPS GIRDHARI WALA</t>
  </si>
  <si>
    <t>Mamoodnagar Girdahriwaka</t>
  </si>
  <si>
    <t>Government model p/s Girdahri Wala (west) BWN</t>
  </si>
  <si>
    <t>Girdahriwala</t>
  </si>
  <si>
    <t>Anwer Parveen</t>
  </si>
  <si>
    <t>GMPS  58 SP</t>
  </si>
  <si>
    <t>58/SP</t>
  </si>
  <si>
    <t>58/SP malka Hans Teh/Dis  Pakpattan</t>
  </si>
  <si>
    <t>Shafeeqa Anam</t>
  </si>
  <si>
    <t>GES NAWAN ALI KHEL CHAK NO. 5 RDW</t>
  </si>
  <si>
    <t>Chak No 5 RDW</t>
  </si>
  <si>
    <t>chak no.5 PO Dulley wala tehsil darya khan district Bhakkar</t>
  </si>
  <si>
    <t>Farhan Ahmad</t>
  </si>
  <si>
    <t>GGPS CHAK NO 220 TDA</t>
  </si>
  <si>
    <t>Mog Ghar</t>
  </si>
  <si>
    <t>GGPS220TDA</t>
  </si>
  <si>
    <t>Chawk No 220 TDA</t>
  </si>
  <si>
    <t>93-ML</t>
  </si>
  <si>
    <t>RASHIDA YASMEEN</t>
  </si>
  <si>
    <t>GPS RAKH KHURD P/O 17/S.P PAKPATTAN</t>
  </si>
  <si>
    <t>Rakh Khurd</t>
  </si>
  <si>
    <t>rakh khurd dak khana 17 s/p</t>
  </si>
  <si>
    <t>17 S/p</t>
  </si>
  <si>
    <t>Liaqat ALI</t>
  </si>
  <si>
    <t>GGPS SULTAN WALA NO. 2</t>
  </si>
  <si>
    <t>Darya khan Dagar</t>
  </si>
  <si>
    <t>mohalla mahota wala</t>
  </si>
  <si>
    <t>Darya khan</t>
  </si>
  <si>
    <t>Zarmina Khan</t>
  </si>
  <si>
    <t>GGPS BAHAR CHANDIA</t>
  </si>
  <si>
    <t>GGPS Bahar chandia</t>
  </si>
  <si>
    <t>Kali Pul</t>
  </si>
  <si>
    <t>Nohn Wali</t>
  </si>
  <si>
    <t>GGES CHAK NO.61 NB</t>
  </si>
  <si>
    <t>61 Nb</t>
  </si>
  <si>
    <t>chak 61 NB sargodha</t>
  </si>
  <si>
    <t>61 NB</t>
  </si>
  <si>
    <t>Muneeba Shahid</t>
  </si>
  <si>
    <t>GPS NOOR PUR BODLA</t>
  </si>
  <si>
    <t>near pul denga post office qasba gujrat teh kot addu disst muzaffar garh</t>
  </si>
  <si>
    <t>bet sohni</t>
  </si>
  <si>
    <t>Muhammad Javaid Babar</t>
  </si>
  <si>
    <t>GGES NARRAN WALA</t>
  </si>
  <si>
    <t>Narran Wala</t>
  </si>
  <si>
    <t>narran wala district nns</t>
  </si>
  <si>
    <t>Rabia Naseer</t>
  </si>
  <si>
    <t>GGES BALOCHAN, NAWAN SHEHR</t>
  </si>
  <si>
    <t>balouchan</t>
  </si>
  <si>
    <t>GGES BALOCHAN</t>
  </si>
  <si>
    <t>maan kot</t>
  </si>
  <si>
    <t>GGPS RAKH MINARA</t>
  </si>
  <si>
    <t>Kurlaky Minara</t>
  </si>
  <si>
    <t>Syeda Naima Naqvi</t>
  </si>
  <si>
    <t>GMPS CHAK KACHA</t>
  </si>
  <si>
    <t>Chak Kacha Maghyana</t>
  </si>
  <si>
    <t>purana khorara Jhang</t>
  </si>
  <si>
    <t>Khorara</t>
  </si>
  <si>
    <t>GGPS CHAK NO 177/7-R</t>
  </si>
  <si>
    <t>177 7r</t>
  </si>
  <si>
    <t>177 7R</t>
  </si>
  <si>
    <t>Chack  176 7r</t>
  </si>
  <si>
    <t>GGPS CHAK NO.3 REMOUNT DEPOT</t>
  </si>
  <si>
    <t>chak nbr 3 remount depot sargodha</t>
  </si>
  <si>
    <t>Chak Nbr 3</t>
  </si>
  <si>
    <t>Razia Naz</t>
  </si>
  <si>
    <t>36472</t>
  </si>
  <si>
    <t>GGPS MEHRO BALOCH</t>
  </si>
  <si>
    <t>Mehro Baloch</t>
  </si>
  <si>
    <t>mouza mehro balochm</t>
  </si>
  <si>
    <t>Kiran Zawar Abbasi</t>
  </si>
  <si>
    <t>GPS MODEL BASTI BAGHBAN</t>
  </si>
  <si>
    <t>Maril</t>
  </si>
  <si>
    <t>Basti number dar moza maril bahawalpur</t>
  </si>
  <si>
    <t>Basti number dar</t>
  </si>
  <si>
    <t>Jindoo Misson</t>
  </si>
  <si>
    <t>Rubina Gulshan</t>
  </si>
  <si>
    <t>GGPS CHAK NO. 142 JB AHEER</t>
  </si>
  <si>
    <t>Chak No 142Aheer</t>
  </si>
  <si>
    <t>chak no. 142jb aheer</t>
  </si>
  <si>
    <t>chak no. 140jb</t>
  </si>
  <si>
    <t>GGPS MARDANA</t>
  </si>
  <si>
    <t>village Mardana tehsil Pasrur district sialkot</t>
  </si>
  <si>
    <t>Firdous Rani</t>
  </si>
  <si>
    <t>GPS KUCHH</t>
  </si>
  <si>
    <t>GBPS Dhoke Kuchh The Jand Distt. Attock.</t>
  </si>
  <si>
    <t>Kuchh</t>
  </si>
  <si>
    <t>Muhammad Aziz-ul- Haq</t>
  </si>
  <si>
    <t>GES 170/10-R, KHANEWAL</t>
  </si>
  <si>
    <t>cHAK nO 170/10-R</t>
  </si>
  <si>
    <t>CHAK NO 170/10-R,KHANEWAL</t>
  </si>
  <si>
    <t>CHAK NO 170/10-R</t>
  </si>
  <si>
    <t>63010</t>
  </si>
  <si>
    <t>GPS ADP CHAK NO. 30-A/GD</t>
  </si>
  <si>
    <t>30A GD</t>
  </si>
  <si>
    <t>chak No 30 Agd p/o sadar gogera okara</t>
  </si>
  <si>
    <t>Chak No 30 a Gd</t>
  </si>
  <si>
    <t>Farm Bahadar Ngr</t>
  </si>
  <si>
    <t>GPS JATOI WALA</t>
  </si>
  <si>
    <t>village Jatoi Wala Post office Shah Hussain</t>
  </si>
  <si>
    <t>27383</t>
  </si>
  <si>
    <t>Thathi Behlol Pur</t>
  </si>
  <si>
    <t>Abida</t>
  </si>
  <si>
    <t>GPS CHAH PIPLI WALA</t>
  </si>
  <si>
    <t>near bank bazar</t>
  </si>
  <si>
    <t>ZAHID PERVEZ</t>
  </si>
  <si>
    <t>GGES DANNA AWAIN</t>
  </si>
  <si>
    <t>village Danna awain, p/o Murrer, tehsil Murrer, district rawalpindi</t>
  </si>
  <si>
    <t>Hina Abbasi</t>
  </si>
  <si>
    <t>GGPS GUJJAR NO.1</t>
  </si>
  <si>
    <t>village &amp; P/O Gujjar, Tehsil Pind Dadan Khan, District jhelum</t>
  </si>
  <si>
    <t>Qusain Kanwal</t>
  </si>
  <si>
    <t>GGES CHAK NO. 35/3-R</t>
  </si>
  <si>
    <t>35/3r</t>
  </si>
  <si>
    <t>chak no 35/3r Tehseel HND District BWN</t>
  </si>
  <si>
    <t>Chak No 35/3r</t>
  </si>
  <si>
    <t>Shaista Ehsan</t>
  </si>
  <si>
    <t>we bring water from water plant</t>
  </si>
  <si>
    <t>GMPS DARWASHKE</t>
  </si>
  <si>
    <t>Darwashke teh wazirabad district Gujranwala</t>
  </si>
  <si>
    <t>Darwashke</t>
  </si>
  <si>
    <t>Asia Tabasum</t>
  </si>
  <si>
    <t>30936</t>
  </si>
  <si>
    <t>53026</t>
  </si>
  <si>
    <t>GES CHAK NO. 39 DB</t>
  </si>
  <si>
    <t>38DB</t>
  </si>
  <si>
    <t>CHAK 39 DB</t>
  </si>
  <si>
    <t>39 Db</t>
  </si>
  <si>
    <t>52278</t>
  </si>
  <si>
    <t>GPS CHAK NO.3 SB</t>
  </si>
  <si>
    <t>chak 3sb bhalwal</t>
  </si>
  <si>
    <t>GPS THATHA RAO</t>
  </si>
  <si>
    <t>village thatha rao tehsil Kamoke district gujranwala</t>
  </si>
  <si>
    <t>GPS KHANQAH KHAN PIR</t>
  </si>
  <si>
    <t>mouza khanpur bhani teh jatoi m garh</t>
  </si>
  <si>
    <t>Gadohar Wala</t>
  </si>
  <si>
    <t>GGPS BASTI GUL MUHAMMAD WALI</t>
  </si>
  <si>
    <t>Basti Gul</t>
  </si>
  <si>
    <t>basti shah gul muhammad wali</t>
  </si>
  <si>
    <t>Dhair Umeed</t>
  </si>
  <si>
    <t>GGPS BUKAN KAY</t>
  </si>
  <si>
    <t>Bukan Kay</t>
  </si>
  <si>
    <t>bukan kay</t>
  </si>
  <si>
    <t>GGCMS NISHTER ABAD</t>
  </si>
  <si>
    <t>Nishterabad</t>
  </si>
  <si>
    <t>Thsail Sambrial district sailkot</t>
  </si>
  <si>
    <t>Khalda Parveen</t>
  </si>
  <si>
    <t>GGPS MURADAY KHURD</t>
  </si>
  <si>
    <t>GGPS Murady khurd</t>
  </si>
  <si>
    <t>Murady khurd</t>
  </si>
  <si>
    <t>GGPS BASTI MOLA BUKHSH</t>
  </si>
  <si>
    <t>Goth Jora</t>
  </si>
  <si>
    <t>goth jora mola bux post office sadiq abad</t>
  </si>
  <si>
    <t>Mola Bux</t>
  </si>
  <si>
    <t>GGCMES DERA MASTI</t>
  </si>
  <si>
    <t>GGCMES dera masti bahawalpur</t>
  </si>
  <si>
    <t>GGPS BOHRI</t>
  </si>
  <si>
    <t>Bohri</t>
  </si>
  <si>
    <t>GGPS Bohri p/o Pindi Poorbian tehsil Zafarwal district narowal</t>
  </si>
  <si>
    <t>Sobia Zahoor</t>
  </si>
  <si>
    <t>GGPS SIDHER</t>
  </si>
  <si>
    <t>VPO SIDHAR TEH &amp; DISTT CHAKWAL</t>
  </si>
  <si>
    <t>um-e-habiba</t>
  </si>
  <si>
    <t>GGPS ASALAT WALA</t>
  </si>
  <si>
    <t>Tehsil Sahiwal Distt Sargodha</t>
  </si>
  <si>
    <t>Talat Iqbal</t>
  </si>
  <si>
    <t>GPS BHARARY WALA</t>
  </si>
  <si>
    <t>BHARARY WALA</t>
  </si>
  <si>
    <t>GPS KAMAHAN</t>
  </si>
  <si>
    <t>kamahan  Lahore</t>
  </si>
  <si>
    <t>45478</t>
  </si>
  <si>
    <t>GGPS 35 KB</t>
  </si>
  <si>
    <t>chak no. 35/K.B</t>
  </si>
  <si>
    <t>Chak 35/KB</t>
  </si>
  <si>
    <t>Romysa Rafique</t>
  </si>
  <si>
    <t>46023</t>
  </si>
  <si>
    <t>GGPS DHOK AWANA PAIL</t>
  </si>
  <si>
    <t>pail district khushab</t>
  </si>
  <si>
    <t>Dhok Awan Pail</t>
  </si>
  <si>
    <t>Naheed Akther</t>
  </si>
  <si>
    <t>32151</t>
  </si>
  <si>
    <t>GGPS BAN MASAM</t>
  </si>
  <si>
    <t>Khuain</t>
  </si>
  <si>
    <t>v&amp;p.o.khuain talagang</t>
  </si>
  <si>
    <t>Banmasm</t>
  </si>
  <si>
    <t>GMPS CHAK NO. 11/G</t>
  </si>
  <si>
    <t>11/G</t>
  </si>
  <si>
    <t>chak no 11/G</t>
  </si>
  <si>
    <t>Chak No 3/Fw</t>
  </si>
  <si>
    <t>Salma Tabassum</t>
  </si>
  <si>
    <t>GGPS GULOO WALA</t>
  </si>
  <si>
    <t>Guloo wala, Tehsil Bhera, district Sargodha</t>
  </si>
  <si>
    <t>GULOO WALA</t>
  </si>
  <si>
    <t>Noorpurnoon</t>
  </si>
  <si>
    <t>Hafeeza Mahjabeen Khan</t>
  </si>
  <si>
    <t>GPS MOHRI KHTRIAL</t>
  </si>
  <si>
    <t>Mohri Kathreel</t>
  </si>
  <si>
    <t>gps mohri kathreel</t>
  </si>
  <si>
    <t>Jairo Ratial</t>
  </si>
  <si>
    <t>GPS MANSAY WALA P/O JALAL PUR KHAKHI</t>
  </si>
  <si>
    <t>Jala Pur Khakhi</t>
  </si>
  <si>
    <t>Mansay Wala jalal Pur khakhi P/O Bagrain Tehsil Shujabad</t>
  </si>
  <si>
    <t>Mansay Wala</t>
  </si>
  <si>
    <t>GGPS CHAK NO 494 JB</t>
  </si>
  <si>
    <t>Kaluwala</t>
  </si>
  <si>
    <t>chak no.496 j b tehsil shorkot District Jhang</t>
  </si>
  <si>
    <t>GPS NAWAN KOT</t>
  </si>
  <si>
    <t>Nawan kot,  p/o Midh Ranjha, Tehsil: Kotmomin</t>
  </si>
  <si>
    <t>GPS PATHAN KEY</t>
  </si>
  <si>
    <t>village pathankey p/o barki Lahore cantt</t>
  </si>
  <si>
    <t>Fajar Din</t>
  </si>
  <si>
    <t>GGES CHAK 745 GB</t>
  </si>
  <si>
    <t>Chak# 745</t>
  </si>
  <si>
    <t>Chak # 745 G.B</t>
  </si>
  <si>
    <t>Chak # 745 GB</t>
  </si>
  <si>
    <t>Chak # 760gb Nasir Nagar</t>
  </si>
  <si>
    <t>Mariam Javaid</t>
  </si>
  <si>
    <t>65245</t>
  </si>
  <si>
    <t>29490</t>
  </si>
  <si>
    <t>GGPS BASTI GOKAL</t>
  </si>
  <si>
    <t>Basti Gokal Moza Marhan Wali Karor lal Eson</t>
  </si>
  <si>
    <t>Basti Gokal</t>
  </si>
  <si>
    <t>Saira Mustafa</t>
  </si>
  <si>
    <t>GGES DERA MUHAMMAD ISMAIL</t>
  </si>
  <si>
    <t>Chak 36/p</t>
  </si>
  <si>
    <t>GGES Dera Muhammad Ismail,chak 36/p,post office bagh-o-bahar,khanpur</t>
  </si>
  <si>
    <t>19078</t>
  </si>
  <si>
    <t>GMPS BASTI MUHAMMAD ABAD 762 GB</t>
  </si>
  <si>
    <t>762GB</t>
  </si>
  <si>
    <t>chak no 762gb the. pir mahal (ttsingh)</t>
  </si>
  <si>
    <t>Chak No 762gb</t>
  </si>
  <si>
    <t>40484</t>
  </si>
  <si>
    <t>GGPS DERA AHMED KHAN</t>
  </si>
  <si>
    <t>Dera Ahmed Khan</t>
  </si>
  <si>
    <t>Ggps dera Ahmed khan markaz chak shadi teh p d khan dist Jhelum</t>
  </si>
  <si>
    <t>GMPS BASTI DERVESHAN</t>
  </si>
  <si>
    <t>Darwesh Muh</t>
  </si>
  <si>
    <t>Basti darweshan Bahawalpur</t>
  </si>
  <si>
    <t>Basti Darweshan</t>
  </si>
  <si>
    <t>GES K.Z.S. DUGRI KALAN</t>
  </si>
  <si>
    <t>Dugri Kalan</t>
  </si>
  <si>
    <t>Dugri Kalan post office Bhudda Goraya Tehsil Daska</t>
  </si>
  <si>
    <t>Bhudda Goraya</t>
  </si>
  <si>
    <t>GPS BAGHAI WALA</t>
  </si>
  <si>
    <t>Kamalia Bagaiwala</t>
  </si>
  <si>
    <t>mohala bagaiwala kamalia</t>
  </si>
  <si>
    <t>Ward No 32</t>
  </si>
  <si>
    <t>ZaheerHussain</t>
  </si>
  <si>
    <t>GGES ARFAAT COLONY (KACHI PUMP WALI)</t>
  </si>
  <si>
    <t>arfat colony ( kachi pump wali) near haideri underpass grw</t>
  </si>
  <si>
    <t>Tanzila Akhter</t>
  </si>
  <si>
    <t>GPS HAMEED WALA</t>
  </si>
  <si>
    <t>Punnar</t>
  </si>
  <si>
    <t>basti hameed wala jhoke uttra kot chutta d g khan</t>
  </si>
  <si>
    <t>46433</t>
  </si>
  <si>
    <t>GPS TITIAN WALI</t>
  </si>
  <si>
    <t>Mitha khoo quidabad khushab</t>
  </si>
  <si>
    <t>Mithakhoo</t>
  </si>
  <si>
    <t>13010</t>
  </si>
  <si>
    <t>39639</t>
  </si>
  <si>
    <t>GGES GARHI</t>
  </si>
  <si>
    <t>vpo garhi tehsil jand district attock</t>
  </si>
  <si>
    <t>Gul E Rehna</t>
  </si>
  <si>
    <t>GGPS PINDUT DARRI</t>
  </si>
  <si>
    <t>pandat dari sadiqabad</t>
  </si>
  <si>
    <t>Pandat Dari</t>
  </si>
  <si>
    <t>Tahira Shabbir</t>
  </si>
  <si>
    <t>24828</t>
  </si>
  <si>
    <t>GGES FARID ABAD</t>
  </si>
  <si>
    <t>Hb192 multani bazar m.garh</t>
  </si>
  <si>
    <t>Nadira Parveen</t>
  </si>
  <si>
    <t>41358</t>
  </si>
  <si>
    <t>GMPS KOHATTI</t>
  </si>
  <si>
    <t>Kohatti</t>
  </si>
  <si>
    <t>kohatti</t>
  </si>
  <si>
    <t>Aroosa Shazadi</t>
  </si>
  <si>
    <t>GPS SHAH NIKDAR</t>
  </si>
  <si>
    <t>shah Nikdar</t>
  </si>
  <si>
    <t>basic health unit road Shah Nikdar</t>
  </si>
  <si>
    <t>shah nikdar</t>
  </si>
  <si>
    <t>25111</t>
  </si>
  <si>
    <t>GPS RAPI LOLAI</t>
  </si>
  <si>
    <t>GPS RAPI LOLAI BANGLA HIDAYAT</t>
  </si>
  <si>
    <t>Basti Ali Jan</t>
  </si>
  <si>
    <t>GGPS CHAWINDA NO.2</t>
  </si>
  <si>
    <t>ggpsno2 chawinda</t>
  </si>
  <si>
    <t>Yousaf Pervaz</t>
  </si>
  <si>
    <t>41114</t>
  </si>
  <si>
    <t>GMPS NORANG BAKHT</t>
  </si>
  <si>
    <t>Makhi choha</t>
  </si>
  <si>
    <t>Village  makhi choha Tehsil kahuta District Rawalpindi</t>
  </si>
  <si>
    <t>GPS POTHA NAGIAL</t>
  </si>
  <si>
    <t>govt. primary school potha nagial
village potha</t>
  </si>
  <si>
    <t>Nauman Javed</t>
  </si>
  <si>
    <t>outdoor pump</t>
  </si>
  <si>
    <t>GPS SARAI</t>
  </si>
  <si>
    <t>Sarai</t>
  </si>
  <si>
    <t>Post office bheki sanduan tehsil dsaka district sialkot</t>
  </si>
  <si>
    <t>Dhanseer paeen</t>
  </si>
  <si>
    <t>17585</t>
  </si>
  <si>
    <t>GGPS CHAH PINDI WALA</t>
  </si>
  <si>
    <t>chah pindi wala moaza kot khaira</t>
  </si>
  <si>
    <t>Malohana</t>
  </si>
  <si>
    <t>36930</t>
  </si>
  <si>
    <t>SaleemAbad kotla gamon rajan pur</t>
  </si>
  <si>
    <t>Gulnaz Fatima</t>
  </si>
  <si>
    <t>GPS SHAWAR WALA</t>
  </si>
  <si>
    <t>gps shawar wala village khanan wala tehsil mankera disst.bhakkar</t>
  </si>
  <si>
    <t>Khanan Wala</t>
  </si>
  <si>
    <t>GGPS SOJHANDA</t>
  </si>
  <si>
    <t>Chhoi Gharyala</t>
  </si>
  <si>
    <t>GGPS Sojhanda</t>
  </si>
  <si>
    <t>Nabeela Siddique</t>
  </si>
  <si>
    <t>Ilyani</t>
  </si>
  <si>
    <t>moza ilyani basti masoo district layyah</t>
  </si>
  <si>
    <t>Basti Masoo Khan</t>
  </si>
  <si>
    <t>Shamla Khan</t>
  </si>
  <si>
    <t>GPS BALELI</t>
  </si>
  <si>
    <t>baleli, jhammat shumali tehsil drya khan bhakkar</t>
  </si>
  <si>
    <t>Baleli</t>
  </si>
  <si>
    <t>Aamir Hayat</t>
  </si>
  <si>
    <t>GPS BHANA P/O BAGHRAIN TEH SHUJABAD MULTAN</t>
  </si>
  <si>
    <t>moza bhana jalalpur KHAKI shujabad</t>
  </si>
  <si>
    <t>Labeja</t>
  </si>
  <si>
    <t>Jalalpur KHAKI</t>
  </si>
  <si>
    <t>GMPS PEELO</t>
  </si>
  <si>
    <t>Peelo</t>
  </si>
  <si>
    <t>peelo kharel</t>
  </si>
  <si>
    <t>Musharraf Afza</t>
  </si>
  <si>
    <t>36114</t>
  </si>
  <si>
    <t>GES CHAK NO. 58/WB</t>
  </si>
  <si>
    <t>chak no 58/w.b</t>
  </si>
  <si>
    <t>MUHAMMAD ISHAQ SIDDIQI</t>
  </si>
  <si>
    <t>GGPS CHAK NO 289 HR</t>
  </si>
  <si>
    <t>Chak No. 289/HR</t>
  </si>
  <si>
    <t>Chak No289/H</t>
  </si>
  <si>
    <t>GPS CHAK 388 JB I</t>
  </si>
  <si>
    <t>388JB</t>
  </si>
  <si>
    <t>21298</t>
  </si>
  <si>
    <t>GMPS MADDRISSA CHATHA</t>
  </si>
  <si>
    <t>Madrasa Chatha</t>
  </si>
  <si>
    <t>madrasa chatha post office qadir abad colony tehsil wazirabad district guhranwala</t>
  </si>
  <si>
    <t>GPS KOTLI</t>
  </si>
  <si>
    <t>GPS kotli PO:pather ghar TEH: Hasan abdal DIST: Attock</t>
  </si>
  <si>
    <t>Kot Sundaki</t>
  </si>
  <si>
    <t>GMPS TALIB NUMBAR DAR</t>
  </si>
  <si>
    <t>GMPS DERA TALIB NUMBERDAR</t>
  </si>
  <si>
    <t>Chinjri</t>
  </si>
  <si>
    <t>Dagar shada</t>
  </si>
  <si>
    <t>Farhat Ali</t>
  </si>
  <si>
    <t>GPS FAQIR WALA JADEED</t>
  </si>
  <si>
    <t>chah chohi masetan shadi Khan munda</t>
  </si>
  <si>
    <t>Chah Chohi Masetan</t>
  </si>
  <si>
    <t>ATTA ULLAH KHAN</t>
  </si>
  <si>
    <t>GGPS KARYALA JALIP</t>
  </si>
  <si>
    <t>Kayala Jalip</t>
  </si>
  <si>
    <t>Ggps karyal jalip p o dharyala jalip  the pind dadan khan  district jhelum</t>
  </si>
  <si>
    <t>GGPS NIAZ BHUTTA</t>
  </si>
  <si>
    <t>Niaz bhutta primary school.Noraja bhutta .Tehsil jalal pur pir wala.</t>
  </si>
  <si>
    <t>Asma Zulfiqar</t>
  </si>
  <si>
    <t>GGPS THALAY WALA FAROOQ PURA DOUBLE PHATIK OLD SHUJABAD ROAD</t>
  </si>
  <si>
    <t>LIAQAT ABAD OLD SHUJABAD ROAD</t>
  </si>
  <si>
    <t>Glass Factory</t>
  </si>
  <si>
    <t>GPS MIAN NOOR FATEH JANG</t>
  </si>
  <si>
    <t>GPS mian Noor Fateh jang , Attock.</t>
  </si>
  <si>
    <t>20125</t>
  </si>
  <si>
    <t>GPS CHAK NO. 128 JB DHUP</t>
  </si>
  <si>
    <t>Thethian</t>
  </si>
  <si>
    <t>Chak No. 128 Dhup Tehsil and district Chiniot.</t>
  </si>
  <si>
    <t>GGPS RASUL PUR</t>
  </si>
  <si>
    <t>Rasoulpur</t>
  </si>
  <si>
    <t>village rasoulpur post office malka teh kharian dist gujrat</t>
  </si>
  <si>
    <t>GGPS JAM KHAN MUHAMMAD</t>
  </si>
  <si>
    <t>Basti panoh moza Goth Mahi Allah bad</t>
  </si>
  <si>
    <t>ALLAH BAD</t>
  </si>
  <si>
    <t>Fahmida Bukhari</t>
  </si>
  <si>
    <t>mouza mangloti basti lang</t>
  </si>
  <si>
    <t>Bushra Latif</t>
  </si>
  <si>
    <t>52831</t>
  </si>
  <si>
    <t>GGPS QAIM JINDE KA</t>
  </si>
  <si>
    <t>Qaim Jindi Ka</t>
  </si>
  <si>
    <t>QAIME JINDE KA P/O HAVELI LAKHA</t>
  </si>
  <si>
    <t>QAIM JINDE KA</t>
  </si>
  <si>
    <t>NAMA JINDEKA</t>
  </si>
  <si>
    <t>humera saba</t>
  </si>
  <si>
    <t>45164</t>
  </si>
  <si>
    <t>GGES SARRKI</t>
  </si>
  <si>
    <t>Thala Galkala</t>
  </si>
  <si>
    <t>Sarki po mankera</t>
  </si>
  <si>
    <t>Afshan Imtiaz</t>
  </si>
  <si>
    <t>GGES 14/GC CHISHTIAN</t>
  </si>
  <si>
    <t>GOVT GIRLS ELEMENTARY SCHOOL 14 gc purana mazbah khana</t>
  </si>
  <si>
    <t>14/G ctn</t>
  </si>
  <si>
    <t>Urban Chishtian VI</t>
  </si>
  <si>
    <t>Iram Tehsin</t>
  </si>
  <si>
    <t>48715</t>
  </si>
  <si>
    <t>45570</t>
  </si>
  <si>
    <t>GGPS CHAK NO.52/ML</t>
  </si>
  <si>
    <t>52 Ml</t>
  </si>
  <si>
    <t>GGPS 52ml</t>
  </si>
  <si>
    <t>52ml</t>
  </si>
  <si>
    <t>GPS CHAK NO 113 NP</t>
  </si>
  <si>
    <t>Chak No 113NP</t>
  </si>
  <si>
    <t>Chak 113 NP</t>
  </si>
  <si>
    <t>GGPS JAMAL WALA SHUJABAD</t>
  </si>
  <si>
    <t>chah jamal wala moza lasoori</t>
  </si>
  <si>
    <t>Tath Ghalwan</t>
  </si>
  <si>
    <t>Saira Bukhari</t>
  </si>
  <si>
    <t>village loharan wala p/o sultan khel Teh Essa Khel Mianwali</t>
  </si>
  <si>
    <t>Loharan Wala</t>
  </si>
  <si>
    <t>Zar Badshah</t>
  </si>
  <si>
    <t>GGPS ADDA MALKA HANS</t>
  </si>
  <si>
    <t>ggps Adda Malka hans</t>
  </si>
  <si>
    <t>Vilage</t>
  </si>
  <si>
    <t>GGPS NOORI WALA</t>
  </si>
  <si>
    <t>Village Noori wala</t>
  </si>
  <si>
    <t>kashifa noor</t>
  </si>
  <si>
    <t>24544</t>
  </si>
  <si>
    <t>GGPS KHEWA BAJWA</t>
  </si>
  <si>
    <t>Khewa Bajwa</t>
  </si>
  <si>
    <t>VPO khewa Bajwa tehsil pasrur district sialkot</t>
  </si>
  <si>
    <t>Musarat Sadique</t>
  </si>
  <si>
    <t>GGES 487 EB</t>
  </si>
  <si>
    <t>487/eb Burewala</t>
  </si>
  <si>
    <t>chak no 487/e.b burewala</t>
  </si>
  <si>
    <t>495/eb</t>
  </si>
  <si>
    <t>13412</t>
  </si>
  <si>
    <t>GPS BASTI SONHARA</t>
  </si>
  <si>
    <t>Basti Meeran</t>
  </si>
  <si>
    <t>GPS basti sonhara marks Jampur( North ) UC Basti meeran tehsil Jampur district rajanpur</t>
  </si>
  <si>
    <t>Salahuddin</t>
  </si>
  <si>
    <t>GGPS MAHMOOD COLONY MUSTAFA TOWN</t>
  </si>
  <si>
    <t>mustafa town main street sadiq abad.</t>
  </si>
  <si>
    <t>Rahat Ghafoor</t>
  </si>
  <si>
    <t>cane of water purchase</t>
  </si>
  <si>
    <t>GES NABI PUR</t>
  </si>
  <si>
    <t>Muza nabi pur</t>
  </si>
  <si>
    <t>Aftab Munir</t>
  </si>
  <si>
    <t>GPMS 78-A/15-L, KACHA KHUH</t>
  </si>
  <si>
    <t>78-a/15-L</t>
  </si>
  <si>
    <t>GMPS 78-A/15-L TEHSIL KHANEWAL</t>
  </si>
  <si>
    <t>CHAK NO. 78-A/15-L</t>
  </si>
  <si>
    <t>naila akbar</t>
  </si>
  <si>
    <t>13047</t>
  </si>
  <si>
    <t>GMPS GADARAY</t>
  </si>
  <si>
    <t>Gadaray</t>
  </si>
  <si>
    <t>Air port road Gadaray Teh. Distt. Sialkot</t>
  </si>
  <si>
    <t>Jourian klan</t>
  </si>
  <si>
    <t>GPS BAKHWALA</t>
  </si>
  <si>
    <t>bakhwala pindighebattock</t>
  </si>
  <si>
    <t>Jabir Hussain</t>
  </si>
  <si>
    <t>18985</t>
  </si>
  <si>
    <t>46230</t>
  </si>
  <si>
    <t>GPS MUHAMMAD ALI WALA</t>
  </si>
  <si>
    <t>Dera Muhammad Ali wala peelowains</t>
  </si>
  <si>
    <t>GGPS CHAK NO.107 SB DERA SONI DIN DAR</t>
  </si>
  <si>
    <t>Dera Soni Dindar</t>
  </si>
  <si>
    <t>Dera sony chakno 107 sb</t>
  </si>
  <si>
    <t>Chak No 107  Sb Soni Dindar</t>
  </si>
  <si>
    <t>Chak No 107 Sb</t>
  </si>
  <si>
    <t>Nabila Chaudhry</t>
  </si>
  <si>
    <t>GGPS HASSAN WALI</t>
  </si>
  <si>
    <t>P.o Khas Village Hassan Wali,District Gujranwala,Tehsil Wazirabad</t>
  </si>
  <si>
    <t>Ladehwala Cheema</t>
  </si>
  <si>
    <t>GGPS WADHOO WALA</t>
  </si>
  <si>
    <t>Wadhuwala</t>
  </si>
  <si>
    <t>wadhuwala</t>
  </si>
  <si>
    <t>Nasreen Atta</t>
  </si>
  <si>
    <t>GGPS CHAK NO 288 HR</t>
  </si>
  <si>
    <t>chak no.288/H..R post.297/H.R Fortabbas Bahawalnagar</t>
  </si>
  <si>
    <t>Chak 288/HR</t>
  </si>
  <si>
    <t>289/HR Mergarh</t>
  </si>
  <si>
    <t>Shazia Hussain</t>
  </si>
  <si>
    <t>GPS BASHIR NAGAR</t>
  </si>
  <si>
    <t>khan garh</t>
  </si>
  <si>
    <t>baste dewan wala khan garh</t>
  </si>
  <si>
    <t>Qamar ABBAS</t>
  </si>
  <si>
    <t>GGPS KURAR</t>
  </si>
  <si>
    <t>village kurar</t>
  </si>
  <si>
    <t>Kinza Gilani</t>
  </si>
  <si>
    <t>water from neighbours</t>
  </si>
  <si>
    <t>GPS 473 EB</t>
  </si>
  <si>
    <t>chak # 473/ E.B Burewala</t>
  </si>
  <si>
    <t>473/EB</t>
  </si>
  <si>
    <t>Chak # 457</t>
  </si>
  <si>
    <t>M Jamil Qadir</t>
  </si>
  <si>
    <t>39765</t>
  </si>
  <si>
    <t>GPS HASTAN WALI</t>
  </si>
  <si>
    <t>Govt Boys Primary School Hastanwali</t>
  </si>
  <si>
    <t>Rairh</t>
  </si>
  <si>
    <t>Talat Nasreen</t>
  </si>
  <si>
    <t>GPS DHOK GHAZAN</t>
  </si>
  <si>
    <t>Dhoke Ghazan</t>
  </si>
  <si>
    <t>GES Dhok Ghazan</t>
  </si>
  <si>
    <t>Dhoke ghazan</t>
  </si>
  <si>
    <t>Khalid Mehmood Khan</t>
  </si>
  <si>
    <t>GMPS GHARIB WAL</t>
  </si>
  <si>
    <t>pindi ghab</t>
  </si>
  <si>
    <t>Fouzia Noureen</t>
  </si>
  <si>
    <t>GMPS AZAMAT WALA</t>
  </si>
  <si>
    <t>Azmat wala tehsil sahiwal dist sargodha</t>
  </si>
  <si>
    <t>Naeem Ahmad Malik</t>
  </si>
  <si>
    <t>48525</t>
  </si>
  <si>
    <t>GGPS KHAWAJA ABAD</t>
  </si>
  <si>
    <t>Government school khwajabad kotmomin</t>
  </si>
  <si>
    <t>Mc/kotmomin</t>
  </si>
  <si>
    <t>GGES KOT MUHAMMAD YAR LAKHIN</t>
  </si>
  <si>
    <t>Kot M Yar Lakhian</t>
  </si>
  <si>
    <t>GGES kot M Yar lakhian</t>
  </si>
  <si>
    <t>Iqra Ijaz</t>
  </si>
  <si>
    <t>49758</t>
  </si>
  <si>
    <t>GPS NO.1 CHAK NO.163 NB</t>
  </si>
  <si>
    <t>Chak 163 NB Tehsil Sillanwali District Sargodha</t>
  </si>
  <si>
    <t>34930</t>
  </si>
  <si>
    <t>GMPS BASTI SAWA JALALPUR PIRWALA</t>
  </si>
  <si>
    <t>bsti sawa</t>
  </si>
  <si>
    <t>Bsti sawa</t>
  </si>
  <si>
    <t>Humaira Saddique</t>
  </si>
  <si>
    <t>GGPS DERA MIAN SAHIB</t>
  </si>
  <si>
    <t>Dera MIAN SAHIB Kadhar</t>
  </si>
  <si>
    <t>p/o kadhar</t>
  </si>
  <si>
    <t>Kadhar Shareef</t>
  </si>
  <si>
    <t>29407</t>
  </si>
  <si>
    <t>GGPS BASTI AULAKH</t>
  </si>
  <si>
    <t>GGPS Basti aulakh karor</t>
  </si>
  <si>
    <t>Basti aulakh</t>
  </si>
  <si>
    <t>MISBAH FAIZ</t>
  </si>
  <si>
    <t>GGPS LADO PINDI</t>
  </si>
  <si>
    <t>Lado Pindi</t>
  </si>
  <si>
    <t>lado pindi, p/o head marala ,sialkot</t>
  </si>
  <si>
    <t>Head Marrala</t>
  </si>
  <si>
    <t>Rehana Yousaf</t>
  </si>
  <si>
    <t>GES BHORE SHARIF</t>
  </si>
  <si>
    <t>BHORE SHARIF</t>
  </si>
  <si>
    <t>BHORE SHARIF ISAKHEL</t>
  </si>
  <si>
    <t>GGPS GIASPUR</t>
  </si>
  <si>
    <t>Ghias pur</t>
  </si>
  <si>
    <t>Ghiaspur</t>
  </si>
  <si>
    <t>chandarky</t>
  </si>
  <si>
    <t>Muqadas Rafique</t>
  </si>
  <si>
    <t>GGPS PHULLOO WALA</t>
  </si>
  <si>
    <t>phullowala daak khana Jhamat shumali tehsil darya khan</t>
  </si>
  <si>
    <t>Phulloowala</t>
  </si>
  <si>
    <t>GGPS LOTA JHELUM</t>
  </si>
  <si>
    <t>Lota</t>
  </si>
  <si>
    <t>village &amp;p.o lota</t>
  </si>
  <si>
    <t>GMPS MEHDI PUR</t>
  </si>
  <si>
    <t>GGPS CHAH RAKHIAN WALA</t>
  </si>
  <si>
    <t>Khanpor Shumali</t>
  </si>
  <si>
    <t>ggps chah rakhianwala</t>
  </si>
  <si>
    <t>Chah Rakhianwala</t>
  </si>
  <si>
    <t>GPS FAZIL JANUBI</t>
  </si>
  <si>
    <t>Fazil Kallur kot Distrit Bhakkar</t>
  </si>
  <si>
    <t>azmat ullah</t>
  </si>
  <si>
    <t>GMPS CHAK NO. 310 HR (NEW)</t>
  </si>
  <si>
    <t>Chak No 310/HR</t>
  </si>
  <si>
    <t>chak no 310/H.R</t>
  </si>
  <si>
    <t>GPS CHAJRAY WALA</t>
  </si>
  <si>
    <t>Basti Chajray wala p/o Qasba Gujrat tehsil kot addu District M.Garh</t>
  </si>
  <si>
    <t>Chajray Wala</t>
  </si>
  <si>
    <t>25689</t>
  </si>
  <si>
    <t>20178</t>
  </si>
  <si>
    <t>GES SHADI PUR</t>
  </si>
  <si>
    <t>shadi pur teh lalian disst chiniot</t>
  </si>
  <si>
    <t>malla khan</t>
  </si>
  <si>
    <t>GMPS KOT QADIR BUKSH</t>
  </si>
  <si>
    <t>Kot Qadir Buksh</t>
  </si>
  <si>
    <t>kot qadir buksh</t>
  </si>
  <si>
    <t>Sumeira Yasmin</t>
  </si>
  <si>
    <t>GGPS CHAK NO 130/6-R AB</t>
  </si>
  <si>
    <t>130/6-R</t>
  </si>
  <si>
    <t>130/6r haroonabad distt; bWN</t>
  </si>
  <si>
    <t>qaisra riffat</t>
  </si>
  <si>
    <t>GES MANGAT UNCHA</t>
  </si>
  <si>
    <t>Mangat uncha p.o teh. &amp; distt. Hafizabad</t>
  </si>
  <si>
    <t>Chack Chattha</t>
  </si>
  <si>
    <t>M Fakher Uz Zaman</t>
  </si>
  <si>
    <t>GPS REHMOON WALA</t>
  </si>
  <si>
    <t>Shear Garh</t>
  </si>
  <si>
    <t>Chan dad sewag wala mouza shear Garh tehsil choubara district layyah</t>
  </si>
  <si>
    <t>Dad Sewag</t>
  </si>
  <si>
    <t>GGPS GARHI FATEH ULLAH NO 1</t>
  </si>
  <si>
    <t>Munday Syed</t>
  </si>
  <si>
    <t>kheevay wala moza Munday syed</t>
  </si>
  <si>
    <t>Kheevay Wala</t>
  </si>
  <si>
    <t>Uzma Zafar</t>
  </si>
  <si>
    <t>34396</t>
  </si>
  <si>
    <t>GPS RAKH GRISTAN ABAD MAKHDUM RASHEED MULTAN</t>
  </si>
  <si>
    <t>Gareebabd Militry form Multan</t>
  </si>
  <si>
    <t>GMES CHAK 702/44 GB</t>
  </si>
  <si>
    <t>Chak no 702/44gb</t>
  </si>
  <si>
    <t>702/44</t>
  </si>
  <si>
    <t>326 Gb</t>
  </si>
  <si>
    <t>GES KHUDA</t>
  </si>
  <si>
    <t>Khudda</t>
  </si>
  <si>
    <t>village khudda</t>
  </si>
  <si>
    <t>GMPS CHAK NO 130 JB</t>
  </si>
  <si>
    <t>Jhok</t>
  </si>
  <si>
    <t>Chak 130  chiniot</t>
  </si>
  <si>
    <t>Thethiyana</t>
  </si>
  <si>
    <t>Kusar Noor</t>
  </si>
  <si>
    <t>32710</t>
  </si>
  <si>
    <t>GGES QILA DHARM SINGH</t>
  </si>
  <si>
    <t>Qilla Dharam Singh</t>
  </si>
  <si>
    <t>Govt Girls Model Elementary school Qila Dharm Singh tehsil and district nankana sahib</t>
  </si>
  <si>
    <t>Qila Dharm Singh</t>
  </si>
  <si>
    <t>tehzeeb rasheed</t>
  </si>
  <si>
    <t>21632</t>
  </si>
  <si>
    <t>Village dhup Sari P O box mahey chattha teh kamoki Diss GRW</t>
  </si>
  <si>
    <t>GGES CHAK 307 JB</t>
  </si>
  <si>
    <t>307 Jb</t>
  </si>
  <si>
    <t>307 jb saroki</t>
  </si>
  <si>
    <t>Asma Sattar</t>
  </si>
  <si>
    <t>50018</t>
  </si>
  <si>
    <t>GGPS KANGRA KADHI</t>
  </si>
  <si>
    <t>Kangra Kadhi</t>
  </si>
  <si>
    <t>kangra kadhi</t>
  </si>
  <si>
    <t>Kangra Kadhii</t>
  </si>
  <si>
    <t>Lakhi Wal</t>
  </si>
  <si>
    <t>Rafia Rubina</t>
  </si>
  <si>
    <t>52614</t>
  </si>
  <si>
    <t>GPS SOBHA RAAM</t>
  </si>
  <si>
    <t>GGES TIBBA MEHRBAN SHAH</t>
  </si>
  <si>
    <t>GGES Tibba mehrban shah</t>
  </si>
  <si>
    <t>yasmeen achhan</t>
  </si>
  <si>
    <t>GPS CHAK 214/P</t>
  </si>
  <si>
    <t>chak 214/p sadiqabad</t>
  </si>
  <si>
    <t>Chak 214/P</t>
  </si>
  <si>
    <t>Dilber Hussain Shakir</t>
  </si>
  <si>
    <t>GGPS JATIPUR</t>
  </si>
  <si>
    <t>Jaiti Pur</t>
  </si>
  <si>
    <t>jaiti pur</t>
  </si>
  <si>
    <t>Dhrayala Jalip</t>
  </si>
  <si>
    <t>Samina Tanveer</t>
  </si>
  <si>
    <t>GGES CHAK NO.130 SB</t>
  </si>
  <si>
    <t>Chak No130 Sb</t>
  </si>
  <si>
    <t>chak no 130 sb</t>
  </si>
  <si>
    <t>Chak No132 Sb</t>
  </si>
  <si>
    <t>Rabia Nazir</t>
  </si>
  <si>
    <t>Qadir Bakhsh Channar</t>
  </si>
  <si>
    <t>Jhangi Wala road near civil hospital ,Bahawalpur</t>
  </si>
  <si>
    <t>Sidra Zammurd</t>
  </si>
  <si>
    <t>12431</t>
  </si>
  <si>
    <t>GGES DIN PUR</t>
  </si>
  <si>
    <t>po misali school din pur</t>
  </si>
  <si>
    <t>Mrs Farzana Naz</t>
  </si>
  <si>
    <t>GES GHUNDRILLA</t>
  </si>
  <si>
    <t>Gungrila</t>
  </si>
  <si>
    <t>Po ghungrila Gujar khan</t>
  </si>
  <si>
    <t>Ghungrila</t>
  </si>
  <si>
    <t>anwaar hussain Shah</t>
  </si>
  <si>
    <t>48305</t>
  </si>
  <si>
    <t>GES BADER KOT MOMIN</t>
  </si>
  <si>
    <t>Baddar</t>
  </si>
  <si>
    <t>Govt. Elementary School for Boys Badar Kotmomin</t>
  </si>
  <si>
    <t>Badar</t>
  </si>
  <si>
    <t>GMPS SIMBLI</t>
  </si>
  <si>
    <t>sambli</t>
  </si>
  <si>
    <t>Sambli</t>
  </si>
  <si>
    <t>GES 39/10-R, KACHA KHUH</t>
  </si>
  <si>
    <t>39/10-r</t>
  </si>
  <si>
    <t>chak no 39/10-r khanewal</t>
  </si>
  <si>
    <t>Chak No  39/10-r</t>
  </si>
  <si>
    <t>36/10-r</t>
  </si>
  <si>
    <t>Muhammad  Waseem</t>
  </si>
  <si>
    <t>GGPS CHAK NO.20 NB</t>
  </si>
  <si>
    <t>20 Nb</t>
  </si>
  <si>
    <t>chak no 20n.b</t>
  </si>
  <si>
    <t>Chak 20 N B</t>
  </si>
  <si>
    <t>Chak No 19 N B</t>
  </si>
  <si>
    <t>Mazia Islam</t>
  </si>
  <si>
    <t>GPS WARRA PIRAN KALAN</t>
  </si>
  <si>
    <t>Wara Piran Klan</t>
  </si>
  <si>
    <t>wara piran p/o Hotta teh/distt pakpattan</t>
  </si>
  <si>
    <t>Chak Wara Piran Klan</t>
  </si>
  <si>
    <t>29471</t>
  </si>
  <si>
    <t>GGPS RASOOL NAGAR</t>
  </si>
  <si>
    <t>ggps rasool nagar</t>
  </si>
  <si>
    <t>Fatohi Wala</t>
  </si>
  <si>
    <t>GGPS GARRAH SHUMALI</t>
  </si>
  <si>
    <t>thal jhandi</t>
  </si>
  <si>
    <t>ward no 12 gGPS garah shumali</t>
  </si>
  <si>
    <t>robina akhtar</t>
  </si>
  <si>
    <t>GGES DIN PUR OLD</t>
  </si>
  <si>
    <t>dIN PUR</t>
  </si>
  <si>
    <t>DIN PUR OLD, TEHSIL KAROR LAL EASON DISTRICT LAYYAH.</t>
  </si>
  <si>
    <t>DIN PUR OLD</t>
  </si>
  <si>
    <t>GGPS BAKHOO WALA</t>
  </si>
  <si>
    <t>Bakhoowala</t>
  </si>
  <si>
    <t>sargodha</t>
  </si>
  <si>
    <t>Sidra Rehan</t>
  </si>
  <si>
    <t>31433</t>
  </si>
  <si>
    <t>GPS CHAK NO. 39</t>
  </si>
  <si>
    <t>Chak no 39 UCC Tehsil Ferozwala District Skp</t>
  </si>
  <si>
    <t>27018</t>
  </si>
  <si>
    <t>GGPS MAMNA</t>
  </si>
  <si>
    <t>touheed nagar</t>
  </si>
  <si>
    <t>GGES 55 WB</t>
  </si>
  <si>
    <t>55wb</t>
  </si>
  <si>
    <t>chak no 55wb</t>
  </si>
  <si>
    <t>Samina Yaseen</t>
  </si>
  <si>
    <t>GMPS PIND GULANDAZAN</t>
  </si>
  <si>
    <t>pind gulandazan</t>
  </si>
  <si>
    <t>vill pind gulandazan p/o baragowah</t>
  </si>
  <si>
    <t>jijyal</t>
  </si>
  <si>
    <t>Farrukh Jabeen</t>
  </si>
  <si>
    <t>GGPS 122/7-ER</t>
  </si>
  <si>
    <t>122/7er</t>
  </si>
  <si>
    <t>122/7er tehsil chichawtni district Sahiwal</t>
  </si>
  <si>
    <t>44425</t>
  </si>
  <si>
    <t>GPS CHAK NO. 31 TDA</t>
  </si>
  <si>
    <t>DAGGAR AULAKH</t>
  </si>
  <si>
    <t>CHAK NO. 31/TAD TEH &amp; DISTT BHAKKAR</t>
  </si>
  <si>
    <t>CHAK NO 31/TDA</t>
  </si>
  <si>
    <t>GGCMS 237 WB DUNYA PUR</t>
  </si>
  <si>
    <t>237/wb</t>
  </si>
  <si>
    <t>chack.no 237/wb</t>
  </si>
  <si>
    <t>Imtiaz Ashraf</t>
  </si>
  <si>
    <t>GGPS BASTI DOGRAN</t>
  </si>
  <si>
    <t>Ghawlan 2</t>
  </si>
  <si>
    <t>basti dogran Ali pur</t>
  </si>
  <si>
    <t>Dogran</t>
  </si>
  <si>
    <t>Aroosa Farooqi</t>
  </si>
  <si>
    <t>GGPS CHAK NO. 36/3-R</t>
  </si>
  <si>
    <t>chak #36/3r</t>
  </si>
  <si>
    <t>Chak # 36/3R</t>
  </si>
  <si>
    <t>Asmat Bano</t>
  </si>
  <si>
    <t>GMPS CHABBA CHEEMA</t>
  </si>
  <si>
    <t>Chabba Cheema</t>
  </si>
  <si>
    <t>GMPS CHABBA CHEEMA, Distt Gujranwala ,Tehsil wzd</t>
  </si>
  <si>
    <t>Khuad Bakhsh</t>
  </si>
  <si>
    <t>Basti sontara moza khada bukhsh chener</t>
  </si>
  <si>
    <t>Basti Sontara</t>
  </si>
  <si>
    <t>Wahi Husain</t>
  </si>
  <si>
    <t>GGCMS 302/HR</t>
  </si>
  <si>
    <t>302 Hr</t>
  </si>
  <si>
    <t>chak no.302 hr</t>
  </si>
  <si>
    <t>302/HR</t>
  </si>
  <si>
    <t>Chak No 304/hr</t>
  </si>
  <si>
    <t>Anum Saeed</t>
  </si>
  <si>
    <t>19143</t>
  </si>
  <si>
    <t>GGCMPS CHAK 738 GB EAST</t>
  </si>
  <si>
    <t>Bhagoo Ana</t>
  </si>
  <si>
    <t>GGCOMMUNITY MODEL SCHOOL 738GBEAST</t>
  </si>
  <si>
    <t>Chak No 738gb East</t>
  </si>
  <si>
    <t>Chak No 739</t>
  </si>
  <si>
    <t>GGPS HASSAN ABDAL NO.2</t>
  </si>
  <si>
    <t>HASSAN ABDAL</t>
  </si>
  <si>
    <t>GOVERNMENT GIRLS PRIMARY SCHOOL NO.2 HASAN ABDAL DISTRICT ATTOCK</t>
  </si>
  <si>
    <t>TURBAIN</t>
  </si>
  <si>
    <t>GPS ISLAM NAGER</t>
  </si>
  <si>
    <t>islam nagar check no. 81 rb teh shahkot distt.nankana sahib</t>
  </si>
  <si>
    <t>Dalla Jermian</t>
  </si>
  <si>
    <t>Ajmal Farooq</t>
  </si>
  <si>
    <t>GES CHAK 621 GB TANDLIANWALA</t>
  </si>
  <si>
    <t>621 Gb</t>
  </si>
  <si>
    <t>chak no 621 gB .Teh.tandlianwala .distt. faisalabad</t>
  </si>
  <si>
    <t>chak no 621 gB</t>
  </si>
  <si>
    <t>GGPS RAHIM BUKHSH CHANNAR</t>
  </si>
  <si>
    <t>Paloli</t>
  </si>
  <si>
    <t>basti Rahim Bukhsh,paloli</t>
  </si>
  <si>
    <t>Nadira Ibrar</t>
  </si>
  <si>
    <t>38824</t>
  </si>
  <si>
    <t>GES URTAK PUR</t>
  </si>
  <si>
    <t>Urtakpur</t>
  </si>
  <si>
    <t>GES Urtakpur Kamra kalan</t>
  </si>
  <si>
    <t>Qamar zaman</t>
  </si>
  <si>
    <t>GGES CDG JUNIOR MODEL RASOOL PARK</t>
  </si>
  <si>
    <t>cdg middle school rasool park</t>
  </si>
  <si>
    <t>Rasool Park</t>
  </si>
  <si>
    <t>Bahawal Pur House</t>
  </si>
  <si>
    <t>street no 6 sultanabad  Bhalwal.</t>
  </si>
  <si>
    <t>Ruqqia Bibi</t>
  </si>
  <si>
    <t>40498</t>
  </si>
  <si>
    <t>GMPS CHAK SHAFI</t>
  </si>
  <si>
    <t>GMPS chak shafi</t>
  </si>
  <si>
    <t>Tayyba Jamil</t>
  </si>
  <si>
    <t>49812</t>
  </si>
  <si>
    <t>GGPS CHAK NO 170/172 NB</t>
  </si>
  <si>
    <t>170/172 Nb</t>
  </si>
  <si>
    <t>chak 170/172 nb</t>
  </si>
  <si>
    <t>169 Nb</t>
  </si>
  <si>
    <t>GGPS QASIM KHAMBRA</t>
  </si>
  <si>
    <t>Basti qasim khambra dakhkhana chok mahi sdk</t>
  </si>
  <si>
    <t>Qasim Khambra</t>
  </si>
  <si>
    <t>Hafiza Hina Fatima</t>
  </si>
  <si>
    <t>GGPS CHAK NO.334/TDA</t>
  </si>
  <si>
    <t>334/TDA</t>
  </si>
  <si>
    <t>chalk no 334/tda tehsil &amp; district layyah</t>
  </si>
  <si>
    <t>Chak No 334/TDA</t>
  </si>
  <si>
    <t>Najma Naseem</t>
  </si>
  <si>
    <t>GPS SEOKAY</t>
  </si>
  <si>
    <t>Muhammad Rafique Azam</t>
  </si>
  <si>
    <t>GGPS GHOUSIA ABAD CHUNIAN</t>
  </si>
  <si>
    <t>mohalla ghosia abad chunian</t>
  </si>
  <si>
    <t>Robina Mumtaz</t>
  </si>
  <si>
    <t>GPS DERA BHAI KHAN</t>
  </si>
  <si>
    <t>DERA BHAI KHAN</t>
  </si>
  <si>
    <t>Dera Bhai Khan</t>
  </si>
  <si>
    <t>Malik Mohsin Ul Zia</t>
  </si>
  <si>
    <t>43030</t>
  </si>
  <si>
    <t>GGPS GANGOHOTI MUSLIMAN</t>
  </si>
  <si>
    <t>Gangothi</t>
  </si>
  <si>
    <t>village gangothi p/o chowk pindori tehsil kallar syedan district rawalpindi</t>
  </si>
  <si>
    <t>Muzamal Yasin</t>
  </si>
  <si>
    <t>village Aziz Pur p\0 pindipurbyan teh zafarwal dist narowl</t>
  </si>
  <si>
    <t>GGPS DADRAN WALA</t>
  </si>
  <si>
    <t>watoonwala moach pka</t>
  </si>
  <si>
    <t>Watoon Wala</t>
  </si>
  <si>
    <t>Imtiaz Khatoon</t>
  </si>
  <si>
    <t>GPS CHAK NO. 7 MB</t>
  </si>
  <si>
    <t>6chak</t>
  </si>
  <si>
    <t>chak no 7mb Tehsil Quaid abad Distt Khushab</t>
  </si>
  <si>
    <t>7mb</t>
  </si>
  <si>
    <t>GGPS SALAR JINAH ABADI CHAK NO. 91-NB</t>
  </si>
  <si>
    <t>91nb Jinnah Abadi</t>
  </si>
  <si>
    <t>Chak no 91 NB sgd</t>
  </si>
  <si>
    <t>Mahnaz Akhtar</t>
  </si>
  <si>
    <t>44311</t>
  </si>
  <si>
    <t>GGES WISNAL</t>
  </si>
  <si>
    <t>vpo WASNAL TEH KALLAR KAHAR DISTT CHAKWAL</t>
  </si>
  <si>
    <t>Attiya Aslam Malik</t>
  </si>
  <si>
    <t>GPS KOTLA SADAT</t>
  </si>
  <si>
    <t>Kotla Saddat</t>
  </si>
  <si>
    <t>GPS kotla Saddat</t>
  </si>
  <si>
    <t>GES CHAK NO 17 ML</t>
  </si>
  <si>
    <t>GES Chak no 17ml</t>
  </si>
  <si>
    <t>17 ML</t>
  </si>
  <si>
    <t>Abdulhameed</t>
  </si>
  <si>
    <t>25455</t>
  </si>
  <si>
    <t>GGPS KALAS</t>
  </si>
  <si>
    <t>Village Kalas Teh and distt Rawalpindi</t>
  </si>
  <si>
    <t>GMPS CHATROR</t>
  </si>
  <si>
    <t>Chitror</t>
  </si>
  <si>
    <t>Chitror teh sahiwal district sargodha</t>
  </si>
  <si>
    <t>Mazhar Ali</t>
  </si>
  <si>
    <t>GPS LARRIAN WALA</t>
  </si>
  <si>
    <t>gps larrianwala chiniot</t>
  </si>
  <si>
    <t>Larrianwala</t>
  </si>
  <si>
    <t>Langermakhdoom</t>
  </si>
  <si>
    <t>Raiz Ahmad</t>
  </si>
  <si>
    <t>45915</t>
  </si>
  <si>
    <t>GGPS NAMAY WALI</t>
  </si>
  <si>
    <t>GGPS Namywali khushab</t>
  </si>
  <si>
    <t>Namaywali</t>
  </si>
  <si>
    <t>Sundral</t>
  </si>
  <si>
    <t>GPS CHAK NO 481 KHAS</t>
  </si>
  <si>
    <t>Chak No 481</t>
  </si>
  <si>
    <t>chak no 481 jb teh shorkot jhang</t>
  </si>
  <si>
    <t>30293</t>
  </si>
  <si>
    <t>GPS LALLOH</t>
  </si>
  <si>
    <t>village lalloh post office barki lahore cantt</t>
  </si>
  <si>
    <t>Mouj Khan</t>
  </si>
  <si>
    <t>GPS BASTI NAWAN</t>
  </si>
  <si>
    <t>Shetab Garh</t>
  </si>
  <si>
    <t>Basti Nawan tehsil Mailsi distt.vehari</t>
  </si>
  <si>
    <t>Muhammad Zafar Ghias</t>
  </si>
  <si>
    <t>GPS BHANU WALA</t>
  </si>
  <si>
    <t>mouza basti rindan jampur</t>
  </si>
  <si>
    <t>Basti Timber</t>
  </si>
  <si>
    <t>GPS DHOK QAZI RAZA WANHAR</t>
  </si>
  <si>
    <t>dhoke qazi Raza wanhar teh talagang district chakwal</t>
  </si>
  <si>
    <t>48588</t>
  </si>
  <si>
    <t>GGPS BHIKHI KHURD</t>
  </si>
  <si>
    <t>village bhikhi khurd tehsil kotmomin dist sargodha</t>
  </si>
  <si>
    <t>jallah makhdom</t>
  </si>
  <si>
    <t>GES KOTLA AHMAD</t>
  </si>
  <si>
    <t>kotla Ahmad</t>
  </si>
  <si>
    <t>Muzammal Hussain</t>
  </si>
  <si>
    <t>162320</t>
  </si>
  <si>
    <t>GGPS DERA SALAM KADHER</t>
  </si>
  <si>
    <t>kadherSharif</t>
  </si>
  <si>
    <t>dera Salam kadhar</t>
  </si>
  <si>
    <t>kadher</t>
  </si>
  <si>
    <t>GGPS CHAK NO 257 TDA</t>
  </si>
  <si>
    <t>GGPS 257/TDA</t>
  </si>
  <si>
    <t>Chak NO 257 T/D/A</t>
  </si>
  <si>
    <t>Chak No 110 T/D/A</t>
  </si>
  <si>
    <t>ishrat perveen</t>
  </si>
  <si>
    <t>chah Muhammad wala shah sadar din  dera ghazi khan</t>
  </si>
  <si>
    <t>GGPS CHAK NO 97 NP</t>
  </si>
  <si>
    <t>97 np</t>
  </si>
  <si>
    <t>ggps chak 97np</t>
  </si>
  <si>
    <t>Gehna lar</t>
  </si>
  <si>
    <t>SEHAR YASEEN</t>
  </si>
  <si>
    <t>43293</t>
  </si>
  <si>
    <t>GPS CHUMBI SADKAL</t>
  </si>
  <si>
    <t>chumbi sadqal</t>
  </si>
  <si>
    <t>village Chumbi Sadqal P.O Saidpur tehsil chakwal</t>
  </si>
  <si>
    <t>Choa Gunj  Ali Shah</t>
  </si>
  <si>
    <t>Wasqa Fazal</t>
  </si>
  <si>
    <t>GGMPS GHAJOKE</t>
  </si>
  <si>
    <t>Gajjoke</t>
  </si>
  <si>
    <t>gajjoke district narowal</t>
  </si>
  <si>
    <t>Shakeela Hazoor</t>
  </si>
  <si>
    <t>GMPS KASHMIRI COLONY</t>
  </si>
  <si>
    <t>kashmir colony post office chund bharwana</t>
  </si>
  <si>
    <t>RUBINA KUKAB</t>
  </si>
  <si>
    <t>GGPS MALOANNA</t>
  </si>
  <si>
    <t>Village Maloanna p/o box khangah dogran</t>
  </si>
  <si>
    <t>Maloanna</t>
  </si>
  <si>
    <t>Muzammil Rani</t>
  </si>
  <si>
    <t>GGPS CHANAN KHEL</t>
  </si>
  <si>
    <t>P/O pai khel teh &amp;Distt mianwali</t>
  </si>
  <si>
    <t>Saira Hashmi</t>
  </si>
  <si>
    <t>GPS KOT QAISRANI NO. 2</t>
  </si>
  <si>
    <t>kot Qaisrani</t>
  </si>
  <si>
    <t>water suplly schem</t>
  </si>
  <si>
    <t>33410</t>
  </si>
  <si>
    <t>GGES ISLAM NAGAR CHAK 81</t>
  </si>
  <si>
    <t>Islam Nagar81RB</t>
  </si>
  <si>
    <t>Islam Nagar81RB District nankana Sahib</t>
  </si>
  <si>
    <t>Islam Nagar 81RB</t>
  </si>
  <si>
    <t>Rasulpur 82RB</t>
  </si>
  <si>
    <t>Shamsa Nasreen</t>
  </si>
  <si>
    <t>GGPS FAIZ BUKHSH PANWAR</t>
  </si>
  <si>
    <t>Chaknourang</t>
  </si>
  <si>
    <t>moza chak nourang</t>
  </si>
  <si>
    <t>28676</t>
  </si>
  <si>
    <t>GPS KEETAN KHURD</t>
  </si>
  <si>
    <t>Kittan Khurd</t>
  </si>
  <si>
    <t>kittan kalan</t>
  </si>
  <si>
    <t>Sift hussain</t>
  </si>
  <si>
    <t>GES BAHIWAL</t>
  </si>
  <si>
    <t>GES Bahiwal tehsil lalian district chiniot</t>
  </si>
  <si>
    <t>Bilal Hassan</t>
  </si>
  <si>
    <t>GPS JUNGLE KALARA WALA</t>
  </si>
  <si>
    <t>Jungle Kal ran Wala</t>
  </si>
  <si>
    <t>Jungle kal range wala</t>
  </si>
  <si>
    <t>Gungle Kala range Wala</t>
  </si>
  <si>
    <t>GGPS MULLAN WALA SHUJABAD</t>
  </si>
  <si>
    <t>Gajuhata</t>
  </si>
  <si>
    <t>mullan wala</t>
  </si>
  <si>
    <t>Samina Barkat</t>
  </si>
  <si>
    <t>GGPS BARA SAJWAR KHAN</t>
  </si>
  <si>
    <t>Reehana Sardar</t>
  </si>
  <si>
    <t>GPS MISKEEN ABAD</t>
  </si>
  <si>
    <t>basti hayat Muhammad khokhar mouza sangla taranda Muhammad panah</t>
  </si>
  <si>
    <t>Basti Khokhar</t>
  </si>
  <si>
    <t>Rafiq Ur Rahman</t>
  </si>
  <si>
    <t>GGPS JINDRA KALAN</t>
  </si>
  <si>
    <t>Jindra Kalan</t>
  </si>
  <si>
    <t>jindra kalan</t>
  </si>
  <si>
    <t>GGMPS VAJAY WALA</t>
  </si>
  <si>
    <t>basti wajay wala</t>
  </si>
  <si>
    <t>Wajay Wala</t>
  </si>
  <si>
    <t>Narjis Hameed</t>
  </si>
  <si>
    <t>GES UPPER BHAN</t>
  </si>
  <si>
    <t>GBES UPPER BHAN KOTLI SATTIAN</t>
  </si>
  <si>
    <t>Dherkot Sattian</t>
  </si>
  <si>
    <t>spring pipeline</t>
  </si>
  <si>
    <t>GGES CHAK 291 GB</t>
  </si>
  <si>
    <t>Chak no 291 GB Lahorian wala</t>
  </si>
  <si>
    <t>284 GB</t>
  </si>
  <si>
    <t>Rehana Yasmine</t>
  </si>
  <si>
    <t>GGMES 131/6-R GHARBI</t>
  </si>
  <si>
    <t>131/6R(w)</t>
  </si>
  <si>
    <t>GMGE/S131/6R(w)tehsil hND district BWN</t>
  </si>
  <si>
    <t>GGES HUMAK</t>
  </si>
  <si>
    <t>Humak</t>
  </si>
  <si>
    <t>village &amp;P. o Humak. Tehsil Fateh jang. District Attock</t>
  </si>
  <si>
    <t>GMPS AMIN PUR KALAN</t>
  </si>
  <si>
    <t>amin pur kalan tehsil wazirabad district gujranwala</t>
  </si>
  <si>
    <t>Amin Pur Kalan</t>
  </si>
  <si>
    <t>Shanza Nawaz</t>
  </si>
  <si>
    <t>GGPS BASTI MUHAMMAD JAMEEL CHAK NO. 92/NP</t>
  </si>
  <si>
    <t>chak 92 np basti jameel tehsil khanpur</t>
  </si>
  <si>
    <t>92 NP</t>
  </si>
  <si>
    <t>Majida Perveen</t>
  </si>
  <si>
    <t>GMPS DHORA RINDAN</t>
  </si>
  <si>
    <t>GMPS Dhora Rindan</t>
  </si>
  <si>
    <t>Basti Bindri</t>
  </si>
  <si>
    <t>Tasneem Qasim</t>
  </si>
  <si>
    <t>GGPS BASTI PAHORAN</t>
  </si>
  <si>
    <t>noraja Bhutta</t>
  </si>
  <si>
    <t>Mohsina Saeed</t>
  </si>
  <si>
    <t>GGES PHULAN TOLI KALAN</t>
  </si>
  <si>
    <t>Phulantoli Kalan</t>
  </si>
  <si>
    <t>moza phulantoli kalan</t>
  </si>
  <si>
    <t>37348</t>
  </si>
  <si>
    <t>GGPS 76-B/15-L BHENI ROSHAN DIN</t>
  </si>
  <si>
    <t>76b/15l</t>
  </si>
  <si>
    <t>74b</t>
  </si>
  <si>
    <t>74/15l</t>
  </si>
  <si>
    <t>Sara Manzoor</t>
  </si>
  <si>
    <t>GPS CHAK 9/I.L</t>
  </si>
  <si>
    <t>9/1L</t>
  </si>
  <si>
    <t>chak no.9/1.L renala okara</t>
  </si>
  <si>
    <t>Chak No11/1L</t>
  </si>
  <si>
    <t>17412</t>
  </si>
  <si>
    <t>GMPS GUD PURA NO.2</t>
  </si>
  <si>
    <t>gdpura</t>
  </si>
  <si>
    <t>monza gudpura</t>
  </si>
  <si>
    <t>Gudpura</t>
  </si>
  <si>
    <t>Amin Akhter</t>
  </si>
  <si>
    <t>GGPS TRIMANI</t>
  </si>
  <si>
    <t>Trimani</t>
  </si>
  <si>
    <t>VPO said pur Village Trimani Tehsil &amp; Distt Chakwal</t>
  </si>
  <si>
    <t>24538</t>
  </si>
  <si>
    <t>GMPS SHERK PUR</t>
  </si>
  <si>
    <t>Sharakpur</t>
  </si>
  <si>
    <t>sharakpur</t>
  </si>
  <si>
    <t>GGCMES MUDDASIR ABAD</t>
  </si>
  <si>
    <t>Basti Thatal</t>
  </si>
  <si>
    <t>basti mudassir abad</t>
  </si>
  <si>
    <t>Mudassir Abad</t>
  </si>
  <si>
    <t>Naeema Begum</t>
  </si>
  <si>
    <t>GGPS CHAK MEERDA</t>
  </si>
  <si>
    <t>Chak Meerda</t>
  </si>
  <si>
    <t>chak meerda</t>
  </si>
  <si>
    <t>Chak Dodho</t>
  </si>
  <si>
    <t>GGES CDG MODEL HUMA BLOCK IQBAL TOWN</t>
  </si>
  <si>
    <t>CDG girls middle school human block</t>
  </si>
  <si>
    <t>Sumbal Nazia</t>
  </si>
  <si>
    <t>GPS UTLARA</t>
  </si>
  <si>
    <t>Karor Nashib</t>
  </si>
  <si>
    <t>GPS ATLARA</t>
  </si>
  <si>
    <t>Atlara</t>
  </si>
  <si>
    <t>GES DHOK MEHR WARIS</t>
  </si>
  <si>
    <t>v.p.o padhri teh sohawa Dist Jhelum</t>
  </si>
  <si>
    <t>Mehr Waris</t>
  </si>
  <si>
    <t>GMPS GULIAL</t>
  </si>
  <si>
    <t>Gmps gulyal</t>
  </si>
  <si>
    <t>GGES CHAK NO.49/ML</t>
  </si>
  <si>
    <t>48 Ml</t>
  </si>
  <si>
    <t>Chak no 49 ml p/ O ameer abad</t>
  </si>
  <si>
    <t>Chak No 49 Ml</t>
  </si>
  <si>
    <t>Samina Yaqoob</t>
  </si>
  <si>
    <t>GGPS WANDHI SONARAN WALI</t>
  </si>
  <si>
    <t>g g p s wandhi sunaran wali paikhel</t>
  </si>
  <si>
    <t>GGPS MEHARAN ABAD</t>
  </si>
  <si>
    <t>Sharfrieed</t>
  </si>
  <si>
    <t>munghar shareef road bisti mehranabad</t>
  </si>
  <si>
    <t>Bisti Mehran Abad</t>
  </si>
  <si>
    <t>Talat Jahsn</t>
  </si>
  <si>
    <t>GPS JHAMBARA</t>
  </si>
  <si>
    <t>jhmbara Bohr koihi</t>
  </si>
  <si>
    <t>Jhmbara</t>
  </si>
  <si>
    <t>Asif iqbal khan</t>
  </si>
  <si>
    <t>GGCMS CHAK NO. 503 JB</t>
  </si>
  <si>
    <t>chak no 503 jb sadaywala</t>
  </si>
  <si>
    <t>Sadaywala</t>
  </si>
  <si>
    <t>Bushra Qummer</t>
  </si>
  <si>
    <t>GGPS CHAK NO. 129/TDA</t>
  </si>
  <si>
    <t>129 thal kalan</t>
  </si>
  <si>
    <t>Chack# 129tda lalazar</t>
  </si>
  <si>
    <t>133 rural chowk azam</t>
  </si>
  <si>
    <t>GPS CHOHAN WALA</t>
  </si>
  <si>
    <t>Qutab Ambrind</t>
  </si>
  <si>
    <t>H76 post office Ahmed mohana moza qutab Ambrind</t>
  </si>
  <si>
    <t>H76</t>
  </si>
  <si>
    <t>Ahmed Mohana</t>
  </si>
  <si>
    <t>GGPS TIPU SHAHEED COLONY</t>
  </si>
  <si>
    <t>Tipu Shaheed City</t>
  </si>
  <si>
    <t>Ggps tipu shaheed colony Sadiq abad</t>
  </si>
  <si>
    <t>Tipu Shaheed</t>
  </si>
  <si>
    <t>M C City SDK</t>
  </si>
  <si>
    <t>GGPS CHAK NO.94 NB KHONAN</t>
  </si>
  <si>
    <t>94 NB Khunan</t>
  </si>
  <si>
    <t>Chak No 94nb Keenan no sgd</t>
  </si>
  <si>
    <t>Chak No 94nb</t>
  </si>
  <si>
    <t>Chak No 104</t>
  </si>
  <si>
    <t>GGPS GHANOUNIAN</t>
  </si>
  <si>
    <t>Ghanounian</t>
  </si>
  <si>
    <t>govt girls primary school ghanounian</t>
  </si>
  <si>
    <t>Sofia Khatoon</t>
  </si>
  <si>
    <t>GHSS SHAHEEN ABAD</t>
  </si>
  <si>
    <t>shaheenabad Sillanwali Sargodha</t>
  </si>
  <si>
    <t>Shaheenabad Sillanwali Sargodha</t>
  </si>
  <si>
    <t>GGPS CHAK NO.144/6-R</t>
  </si>
  <si>
    <t>144 6/r</t>
  </si>
  <si>
    <t>g.g p/s 144 6/r</t>
  </si>
  <si>
    <t>98 6/r</t>
  </si>
  <si>
    <t>GGPS GAJJU</t>
  </si>
  <si>
    <t>Gajju</t>
  </si>
  <si>
    <t>Village GAJJU near dullanwa</t>
  </si>
  <si>
    <t>GPS FATVERA HITHAR</t>
  </si>
  <si>
    <t>Fatvera Hithar</t>
  </si>
  <si>
    <t>chack fatvera hithar p/o jhullan arian</t>
  </si>
  <si>
    <t>GES CHAH JABHANA RANGPUR</t>
  </si>
  <si>
    <t>Chah jabhana Rang pur Baghoor tehsil noor pur District</t>
  </si>
  <si>
    <t>Chah Jabhana</t>
  </si>
  <si>
    <t>habib ullah</t>
  </si>
  <si>
    <t>45165</t>
  </si>
  <si>
    <t>GGES ARAIAN WALA</t>
  </si>
  <si>
    <t>Arayanwala</t>
  </si>
  <si>
    <t>ggesarayanwala rakh mankera</t>
  </si>
  <si>
    <t>Mankera Rural</t>
  </si>
  <si>
    <t>Fozia Nadeem</t>
  </si>
  <si>
    <t>39735</t>
  </si>
  <si>
    <t>GGPS SUKWAN</t>
  </si>
  <si>
    <t>Sukhwan</t>
  </si>
  <si>
    <t>post office haddowali village sukhwan tehsil jand Attock</t>
  </si>
  <si>
    <t>Ishrat Yasmeen</t>
  </si>
  <si>
    <t>GGPS KAKA</t>
  </si>
  <si>
    <t>village kaka p/o bhura khayal kahuta Rwp</t>
  </si>
  <si>
    <t>Fazeela naz</t>
  </si>
  <si>
    <t>GGPS BASTI KARNAN</t>
  </si>
  <si>
    <t>nishat colony street no 5F Bahawlpur</t>
  </si>
  <si>
    <t>karna basti</t>
  </si>
  <si>
    <t>Shehzadi Sadia</t>
  </si>
  <si>
    <t>GMPS PUBER WALA</t>
  </si>
  <si>
    <t>Mouza pubberwala</t>
  </si>
  <si>
    <t>Chak no 146</t>
  </si>
  <si>
    <t>GPS CHAK NO 185/P</t>
  </si>
  <si>
    <t>Chak 185 P</t>
  </si>
  <si>
    <t>Chak 185.P,  Post Office Manthar</t>
  </si>
  <si>
    <t>Chak 160 P</t>
  </si>
  <si>
    <t>Iqbal mehmood</t>
  </si>
  <si>
    <t>GMPS CHAK NO. 236/9-R</t>
  </si>
  <si>
    <t>Chak No 236/9R</t>
  </si>
  <si>
    <t>chak 236 9R</t>
  </si>
  <si>
    <t>GPS RAKH BAHADAR GARH</t>
  </si>
  <si>
    <t>lot no 23 p/o Barkat wala teh darya khan Bhakkar</t>
  </si>
  <si>
    <t>Lot No 23</t>
  </si>
  <si>
    <t>GGPS MAHI TIBBA</t>
  </si>
  <si>
    <t>Sadaf Alamdar</t>
  </si>
  <si>
    <t>GGPS MOHALLA MUGHALA NO.2 PINANWAL</t>
  </si>
  <si>
    <t>moh mughlan pinanwal</t>
  </si>
  <si>
    <t>32729</t>
  </si>
  <si>
    <t>GPS LOUDHA GHAR</t>
  </si>
  <si>
    <t>Laudha Ghar</t>
  </si>
  <si>
    <t>laudha ghar</t>
  </si>
  <si>
    <t>15155</t>
  </si>
  <si>
    <t>GGPS JODHKEY LUNDIANWALA</t>
  </si>
  <si>
    <t>Jodhkey</t>
  </si>
  <si>
    <t>moza jodhkey tehsil jaranwala district faislabad</t>
  </si>
  <si>
    <t>Aqsa Anwar</t>
  </si>
  <si>
    <t>GGPS FATEH COLONY</t>
  </si>
  <si>
    <t>Thatta Fateh Ali</t>
  </si>
  <si>
    <t>fateh colony</t>
  </si>
  <si>
    <t>Thatta Fate Ali Colony</t>
  </si>
  <si>
    <t>Akbari Bibi</t>
  </si>
  <si>
    <t>GPS MALLOT SATTIAN</t>
  </si>
  <si>
    <t>M Farid</t>
  </si>
  <si>
    <t>6091</t>
  </si>
  <si>
    <t>GPS CHAK NO. 14/1-AL</t>
  </si>
  <si>
    <t>CHAK NO 14/1AL</t>
  </si>
  <si>
    <t>CHAK NO 14/1AL Renala khurd distt okara</t>
  </si>
  <si>
    <t>Anwar Ali Asim</t>
  </si>
  <si>
    <t>GGCMS HAVELI DHANEY KA</t>
  </si>
  <si>
    <t>Dera dhany ka</t>
  </si>
  <si>
    <t>GGCMS DERA DHANY KA</t>
  </si>
  <si>
    <t>DERA DHANY KA</t>
  </si>
  <si>
    <t>Kot momin</t>
  </si>
  <si>
    <t>Ismat Bi Bi</t>
  </si>
  <si>
    <t>GGPS WIJHOKA</t>
  </si>
  <si>
    <t>vijhoka</t>
  </si>
  <si>
    <t>azmat wala</t>
  </si>
  <si>
    <t>Hina Chaudhry</t>
  </si>
  <si>
    <t>GGPS IKHLAS</t>
  </si>
  <si>
    <t>VPO Ikhlas</t>
  </si>
  <si>
    <t>19137</t>
  </si>
  <si>
    <t>GES NAWAN SAGOO</t>
  </si>
  <si>
    <t>VPO Nawan Saggu Thesil Noor Pur Thal district Khushab</t>
  </si>
  <si>
    <t>GGPS BHAKLAN WALA OLD DUNYAPUR ROAD</t>
  </si>
  <si>
    <t>Bhakal Bhir</t>
  </si>
  <si>
    <t>Basti peer lal shah moza bhakal bhir</t>
  </si>
  <si>
    <t>Asifa Saleem</t>
  </si>
  <si>
    <t>GPS JHORE</t>
  </si>
  <si>
    <t>Thamey Wali</t>
  </si>
  <si>
    <t>VPO Jhore</t>
  </si>
  <si>
    <t>GGPS TALAGANG NO. 3</t>
  </si>
  <si>
    <t>Ward no.2 talagang</t>
  </si>
  <si>
    <t>Talashirq</t>
  </si>
  <si>
    <t>FAKHRA SIKANDAR</t>
  </si>
  <si>
    <t>GGPS SUBAY KHAN</t>
  </si>
  <si>
    <t>Basti Sobay Khan</t>
  </si>
  <si>
    <t>shehr sobay khan, khan pur</t>
  </si>
  <si>
    <t>Sobay Khan</t>
  </si>
  <si>
    <t>Gehna Laar</t>
  </si>
  <si>
    <t>Maryam Bashir</t>
  </si>
  <si>
    <t>13971</t>
  </si>
  <si>
    <t>GPS TOWNG</t>
  </si>
  <si>
    <t>rakh daima</t>
  </si>
  <si>
    <t>GGES UDDOKE</t>
  </si>
  <si>
    <t>Shabana Ehsan</t>
  </si>
  <si>
    <t>GES MUHAMMAD PURA</t>
  </si>
  <si>
    <t>Muhammad Pura Chak Number 174 R.B, Tehsil Shahkot, District Nankana Sahib</t>
  </si>
  <si>
    <t>Muhammad Bilal Amjad</t>
  </si>
  <si>
    <t>GGCMES DHUMAN</t>
  </si>
  <si>
    <t>Government girls community model elementary school Dhumman, Tehsil and District Chakwal.</t>
  </si>
  <si>
    <t>GMPS SADWAL BRAHMNAN</t>
  </si>
  <si>
    <t>Sadwal brahmnan</t>
  </si>
  <si>
    <t>Village sadwal brahmnan P/O Goteryala District Gujrat Tehsil Kharian</t>
  </si>
  <si>
    <t>Sadwal Brahmnan</t>
  </si>
  <si>
    <t>Thutha Rai Bhadur</t>
  </si>
  <si>
    <t>GPS JALAN WALI</t>
  </si>
  <si>
    <t>Jallan Wali</t>
  </si>
  <si>
    <t>jallan wali p\o Mandi Ahmad Abad</t>
  </si>
  <si>
    <t>Bhella Gulag Singh</t>
  </si>
  <si>
    <t>Bashir Subhani</t>
  </si>
  <si>
    <t>GPS SOYIAN KHURD</t>
  </si>
  <si>
    <t>soyian khurd</t>
  </si>
  <si>
    <t>gps soyian khurd lahore cantt</t>
  </si>
  <si>
    <t>41191</t>
  </si>
  <si>
    <t>GGPS DHIANPUR</t>
  </si>
  <si>
    <t>Dhianpur</t>
  </si>
  <si>
    <t>Village Dhianpur p.o Tehsil Kahuta Distt Rawalpindi</t>
  </si>
  <si>
    <t>GGPS CHAK NO.121/6-R AB</t>
  </si>
  <si>
    <t>120/6R AB</t>
  </si>
  <si>
    <t>chak no 120/6R AB</t>
  </si>
  <si>
    <t>Fqw</t>
  </si>
  <si>
    <t>GGPS ALLAH BACHAYA BEHALLA</t>
  </si>
  <si>
    <t>basti Allah bachaya bhela</t>
  </si>
  <si>
    <t>Basti Allah Bachaya</t>
  </si>
  <si>
    <t>Tahira Siddiqui</t>
  </si>
  <si>
    <t>GGPS 258/P</t>
  </si>
  <si>
    <t>260/p</t>
  </si>
  <si>
    <t>Iqra Irfan</t>
  </si>
  <si>
    <t>GPS LALOOKE</t>
  </si>
  <si>
    <t>laloo kay</t>
  </si>
  <si>
    <t>Laloo kay</t>
  </si>
  <si>
    <t>Ijaz Mahmood</t>
  </si>
  <si>
    <t>37082</t>
  </si>
  <si>
    <t>GES MAKHDOOM PUR, KHANEWAL</t>
  </si>
  <si>
    <t>Makhdumpur-2</t>
  </si>
  <si>
    <t>abdul jabbar</t>
  </si>
  <si>
    <t>GMPS MIRZA ABAD</t>
  </si>
  <si>
    <t>Mirza Abad</t>
  </si>
  <si>
    <t>GMPS Mirza abad</t>
  </si>
  <si>
    <t>Pinawal</t>
  </si>
  <si>
    <t>GPS BASTI SIMMAN ABAD</t>
  </si>
  <si>
    <t>Mad Korra</t>
  </si>
  <si>
    <t>basti siman abad, moza mad korra, p/o mad noor, via kot samaba, teh. &amp; distt r.y.khan</t>
  </si>
  <si>
    <t>Siman Abad</t>
  </si>
  <si>
    <t>Hafiz Rao Mukhtar Ali</t>
  </si>
  <si>
    <t>GPS CHAK NO.188/M</t>
  </si>
  <si>
    <t>Chak no 188 /M</t>
  </si>
  <si>
    <t>188 /M</t>
  </si>
  <si>
    <t>32898</t>
  </si>
  <si>
    <t>GPS THATI MURAD</t>
  </si>
  <si>
    <t>Thatti Mursd</t>
  </si>
  <si>
    <t>thatti murad</t>
  </si>
  <si>
    <t>Thatti Murad</t>
  </si>
  <si>
    <t>Chak Haidrabad</t>
  </si>
  <si>
    <t>Srfraz Ahmad</t>
  </si>
  <si>
    <t>GES CHAK NO. 3/3-R</t>
  </si>
  <si>
    <t>GES Chak No.3/3R, Near Kundal Khokhran, Tehsil Ahmad Pur Sial, Jhang</t>
  </si>
  <si>
    <t>Chak No 3/3R</t>
  </si>
  <si>
    <t>GGPS BASTI SALAMAT PURA NEAR RAILWAY STATION</t>
  </si>
  <si>
    <t>GGPS salamat pura near railway station Usmanwala</t>
  </si>
  <si>
    <t>GGPS KOTLI MANGA</t>
  </si>
  <si>
    <t>Kotli Manga</t>
  </si>
  <si>
    <t>kotli manga p/o daska</t>
  </si>
  <si>
    <t>GGPS LODIA</t>
  </si>
  <si>
    <t>Mouza lLodia Teh.Bhowana District. Chiniot</t>
  </si>
  <si>
    <t>Farhat Nazar</t>
  </si>
  <si>
    <t>GGPS BASTI ALLAMA GHULAM SARWAR</t>
  </si>
  <si>
    <t>P/O  Mubarak pur tehsil ahmad pur district bwp</t>
  </si>
  <si>
    <t>Basti Allama Ghulam Sarwar</t>
  </si>
  <si>
    <t>Januwalla</t>
  </si>
  <si>
    <t>GGPS MALIAN WALA JATTAN</t>
  </si>
  <si>
    <t>kot malian wala jattan</t>
  </si>
  <si>
    <t>village kot malian wala jattan teh sambrial</t>
  </si>
  <si>
    <t>maryam siddiqua</t>
  </si>
  <si>
    <t>38845</t>
  </si>
  <si>
    <t>GPS CHAK 328 GB</t>
  </si>
  <si>
    <t>CHAK NO. 328GB</t>
  </si>
  <si>
    <t>CHAK NO. 327GB</t>
  </si>
  <si>
    <t>Nasir Iqbal Mahmood-ul-Hassan</t>
  </si>
  <si>
    <t>GPS PARRAN WALA</t>
  </si>
  <si>
    <t>parran wala</t>
  </si>
  <si>
    <t>Parran Wala</t>
  </si>
  <si>
    <t>shahid abbas</t>
  </si>
  <si>
    <t>GGPS BASTI HANSRA</t>
  </si>
  <si>
    <t>Basti Hansra</t>
  </si>
  <si>
    <t>house 77/10 basti hansra near qmc bahawalpur</t>
  </si>
  <si>
    <t>Razia nawaz</t>
  </si>
  <si>
    <t>49189</t>
  </si>
  <si>
    <t>GGES MANGANI</t>
  </si>
  <si>
    <t>Mangni</t>
  </si>
  <si>
    <t>village mangni p.o Bhagtanwala sargodha</t>
  </si>
  <si>
    <t>Rukhsana Khurshid</t>
  </si>
  <si>
    <t>GMPS CHATTA MALHA</t>
  </si>
  <si>
    <t>cheema town 24A Link road bahawalpur</t>
  </si>
  <si>
    <t>Adila Siddique</t>
  </si>
  <si>
    <t>GPS CHAK NO.271 EB</t>
  </si>
  <si>
    <t>271/EB</t>
  </si>
  <si>
    <t>chak no 271/E.B.</t>
  </si>
  <si>
    <t>Chak No 287/EB</t>
  </si>
  <si>
    <t>GGPS PINDI MANA</t>
  </si>
  <si>
    <t>Zahida  Munir</t>
  </si>
  <si>
    <t>GPS KOT MITHA KHAN</t>
  </si>
  <si>
    <t>Kot Mitha Khan</t>
  </si>
  <si>
    <t>Basti Nandna</t>
  </si>
  <si>
    <t>GGPS CHAK NO.69 SB</t>
  </si>
  <si>
    <t>69 Sb</t>
  </si>
  <si>
    <t>Chak 69 sb</t>
  </si>
  <si>
    <t>Union Council</t>
  </si>
  <si>
    <t>Rukhsana Nasreen</t>
  </si>
  <si>
    <t>GGPS GARRA SIWAG</t>
  </si>
  <si>
    <t>basti garrah sewag post office laskani wala tehsil kror district layyah</t>
  </si>
  <si>
    <t>Basti Garrah Sewag</t>
  </si>
  <si>
    <t>FOUZIA ASIM</t>
  </si>
  <si>
    <t>GPS 54/5-L</t>
  </si>
  <si>
    <t>54/5L</t>
  </si>
  <si>
    <t>chak no 54/5L sahiwal</t>
  </si>
  <si>
    <t>Chak 54/5L</t>
  </si>
  <si>
    <t>56/5L</t>
  </si>
  <si>
    <t>GGPS KOT ABDULLAH</t>
  </si>
  <si>
    <t>Miyan Sadisultan</t>
  </si>
  <si>
    <t>Basti Kot Abdullah  post office bhutta wahan  these elements SDK</t>
  </si>
  <si>
    <t>Basti Kot Abdullah</t>
  </si>
  <si>
    <t>Razia Majeed</t>
  </si>
  <si>
    <t>GGES CHAK NO.142 SB</t>
  </si>
  <si>
    <t>Chak 142 SB</t>
  </si>
  <si>
    <t>chak no142sb</t>
  </si>
  <si>
    <t>GGES LASKANI WALA</t>
  </si>
  <si>
    <t>GGMS LASKANI WALA KAROR LAL EASON</t>
  </si>
  <si>
    <t>Nahida Parveen</t>
  </si>
  <si>
    <t>32757</t>
  </si>
  <si>
    <t>GPS NOOREY AFSHAN</t>
  </si>
  <si>
    <t>Main Lahore road near women degree college Bucheki</t>
  </si>
  <si>
    <t>GPS CHAH TATAR</t>
  </si>
  <si>
    <t>Chak No. 96/TDA Tehsil Karor Lal Eason District Layyah</t>
  </si>
  <si>
    <t>13974</t>
  </si>
  <si>
    <t>GGPS USMAN ABAD</t>
  </si>
  <si>
    <t>GGPS usmanAbad</t>
  </si>
  <si>
    <t>Shafqut Yasmeen</t>
  </si>
  <si>
    <t>GGPS GARIAN WALA</t>
  </si>
  <si>
    <t>Muraba  Garianwala Chak Jalal Din P/O Hassan Khan Teh &amp; Dist  Jhang</t>
  </si>
  <si>
    <t>GPS MODEL ANWAR ABAD</t>
  </si>
  <si>
    <t>Anwer Abad</t>
  </si>
  <si>
    <t>gmps anwer abad near bahawal wah pol moza anwer abad uc mud peer wah ahmad pur east</t>
  </si>
  <si>
    <t>GGPS CHAK NO.281/TDA</t>
  </si>
  <si>
    <t>Chack 281 TDA</t>
  </si>
  <si>
    <t>Government Model Primary School Chack 281 TDA Tehsil and Distt Layyah</t>
  </si>
  <si>
    <t>281 TDA</t>
  </si>
  <si>
    <t>Naheed Kousar Ruby</t>
  </si>
  <si>
    <t>48830</t>
  </si>
  <si>
    <t>GES CHAK NO.32 SB</t>
  </si>
  <si>
    <t>Chak No 32 SB</t>
  </si>
  <si>
    <t>chak no 32 SB tehsil &amp; district sargodha</t>
  </si>
  <si>
    <t>Mohsan Mehmood</t>
  </si>
  <si>
    <t>GGPS TIBBA DASTIAN</t>
  </si>
  <si>
    <t>Tiba dastian wala tehsil and p/o karor lal eson dist.layyah</t>
  </si>
  <si>
    <t>Tiba Dastian Wala</t>
  </si>
  <si>
    <t>GPS BEHAL</t>
  </si>
  <si>
    <t>main road behal ada post office behal tehsil &amp; dist bhakkar</t>
  </si>
  <si>
    <t>45554</t>
  </si>
  <si>
    <t>GGPS MOHALLA SIALAN WALA</t>
  </si>
  <si>
    <t>Darya Khan Dagr</t>
  </si>
  <si>
    <t>moh sialanwala darya khan</t>
  </si>
  <si>
    <t>GGPS SHAKRANI</t>
  </si>
  <si>
    <t>Jumamohna</t>
  </si>
  <si>
    <t>Basti Allah Jawaya</t>
  </si>
  <si>
    <t>SAJIDA ANJUM</t>
  </si>
  <si>
    <t>basti Hussain abad bwn</t>
  </si>
  <si>
    <t>GGPS 95/9-L</t>
  </si>
  <si>
    <t>95/9L</t>
  </si>
  <si>
    <t>GMPS CHAK NO. 221/P</t>
  </si>
  <si>
    <t>Chak 221p</t>
  </si>
  <si>
    <t>chak no. 221p  p/o chak no.140p tehsil and district RYK</t>
  </si>
  <si>
    <t>Chak No 221p</t>
  </si>
  <si>
    <t>Uzma Wazir</t>
  </si>
  <si>
    <t>45907</t>
  </si>
  <si>
    <t>GGPS BADLI WALA</t>
  </si>
  <si>
    <t>GGPS badliwala khushab</t>
  </si>
  <si>
    <t>GGES BASTI PIR</t>
  </si>
  <si>
    <t>GGES Basti pir deh</t>
  </si>
  <si>
    <t>Basti Pir Deh</t>
  </si>
  <si>
    <t>GGES 214 EB</t>
  </si>
  <si>
    <t>214 EB</t>
  </si>
  <si>
    <t>chak no.214 E.B vehari</t>
  </si>
  <si>
    <t>Chak No 214 EB Vehari</t>
  </si>
  <si>
    <t>NUSRAT KALSOOM</t>
  </si>
  <si>
    <t>GGPS CHAK NO 167/1</t>
  </si>
  <si>
    <t>Chak No169</t>
  </si>
  <si>
    <t>chak 167</t>
  </si>
  <si>
    <t>Mahnian Bhojian</t>
  </si>
  <si>
    <t>GGPS CHAK NO.113 TDA (SHAH HUSSAIN)</t>
  </si>
  <si>
    <t>GGPS 113 TDA SHAH HUSSAIN</t>
  </si>
  <si>
    <t>SYEDA GHULAM RUQIA</t>
  </si>
  <si>
    <t>GGPS KOT KHALIFA</t>
  </si>
  <si>
    <t>Kotkhalifa</t>
  </si>
  <si>
    <t>MozaKotKhalifaNearAddaKotKhalifa</t>
  </si>
  <si>
    <t>Shabana Kiran</t>
  </si>
  <si>
    <t>GPS MIANI ACHAA</t>
  </si>
  <si>
    <t>Mini Ichha</t>
  </si>
  <si>
    <t>Govt p/s miani ichha tehsil lqp distt Ryk</t>
  </si>
  <si>
    <t>Muhammad Ayaz Rasool</t>
  </si>
  <si>
    <t>GGPS  113/9-L</t>
  </si>
  <si>
    <t>Chak No 113/9l</t>
  </si>
  <si>
    <t>chak no 113/9l Sahiwal</t>
  </si>
  <si>
    <t>113/9l</t>
  </si>
  <si>
    <t>114/9l Jandian</t>
  </si>
  <si>
    <t>Nighat Ashraf</t>
  </si>
  <si>
    <t>GGPS KOT BENIDAS</t>
  </si>
  <si>
    <t>govt primary school kot benidas</t>
  </si>
  <si>
    <t>kot benidas</t>
  </si>
  <si>
    <t>Mubeen Alam</t>
  </si>
  <si>
    <t>GGPS CHAH DEWAN WALA</t>
  </si>
  <si>
    <t>Moaza lak badhar</t>
  </si>
  <si>
    <t>Lak Bhadar</t>
  </si>
  <si>
    <t>Khalida Noreen</t>
  </si>
  <si>
    <t>GMPS GIROTE BALA</t>
  </si>
  <si>
    <t>girote bala</t>
  </si>
  <si>
    <t>Girote Bala</t>
  </si>
  <si>
    <t>Syed Tasir Haider Shah</t>
  </si>
  <si>
    <t>GGPS BASTI HERAJ, ABDUL HAKIM</t>
  </si>
  <si>
    <t>Ziadet Wal</t>
  </si>
  <si>
    <t>G G P/s basti haraj ward no 10 Abdul Hakim</t>
  </si>
  <si>
    <t>Kutabpur Abdul Hakim</t>
  </si>
  <si>
    <t>Humaira Jabeen</t>
  </si>
  <si>
    <t>GGPS KOROO GHARBI</t>
  </si>
  <si>
    <t>Koro</t>
  </si>
  <si>
    <t>Koro ghrbi</t>
  </si>
  <si>
    <t>Koro Gharbi</t>
  </si>
  <si>
    <t>GGPS CHAHER</t>
  </si>
  <si>
    <t>Vlg char p/o bheri khurd tehsil skg dist narowal</t>
  </si>
  <si>
    <t>Ruqia begum</t>
  </si>
  <si>
    <t>GGPS JHOKE KHICHI</t>
  </si>
  <si>
    <t>Jhoke Khichi</t>
  </si>
  <si>
    <t>jhoke khichi</t>
  </si>
  <si>
    <t>GPS ARABIC LAK WALI</t>
  </si>
  <si>
    <t>BASTI LAK WALI MOZA KOTLA BAQIR SHAH</t>
  </si>
  <si>
    <t>BASTI LAK WALI</t>
  </si>
  <si>
    <t>SHAHZAD MANZOOR</t>
  </si>
  <si>
    <t>GES CHAK NO.108 SB</t>
  </si>
  <si>
    <t>Chak No 108 SB</t>
  </si>
  <si>
    <t>chak no 108 SB sgd</t>
  </si>
  <si>
    <t>Khalid Sarfraz</t>
  </si>
  <si>
    <t>GGPS CHAH SAMAIL WALA</t>
  </si>
  <si>
    <t>Muduki</t>
  </si>
  <si>
    <t>moza muduki p/o same teh/dist. jhang</t>
  </si>
  <si>
    <t>33003</t>
  </si>
  <si>
    <t>GGPS BURJ BIBI</t>
  </si>
  <si>
    <t>village burj bibi</t>
  </si>
  <si>
    <t>Burj Bibi</t>
  </si>
  <si>
    <t>Balqees Abbas</t>
  </si>
  <si>
    <t>GES BINDOOR KOKARI</t>
  </si>
  <si>
    <t>GES Bindor kokari</t>
  </si>
  <si>
    <t>Deh C</t>
  </si>
  <si>
    <t>Muhammad Ayaz Munir</t>
  </si>
  <si>
    <t>Laak Badhar</t>
  </si>
  <si>
    <t>moza laak badhar</t>
  </si>
  <si>
    <t>GGPS CHAK NO. 123 TDA YOUSAF ABAD</t>
  </si>
  <si>
    <t>mohalah yousafabad  chak no 123 tda layyah</t>
  </si>
  <si>
    <t>Mandi Twon</t>
  </si>
  <si>
    <t>13664</t>
  </si>
  <si>
    <t>GPS QADU MIRALI, SARAI SIDHU</t>
  </si>
  <si>
    <t>Qadu Mirali</t>
  </si>
  <si>
    <t>muza qadu mirali p/o srai sidhu tehsil kbirwala district khanewal</t>
  </si>
  <si>
    <t>MUHAMMAD AHMAD FARAZ</t>
  </si>
  <si>
    <t>10002</t>
  </si>
  <si>
    <t>GES GARAH JAN MUHAMMAD</t>
  </si>
  <si>
    <t>Basti Gara Jan Muhammad Tehsil Karor Layyah</t>
  </si>
  <si>
    <t>Gara Jan Muhammad</t>
  </si>
  <si>
    <t>ISMAIL SHAH</t>
  </si>
  <si>
    <t>GGPS ABADI SANPAL</t>
  </si>
  <si>
    <t>moza lak badhar</t>
  </si>
  <si>
    <t>GGPS DERA FATEH SHEER WALA</t>
  </si>
  <si>
    <t>51 Ml</t>
  </si>
  <si>
    <t>51ml dera fateh sher wala</t>
  </si>
  <si>
    <t>51ml</t>
  </si>
  <si>
    <t>Farukh Bano</t>
  </si>
  <si>
    <t>Jamal pur post office koto nachan tehsil shakargarh</t>
  </si>
  <si>
    <t>54100</t>
  </si>
  <si>
    <t>GGPS HAJI NAWAB DIN</t>
  </si>
  <si>
    <t>Magsi</t>
  </si>
  <si>
    <t>Haji Nawab Din</t>
  </si>
  <si>
    <t>Uroosa Ramzan</t>
  </si>
  <si>
    <t>GMPS BONGA TATARI</t>
  </si>
  <si>
    <t>Bounga Tatari</t>
  </si>
  <si>
    <t>Moza bounga tatari jhang</t>
  </si>
  <si>
    <t>Kot esa shah</t>
  </si>
  <si>
    <t>Samina begum</t>
  </si>
  <si>
    <t>GGES 151/P</t>
  </si>
  <si>
    <t>Berthalla</t>
  </si>
  <si>
    <t>chak no 151p sdk</t>
  </si>
  <si>
    <t>151p</t>
  </si>
  <si>
    <t>Asia Majeed</t>
  </si>
  <si>
    <t>50916</t>
  </si>
  <si>
    <t>GPS 74/5-L KOT FAZAL</t>
  </si>
  <si>
    <t>74/5l Kf</t>
  </si>
  <si>
    <t>Chak no 74/5l kf</t>
  </si>
  <si>
    <t>Chao No 74/5l Kf</t>
  </si>
  <si>
    <t>44/5l Fijian Wala</t>
  </si>
  <si>
    <t>26334</t>
  </si>
  <si>
    <t>GGPS CHAK ODIA</t>
  </si>
  <si>
    <t>Chak Odia</t>
  </si>
  <si>
    <t>Vlg chak Odia post office lalian teh shakargarh distric narowal</t>
  </si>
  <si>
    <t>ABIDA NASREEN</t>
  </si>
  <si>
    <t>GGCMES 333 EB</t>
  </si>
  <si>
    <t>333/Eb</t>
  </si>
  <si>
    <t>GGCMES333/Eb Burewala</t>
  </si>
  <si>
    <t>Chak#333/Eb</t>
  </si>
  <si>
    <t>GGPS KOT REHMAT</t>
  </si>
  <si>
    <t>More Khunda</t>
  </si>
  <si>
    <t>kot rehmat headbalo ki more hunda</t>
  </si>
  <si>
    <t>Kot Remhmat</t>
  </si>
  <si>
    <t>Morra</t>
  </si>
  <si>
    <t>Sadia Liaquat</t>
  </si>
  <si>
    <t>GGMPS CHAK KALAY KHAN</t>
  </si>
  <si>
    <t>Chak Kalay Khan</t>
  </si>
  <si>
    <t>chak kalay khan post office  phagwari tehsil shakargarh</t>
  </si>
  <si>
    <t>GGES NAZAR WALA CHAK NO. 112/TDA</t>
  </si>
  <si>
    <t>Chak no 112/TDA p/O Chak no 110/TDA tehsil karor district layyah</t>
  </si>
  <si>
    <t>chak no 112/TDA</t>
  </si>
  <si>
    <t>chak no 110/TDA</t>
  </si>
  <si>
    <t>NAJM UN NISSA</t>
  </si>
  <si>
    <t>GGHS CHAK NO. 53 ML</t>
  </si>
  <si>
    <t>gghs53ml barkat wala darya khan</t>
  </si>
  <si>
    <t>iffat saeed</t>
  </si>
  <si>
    <t>GGPS CHAK NO.99 NB NEW ABADI</t>
  </si>
  <si>
    <t>ggps 99nb new abadi sargodha</t>
  </si>
  <si>
    <t>100nb</t>
  </si>
  <si>
    <t>Uzma Anayat</t>
  </si>
  <si>
    <t>26299</t>
  </si>
  <si>
    <t>GGPS NOGAZZA</t>
  </si>
  <si>
    <t>Nogazza</t>
  </si>
  <si>
    <t>vill nogazza p/o bara manga</t>
  </si>
  <si>
    <t>Walipur Bora</t>
  </si>
  <si>
    <t>GPS HABOKE BALA</t>
  </si>
  <si>
    <t>Habokey Bsla</t>
  </si>
  <si>
    <t>Village Habokey Bala Tehsil and District Nankana Sahib.</t>
  </si>
  <si>
    <t>Habokey Bala</t>
  </si>
  <si>
    <t>GPS SHAH SADDAR DIN</t>
  </si>
  <si>
    <t>shah sadar din teh &amp; district d g khan</t>
  </si>
  <si>
    <t>Shah sadar Din</t>
  </si>
  <si>
    <t>GGPS CHAK NO.139/TDA SAEED ABAD</t>
  </si>
  <si>
    <t>Lothra</t>
  </si>
  <si>
    <t>chak no.139Tda</t>
  </si>
  <si>
    <t>139 Tda</t>
  </si>
  <si>
    <t>Thal Jandhi</t>
  </si>
  <si>
    <t>7412</t>
  </si>
  <si>
    <t>GGPS SONA MEHR</t>
  </si>
  <si>
    <t>ggps Sona mahar</t>
  </si>
  <si>
    <t>Basti Sona Mahar</t>
  </si>
  <si>
    <t>GGPS BASTI SULKANI</t>
  </si>
  <si>
    <t>GGMPS BASTI SULKANI</t>
  </si>
  <si>
    <t>karor lal eason</t>
  </si>
  <si>
    <t>Sahu wala</t>
  </si>
  <si>
    <t>aziz begam</t>
  </si>
  <si>
    <t>51261</t>
  </si>
  <si>
    <t>GGES 130/9-L</t>
  </si>
  <si>
    <t>130/9 L sahiwal</t>
  </si>
  <si>
    <t>chak#130/9 L sahiwal</t>
  </si>
  <si>
    <t>130/9 L</t>
  </si>
  <si>
    <t>129/9 L sahiwal</t>
  </si>
  <si>
    <t>GPS MOADIB BASTI ARAIAN</t>
  </si>
  <si>
    <t>Chak No 10 N/p</t>
  </si>
  <si>
    <t>munciple town sadiq abad</t>
  </si>
  <si>
    <t>Chak No 10 Np</t>
  </si>
  <si>
    <t>A</t>
  </si>
  <si>
    <t>MUHAMMAD KHALIL</t>
  </si>
  <si>
    <t>Drinking water cane purchased</t>
  </si>
  <si>
    <t>GPS CHAK NO. 95/ML</t>
  </si>
  <si>
    <t>90 M L</t>
  </si>
  <si>
    <t>chak no 95 ml</t>
  </si>
  <si>
    <t>Chak No 95 Ml</t>
  </si>
  <si>
    <t>Muhammad  Sajid Ur Rehman</t>
  </si>
  <si>
    <t>GPS MC BLOCK NO. 5 INHAR COLONY</t>
  </si>
  <si>
    <t>anhar colony. MC area</t>
  </si>
  <si>
    <t>Anhaar Colony</t>
  </si>
  <si>
    <t>MC E</t>
  </si>
  <si>
    <t>Zartash Momy</t>
  </si>
  <si>
    <t>GGPS HERYAL</t>
  </si>
  <si>
    <t>Heryal</t>
  </si>
  <si>
    <t>Govt. girls primary school heryal post office bheko Chak tehsil SKG.</t>
  </si>
  <si>
    <t>Nosheen Arshid</t>
  </si>
  <si>
    <t>GGES FAROOQIA</t>
  </si>
  <si>
    <t>Gaddola Road, Bhakkar</t>
  </si>
  <si>
    <t>Aabida Hussain</t>
  </si>
  <si>
    <t>GGPS RIMAN NO. 2</t>
  </si>
  <si>
    <t>GGPS Riman No2 p/o kala dera ghazi khan</t>
  </si>
  <si>
    <t>Basti Raiman</t>
  </si>
  <si>
    <t>Marium BiBI</t>
  </si>
  <si>
    <t>GMPS LUNGER KOT</t>
  </si>
  <si>
    <t>Lungar Kot</t>
  </si>
  <si>
    <t>Govt model p/s lunger kot notak zila bhakkar</t>
  </si>
  <si>
    <t>Lunger Kot</t>
  </si>
  <si>
    <t>Waqar Fatima</t>
  </si>
  <si>
    <t>GMPS CHAK NO.51/NP</t>
  </si>
  <si>
    <t>Im Yar Khan</t>
  </si>
  <si>
    <t>chak 51 np</t>
  </si>
  <si>
    <t>51 Np</t>
  </si>
  <si>
    <t>Bhaudi Pur Qurashiyan</t>
  </si>
  <si>
    <t>GPS 102/6-AR</t>
  </si>
  <si>
    <t>102/6ar.dist sahiwal</t>
  </si>
  <si>
    <t>44645</t>
  </si>
  <si>
    <t>GGPS LOT NO. 78 CHAH LENA</t>
  </si>
  <si>
    <t>Chak No 47 TDA</t>
  </si>
  <si>
    <t>Lot no 78 chah Lena Chak no 47 TDA P/O Chak no 47 TDA</t>
  </si>
  <si>
    <t>45115</t>
  </si>
  <si>
    <t>GPS CHAK NO. 5 RH</t>
  </si>
  <si>
    <t>Chak No 5th</t>
  </si>
  <si>
    <t>chak no 5rh post office chak no 32ml tehsil kallur kot district Bhakkar</t>
  </si>
  <si>
    <t>Chak No 5rh</t>
  </si>
  <si>
    <t>GGPS CHONI JANUBI</t>
  </si>
  <si>
    <t>Chuni Janubi</t>
  </si>
  <si>
    <t>ggps chuni janubi</t>
  </si>
  <si>
    <t>Tayaba Kiran</t>
  </si>
  <si>
    <t>GGPS CHAK 512 GB</t>
  </si>
  <si>
    <t>Chak no 512</t>
  </si>
  <si>
    <t>512 Gb</t>
  </si>
  <si>
    <t>189Gb</t>
  </si>
  <si>
    <t>Iqra Safdar</t>
  </si>
  <si>
    <t>GES BAIT LADHA</t>
  </si>
  <si>
    <t>Bait Ladha</t>
  </si>
  <si>
    <t>Nutkani Teh Taunsa Distt DGKhan</t>
  </si>
  <si>
    <t>Busti Mirani</t>
  </si>
  <si>
    <t>13608</t>
  </si>
  <si>
    <t>36374</t>
  </si>
  <si>
    <t>GGPS CHAK NO.36/WB</t>
  </si>
  <si>
    <t>36/W B</t>
  </si>
  <si>
    <t>36/W. B vehari</t>
  </si>
  <si>
    <t>56/W B</t>
  </si>
  <si>
    <t>Kousar Sulman</t>
  </si>
  <si>
    <t>GGPS CHAK NO.284/TDA</t>
  </si>
  <si>
    <t>Chak No 284/Tda</t>
  </si>
  <si>
    <t>Chak no 284/tda</t>
  </si>
  <si>
    <t>Thank Kalan</t>
  </si>
  <si>
    <t>Asia Nazir</t>
  </si>
  <si>
    <t>GGES JALLAH PHORE, ABDUL HAKIM</t>
  </si>
  <si>
    <t>Jllah Pahore</t>
  </si>
  <si>
    <t>G G E.S  jallah pahoor  Abdul Hakeem Tehsil  kabiir walla disst  khanewal</t>
  </si>
  <si>
    <t>Jallah Pahore</t>
  </si>
  <si>
    <t>Shahfadat Kandlla</t>
  </si>
  <si>
    <t>p/o box mubarkpur</t>
  </si>
  <si>
    <t>Anum Qureshi</t>
  </si>
  <si>
    <t>GGPS BAIT ALAM</t>
  </si>
  <si>
    <t>G.G Primary School Bait alam khan</t>
  </si>
  <si>
    <t>Bait Allam Khan</t>
  </si>
  <si>
    <t>Asia Abbas</t>
  </si>
  <si>
    <t>42444</t>
  </si>
  <si>
    <t>GGES THAKRA MOHRA</t>
  </si>
  <si>
    <t>Thakra Mohra</t>
  </si>
  <si>
    <t>Vpo Thakra Mohra Tehsil Gujarkhan Distt Rwp</t>
  </si>
  <si>
    <t>Saiqa Sanam Azad</t>
  </si>
  <si>
    <t>GGPS HAJI SHAH NAWAZ</t>
  </si>
  <si>
    <t>Ggps haji shah nawaz near dera ameer nawaz chandia</t>
  </si>
  <si>
    <t>Ambreen Arif</t>
  </si>
  <si>
    <t>GGES CHAK NO. 34/3-R</t>
  </si>
  <si>
    <t>Govt girls elementary  school chak#34/3R haroonabad Bahawalnagar</t>
  </si>
  <si>
    <t>Chak No 34/3R</t>
  </si>
  <si>
    <t>chak no. 33/3R HND BWN</t>
  </si>
  <si>
    <t>shamila sardar</t>
  </si>
  <si>
    <t>36348</t>
  </si>
  <si>
    <t>GGPS 533 EB</t>
  </si>
  <si>
    <t>chak no 533/EB Tehsil &amp; District Vehari</t>
  </si>
  <si>
    <t>GGPS CHAK 324/HR</t>
  </si>
  <si>
    <t>GGPS 324/HR MAROOT TEH FORTABASCO BWN</t>
  </si>
  <si>
    <t>GPS KUNNAL NASHEB</t>
  </si>
  <si>
    <t>Kunal Nashaib</t>
  </si>
  <si>
    <t>Basti gujar moza Kunal nashaib p/o jaman shah layyah</t>
  </si>
  <si>
    <t>Basti Gujar</t>
  </si>
  <si>
    <t>Muhammad Mujeeb Alam</t>
  </si>
  <si>
    <t>GPS CHAK 324 JB I</t>
  </si>
  <si>
    <t>Chak  No324jb</t>
  </si>
  <si>
    <t>chak 324/jB TTS</t>
  </si>
  <si>
    <t>Chak 324JB</t>
  </si>
  <si>
    <t>Chak No 324jb Parra</t>
  </si>
  <si>
    <t>51595</t>
  </si>
  <si>
    <t>GGPS 23 SP</t>
  </si>
  <si>
    <t>pakpattan</t>
  </si>
  <si>
    <t>Guruchak 23/SP</t>
  </si>
  <si>
    <t>Guruchak 23/sp</t>
  </si>
  <si>
    <t>ChakNoor Muhammd</t>
  </si>
  <si>
    <t>GGPS TARGHA</t>
  </si>
  <si>
    <t>village Taraga pobox ahlulal national,</t>
  </si>
  <si>
    <t>Saher Sadiq</t>
  </si>
  <si>
    <t>Farooq Abad Tehsil Chunian District Kasur</t>
  </si>
  <si>
    <t>Zahida Ibrahim</t>
  </si>
  <si>
    <t>GPS PIR BAKHSH MAGASSI WALA</t>
  </si>
  <si>
    <t>Khayray Wala</t>
  </si>
  <si>
    <t>Ada Bhie Wala Teh.Choubara Distrect Layyah</t>
  </si>
  <si>
    <t>Bhie WalA Wasa</t>
  </si>
  <si>
    <t>34649</t>
  </si>
  <si>
    <t>GMPS ISLAM PUR KALAN</t>
  </si>
  <si>
    <t>bakhat Ali wala</t>
  </si>
  <si>
    <t>GGPS KHUSHHAL PURA</t>
  </si>
  <si>
    <t>Khushhal Pura</t>
  </si>
  <si>
    <t>lvillage Khushhal pura</t>
  </si>
  <si>
    <t>Qila Satar Shah</t>
  </si>
  <si>
    <t>Mehwish Abbas</t>
  </si>
  <si>
    <t>GES JEWARA</t>
  </si>
  <si>
    <t>po jewra tehsil kahuta rwp</t>
  </si>
  <si>
    <t>RAJA INAYAT ULLAH KHAN</t>
  </si>
  <si>
    <t>41024</t>
  </si>
  <si>
    <t>GMPS CHAKIAM</t>
  </si>
  <si>
    <t>Chakiam</t>
  </si>
  <si>
    <t>gmps chakiyam</t>
  </si>
  <si>
    <t>Sumaira Ikhlaq</t>
  </si>
  <si>
    <t>GPS MAHAJAR COLONY ALLAH ABAD</t>
  </si>
  <si>
    <t>mohajir colony Allah abad</t>
  </si>
  <si>
    <t>Waqas Mahmood</t>
  </si>
  <si>
    <t>14005</t>
  </si>
  <si>
    <t>Basti Bohar, tehsil &amp; District, Rajanpur</t>
  </si>
  <si>
    <t>GGPS KAWA PIND</t>
  </si>
  <si>
    <t>bolianwal</t>
  </si>
  <si>
    <t>village kawapind</t>
  </si>
  <si>
    <t>kawapind</t>
  </si>
  <si>
    <t>Umm E Aiman</t>
  </si>
  <si>
    <t>GMMS CHAH LAL WALA</t>
  </si>
  <si>
    <t>Chah Lalwala</t>
  </si>
  <si>
    <t>chah lalwala</t>
  </si>
  <si>
    <t>Baron Kamalia</t>
  </si>
  <si>
    <t>GPS CHAK NO.170/172 NB</t>
  </si>
  <si>
    <t>170/172</t>
  </si>
  <si>
    <t>chak no 170/172 N.B</t>
  </si>
  <si>
    <t>Chak 169 NB</t>
  </si>
  <si>
    <t>GGPS CHAK 309 JB</t>
  </si>
  <si>
    <t>chak no 309jb</t>
  </si>
  <si>
    <t>12687</t>
  </si>
  <si>
    <t>GGPS AHMAD BARI SULTAN</t>
  </si>
  <si>
    <t>Ahmad Bari sultan</t>
  </si>
  <si>
    <t>Ahmad Bari Sultan</t>
  </si>
  <si>
    <t>Farzana Ashiq</t>
  </si>
  <si>
    <t>GMPS CHAK SADA</t>
  </si>
  <si>
    <t>Kalaskay</t>
  </si>
  <si>
    <t>village chack sada</t>
  </si>
  <si>
    <t>Chack Sada</t>
  </si>
  <si>
    <t>Zaima Farah</t>
  </si>
  <si>
    <t>GES GHAREEB MOHALLA HASILPUR</t>
  </si>
  <si>
    <t>Ward no. 16, ghareeb muhalla, hasilpur</t>
  </si>
  <si>
    <t>Ward No16</t>
  </si>
  <si>
    <t>GPS CHAK NO.211/9-R</t>
  </si>
  <si>
    <t>Chak 211/9r</t>
  </si>
  <si>
    <t>chak no 211/9.r</t>
  </si>
  <si>
    <t>211/9r</t>
  </si>
  <si>
    <t>226/9r</t>
  </si>
  <si>
    <t>41905</t>
  </si>
  <si>
    <t>GGPS KALIAM MUGHAL</t>
  </si>
  <si>
    <t>Kaliam Mughal</t>
  </si>
  <si>
    <t>Kaliam Mughal P.O Channi Alam Sher</t>
  </si>
  <si>
    <t>GPS CHINKOWINDI</t>
  </si>
  <si>
    <t>Chinkowindi</t>
  </si>
  <si>
    <t>village chinkowindi Lahore cantt Punjab Pakistan.</t>
  </si>
  <si>
    <t>GPS DHENGREE WALA</t>
  </si>
  <si>
    <t>Dhengriwala</t>
  </si>
  <si>
    <t>Gps dhengri Wala</t>
  </si>
  <si>
    <t>Ghfoor Ahmad</t>
  </si>
  <si>
    <t>GGPS KHUDA BUX MEHAR NO .2</t>
  </si>
  <si>
    <t>Wahid Bux Mehar</t>
  </si>
  <si>
    <t>Basti khuda bux mehar moza wahid bux lar</t>
  </si>
  <si>
    <t>Khuda Bux Mehar</t>
  </si>
  <si>
    <t>GES KOTKI BERUNI</t>
  </si>
  <si>
    <t>Kutki Beroni</t>
  </si>
  <si>
    <t>po. kitki beroni tell isakhel  disit.  mianwali</t>
  </si>
  <si>
    <t>Kot Assa Sing</t>
  </si>
  <si>
    <t>kot assa sing</t>
  </si>
  <si>
    <t>Olakh Hittar</t>
  </si>
  <si>
    <t>48174</t>
  </si>
  <si>
    <t>GPS NOON SUGAR MILL SHAH TOWN</t>
  </si>
  <si>
    <t>Shah Town Bhalwal</t>
  </si>
  <si>
    <t>GPS NOON SUGAR MILLS SHAH TOWN BHALWAL</t>
  </si>
  <si>
    <t>Shah Town</t>
  </si>
  <si>
    <t>GPS TAWAKAL PUR PAKHWAL</t>
  </si>
  <si>
    <t>Pakhwal</t>
  </si>
  <si>
    <t>GPS Tawakal Pur Pakhwal</t>
  </si>
  <si>
    <t>Tawakal Pur Pakhwal</t>
  </si>
  <si>
    <t>Kala Gujra</t>
  </si>
  <si>
    <t>Yasmeen Gul</t>
  </si>
  <si>
    <t>GGPS MORI DIWAN</t>
  </si>
  <si>
    <t>Mori Diwan</t>
  </si>
  <si>
    <t>village mori</t>
  </si>
  <si>
    <t>Jabeen Kausar</t>
  </si>
  <si>
    <t>GGPS 2/BC(W)</t>
  </si>
  <si>
    <t>2 Bc</t>
  </si>
  <si>
    <t>2 bc west bahwalpur saddr</t>
  </si>
  <si>
    <t>2 Bc West</t>
  </si>
  <si>
    <t>38 Bc</t>
  </si>
  <si>
    <t>GGPS TUBE WELL COLONY</t>
  </si>
  <si>
    <t>Tube well colony</t>
  </si>
  <si>
    <t>tube well colony</t>
  </si>
  <si>
    <t>Ggps tube Well Colony</t>
  </si>
  <si>
    <t>Sukheki</t>
  </si>
  <si>
    <t>Sidra Iram</t>
  </si>
  <si>
    <t>GPS JAMIA ABAD</t>
  </si>
  <si>
    <t>Jamiabad</t>
  </si>
  <si>
    <t>adda jamiabad tehsil bhowana distt chiniot</t>
  </si>
  <si>
    <t>Kurak Muhamdi Sharef</t>
  </si>
  <si>
    <t>GGPS ALI TOWN BUDHLA ROAD MULTAN</t>
  </si>
  <si>
    <t>Government Girls Primary School Ali town Budhla road Multan</t>
  </si>
  <si>
    <t>Ali town</t>
  </si>
  <si>
    <t>Seetal mari</t>
  </si>
  <si>
    <t>Riffat rasheed</t>
  </si>
  <si>
    <t>30855</t>
  </si>
  <si>
    <t>GGPS CDG MUSLIM CHOWK GREEN TOWN</t>
  </si>
  <si>
    <t>Muslim Chowk</t>
  </si>
  <si>
    <t>5c2 muslim chowk green twn</t>
  </si>
  <si>
    <t>Green Twn</t>
  </si>
  <si>
    <t>Sadia Waqas</t>
  </si>
  <si>
    <t>GPS DERA SONA KHAN</t>
  </si>
  <si>
    <t>dera sona khan jharkil khushab</t>
  </si>
  <si>
    <t>50041</t>
  </si>
  <si>
    <t>GGES KOT MUSA</t>
  </si>
  <si>
    <t>GGPS KOSHAK BALOCH</t>
  </si>
  <si>
    <t>Koshsk Baloch</t>
  </si>
  <si>
    <t>koshak baloch</t>
  </si>
  <si>
    <t>Ap Sial</t>
  </si>
  <si>
    <t>Kosar Mai</t>
  </si>
  <si>
    <t>GGPS LOHAAL</t>
  </si>
  <si>
    <t>Lohal</t>
  </si>
  <si>
    <t>lohal zfrwal tehseel</t>
  </si>
  <si>
    <t>Farkhnda Naz</t>
  </si>
  <si>
    <t>GGPS BASTI KHOKHAR</t>
  </si>
  <si>
    <t>ward.no.3 basti khokhar</t>
  </si>
  <si>
    <t>rashida parveen</t>
  </si>
  <si>
    <t>GMPS CHAH NAWAB KHEL PAI KHEL</t>
  </si>
  <si>
    <t>nawab khel</t>
  </si>
  <si>
    <t>chah nawab khel pai khel</t>
  </si>
  <si>
    <t>pai khel</t>
  </si>
  <si>
    <t>35132</t>
  </si>
  <si>
    <t>GGPS KOT QAISRANI NO.1</t>
  </si>
  <si>
    <t>Kot Qaistani</t>
  </si>
  <si>
    <t>34077</t>
  </si>
  <si>
    <t>GGPS BASTI MALKANA SHUJABAD DISTT. MULTAN</t>
  </si>
  <si>
    <t>chah altaf hussain wala moza gajju Hatta basti Malkana tensile shujabad district multan</t>
  </si>
  <si>
    <t>Basti Malkaana</t>
  </si>
  <si>
    <t>Nadia Shabir</t>
  </si>
  <si>
    <t>43531</t>
  </si>
  <si>
    <t>GGPS PIPLI</t>
  </si>
  <si>
    <t>village &amp;  PO pipli tehsil &amp; district Chakwal</t>
  </si>
  <si>
    <t>Pilpi</t>
  </si>
  <si>
    <t>33417</t>
  </si>
  <si>
    <t>GPS PACCA DALA CHAK NO. 26/RB</t>
  </si>
  <si>
    <t>Pacca Dalla Chak #26/RB</t>
  </si>
  <si>
    <t>GPS pacca Dalla chak#26/RB</t>
  </si>
  <si>
    <t>Pacca Dalla Chak#26/RB</t>
  </si>
  <si>
    <t>GES TIBBA MEHRBAN SHAH</t>
  </si>
  <si>
    <t>tibba mehrban shah</t>
  </si>
  <si>
    <t>54273</t>
  </si>
  <si>
    <t>GGPS CHAK NO. 57 MB</t>
  </si>
  <si>
    <t>57mb</t>
  </si>
  <si>
    <t>G G P/S 57 MB khb</t>
  </si>
  <si>
    <t>Chao No 57mb</t>
  </si>
  <si>
    <t>63 Mb</t>
  </si>
  <si>
    <t>44554</t>
  </si>
  <si>
    <t>GGPS MITHO MANZOOR</t>
  </si>
  <si>
    <t>mitho mnzor</t>
  </si>
  <si>
    <t>p/o rzai shah shumali perr ashab nhseb</t>
  </si>
  <si>
    <t>zakia parveen</t>
  </si>
  <si>
    <t>GGPS SHADAN LUND NO. 2</t>
  </si>
  <si>
    <t>p/o shadan Lund tehsil &amp; distt dgkhan</t>
  </si>
  <si>
    <t>Ashraf-u-Nisa</t>
  </si>
  <si>
    <t>GMPS CHAK NO 194/7-R</t>
  </si>
  <si>
    <t>194/7R</t>
  </si>
  <si>
    <t>Namrah Ilyas</t>
  </si>
  <si>
    <t>54596</t>
  </si>
  <si>
    <t>GPS SAROOP WALA</t>
  </si>
  <si>
    <t>Saroopwala</t>
  </si>
  <si>
    <t>GGPS BASTI BHORA</t>
  </si>
  <si>
    <t>Govt.  Girls primary school basti bhora</t>
  </si>
  <si>
    <t>Basti Bhoora</t>
  </si>
  <si>
    <t>Gulnaz Qamar</t>
  </si>
  <si>
    <t>GGMPS DATA GORAYA</t>
  </si>
  <si>
    <t>Data Goraya</t>
  </si>
  <si>
    <t>Village Data Goraya post office bubak marali TEHSIL AND district narowal</t>
  </si>
  <si>
    <t>Faiza Bilqees</t>
  </si>
  <si>
    <t>9871</t>
  </si>
  <si>
    <t>GPS TOGO WALA</t>
  </si>
  <si>
    <t>Dera Peer Bux Togo Wala teh CHOUBARA DISTRICT LAYYAH</t>
  </si>
  <si>
    <t>Togo Wala</t>
  </si>
  <si>
    <t>Faisal farooq</t>
  </si>
  <si>
    <t>39792</t>
  </si>
  <si>
    <t>GES PATHAR GARH</t>
  </si>
  <si>
    <t>VILLAGE PATHAR GARH-BABRAKI</t>
  </si>
  <si>
    <t>BABAR ALI KHAN</t>
  </si>
  <si>
    <t>GGPS BASTI WAZIR WALA NEAR GOPAL PUR MULTAN</t>
  </si>
  <si>
    <t>basti wazir Wala</t>
  </si>
  <si>
    <t>GHS CDG HAJI KOT</t>
  </si>
  <si>
    <t>Haji Kot</t>
  </si>
  <si>
    <t>kala khatai road shahdara Lahore</t>
  </si>
  <si>
    <t>Javaid Park</t>
  </si>
  <si>
    <t>shakil anwar</t>
  </si>
  <si>
    <t>GMPS CHAK NO.175/M (AB)</t>
  </si>
  <si>
    <t>175 M Azafi Bsti</t>
  </si>
  <si>
    <t>gMP/S 175/M azafi basti dahranwala</t>
  </si>
  <si>
    <t>175/m azafi basti</t>
  </si>
  <si>
    <t>167 /m</t>
  </si>
  <si>
    <t>GGPS BUMMAY WALA</t>
  </si>
  <si>
    <t>Thalla Gilkala</t>
  </si>
  <si>
    <t>GGps Bumay wala</t>
  </si>
  <si>
    <t>Bumay Wala</t>
  </si>
  <si>
    <t>Zareena Akhter</t>
  </si>
  <si>
    <t>GGPS BASTI SHAMIR</t>
  </si>
  <si>
    <t>Shahzaib Anjum</t>
  </si>
  <si>
    <t>GMPS KALRA</t>
  </si>
  <si>
    <t>village Kalra p/o domeli tehsil Dina district jhelum</t>
  </si>
  <si>
    <t>IRRUM SHAHEEN</t>
  </si>
  <si>
    <t>51478</t>
  </si>
  <si>
    <t>GPS DHAKOO CHISHTI PO PAKPATTAN</t>
  </si>
  <si>
    <t>Dhakku Chishti</t>
  </si>
  <si>
    <t>Dhakku Chishti pakpattan</t>
  </si>
  <si>
    <t>Mehtab Samuel</t>
  </si>
  <si>
    <t>GGPS BASTI BAKHTAWAR</t>
  </si>
  <si>
    <t>Basti Bakhtawar Mouza Dhandlah Thesile &amp; District Bhakkar</t>
  </si>
  <si>
    <t>Basti Bakhtawar</t>
  </si>
  <si>
    <t>Abrou Naseem</t>
  </si>
  <si>
    <t>36770</t>
  </si>
  <si>
    <t>GPS KOT ISLAM NO.2 ABDUL HAKIM</t>
  </si>
  <si>
    <t>Sabz Gedar</t>
  </si>
  <si>
    <t>mouza  sabz Gedar tehsial kabirwala district khanewal</t>
  </si>
  <si>
    <t>Dadoana</t>
  </si>
  <si>
    <t>Muhammad Rashid Iqbal</t>
  </si>
  <si>
    <t>GPS MITRU TEH MAILSI</t>
  </si>
  <si>
    <t>Gps mitru tibba road mitru</t>
  </si>
  <si>
    <t>GGPS THUL WAZIR KHAN</t>
  </si>
  <si>
    <t>Thul Wazir Khan</t>
  </si>
  <si>
    <t>Moza Thul Wazir Khan</t>
  </si>
  <si>
    <t>Bahodipur Quraishyan</t>
  </si>
  <si>
    <t>Zahida Fareed</t>
  </si>
  <si>
    <t>GHS DOST ALI WALA</t>
  </si>
  <si>
    <t>Daya Chokha Sherqi</t>
  </si>
  <si>
    <t>Dost Ali Wala .P.O Sanawan teh Kot Addu</t>
  </si>
  <si>
    <t>Dost Ali Wala</t>
  </si>
  <si>
    <t>Patti daya Chokha</t>
  </si>
  <si>
    <t>NAZEER AHMAD KHADIM</t>
  </si>
  <si>
    <t>GPS SADAT</t>
  </si>
  <si>
    <t>basti khadim pirhar mouza kharwala tehsil Ahmad pur east</t>
  </si>
  <si>
    <t>Basti Khadim Pirhar</t>
  </si>
  <si>
    <t>GPS CHAK NO 461 JB</t>
  </si>
  <si>
    <t>chak no.461 murad shah jhang</t>
  </si>
  <si>
    <t>Murad Shah</t>
  </si>
  <si>
    <t>GGPS CHAK NO. 270/HR-W</t>
  </si>
  <si>
    <t>270 /HR W</t>
  </si>
  <si>
    <t>CHAK NO 270 /HR W Tehsile Fort Abbas District Bahawal Nagar Punjab Pakistan</t>
  </si>
  <si>
    <t>272 /HR Fts</t>
  </si>
  <si>
    <t>GGPS BASTI BUCHI</t>
  </si>
  <si>
    <t>MOZA MARHANWALI, BASTI BUCHI, TEHSIL KAROR LAL EASON DISTRICT LAYYAH</t>
  </si>
  <si>
    <t>BASTI BUCHI</t>
  </si>
  <si>
    <t>ROSHAN</t>
  </si>
  <si>
    <t>sanam abbas</t>
  </si>
  <si>
    <t>GGPS BASTI DHOUL</t>
  </si>
  <si>
    <t>Ggps basti dhoul</t>
  </si>
  <si>
    <t>Basti Dhoul</t>
  </si>
  <si>
    <t>Saira Bagum</t>
  </si>
  <si>
    <t>35104</t>
  </si>
  <si>
    <t>GGES 463 EB</t>
  </si>
  <si>
    <t>GGES 463 EB Burewala</t>
  </si>
  <si>
    <t>Chak No 447 EB</t>
  </si>
  <si>
    <t>Majeeda Akhtar</t>
  </si>
  <si>
    <t>GGPS CHARGAL</t>
  </si>
  <si>
    <t>Govt Model Primary School Chargal Tehsil Kallur Kot, District Bhakkar</t>
  </si>
  <si>
    <t>Chargal</t>
  </si>
  <si>
    <t>Sobia Ibrahim</t>
  </si>
  <si>
    <t>GGPS BASTI FIDA HUSSAIN</t>
  </si>
  <si>
    <t>Basti Fida Husain</t>
  </si>
  <si>
    <t>Fida Husain</t>
  </si>
  <si>
    <t>Noushehra Jadeed</t>
  </si>
  <si>
    <t>Shazia Khadim</t>
  </si>
  <si>
    <t>GPS HARNI WALI</t>
  </si>
  <si>
    <t>basti harnay wali.. teh taunsa</t>
  </si>
  <si>
    <t>Harnay Wali</t>
  </si>
  <si>
    <t>GGPS HARI RAM PURA</t>
  </si>
  <si>
    <t>shakoor Pura Moza Hari Ram pura</t>
  </si>
  <si>
    <t>Shakoor Pura Moza Hari Ram Pura</t>
  </si>
  <si>
    <t>Naila Latif</t>
  </si>
  <si>
    <t>36006</t>
  </si>
  <si>
    <t>GPS PUL MITRU</t>
  </si>
  <si>
    <t>GPS Pull Mitroo</t>
  </si>
  <si>
    <t>ALLAH BAKHSH</t>
  </si>
  <si>
    <t>GGPS NIA ALLI KHAIL</t>
  </si>
  <si>
    <t>Nia Alli Khail 5rd</t>
  </si>
  <si>
    <t>ggps nia alli khail</t>
  </si>
  <si>
    <t>Nia Alli Khail</t>
  </si>
  <si>
    <t>Rukhsana Mai</t>
  </si>
  <si>
    <t>36876</t>
  </si>
  <si>
    <t>GGPS HAJI PUR SOUTH, KABIRWALA</t>
  </si>
  <si>
    <t>Hajipur South</t>
  </si>
  <si>
    <t>haji pur south</t>
  </si>
  <si>
    <t>Asgri Khannam</t>
  </si>
  <si>
    <t>GGPS MUHAMMAD BUKHSH MEMBER</t>
  </si>
  <si>
    <t>basti muhammad bux member</t>
  </si>
  <si>
    <t>Basti Muhammad Bux Member</t>
  </si>
  <si>
    <t>Naina Saleem</t>
  </si>
  <si>
    <t>GPS JAM GARH</t>
  </si>
  <si>
    <t>Mirgarh</t>
  </si>
  <si>
    <t>Jamgarh</t>
  </si>
  <si>
    <t>Mir garh 289HR</t>
  </si>
  <si>
    <t>Falak Sher Abid</t>
  </si>
  <si>
    <t>54449</t>
  </si>
  <si>
    <t>GPS CHAK NO 9 GB NANKANA SAHIB</t>
  </si>
  <si>
    <t>Chak # 9</t>
  </si>
  <si>
    <t>chak # 9</t>
  </si>
  <si>
    <t>Chak # 13</t>
  </si>
  <si>
    <t>Muhammad Namaish</t>
  </si>
  <si>
    <t>GGPS RUKH MIR DAD</t>
  </si>
  <si>
    <t>Rukh Mirdad</t>
  </si>
  <si>
    <t>Rakh Mirdad</t>
  </si>
  <si>
    <t>GGPS Rukh Mirdad</t>
  </si>
  <si>
    <t>99 6/R</t>
  </si>
  <si>
    <t>8941</t>
  </si>
  <si>
    <t>GPS MANGROTHA WEST NO 2</t>
  </si>
  <si>
    <t>Gps Mangrotha west No :2</t>
  </si>
  <si>
    <t>GPS CHAK NO.92/ML</t>
  </si>
  <si>
    <t>92 ML</t>
  </si>
  <si>
    <t>CHAK NO.92 M.L</t>
  </si>
  <si>
    <t>93 ML</t>
  </si>
  <si>
    <t>GGPS CHAK 212/P</t>
  </si>
  <si>
    <t>212/p</t>
  </si>
  <si>
    <t>chak no 212/p</t>
  </si>
  <si>
    <t>KalsoomAktar</t>
  </si>
  <si>
    <t>GGPS BOHAR PEO MARAN</t>
  </si>
  <si>
    <t>Haweli Sheikh Raju</t>
  </si>
  <si>
    <t>GGPS Bohar Peo Maran</t>
  </si>
  <si>
    <t>Chah Meer Wala</t>
  </si>
  <si>
    <t>GPS RATH SAEE</t>
  </si>
  <si>
    <t>RATH SAEE</t>
  </si>
  <si>
    <t>GGPS JANOO WALA</t>
  </si>
  <si>
    <t>Janoowala</t>
  </si>
  <si>
    <t>P/O Mubarakpur</t>
  </si>
  <si>
    <t>Tasneem Akhtar Naqvi</t>
  </si>
  <si>
    <t>GPS DARI PIR AADIL</t>
  </si>
  <si>
    <t>Jhok Hafiz Noor Hassan</t>
  </si>
  <si>
    <t>chah darkhan wala maoza jhok hafiz noor hassan peer adil</t>
  </si>
  <si>
    <t>Abdul hameed</t>
  </si>
  <si>
    <t>GMPS BAKHOO SHAH</t>
  </si>
  <si>
    <t>Bakkhu Shah BAKHU SHAH</t>
  </si>
  <si>
    <t>Bakkhu Shah, tehsil and district Bahawalnagar</t>
  </si>
  <si>
    <t>Jhunja Wali</t>
  </si>
  <si>
    <t>UZMA Ali Muhammed</t>
  </si>
  <si>
    <t>GES CHAK NO.267 EB</t>
  </si>
  <si>
    <t>267EB</t>
  </si>
  <si>
    <t>Chak No.267/EB,Burewala</t>
  </si>
  <si>
    <t>RANA EJAZ HUSSAIN</t>
  </si>
  <si>
    <t>42655</t>
  </si>
  <si>
    <t>45634</t>
  </si>
  <si>
    <t>GMPS TIBBA AKBAR SHAH</t>
  </si>
  <si>
    <t>THALLA Noon Daggar</t>
  </si>
  <si>
    <t>GMPS Tibbah Akbar shah</t>
  </si>
  <si>
    <t>Tibba akbar Shah</t>
  </si>
  <si>
    <t>Khursheed Baigum</t>
  </si>
  <si>
    <t>GGES HAMOKA</t>
  </si>
  <si>
    <t>Govt girls elementary school hamoka</t>
  </si>
  <si>
    <t>GGPS BINDI PATOANA</t>
  </si>
  <si>
    <t>Bindi Patoana Kalan</t>
  </si>
  <si>
    <t>pir Kot Sadhana</t>
  </si>
  <si>
    <t>Bindi Patoana</t>
  </si>
  <si>
    <t>asia latif</t>
  </si>
  <si>
    <t>GGMPS KALARI</t>
  </si>
  <si>
    <t>Ggmps kalari</t>
  </si>
  <si>
    <t>Basti Kalari</t>
  </si>
  <si>
    <t>Pardan Sharki</t>
  </si>
  <si>
    <t>Omul Baneen</t>
  </si>
  <si>
    <t>GPS CHAK NO.289 EB</t>
  </si>
  <si>
    <t>289/e.b</t>
  </si>
  <si>
    <t>Muhammad Zahid Sharif</t>
  </si>
  <si>
    <t>51583</t>
  </si>
  <si>
    <t>GGPS 107 D</t>
  </si>
  <si>
    <t>Chak 107/D</t>
  </si>
  <si>
    <t>Roohi Bano</t>
  </si>
  <si>
    <t>GGES MASROOR</t>
  </si>
  <si>
    <t>village masroor tehsile skg district narowal</t>
  </si>
  <si>
    <t>34263</t>
  </si>
  <si>
    <t>GES NANDLA JANOBI</t>
  </si>
  <si>
    <t>GES Nandla saddar multan</t>
  </si>
  <si>
    <t>Basti Nandla</t>
  </si>
  <si>
    <t>Tahir Saqib Wahla</t>
  </si>
  <si>
    <t>basti Ghallu moza januwala</t>
  </si>
  <si>
    <t>Basti Ghallu</t>
  </si>
  <si>
    <t>GPS CHAK NO. 96/ML</t>
  </si>
  <si>
    <t>Chak No 96 Ml</t>
  </si>
  <si>
    <t>GPS Chak No 96 Ml tehsil karor district layyah.</t>
  </si>
  <si>
    <t>96 Ml</t>
  </si>
  <si>
    <t>Iqbal Hussain Shah</t>
  </si>
  <si>
    <t>GES USMAN ZADA ADRAH</t>
  </si>
  <si>
    <t>usman zada adra</t>
  </si>
  <si>
    <t>Muhammad Qayyas</t>
  </si>
  <si>
    <t>52835</t>
  </si>
  <si>
    <t>GGPS CHAK ALAH DIN CHISHTI</t>
  </si>
  <si>
    <t>CHAK ALADIN CHISTI</t>
  </si>
  <si>
    <t>GGPS CHAK ALADIN CHISTI</t>
  </si>
  <si>
    <t>MUHIB ALI OTAR</t>
  </si>
  <si>
    <t>NAHEED JAMAL</t>
  </si>
  <si>
    <t>GGPS CHAK NO 131/6-R EAST</t>
  </si>
  <si>
    <t>chack no 131/6r tesil haroonabad district bwn</t>
  </si>
  <si>
    <t>131/6r East</t>
  </si>
  <si>
    <t>GGES CHAK NO 210 JB</t>
  </si>
  <si>
    <t>210 Tarar</t>
  </si>
  <si>
    <t>210Jb bhowana chiniot</t>
  </si>
  <si>
    <t>210 JB</t>
  </si>
  <si>
    <t>210 Jb</t>
  </si>
  <si>
    <t>TAHIRA TAHSEEN</t>
  </si>
  <si>
    <t>GPS BAND WALA WARA GASHKORI NASHEB</t>
  </si>
  <si>
    <t>Wara Gishkori</t>
  </si>
  <si>
    <t>band wala wara gishkori nashaib</t>
  </si>
  <si>
    <t>Band Wala</t>
  </si>
  <si>
    <t>Jamshaid Akhtar</t>
  </si>
  <si>
    <t>GGPS DAKI NUMBER DARAN WALI</t>
  </si>
  <si>
    <t>GGPSDAKI numberdaran Wali Tehsil kalur kot district bhakkar,</t>
  </si>
  <si>
    <t>Daki number Dar Wali</t>
  </si>
  <si>
    <t>Saima Akhtar</t>
  </si>
  <si>
    <t>GGMPS CHOA GUNJ ALI SHAH</t>
  </si>
  <si>
    <t>vpo choah gunj Ali shah</t>
  </si>
  <si>
    <t>Choah gunj Ali Shah</t>
  </si>
  <si>
    <t>13002</t>
  </si>
  <si>
    <t>GGES NO. 1 LALIAN</t>
  </si>
  <si>
    <t>GGES No.1 Lalian District Chiniot</t>
  </si>
  <si>
    <t>GMPS CHAK NO 158 JB</t>
  </si>
  <si>
    <t>chak no 158 jb pump wajid ali shah</t>
  </si>
  <si>
    <t>158 Jb</t>
  </si>
  <si>
    <t>GGPS DELHORE</t>
  </si>
  <si>
    <t>post office dalhore village dalhore kotli sattian Rawalpindi</t>
  </si>
  <si>
    <t>Bushra Niaz</t>
  </si>
  <si>
    <t>GMPS CHAK NO. 15/1-R</t>
  </si>
  <si>
    <t>Gmp school 15/1r</t>
  </si>
  <si>
    <t>TALLAT PARVEEN</t>
  </si>
  <si>
    <t>p/o sanjh isra basti qazi The.Karor Dist.Lyh.</t>
  </si>
  <si>
    <t>Abdul Qayum</t>
  </si>
  <si>
    <t>GGPS BAGH PURANA SHUJABAD DISTT. MULTAN</t>
  </si>
  <si>
    <t>GG p/s bagh pourana</t>
  </si>
  <si>
    <t>Bagh Pourana</t>
  </si>
  <si>
    <t>Fozia Tasleem</t>
  </si>
  <si>
    <t>21194</t>
  </si>
  <si>
    <t>GMPS PANDOKE NOU</t>
  </si>
  <si>
    <t>pando ki nou</t>
  </si>
  <si>
    <t>pandori kalan</t>
  </si>
  <si>
    <t>GPS TANZEEM RAILWAY COLONY</t>
  </si>
  <si>
    <t>railway coloney bhawalnagar</t>
  </si>
  <si>
    <t>Railway Coloney</t>
  </si>
  <si>
    <t>GGPS LUCK KALAN OLD</t>
  </si>
  <si>
    <t>new abadi shumali khawr town Darya khan</t>
  </si>
  <si>
    <t>Sobia Yameen</t>
  </si>
  <si>
    <t>GGPS KARIMA</t>
  </si>
  <si>
    <t>karima tehsil fatah jang district attock</t>
  </si>
  <si>
    <t>Haseena Naz</t>
  </si>
  <si>
    <t>GPS AAJRIAN WALA</t>
  </si>
  <si>
    <t>dera aajrian wala nali</t>
  </si>
  <si>
    <t>Dera Aajrian Wala</t>
  </si>
  <si>
    <t>Nali Shumali</t>
  </si>
  <si>
    <t>zia Ul Mustafa</t>
  </si>
  <si>
    <t>GES LUDAY WALA</t>
  </si>
  <si>
    <t>karlu wala</t>
  </si>
  <si>
    <t>po karlu wala luday wala</t>
  </si>
  <si>
    <t>luday wala</t>
  </si>
  <si>
    <t>GGES DHOK GHULAM HUSSAIN</t>
  </si>
  <si>
    <t>gges dk Ghulam Hussain Chakwal</t>
  </si>
  <si>
    <t>Farah Rehna</t>
  </si>
  <si>
    <t>GPS MALLANA DAGGAR</t>
  </si>
  <si>
    <t>Mallana Daggar</t>
  </si>
  <si>
    <t>Mallan Daggar</t>
  </si>
  <si>
    <t>46971</t>
  </si>
  <si>
    <t>GGPS SHADI KHAN SANJAR KHEL</t>
  </si>
  <si>
    <t>wandha dub sanjarkhel</t>
  </si>
  <si>
    <t>Dub Sanjar Khel</t>
  </si>
  <si>
    <t>Almas Alam</t>
  </si>
  <si>
    <t>GGPS HAJI AFZAL BAG HORE ADHI KOT</t>
  </si>
  <si>
    <t>Ggps moh haji afzal baghoor VP/OAdhi Kot Tahsil Noor Pur Thal Distric Khushab</t>
  </si>
  <si>
    <t>Own arrangement</t>
  </si>
  <si>
    <t>GMPS MUMTAZ ABAD</t>
  </si>
  <si>
    <t>Thatti Hanakin</t>
  </si>
  <si>
    <t>Fill. Thatti Hanakin teh Sahiwal Distt. Sargodha</t>
  </si>
  <si>
    <t>Fehmida Kousar</t>
  </si>
  <si>
    <t>GES JAMIA CHARAGIA GOJRA</t>
  </si>
  <si>
    <t>Mehdi Mohalla near Laari Ada Gojra</t>
  </si>
  <si>
    <t>Gojra city</t>
  </si>
  <si>
    <t>Mehdi mohalla</t>
  </si>
  <si>
    <t>42694</t>
  </si>
  <si>
    <t>GGES BUCHIAL</t>
  </si>
  <si>
    <t>post office Buchial tehsil gujarkhan district rawalpindi</t>
  </si>
  <si>
    <t>Shama Farman</t>
  </si>
  <si>
    <t>GGPS 28/NP SUNJER PUR</t>
  </si>
  <si>
    <t>Chk No 28np</t>
  </si>
  <si>
    <t>chk no 28np sdk</t>
  </si>
  <si>
    <t>28np</t>
  </si>
  <si>
    <t>35183</t>
  </si>
  <si>
    <t>GPS CHAK NO.128 EB</t>
  </si>
  <si>
    <t>CHAKNO 128/AEB</t>
  </si>
  <si>
    <t>GGPS CHAK NO 267 TDA</t>
  </si>
  <si>
    <t>GGPS Chak No. 267/TDA, Tehsil Karor District Layyah</t>
  </si>
  <si>
    <t>Chak No. 267/TDA</t>
  </si>
  <si>
    <t>Asma Tasleem</t>
  </si>
  <si>
    <t>Kot  Bhaga</t>
  </si>
  <si>
    <t>GGPS kot bhaga</t>
  </si>
  <si>
    <t>GGES CHAK NO.63 WB</t>
  </si>
  <si>
    <t>Chak 63 WB</t>
  </si>
  <si>
    <t>GMES 63 WB</t>
  </si>
  <si>
    <t>GPS TASS</t>
  </si>
  <si>
    <t>village tass p.o burhan tehsil hassan abdal attock</t>
  </si>
  <si>
    <t>GPS KANI PUR PO KUMAHARI WALA</t>
  </si>
  <si>
    <t>kani pur pakpatten</t>
  </si>
  <si>
    <t>GPS KOTLA SUKHIA</t>
  </si>
  <si>
    <t>Kotla Sukhia</t>
  </si>
  <si>
    <t>Village Kotla Sukhia Tehsil Daska District Sialkot</t>
  </si>
  <si>
    <t>Zabida Wazeer</t>
  </si>
  <si>
    <t>basti molvian</t>
  </si>
  <si>
    <t>GMPS KHILO WALA</t>
  </si>
  <si>
    <t>Khilo Wala</t>
  </si>
  <si>
    <t>khilo wala</t>
  </si>
  <si>
    <t>Khilo wala</t>
  </si>
  <si>
    <t>ASIFA SIDDIQUE</t>
  </si>
  <si>
    <t>28799</t>
  </si>
  <si>
    <t>GPS KOT SADHARA</t>
  </si>
  <si>
    <t>kot sadhara</t>
  </si>
  <si>
    <t>KOT SADHARA</t>
  </si>
  <si>
    <t>GGPS BORI BANGI KHEL</t>
  </si>
  <si>
    <t>Posa  Darmeani Bangi Khel</t>
  </si>
  <si>
    <t>ggps boribangikhel</t>
  </si>
  <si>
    <t>Bori Bangi Khek</t>
  </si>
  <si>
    <t>Kausar Mehnaz</t>
  </si>
  <si>
    <t>GPS MANZOOR HAYAT COLONY BHALWAL</t>
  </si>
  <si>
    <t>Manzoor Hayat Colony</t>
  </si>
  <si>
    <t>st.No.13 Manzoor Hayat Colony Bhalwal</t>
  </si>
  <si>
    <t>GMPS DULAM WALA</t>
  </si>
  <si>
    <t>Dhulamwala</t>
  </si>
  <si>
    <t>dhulamwala post office and tehsil Pasteur district  sialkot</t>
  </si>
  <si>
    <t>GGES ADHO RAI</t>
  </si>
  <si>
    <t>Adho Rai</t>
  </si>
  <si>
    <t>village Adho Rai Tehsil GRW  DISTT .GRW</t>
  </si>
  <si>
    <t>Asma Nisar</t>
  </si>
  <si>
    <t>GMPS ALI KHARIK</t>
  </si>
  <si>
    <t>Basti Ali kharik,Mubarikpur road, ahmed pur east</t>
  </si>
  <si>
    <t>Musarrat Batool</t>
  </si>
  <si>
    <t>11002</t>
  </si>
  <si>
    <t>GGPS CHAK NO.122/TDA ABDULAWALA</t>
  </si>
  <si>
    <t>Phatuwala</t>
  </si>
  <si>
    <t>122/TDA Abdullahwala</t>
  </si>
  <si>
    <t>122/TDA Abdulahwala</t>
  </si>
  <si>
    <t>Jamila Naz</t>
  </si>
  <si>
    <t>GES 120 JB ALI TOWN FSD</t>
  </si>
  <si>
    <t>Bawachak</t>
  </si>
  <si>
    <t>120 JB alitown faisalabad</t>
  </si>
  <si>
    <t>Alitown</t>
  </si>
  <si>
    <t>alitown</t>
  </si>
  <si>
    <t>GPS DERA GHULAM RASOOL</t>
  </si>
  <si>
    <t>chak no 6 Mankera</t>
  </si>
  <si>
    <t>Dera Ghulam Rasool</t>
  </si>
  <si>
    <t>52802</t>
  </si>
  <si>
    <t>GGES 43/SP KHURPA</t>
  </si>
  <si>
    <t>43sp Khurpa</t>
  </si>
  <si>
    <t>43/sp khurpa</t>
  </si>
  <si>
    <t>Boonga Saleh</t>
  </si>
  <si>
    <t>GPS THATTI KALAK BHAN</t>
  </si>
  <si>
    <t>gps thatti kalak bhan post office jaura kalan</t>
  </si>
  <si>
    <t>Thatti Kalak Bhan</t>
  </si>
  <si>
    <t>Haseeb Raza</t>
  </si>
  <si>
    <t>GGPS NAI ABADI KUNDIAN</t>
  </si>
  <si>
    <t>Mohallah Skelmanthorpe Kundian</t>
  </si>
  <si>
    <t>Fitrat Batool</t>
  </si>
  <si>
    <t>GGPS BALKASSAR NO 2</t>
  </si>
  <si>
    <t>village &amp; p.o Box Balkassar teh and district chakwal</t>
  </si>
  <si>
    <t>44788</t>
  </si>
  <si>
    <t>GGPS KOT LADHA</t>
  </si>
  <si>
    <t>Village Kot Ladha P. O Kot jafar  tehsil wazirabad district gujranwala</t>
  </si>
  <si>
    <t>Nazima Naz Bukhari</t>
  </si>
  <si>
    <t>GGPS GAGRANA NO. 2</t>
  </si>
  <si>
    <t>chah usman wala, moza gagrana, tehseel o zila jhang</t>
  </si>
  <si>
    <t>GPS KHOR</t>
  </si>
  <si>
    <t>Khor</t>
  </si>
  <si>
    <t>village khor</t>
  </si>
  <si>
    <t>GGPS KALYAR TOWN SARGODHA</t>
  </si>
  <si>
    <t>Kalyar Town</t>
  </si>
  <si>
    <t>GGPS Kalyar Town SGD</t>
  </si>
  <si>
    <t>Shumaila Zar</t>
  </si>
  <si>
    <t>26539</t>
  </si>
  <si>
    <t>GES LANGERKE</t>
  </si>
  <si>
    <t>Langerke</t>
  </si>
  <si>
    <t>village langerkey tehsil zafarwal district narowal</t>
  </si>
  <si>
    <t>USMAN ISHTIAQ AHMAD</t>
  </si>
  <si>
    <t>50072</t>
  </si>
  <si>
    <t>GPS TALIB DHANDI</t>
  </si>
  <si>
    <t>Talib Dandhi</t>
  </si>
  <si>
    <t>moza Talib Dhandi  post no 199p tehsil Sadiq Abad district Rahim Yar Khan</t>
  </si>
  <si>
    <t>Remat Ali</t>
  </si>
  <si>
    <t>GPS DERA DOST MUHAMMAD DEOWAL</t>
  </si>
  <si>
    <t>Gps dera dost Muhammad Deowal Bhalwal</t>
  </si>
  <si>
    <t>Sikandar Inayat</t>
  </si>
  <si>
    <t>GGPS SENIOU</t>
  </si>
  <si>
    <t>po tret village saneoh murree</t>
  </si>
  <si>
    <t>Latifa Bibi</t>
  </si>
  <si>
    <t>44834</t>
  </si>
  <si>
    <t>GGPS 77/ML</t>
  </si>
  <si>
    <t>77ml</t>
  </si>
  <si>
    <t>77ml Bhakkar</t>
  </si>
  <si>
    <t>GPS BAHLOL</t>
  </si>
  <si>
    <t>VILLAGE BEHLOL. POST OFFICE BAHTAR. TEHSIL FATEH JANG. ATTOCK</t>
  </si>
  <si>
    <t>GMPS PATHAN KAY</t>
  </si>
  <si>
    <t>pathankey</t>
  </si>
  <si>
    <t>Kaneez Musarrat</t>
  </si>
  <si>
    <t>GPS BASTI SADIQ</t>
  </si>
  <si>
    <t>Sadiq Dahar</t>
  </si>
  <si>
    <t>NOORPUR MACHHI</t>
  </si>
  <si>
    <t>Muhammad Khan Bhatti</t>
  </si>
  <si>
    <t>GPS BUDHO DAHAR</t>
  </si>
  <si>
    <t>basti
budhu dahar</t>
  </si>
  <si>
    <t>Basti Budhu Dahar</t>
  </si>
  <si>
    <t>Rizwan Hameed</t>
  </si>
  <si>
    <t>GGMPS GADI SANDILA</t>
  </si>
  <si>
    <t>Gadi Sandeela</t>
  </si>
  <si>
    <t>basti gadi sandeela makwal kalan</t>
  </si>
  <si>
    <t>Nadia Rasul</t>
  </si>
  <si>
    <t>GMES BHEDIAN</t>
  </si>
  <si>
    <t>village bhedian tehsil hassanabdal district attock</t>
  </si>
  <si>
    <t>Tasleem Bano</t>
  </si>
  <si>
    <t>GGPS SAHLAN</t>
  </si>
  <si>
    <t>Shalan</t>
  </si>
  <si>
    <t>GGPS Shalan bahawalpur</t>
  </si>
  <si>
    <t>Sehrish Javed</t>
  </si>
  <si>
    <t>Yara Sulah</t>
  </si>
  <si>
    <t>nai Wala koro bamb</t>
  </si>
  <si>
    <t>sukha Khan Mohsin</t>
  </si>
  <si>
    <t>38807</t>
  </si>
  <si>
    <t>GPS ATTOCK SADAR</t>
  </si>
  <si>
    <t>Jussian</t>
  </si>
  <si>
    <t>saddar bazzar attock cantt</t>
  </si>
  <si>
    <t>Saddar</t>
  </si>
  <si>
    <t>GGPS DHOLAR PUR</t>
  </si>
  <si>
    <t>kot raja</t>
  </si>
  <si>
    <t>dera haakoo aana , dhoparpur near bypas kotmomin</t>
  </si>
  <si>
    <t>dholarpur</t>
  </si>
  <si>
    <t>tasmea batool</t>
  </si>
  <si>
    <t>GGPS BEHARI COLONY</t>
  </si>
  <si>
    <t>Ggps behari colony chunian</t>
  </si>
  <si>
    <t>Shazia Noor</t>
  </si>
  <si>
    <t>GMPS BASTI SAWAN (MANZOOR WALI)</t>
  </si>
  <si>
    <t>Mouza shujat pur basti manzor wali j. P. P. W</t>
  </si>
  <si>
    <t>Kiran Ismail</t>
  </si>
  <si>
    <t>GES THATHA MOHAMMAD SHAH</t>
  </si>
  <si>
    <t>Thatta Mohammed Shah</t>
  </si>
  <si>
    <t>thatta Mohammed Shah tehsil bhowana district chiniot</t>
  </si>
  <si>
    <t>GPS MOZA BATH P/O KOT TAHIR</t>
  </si>
  <si>
    <t>Moza bath P/O Kot Tahir</t>
  </si>
  <si>
    <t>Moza Bath</t>
  </si>
  <si>
    <t>Muhammad     Imran</t>
  </si>
  <si>
    <t>35306</t>
  </si>
  <si>
    <t>GPS CHAK 28 A</t>
  </si>
  <si>
    <t>Chak 28/a</t>
  </si>
  <si>
    <t>Gps chak no 28/a liaquat pur</t>
  </si>
  <si>
    <t>Chak 25/a</t>
  </si>
  <si>
    <t>GGPS ZENAB ABAD</t>
  </si>
  <si>
    <t>notak sekhanu</t>
  </si>
  <si>
    <t>ggps zenab abad kala dera ghazi khan</t>
  </si>
  <si>
    <t>jamaly wala</t>
  </si>
  <si>
    <t>Shaheen kouser</t>
  </si>
  <si>
    <t>Govt Girls Mouchi pura Lahore</t>
  </si>
  <si>
    <t>Mouchi pura</t>
  </si>
  <si>
    <t>GGPS CHAK NO.105 NB</t>
  </si>
  <si>
    <t>Godhawalla</t>
  </si>
  <si>
    <t>Chak 105 NB</t>
  </si>
  <si>
    <t>105NB</t>
  </si>
  <si>
    <t>CHAK 104 NB</t>
  </si>
  <si>
    <t>22537</t>
  </si>
  <si>
    <t>48175</t>
  </si>
  <si>
    <t>GPS MADRISA TUL ISLAMIA AL-FAZAL TOWN BHALWAL</t>
  </si>
  <si>
    <t>Alfazal Town</t>
  </si>
  <si>
    <t>Alfazal town Bhalwal</t>
  </si>
  <si>
    <t>GES BASTI KUDNA</t>
  </si>
  <si>
    <t>Basti Kudna, Mauza Rao Bela Sharqi, Near mahmood Kot (city), Distt Muzaffargarh</t>
  </si>
  <si>
    <t>Basti Kudna</t>
  </si>
  <si>
    <t>GGPS CHAK 366 JB GUHIAN MUSLIM</t>
  </si>
  <si>
    <t>chak no 366 jb Ghanian Muslim tehsil GOJRA distt Toba take singh</t>
  </si>
  <si>
    <t>Chak No 366 Jb</t>
  </si>
  <si>
    <t>GGPS SHAFI BERTH</t>
  </si>
  <si>
    <t>basti shfi birth</t>
  </si>
  <si>
    <t>Shafi Birth</t>
  </si>
  <si>
    <t>Noushera Jadeed</t>
  </si>
  <si>
    <t>Tasneemzahra</t>
  </si>
  <si>
    <t>50797</t>
  </si>
  <si>
    <t>GGES 50/5-L</t>
  </si>
  <si>
    <t>Chak No 50-5L</t>
  </si>
  <si>
    <t>GGES 50-5L</t>
  </si>
  <si>
    <t>60/5L</t>
  </si>
  <si>
    <t>37268</t>
  </si>
  <si>
    <t>GMPS 46/10-R, KHANEWAL</t>
  </si>
  <si>
    <t>46/10R</t>
  </si>
  <si>
    <t>chak No. 46/10R</t>
  </si>
  <si>
    <t>Chak Shahana 58/10R</t>
  </si>
  <si>
    <t>Najm u Sahar</t>
  </si>
  <si>
    <t>GMPS CHAK 321/HR MAROOT</t>
  </si>
  <si>
    <t>321HR</t>
  </si>
  <si>
    <t>GMPS 321HR MAROOT</t>
  </si>
  <si>
    <t>327hr MAROOT</t>
  </si>
  <si>
    <t>Lubna nawaz</t>
  </si>
  <si>
    <t>GGPS ISLAM ABAD KHUSHAB</t>
  </si>
  <si>
    <t>Husainbad</t>
  </si>
  <si>
    <t>mohalla husiasbad</t>
  </si>
  <si>
    <t>GES NOOR MOHAMMAD BHANGRAN</t>
  </si>
  <si>
    <t>Noor Muhammad Bhangran</t>
  </si>
  <si>
    <t>Chak bhattian moza Noor Muhammad Bhangran</t>
  </si>
  <si>
    <t>GES JHANGI PHEROO</t>
  </si>
  <si>
    <t>Jhangi Pheroo</t>
  </si>
  <si>
    <t>Jhangi pheroo</t>
  </si>
  <si>
    <t>Javed Sarwar</t>
  </si>
  <si>
    <t>GGPS SHAKOOR GARRAH SOHDRA</t>
  </si>
  <si>
    <t>Dst Gujranwala tehsel WZD PO Sohdra</t>
  </si>
  <si>
    <t>GGPS DOULAT PUR</t>
  </si>
  <si>
    <t>Bango</t>
  </si>
  <si>
    <t>village dolut pur p/o bango teh fateh jang District Attock</t>
  </si>
  <si>
    <t>Kareem Akhtar</t>
  </si>
  <si>
    <t>GGPS BANIS QUAIM</t>
  </si>
  <si>
    <t>Bainsquaim</t>
  </si>
  <si>
    <t>Bains Quaim teh.sohawa.dist.jehlum</t>
  </si>
  <si>
    <t>Bains Quaim</t>
  </si>
  <si>
    <t>GES CHAK NO.120/EB</t>
  </si>
  <si>
    <t>Chak No 120/EB</t>
  </si>
  <si>
    <t>Chak No. 120/EB</t>
  </si>
  <si>
    <t>Chak No 128//EB</t>
  </si>
  <si>
    <t>MUHAMMAD QAISER SHEKEEL</t>
  </si>
  <si>
    <t>24624</t>
  </si>
  <si>
    <t>GGPS CHANNA WALA JHOKE WAINS</t>
  </si>
  <si>
    <t>JHOKE WAINS chah chana wala</t>
  </si>
  <si>
    <t>Kosar Yasmeen</t>
  </si>
  <si>
    <t>GPS CHAK 307 GB</t>
  </si>
  <si>
    <t>Burnala</t>
  </si>
  <si>
    <t>Chak#307GB The&amp;Distt Toba TekSingh</t>
  </si>
  <si>
    <t>Chak#307GB</t>
  </si>
  <si>
    <t>Chak#342GB</t>
  </si>
  <si>
    <t>M Sufyan Shaheen</t>
  </si>
  <si>
    <t>GGPS DHANT PURA</t>
  </si>
  <si>
    <t>Dhant Pura</t>
  </si>
  <si>
    <t>dhant Pura</t>
  </si>
  <si>
    <t>Jhamkey</t>
  </si>
  <si>
    <t>Shahla Sarfraz</t>
  </si>
  <si>
    <t>GGPS FAQIR ABAD HAFIZ WALA</t>
  </si>
  <si>
    <t>faqir abad</t>
  </si>
  <si>
    <t>Hafiz wala</t>
  </si>
  <si>
    <t>GMPS MODEL CHHANI TAJA REHAN</t>
  </si>
  <si>
    <t>Channi Taja Rehan</t>
  </si>
  <si>
    <t>Ggmps Channi Taja Rehan</t>
  </si>
  <si>
    <t>Channi TAJA REHAN</t>
  </si>
  <si>
    <t>Laksia</t>
  </si>
  <si>
    <t>24093</t>
  </si>
  <si>
    <t>23861</t>
  </si>
  <si>
    <t>GMPS RANGAN WALA</t>
  </si>
  <si>
    <t>GMPS Ranganwala post office daska, Tehsil Daska, District Sialkot</t>
  </si>
  <si>
    <t>Maila Kousar</t>
  </si>
  <si>
    <t>GPS KANDU KHARA</t>
  </si>
  <si>
    <t>Kandu khara</t>
  </si>
  <si>
    <t>GMPS CHAK NO. 56/M</t>
  </si>
  <si>
    <t>Chak 56m</t>
  </si>
  <si>
    <t>GMPS chak 56m</t>
  </si>
  <si>
    <t>52266</t>
  </si>
  <si>
    <t>GES 20/D</t>
  </si>
  <si>
    <t>Chak No 20/D</t>
  </si>
  <si>
    <t>chak no 20/d</t>
  </si>
  <si>
    <t>20d</t>
  </si>
  <si>
    <t>Bhutta Mohabit</t>
  </si>
  <si>
    <t>FAISAL COLONY CHOTI ROAD JAMPUR NEAR HIRA SCHOOL TARI WALA</t>
  </si>
  <si>
    <t>FAiSAL COLONY</t>
  </si>
  <si>
    <t>Shazia Khaliq</t>
  </si>
  <si>
    <t>54243</t>
  </si>
  <si>
    <t>GPS NASIR ABBAD</t>
  </si>
  <si>
    <t>Havali Bahadur Shah</t>
  </si>
  <si>
    <t>nasirabad P/O Havali bahadur shah</t>
  </si>
  <si>
    <t>GPS HASSAR</t>
  </si>
  <si>
    <t>vpo hassar</t>
  </si>
  <si>
    <t>electric coolar</t>
  </si>
  <si>
    <t>GPS CHAK NO. 5 KALAN</t>
  </si>
  <si>
    <t>Chak No 5 Kalan GB</t>
  </si>
  <si>
    <t>Chak No 5 Kalan GB Tehsil &amp; District Nankana Sahib</t>
  </si>
  <si>
    <t>muhammad younas khan</t>
  </si>
  <si>
    <t>GGPS MOHALLA JANUBI ROKHRI MIANWALI</t>
  </si>
  <si>
    <t>GGPS Muhala Junubi rokhari p/o khas rokhari paka</t>
  </si>
  <si>
    <t>Rokhari 17</t>
  </si>
  <si>
    <t>GPS SANROORIA BHALWAL IJAZ COLONY</t>
  </si>
  <si>
    <t>Ijaz colony Bhalwal</t>
  </si>
  <si>
    <t>Ijaz Colony Bhalwal</t>
  </si>
  <si>
    <t>Farzana Saghir</t>
  </si>
  <si>
    <t>GGPS BELA SADHANA</t>
  </si>
  <si>
    <t>GGPS Bela sadhana</t>
  </si>
  <si>
    <t>Bela Sadhana</t>
  </si>
  <si>
    <t>Shaista Hussain</t>
  </si>
  <si>
    <t>GMES NOOR PUR</t>
  </si>
  <si>
    <t>32848</t>
  </si>
  <si>
    <t>GPS CHAK NO.10/GB NANKANA SAHIB</t>
  </si>
  <si>
    <t>Chak No.10GB Nankana Sahib</t>
  </si>
  <si>
    <t>Chak 10 GB</t>
  </si>
  <si>
    <t>Chak No 13 Randheer</t>
  </si>
  <si>
    <t>Abdulrzaq</t>
  </si>
  <si>
    <t>7417</t>
  </si>
  <si>
    <t>GGPS CHAK NO.204/P</t>
  </si>
  <si>
    <t>peer wahi bakhash</t>
  </si>
  <si>
    <t>chak no 173 p moza peer wahi bakhash</t>
  </si>
  <si>
    <t>chak no 204 p</t>
  </si>
  <si>
    <t>chak no 173p</t>
  </si>
  <si>
    <t>sana sultan</t>
  </si>
  <si>
    <t>19355</t>
  </si>
  <si>
    <t>GGES CHAK 381 JB</t>
  </si>
  <si>
    <t>chak no 381jb toba tek singh</t>
  </si>
  <si>
    <t>Chak No 381jb</t>
  </si>
  <si>
    <t>Chak No 375jb</t>
  </si>
  <si>
    <t>SHAKEELA FIDA</t>
  </si>
  <si>
    <t>GGPS KARIM ABAD NO. 7 KALA BAGH</t>
  </si>
  <si>
    <t>GGPS Karimabad No. 7 Kalabagh</t>
  </si>
  <si>
    <t>GGPS SAIFULLAH KHAN WALA</t>
  </si>
  <si>
    <t>GGMS SAIFULLAH KHAN WALA</t>
  </si>
  <si>
    <t>TEHMEENA NAZ</t>
  </si>
  <si>
    <t>44760</t>
  </si>
  <si>
    <t>GMPS ZURANNI WALA</t>
  </si>
  <si>
    <t>Shiaran Wala</t>
  </si>
  <si>
    <t>Dagershada</t>
  </si>
  <si>
    <t>Madiha Sahrish</t>
  </si>
  <si>
    <t>21601</t>
  </si>
  <si>
    <t>mohallah abbas nagar near more eminabad</t>
  </si>
  <si>
    <t>Najma Khokhar</t>
  </si>
  <si>
    <t>GPS HAIRO SHARQI</t>
  </si>
  <si>
    <t>Hairo sharqi Uc Bindi</t>
  </si>
  <si>
    <t>25684</t>
  </si>
  <si>
    <t>GES THILLY KALAN</t>
  </si>
  <si>
    <t>Thillay kalan post office narowal</t>
  </si>
  <si>
    <t>Muhammad Anis</t>
  </si>
  <si>
    <t>GGHS TAKHAT PUR</t>
  </si>
  <si>
    <t>Govt. Girls High School Takhat Pur,Tehsil Pasrur,Distt Sialkot</t>
  </si>
  <si>
    <t>Sana Younas</t>
  </si>
  <si>
    <t>GPS CHAK NO.187 EB</t>
  </si>
  <si>
    <t>187 Eb</t>
  </si>
  <si>
    <t>GPS187 eb</t>
  </si>
  <si>
    <t>Chak No 187 EB</t>
  </si>
  <si>
    <t>GGPS MAKHWAL</t>
  </si>
  <si>
    <t>Makhwal</t>
  </si>
  <si>
    <t>vill makhwal</t>
  </si>
  <si>
    <t>Maqbol Hussain</t>
  </si>
  <si>
    <t>GPS CHAK NO 91 JB</t>
  </si>
  <si>
    <t>Chak No  91Jb</t>
  </si>
  <si>
    <t>Chak No 91jb</t>
  </si>
  <si>
    <t>Abrar Ul Haq</t>
  </si>
  <si>
    <t>6742</t>
  </si>
  <si>
    <t>GMPS LANGAR WALA</t>
  </si>
  <si>
    <t>Langarwala</t>
  </si>
  <si>
    <t>post office wattoo tensile district khushab</t>
  </si>
  <si>
    <t>GGES SHEDANI SHARIF</t>
  </si>
  <si>
    <t>Qari Nazir Akhter</t>
  </si>
  <si>
    <t>SHEDANI SHARIF</t>
  </si>
  <si>
    <t>GPS KAAK</t>
  </si>
  <si>
    <t>Kak</t>
  </si>
  <si>
    <t>village kak Teh Gujar Khan Distt RWP</t>
  </si>
  <si>
    <t>Abdul Rauf Nadeem</t>
  </si>
  <si>
    <t>GMPS AHMAD SHAH WALI</t>
  </si>
  <si>
    <t>Ahmad Shah Wali</t>
  </si>
  <si>
    <t>ahmad shah wali</t>
  </si>
  <si>
    <t>NAZIA MEHREEN</t>
  </si>
  <si>
    <t>29137</t>
  </si>
  <si>
    <t>GGES TARA GARH</t>
  </si>
  <si>
    <t>GG E/S TARAGARH</t>
  </si>
  <si>
    <t>GPS BUDHEY KHEL</t>
  </si>
  <si>
    <t>budhey khel po kalri teh and dist mianwali</t>
  </si>
  <si>
    <t>Dhok Budheykhel</t>
  </si>
  <si>
    <t>Saleem Ullah Khan</t>
  </si>
  <si>
    <t>GGCMS SAHI CHAWAN P/O AILAM PUR</t>
  </si>
  <si>
    <t>GGCMS SAHI CHAWAN BOSAN ROAD MULTAN</t>
  </si>
  <si>
    <t>Jhook Wains</t>
  </si>
  <si>
    <t>GES KAKIS</t>
  </si>
  <si>
    <t>ges kakis markaz uch sharif</t>
  </si>
  <si>
    <t>Khawja Munawar Abbas</t>
  </si>
  <si>
    <t>GGPS CHAK 34 GB SATIANA</t>
  </si>
  <si>
    <t>34 Gb</t>
  </si>
  <si>
    <t>chak 34 gb satiana</t>
  </si>
  <si>
    <t>Chak 34 Gb</t>
  </si>
  <si>
    <t>Chak35 Gb</t>
  </si>
  <si>
    <t>GGPS BHAWAN SHAH</t>
  </si>
  <si>
    <t>Bhawan shah p.o.box dera kadeem tehsil sahiwal disstrict sargodha</t>
  </si>
  <si>
    <t>Bhawan shah</t>
  </si>
  <si>
    <t>Bhochran Kona</t>
  </si>
  <si>
    <t>39051</t>
  </si>
  <si>
    <t>GPS LANI WALA</t>
  </si>
  <si>
    <t>Lani Wala</t>
  </si>
  <si>
    <t>Govt boys primary school laniwala</t>
  </si>
  <si>
    <t>Muhammad Arfiaz</t>
  </si>
  <si>
    <t>13599</t>
  </si>
  <si>
    <t>GGPS BASTI LASKANI</t>
  </si>
  <si>
    <t>BURRY WALA</t>
  </si>
  <si>
    <t>CHAH MASJID WALA MOUZA BURRAY WALA TEHSIL JAMPUR DISTRICT RAJANPUR</t>
  </si>
  <si>
    <t>CHAH MASJID WALA</t>
  </si>
  <si>
    <t>GGPS BHIBRANA KANDIWAL</t>
  </si>
  <si>
    <t>Bhabhrana Kandiwal</t>
  </si>
  <si>
    <t>Govt.girls primary school Bhabhrana Teh.lalian distt.chiniot</t>
  </si>
  <si>
    <t>bhabhrana</t>
  </si>
  <si>
    <t>GPS CHAK NO.178/WB</t>
  </si>
  <si>
    <t>178wb mailsi</t>
  </si>
  <si>
    <t>178 Wb</t>
  </si>
  <si>
    <t>Waqas Hayyat</t>
  </si>
  <si>
    <t>GGPS TIBBI MIYANI</t>
  </si>
  <si>
    <t>p/o tibi qaisrani</t>
  </si>
  <si>
    <t>Ambreen Zafar</t>
  </si>
  <si>
    <t>GMPS CHAK 310 JB II Thatha</t>
  </si>
  <si>
    <t>310 thatha</t>
  </si>
  <si>
    <t>310 Thatha</t>
  </si>
  <si>
    <t>Chak 310jb</t>
  </si>
  <si>
    <t>GGPS DRAJKEY</t>
  </si>
  <si>
    <t>Drajke</t>
  </si>
  <si>
    <t>village drajke disst gujrwala tehsill kamoki</t>
  </si>
  <si>
    <t>Gohma</t>
  </si>
  <si>
    <t>Neelam Naz</t>
  </si>
  <si>
    <t>Chak Shumali</t>
  </si>
  <si>
    <t>chah samander wala near railway pathak jhang city</t>
  </si>
  <si>
    <t>Chah Samander  Wala</t>
  </si>
  <si>
    <t>51481</t>
  </si>
  <si>
    <t>GES KOT DEWAN PO PAKPATTAN</t>
  </si>
  <si>
    <t>Hota Road Pakpattan Sharif</t>
  </si>
  <si>
    <t>Qazi Muhammad Ahmad</t>
  </si>
  <si>
    <t>GGPS CHAK NO.31 NB</t>
  </si>
  <si>
    <t>31 Nb</t>
  </si>
  <si>
    <t>GGPS 31 NB</t>
  </si>
  <si>
    <t>31 NB</t>
  </si>
  <si>
    <t>Misbah Huma Bukhari</t>
  </si>
  <si>
    <t>GGES CHAK NO. 117/P</t>
  </si>
  <si>
    <t>landa</t>
  </si>
  <si>
    <t>GGES CHAK NO.117/P RYK</t>
  </si>
  <si>
    <t>chak 117/p RYK</t>
  </si>
  <si>
    <t>CHAK NO 114/P</t>
  </si>
  <si>
    <t>GGPS CHAK NO.42 SB NAI ABADI</t>
  </si>
  <si>
    <t>42sb</t>
  </si>
  <si>
    <t>Asiya Nargus</t>
  </si>
  <si>
    <t>GPS KHAIR MUHAMMAD LAR</t>
  </si>
  <si>
    <t>Ali Akbar Sanghi</t>
  </si>
  <si>
    <t>Aslam Town Rahim Yar Khan</t>
  </si>
  <si>
    <t>Aslam Town</t>
  </si>
  <si>
    <t>MC RY KHAN-C</t>
  </si>
  <si>
    <t>Amjad Ali Shahid</t>
  </si>
  <si>
    <t>GES MUHAMMAD SHAH, SARAI SIDHU</t>
  </si>
  <si>
    <t>GGPS SARWAHI</t>
  </si>
  <si>
    <t>Sirwahi</t>
  </si>
  <si>
    <t>Basti Sarwahi P.o box Sanjrpur teh. sadiq abad Dist. Rahim yar khan</t>
  </si>
  <si>
    <t>Baig Mahr</t>
  </si>
  <si>
    <t>GGPS BASTI MIRAN</t>
  </si>
  <si>
    <t>Laadan</t>
  </si>
  <si>
    <t>Ggps basti miran,chah sahoo wala,mouza ladan,</t>
  </si>
  <si>
    <t>Chah Sahoo Wala</t>
  </si>
  <si>
    <t>arifa naheed</t>
  </si>
  <si>
    <t>muhajar Colony nazad cafe sajawal</t>
  </si>
  <si>
    <t>MC Sadiqabad</t>
  </si>
  <si>
    <t>49480</t>
  </si>
  <si>
    <t>GPS CHAH KORA</t>
  </si>
  <si>
    <t>village chahkora tehsil shahpur district sargodha</t>
  </si>
  <si>
    <t>Chahkora</t>
  </si>
  <si>
    <t>GGPS BASTI MOONGAR (KAROR CITY)</t>
  </si>
  <si>
    <t>near masjid khafor wali karor lal eason</t>
  </si>
  <si>
    <t>hina idrees</t>
  </si>
  <si>
    <t>GGPS 76-A/15-L KACHA KHUH</t>
  </si>
  <si>
    <t>76A/15L</t>
  </si>
  <si>
    <t>76A/15L chowk jamal tehsil &amp;  distt khanewal</t>
  </si>
  <si>
    <t>AQSA ANWAR</t>
  </si>
  <si>
    <t>53682</t>
  </si>
  <si>
    <t>GPS CHAK NO 30/1.AL</t>
  </si>
  <si>
    <t>Chak no 30/1.AL tehsil Renala khurd District Okara</t>
  </si>
  <si>
    <t>GGES TIBBA QAIM DIN</t>
  </si>
  <si>
    <t>Tibba qaim Din</t>
  </si>
  <si>
    <t>tibba qaim Din</t>
  </si>
  <si>
    <t>Ambreen Zahra</t>
  </si>
  <si>
    <t>GPS CHACHA BASTI</t>
  </si>
  <si>
    <t>Basti Joiya,Mauza Ahmed Pur Kohna</t>
  </si>
  <si>
    <t>Chikri</t>
  </si>
  <si>
    <t>Uzma Razzaq</t>
  </si>
  <si>
    <t>GES BANDOT</t>
  </si>
  <si>
    <t>VPO Bandot  Teh. Gujarkhan Distt Rawalpindi</t>
  </si>
  <si>
    <t>GPS SHADI KHAN MUNDA</t>
  </si>
  <si>
    <t>ShadiKhan Munda Munda Munda</t>
  </si>
  <si>
    <t>ShadiKhan munda</t>
  </si>
  <si>
    <t>Mehon Wala</t>
  </si>
  <si>
    <t>GGPS CHAH GHANI WALA SHUAJABAD</t>
  </si>
  <si>
    <t>near VTI</t>
  </si>
  <si>
    <t>Nighat Nadia</t>
  </si>
  <si>
    <t>GGPS HASSO KAY NOU ABAD</t>
  </si>
  <si>
    <t>Hassu Kay Nou Abad</t>
  </si>
  <si>
    <t>hassu kay nou abad</t>
  </si>
  <si>
    <t>Ateeqa Anam</t>
  </si>
  <si>
    <t>GPS CHAKLALA RAWALPNDI</t>
  </si>
  <si>
    <t>ghost market chaklala</t>
  </si>
  <si>
    <t>GGCMES TATAR WALA</t>
  </si>
  <si>
    <t>Tatar wala</t>
  </si>
  <si>
    <t>near new jenral bus stand,tataar wala jampur</t>
  </si>
  <si>
    <t>kot sher mohammd</t>
  </si>
  <si>
    <t>tataar wala</t>
  </si>
  <si>
    <t>Zahida Saleem</t>
  </si>
  <si>
    <t>GGPS CHAK AROOP CHAND</t>
  </si>
  <si>
    <t>Aroop Chand</t>
  </si>
  <si>
    <t>Chak Aroop Chand Dak khana Ghakhar Mandi</t>
  </si>
  <si>
    <t>Chak Aroop Chand</t>
  </si>
  <si>
    <t>Tanzeela Iftikhar</t>
  </si>
  <si>
    <t>GPS DHOK AWAN (GHARIBAL)</t>
  </si>
  <si>
    <t>Tehsil pindi gheb, dist Attock</t>
  </si>
  <si>
    <t>Imran Jalil</t>
  </si>
  <si>
    <t>GMPS BAGHWAL</t>
  </si>
  <si>
    <t>Baghwal</t>
  </si>
  <si>
    <t>vill p/o  Baghwal Teh Sohawa Jhelum</t>
  </si>
  <si>
    <t>GPS SHABBIR KALSRY WALA</t>
  </si>
  <si>
    <t>Khairay wala</t>
  </si>
  <si>
    <t>Shabir klasray wala Teh,Chaubara Dist,Layyah</t>
  </si>
  <si>
    <t>Shabir Kalasra</t>
  </si>
  <si>
    <t>GGPS KANDOL</t>
  </si>
  <si>
    <t>post office Kahuti Kotli sattian</t>
  </si>
  <si>
    <t>GMPS CHAK NO.1 SB THABAL</t>
  </si>
  <si>
    <t>THABAL</t>
  </si>
  <si>
    <t>Government model primary school chak 1 sb thabal</t>
  </si>
  <si>
    <t>Fouzia Bashir</t>
  </si>
  <si>
    <t>GGPS CHAH UMER WALA</t>
  </si>
  <si>
    <t>GG P/S chah umar wala ward no. 8 karor distt. layyah</t>
  </si>
  <si>
    <t>GMPS MOHRA</t>
  </si>
  <si>
    <t>GGMPS Mohra numb ro mall phgwari murree rwp</t>
  </si>
  <si>
    <t>Numb Ro Mall</t>
  </si>
  <si>
    <t>Sadaf Shafiq</t>
  </si>
  <si>
    <t>GGPS NARYUB</t>
  </si>
  <si>
    <t>Poss Bangi Khel Darmi</t>
  </si>
  <si>
    <t>Village Naryub, Tola Bangi Khel, Isa Khel</t>
  </si>
  <si>
    <t>Naryub</t>
  </si>
  <si>
    <t>FARKHANDA ANJUM</t>
  </si>
  <si>
    <t>GGPS DARI KHAIR MUHAMMAD</t>
  </si>
  <si>
    <t>BegarGarhi</t>
  </si>
  <si>
    <t>GGP/s Dari khair Muhammad</t>
  </si>
  <si>
    <t>Dari Khair Muhammad</t>
  </si>
  <si>
    <t>GGPS MUD AHMED BUX</t>
  </si>
  <si>
    <t>CHAK SADIQ ABAD</t>
  </si>
  <si>
    <t>Shahnaz Nargis</t>
  </si>
  <si>
    <t>GmPS MUBARAY WALA</t>
  </si>
  <si>
    <t>Mubharaywala</t>
  </si>
  <si>
    <t>mubharaywala sahiwal sargodha</t>
  </si>
  <si>
    <t>Rakh Sahiwal 133</t>
  </si>
  <si>
    <t>GPS BAJARANI</t>
  </si>
  <si>
    <t>BAJRANI</t>
  </si>
  <si>
    <t>GPS BASTI BAJRANI</t>
  </si>
  <si>
    <t>MULLANWALI</t>
  </si>
  <si>
    <t>GGPS NO. 3 CHUNIAN</t>
  </si>
  <si>
    <t>GGPS no 3 chunain near amina marriage hall</t>
  </si>
  <si>
    <t>City Chunian</t>
  </si>
  <si>
    <t>GGPS WAZIR KOT</t>
  </si>
  <si>
    <t>Qammar Din</t>
  </si>
  <si>
    <t>village wazir kot</t>
  </si>
  <si>
    <t>Wazir Kot</t>
  </si>
  <si>
    <t>GGPS MOHIB ALI OTAR</t>
  </si>
  <si>
    <t>Muhib Ali Otar</t>
  </si>
  <si>
    <t>Muhib ali otar</t>
  </si>
  <si>
    <t>Yasmeen Ramzan</t>
  </si>
  <si>
    <t>GPS 179/7-R</t>
  </si>
  <si>
    <t>Chak no 179/7r,Tehsil fort abbas</t>
  </si>
  <si>
    <t>GGPS KHUDA BAKHASH MIRANI WALA</t>
  </si>
  <si>
    <t>moza sumra nashaib basti nawail</t>
  </si>
  <si>
    <t>Basti Nawail</t>
  </si>
  <si>
    <t>GMPS CHAK SULEMAN</t>
  </si>
  <si>
    <t>Chak Sulemam</t>
  </si>
  <si>
    <t>chak suleman tehsil kotmomin sargodha</t>
  </si>
  <si>
    <t>Chak Suleman</t>
  </si>
  <si>
    <t>Ambreen Fatima</t>
  </si>
  <si>
    <t>GGPS KHURSHID ABAD KAMALIA</t>
  </si>
  <si>
    <t>Khurshida abad kamalia</t>
  </si>
  <si>
    <t>GGPS TAHLA</t>
  </si>
  <si>
    <t>tahla</t>
  </si>
  <si>
    <t>GGPS WAHI SANDILA</t>
  </si>
  <si>
    <t>Wahi Sandila</t>
  </si>
  <si>
    <t>Wahi sandila</t>
  </si>
  <si>
    <t>GGPS KANGAN WALA</t>
  </si>
  <si>
    <t>abu saeed</t>
  </si>
  <si>
    <t>kangan wala</t>
  </si>
  <si>
    <t>GES CHAK NO.49 WB</t>
  </si>
  <si>
    <t>Chak No 49 Wb</t>
  </si>
  <si>
    <t>CHAK NO.49/WB VEHARI</t>
  </si>
  <si>
    <t>CHAK NO.53/WB VEHARI</t>
  </si>
  <si>
    <t>29107</t>
  </si>
  <si>
    <t>GGES PASWALL</t>
  </si>
  <si>
    <t>v.p.o paswal</t>
  </si>
  <si>
    <t>jamila begum</t>
  </si>
  <si>
    <t>GPS JALWALA P/O JALWALA</t>
  </si>
  <si>
    <t>basti jalwala Moza Mattital Multan</t>
  </si>
  <si>
    <t>Basti Jalwala</t>
  </si>
  <si>
    <t>sultan ahmad shaheen</t>
  </si>
  <si>
    <t>GPS AJAB KHAN WALA</t>
  </si>
  <si>
    <t>MANKERA RURAL</t>
  </si>
  <si>
    <t>50274</t>
  </si>
  <si>
    <t>GGPS MUHAMMAD ABAD</t>
  </si>
  <si>
    <t>GGPS Muhammad abad</t>
  </si>
  <si>
    <t>Madiha Marrium</t>
  </si>
  <si>
    <t>GGPS MULTANI LANGAH</t>
  </si>
  <si>
    <t>Ghannu Wale</t>
  </si>
  <si>
    <t>ggps multani langah moza ghannu wale uch sharif</t>
  </si>
  <si>
    <t>Anam Batool</t>
  </si>
  <si>
    <t>GES MOHREE</t>
  </si>
  <si>
    <t>Karnali</t>
  </si>
  <si>
    <t>GES Mohree</t>
  </si>
  <si>
    <t>Mohree</t>
  </si>
  <si>
    <t>Muhmmad Jamil</t>
  </si>
  <si>
    <t>49458</t>
  </si>
  <si>
    <t>GPS CHAK NO.31 NB</t>
  </si>
  <si>
    <t>Chak no 31 NB p/0 Mitha lakSgd</t>
  </si>
  <si>
    <t>Chak No 31 Nb</t>
  </si>
  <si>
    <t>GPS CHAK NO.124 EB</t>
  </si>
  <si>
    <t>Chak No 124/EB</t>
  </si>
  <si>
    <t>Chak No 124/EB Tehsil Burewala Disst. Vehari</t>
  </si>
  <si>
    <t>Chak NO 124/EB</t>
  </si>
  <si>
    <t>GGPS GAJJU HATTA SHUJABAD</t>
  </si>
  <si>
    <t>lakar mandi near AlShams Petroliam Jalapur road Shujabad</t>
  </si>
  <si>
    <t>Safia Khanam</t>
  </si>
  <si>
    <t>GMMS HASOO MOHANA</t>
  </si>
  <si>
    <t>GMMS Hasoo Mahana,Basti yousaf,near Rashid Abad</t>
  </si>
  <si>
    <t>Basti Haji Yousaf</t>
  </si>
  <si>
    <t>Haji Muhammad Ayoub</t>
  </si>
  <si>
    <t>GPS KHAIR ABAD PO PAKPATTAN</t>
  </si>
  <si>
    <t>Karimpur Hance</t>
  </si>
  <si>
    <t>abadi khairabad pakpattan</t>
  </si>
  <si>
    <t>Khair Abad</t>
  </si>
  <si>
    <t>Bahrampur</t>
  </si>
  <si>
    <t>Abdulsattar</t>
  </si>
  <si>
    <t>53196</t>
  </si>
  <si>
    <t>GMPS ASGHAR ABAD</t>
  </si>
  <si>
    <t>Asghar Abad</t>
  </si>
  <si>
    <t>Ghulama Two</t>
  </si>
  <si>
    <t>Rukhsana Siddique</t>
  </si>
  <si>
    <t>GGCMS BAIAH</t>
  </si>
  <si>
    <t>Biah</t>
  </si>
  <si>
    <t>village and p/o biah teh  kotli sattian</t>
  </si>
  <si>
    <t>35907</t>
  </si>
  <si>
    <t>GGPS 92 WB</t>
  </si>
  <si>
    <t>92/WB</t>
  </si>
  <si>
    <t>Chak NO  92/ WB TEHSIL MAILSI DISTRICT VEHARI</t>
  </si>
  <si>
    <t>Chak NO# 92 WB</t>
  </si>
  <si>
    <t>ZAHEER ABAD SHAHEED</t>
  </si>
  <si>
    <t>Ghulam Kalsoom</t>
  </si>
  <si>
    <t>GGPS TAYAB BHUTTA</t>
  </si>
  <si>
    <t>Tayyab Bhutta</t>
  </si>
  <si>
    <t>tayyab bhutta post office kalaswala</t>
  </si>
  <si>
    <t>Shahida Ibrahim</t>
  </si>
  <si>
    <t>GPS QUDRAT WALA</t>
  </si>
  <si>
    <t>Chack Quadrat Abad</t>
  </si>
  <si>
    <t>GGES DHOK MIAN JEVEN</t>
  </si>
  <si>
    <t>Khalsa Andan</t>
  </si>
  <si>
    <t>village  and post office. dhok mian jewan. tehsil sohawa. distt jhelum</t>
  </si>
  <si>
    <t>Dhok Mian Jewan</t>
  </si>
  <si>
    <t>Nabeela Zafar</t>
  </si>
  <si>
    <t>47965</t>
  </si>
  <si>
    <t>GMPS CHAK NO 8 DB</t>
  </si>
  <si>
    <t>Phati Joyan</t>
  </si>
  <si>
    <t>GMPS chak no 8 db mianwali</t>
  </si>
  <si>
    <t>Chak No 8 Db Mianwali</t>
  </si>
  <si>
    <t>28430</t>
  </si>
  <si>
    <t>GGPS KOT NABI SHAH</t>
  </si>
  <si>
    <t>village kot nabi shah p.o.b gujan</t>
  </si>
  <si>
    <t>Kot nabi shah</t>
  </si>
  <si>
    <t>Muqaddas Naheed</t>
  </si>
  <si>
    <t>13947</t>
  </si>
  <si>
    <t>GMPS GANHAIR</t>
  </si>
  <si>
    <t>V.P.O.Khura teh.Naushsra dist.Khushab</t>
  </si>
  <si>
    <t>Ahmed Nawaz Malik</t>
  </si>
  <si>
    <t>GPS CHAK NO 479 JB KASHMIRIAN</t>
  </si>
  <si>
    <t>Chak No 479 Jb</t>
  </si>
  <si>
    <t>Chak 479 JB Kashmirian</t>
  </si>
  <si>
    <t>GPS LURKA</t>
  </si>
  <si>
    <t>moza lurka p/o bucheki  teh. &amp; distt. nankana sahib</t>
  </si>
  <si>
    <t>15023</t>
  </si>
  <si>
    <t>GMPS JAND BOSAL</t>
  </si>
  <si>
    <t>Jand Bosal</t>
  </si>
  <si>
    <t>jand  bosal</t>
  </si>
  <si>
    <t>Jand bosal</t>
  </si>
  <si>
    <t>GMPS BONGA JHAMAT</t>
  </si>
  <si>
    <t>Bunga Jhamat</t>
  </si>
  <si>
    <t>bunga jhamat</t>
  </si>
  <si>
    <t>sajida batool</t>
  </si>
  <si>
    <t>GGPS BASTI PUNWAN</t>
  </si>
  <si>
    <t>Govt. girls primary school basti panwan moza panwan</t>
  </si>
  <si>
    <t>Basti Panwan</t>
  </si>
  <si>
    <t>Dear Dildar</t>
  </si>
  <si>
    <t>Ggps basti sher Muhammad Rojhan</t>
  </si>
  <si>
    <t>Basti Asad Ullah</t>
  </si>
  <si>
    <t>Shabnam Khan</t>
  </si>
  <si>
    <t>GPS Jamal Pora</t>
  </si>
  <si>
    <t>Jamal Pora</t>
  </si>
  <si>
    <t>Muhammad Waqas Ali</t>
  </si>
  <si>
    <t>GGPS WAGHWAL ZER</t>
  </si>
  <si>
    <t>village waghwal zer po basharat</t>
  </si>
  <si>
    <t>Asia Riaz</t>
  </si>
  <si>
    <t>GGES ORIAK NO 1</t>
  </si>
  <si>
    <t>Oriak</t>
  </si>
  <si>
    <t>G.G.E.S.Oriak No 1</t>
  </si>
  <si>
    <t>Attiya Khalique</t>
  </si>
  <si>
    <t>GPS DHOK HAYAT TATAIR</t>
  </si>
  <si>
    <t>village dhoke Hayat P/O Thamewali  T/D Mianwali</t>
  </si>
  <si>
    <t>Dhoke Hayat</t>
  </si>
  <si>
    <t>9789</t>
  </si>
  <si>
    <t>GPS GAMAY WALA</t>
  </si>
  <si>
    <t>gamay wala choubara layyah</t>
  </si>
  <si>
    <t>Gamay Wala</t>
  </si>
  <si>
    <t>GMPS FISH FORM CHENAWAN</t>
  </si>
  <si>
    <t>Fish Farm Chanawan</t>
  </si>
  <si>
    <t>fish farm chanawan tehsil wazirabad district gujranwala</t>
  </si>
  <si>
    <t>Jamke Chatta</t>
  </si>
  <si>
    <t>Sajida Prveen</t>
  </si>
  <si>
    <t>GGPS CHAK 336 GB II SARABA</t>
  </si>
  <si>
    <t>New saraba</t>
  </si>
  <si>
    <t>Chak No 336 GB New saraba</t>
  </si>
  <si>
    <t>336 GB New saraba</t>
  </si>
  <si>
    <t>517 GB</t>
  </si>
  <si>
    <t>Ruqia Parveen</t>
  </si>
  <si>
    <t>GMPS 17/G CHISHTIAN</t>
  </si>
  <si>
    <t>17/g</t>
  </si>
  <si>
    <t>Razia Mehboob</t>
  </si>
  <si>
    <t>GHS NEW MILLAT MUMTAZABAD MULTAN</t>
  </si>
  <si>
    <t>Near Fazal ur Rehman  Hospital Mumtazabad  multan</t>
  </si>
  <si>
    <t>Shamim Ahmad</t>
  </si>
  <si>
    <t>GGPS BHADOO WALA</t>
  </si>
  <si>
    <t>Taraf Massu</t>
  </si>
  <si>
    <t>chah bhadoo wala moza taraf massu m garh</t>
  </si>
  <si>
    <t>Bhadoo Wala</t>
  </si>
  <si>
    <t>Nain Tara</t>
  </si>
  <si>
    <t>GMPS CHAK NO 108 ML</t>
  </si>
  <si>
    <t>108 ML</t>
  </si>
  <si>
    <t>CHAK NO 108 ML</t>
  </si>
  <si>
    <t>CHAK NO 112 ML</t>
  </si>
  <si>
    <t>Safina Yasmin</t>
  </si>
  <si>
    <t>GES NAHOWA</t>
  </si>
  <si>
    <t>post office dullewala government elementary school nahowa</t>
  </si>
  <si>
    <t>Nahowa</t>
  </si>
  <si>
    <t>GGES 12 QITTA, P/O MULA PUR, KABIRWALA</t>
  </si>
  <si>
    <t>12qitta</t>
  </si>
  <si>
    <t>new 12qitta p/o mula Pur tehsil kabirwala district khanewal</t>
  </si>
  <si>
    <t>mula pur</t>
  </si>
  <si>
    <t>Bushra Sajjad</t>
  </si>
  <si>
    <t>GGES BASTI MALKANI</t>
  </si>
  <si>
    <t>Gous Pur</t>
  </si>
  <si>
    <t>basti malkani</t>
  </si>
  <si>
    <t>Basti Malkani</t>
  </si>
  <si>
    <t>Tooba Sheikh</t>
  </si>
  <si>
    <t>GGPS BASTI GHULAM YASEEN</t>
  </si>
  <si>
    <t>rolla callan gazi pur</t>
  </si>
  <si>
    <t>rolla callan</t>
  </si>
  <si>
    <t>taranda gurgij</t>
  </si>
  <si>
    <t>Najma Khanam</t>
  </si>
  <si>
    <t>GGES CHAK NO.253 EB</t>
  </si>
  <si>
    <t>253/EB</t>
  </si>
  <si>
    <t>chak No 253/EB</t>
  </si>
  <si>
    <t>Chak No 253/EB</t>
  </si>
  <si>
    <t>GGPS KOTHI SYEDAN</t>
  </si>
  <si>
    <t>Harnooh</t>
  </si>
  <si>
    <t>Belyam syedan Po Pindori District Rawalpindi Teh GujarKhan</t>
  </si>
  <si>
    <t>Belyam Syedan</t>
  </si>
  <si>
    <t>Saleha Mukhtar</t>
  </si>
  <si>
    <t>GMPS CHAK NO. 59 ML</t>
  </si>
  <si>
    <t>Khanpurshumali</t>
  </si>
  <si>
    <t>GMPS Chak 59 ml</t>
  </si>
  <si>
    <t>Chak 59 Ml</t>
  </si>
  <si>
    <t>60 61 ml</t>
  </si>
  <si>
    <t>GGES THATHA BAHADAR SINGH</t>
  </si>
  <si>
    <t>Thatha Bahadar Singh</t>
  </si>
  <si>
    <t>Thatha Bahadar</t>
  </si>
  <si>
    <t>Alina Batool</t>
  </si>
  <si>
    <t>GGPS MOHALLAH FAREED NAGAR</t>
  </si>
  <si>
    <t>Aslm Noii Ppn</t>
  </si>
  <si>
    <t>frid nager ppn</t>
  </si>
  <si>
    <t>Freed NAger</t>
  </si>
  <si>
    <t>Urban Ward#5</t>
  </si>
  <si>
    <t>40480</t>
  </si>
  <si>
    <t>GMPS DERA CHENNA</t>
  </si>
  <si>
    <t>Dera Cheena</t>
  </si>
  <si>
    <t>dera cheena</t>
  </si>
  <si>
    <t>Shakila rafique</t>
  </si>
  <si>
    <t>GGMPS JHOKE SADIQUE WALI</t>
  </si>
  <si>
    <t>jhoke Sadique Wali p/O MAKWAL kalan</t>
  </si>
  <si>
    <t>Jhoke Sadique Wali</t>
  </si>
  <si>
    <t>Shireen Altaf</t>
  </si>
  <si>
    <t>hand pump, mercilblpump, waterpump</t>
  </si>
  <si>
    <t>GGPS KALANWALI</t>
  </si>
  <si>
    <t>Kalanwali</t>
  </si>
  <si>
    <t>village kalanwali post office dhok tahlian teh and dist chakwal</t>
  </si>
  <si>
    <t>Jaswsl</t>
  </si>
  <si>
    <t>10104</t>
  </si>
  <si>
    <t>GGPS RIMAN NO.1</t>
  </si>
  <si>
    <t>RAMIN</t>
  </si>
  <si>
    <t>basti ramin p/o kala DERA GHAZI KHAN</t>
  </si>
  <si>
    <t>KALA</t>
  </si>
  <si>
    <t>Asma Saddique</t>
  </si>
  <si>
    <t>Govt Girls Primary School Islam Nagar manghair sharif road chishtian</t>
  </si>
  <si>
    <t>Sodha Basti</t>
  </si>
  <si>
    <t>GGPS DARYALA SAGON NO 2</t>
  </si>
  <si>
    <t>Daryala Sehgon</t>
  </si>
  <si>
    <t>village daryala sehgon.post office daryala sehgon.gujar khan</t>
  </si>
  <si>
    <t>GGPS CHAK NO.352/TDA</t>
  </si>
  <si>
    <t>lohangh</t>
  </si>
  <si>
    <t>chak no352/tda</t>
  </si>
  <si>
    <t>golawala</t>
  </si>
  <si>
    <t>GGCMS CHAK NO.35 NB</t>
  </si>
  <si>
    <t>35 NB</t>
  </si>
  <si>
    <t>GGCM School 35NB</t>
  </si>
  <si>
    <t>35NB</t>
  </si>
  <si>
    <t>Yasmin  Neena</t>
  </si>
  <si>
    <t>GGES BODO</t>
  </si>
  <si>
    <t>Jhoke Bodo</t>
  </si>
  <si>
    <t>GGES JHOKE BODO</t>
  </si>
  <si>
    <t>Humaira Kauser</t>
  </si>
  <si>
    <t>GGPS ZORE KOT ZORE KOT</t>
  </si>
  <si>
    <t>basti zore kot</t>
  </si>
  <si>
    <t>Zore Kot</t>
  </si>
  <si>
    <t>MC SDK F6</t>
  </si>
  <si>
    <t>Fareeha Tufail</t>
  </si>
  <si>
    <t>GES CHAK 42/D KALAN</t>
  </si>
  <si>
    <t>42/D kalan</t>
  </si>
  <si>
    <t>Chak 42/D Kalan Tehsil Dipalpur Distt.Okara</t>
  </si>
  <si>
    <t>Chak 40/D</t>
  </si>
  <si>
    <t>Muhammad Abu Huraira</t>
  </si>
  <si>
    <t>14492</t>
  </si>
  <si>
    <t>GPS HEAD NO. 26</t>
  </si>
  <si>
    <t>Patti Sultan Mahmood Gharbi</t>
  </si>
  <si>
    <t>moza patti sultan mehmood gharbi</t>
  </si>
  <si>
    <t>Mithoo Wala</t>
  </si>
  <si>
    <t>GGPS BASTI JUNIAN</t>
  </si>
  <si>
    <t>tibi dhakwan</t>
  </si>
  <si>
    <t>basti junian tibi dakhwan Ahmed pur east</t>
  </si>
  <si>
    <t>basti junian</t>
  </si>
  <si>
    <t>tibi izzat</t>
  </si>
  <si>
    <t>GGES CHAK NO 10/1-R W</t>
  </si>
  <si>
    <t>10/1r West</t>
  </si>
  <si>
    <t>chak#10/1.r west haroonabad</t>
  </si>
  <si>
    <t>Chak #10/1r West</t>
  </si>
  <si>
    <t>Shamim Yousaf</t>
  </si>
  <si>
    <t>GGES MUHAMMAD NAWAZ SHAH</t>
  </si>
  <si>
    <t>basti Muhammad nawaz shah moza goth mahi lqp</t>
  </si>
  <si>
    <t>Basti Nawaz Shah</t>
  </si>
  <si>
    <t>Allaha Abad</t>
  </si>
  <si>
    <t>GGPS CHAK NO. 264 HR W</t>
  </si>
  <si>
    <t>Chak No 264 HR East</t>
  </si>
  <si>
    <t>Chak no 264 H R East</t>
  </si>
  <si>
    <t>264 H R East</t>
  </si>
  <si>
    <t>264 H R</t>
  </si>
  <si>
    <t>Iqra gull</t>
  </si>
  <si>
    <t>GMPS PATTI WALA</t>
  </si>
  <si>
    <t>patti Wala ,P/O Rodi ,kallur kot ,Bhakker</t>
  </si>
  <si>
    <t>Patti Wala</t>
  </si>
  <si>
    <t>Salma Agha</t>
  </si>
  <si>
    <t>GGPS MUKKEY WALA</t>
  </si>
  <si>
    <t>hota howani</t>
  </si>
  <si>
    <t>ggps makkay wala chah Makkaywala dera ghazi khan</t>
  </si>
  <si>
    <t>makkay wala</t>
  </si>
  <si>
    <t>Iram Nazir</t>
  </si>
  <si>
    <t>GGPS GHATTIAN WALI</t>
  </si>
  <si>
    <t>Kat Abdul Haq</t>
  </si>
  <si>
    <t>p/o malik pura bahawal nagar</t>
  </si>
  <si>
    <t>Ghattian Wali</t>
  </si>
  <si>
    <t>GMPS 6/SP</t>
  </si>
  <si>
    <t>6sp</t>
  </si>
  <si>
    <t>Chak no 6sp</t>
  </si>
  <si>
    <t>Boyl Ganj</t>
  </si>
  <si>
    <t>Sumaira Rehman</t>
  </si>
  <si>
    <t>GGPS ANWAR ABAD DAKHALI CHAK JODH</t>
  </si>
  <si>
    <t>Ada Raiz Abad</t>
  </si>
  <si>
    <t>ggps anwarabad dakhali chak jodh near ada raiz abad</t>
  </si>
  <si>
    <t>GGPS MAULVI GHULAM MUHAMMAD</t>
  </si>
  <si>
    <t>Tibbi Dhakwan</t>
  </si>
  <si>
    <t>govt girls primary school moulvi ghulam Muhammad</t>
  </si>
  <si>
    <t>Basti Dahana</t>
  </si>
  <si>
    <t>Shabana Tabassum</t>
  </si>
  <si>
    <t>Basti Hussainabad P/o Shadan Lund Tehsil &amp; District. DGK Khan</t>
  </si>
  <si>
    <t>Basti Hussainabad</t>
  </si>
  <si>
    <t>GES LAKHANI DAWANI</t>
  </si>
  <si>
    <t>Khitran Wala</t>
  </si>
  <si>
    <t>basti Dawani p/o tibi qaisrani</t>
  </si>
  <si>
    <t>Lakhani Dawani</t>
  </si>
  <si>
    <t>GGPS DARBAR MUHAMMAD JAMAL</t>
  </si>
  <si>
    <t>Darbar M Jamali</t>
  </si>
  <si>
    <t>Darbar Muhammed jmali girot</t>
  </si>
  <si>
    <t>GGPS DRAZ WALA</t>
  </si>
  <si>
    <t>ggp/s Darazwala Moh#Muzafarkhel</t>
  </si>
  <si>
    <t>saeed fatima</t>
  </si>
  <si>
    <t>GGPS PIRWONA WAQIA NEHRI KOTHI</t>
  </si>
  <si>
    <t>G G ps pirwona moh. Shiekhanwala hujra</t>
  </si>
  <si>
    <t>Mc Hujra Shah Muqeem</t>
  </si>
  <si>
    <t>GGPS KALAYWALY BASTI AHMED MALIK</t>
  </si>
  <si>
    <t>nawaz abad</t>
  </si>
  <si>
    <t>basti ahmed malik p/o bhong sdk</t>
  </si>
  <si>
    <t>basti ahmed malik</t>
  </si>
  <si>
    <t>garhi dodo</t>
  </si>
  <si>
    <t>GPS 42 KB</t>
  </si>
  <si>
    <t>chk no 42kb</t>
  </si>
  <si>
    <t>42kb</t>
  </si>
  <si>
    <t>Riaz Ahmad Ghalib</t>
  </si>
  <si>
    <t>25739</t>
  </si>
  <si>
    <t>GGPS NO 1 NAROWAL</t>
  </si>
  <si>
    <t>Abu bakar Pura</t>
  </si>
  <si>
    <t>moh.abubakar pura narowal</t>
  </si>
  <si>
    <t>Yasmine Akhter</t>
  </si>
  <si>
    <t>GGES CHAK 211/9-R</t>
  </si>
  <si>
    <t>chak 211/9.r</t>
  </si>
  <si>
    <t>GGPS GOTH RAZA</t>
  </si>
  <si>
    <t>Joth Raza</t>
  </si>
  <si>
    <t>joth raza post office tibi izat ape</t>
  </si>
  <si>
    <t>musarat sultana</t>
  </si>
  <si>
    <t>42539</t>
  </si>
  <si>
    <t>GMPS FARYAL</t>
  </si>
  <si>
    <t>Faryal</t>
  </si>
  <si>
    <t>v ill/p/o faryal via dautala</t>
  </si>
  <si>
    <t>GGPS CHAK NO. 20/3-R AB</t>
  </si>
  <si>
    <t>20/3-r</t>
  </si>
  <si>
    <t>Gulshan Colony Tehsil Hnd District Bwn</t>
  </si>
  <si>
    <t>32751</t>
  </si>
  <si>
    <t>GPS DHALAN KE BOUREY</t>
  </si>
  <si>
    <t>Moh.Bouray. Bouray Bucheki</t>
  </si>
  <si>
    <t>Abdulhaq</t>
  </si>
  <si>
    <t>bring from outside the masjid</t>
  </si>
  <si>
    <t>GGES SEHTI</t>
  </si>
  <si>
    <t>Sehti</t>
  </si>
  <si>
    <t>GGPS INJRA AFGHANA</t>
  </si>
  <si>
    <t>Ggps injra afghan</t>
  </si>
  <si>
    <t>Injra Afghan</t>
  </si>
  <si>
    <t>Zar nisa</t>
  </si>
  <si>
    <t>GGPS ZIA ABAD</t>
  </si>
  <si>
    <t>Zia Abad</t>
  </si>
  <si>
    <t>GGPS Zia Abad dakhli jhulana morala road m. b. Din</t>
  </si>
  <si>
    <t>Dakhli Jhulana</t>
  </si>
  <si>
    <t>194359</t>
  </si>
  <si>
    <t>GGES CHAK NO. 35/P KHANPUR</t>
  </si>
  <si>
    <t>Chak35p</t>
  </si>
  <si>
    <t>31747</t>
  </si>
  <si>
    <t>GGPS QILA MASEETA</t>
  </si>
  <si>
    <t>Hadokay</t>
  </si>
  <si>
    <t>Urban Muridke</t>
  </si>
  <si>
    <t>Sarwat Rehana</t>
  </si>
  <si>
    <t>GGHS PEERU JOIYA</t>
  </si>
  <si>
    <t>Peeru Joiya</t>
  </si>
  <si>
    <t>GGES PEERU JOIYA, near Madina chowk kpt</t>
  </si>
  <si>
    <t>GPS KHOUR ROAD FATEH JANG</t>
  </si>
  <si>
    <t>GPS Khour Road fateh jang</t>
  </si>
  <si>
    <t>Fateh jang</t>
  </si>
  <si>
    <t>Gharbi Fateh jang</t>
  </si>
  <si>
    <t>GPS SHAH RANGEELA HASILPUR</t>
  </si>
  <si>
    <t>Ghreebmohalla</t>
  </si>
  <si>
    <t>Arfatcolony hasil pur</t>
  </si>
  <si>
    <t>Shahrangilla</t>
  </si>
  <si>
    <t>GGPS UDHWAL 1</t>
  </si>
  <si>
    <t>Udhwal</t>
  </si>
  <si>
    <t>Vpo udhwal dist&amp;teh chakwal</t>
  </si>
  <si>
    <t>GGES SALAMAT ROY</t>
  </si>
  <si>
    <t>Wahi Salamat</t>
  </si>
  <si>
    <t>GGES Wahi salamat</t>
  </si>
  <si>
    <t>Hati Motan</t>
  </si>
  <si>
    <t>Asia Sultan</t>
  </si>
  <si>
    <t>GES CHAK 25/A</t>
  </si>
  <si>
    <t>chak 25/A liaquat pur</t>
  </si>
  <si>
    <t>26416</t>
  </si>
  <si>
    <t>GGPS 21/3-R A</t>
  </si>
  <si>
    <t>21/3R</t>
  </si>
  <si>
    <t>Chak No. 21/3.R</t>
  </si>
  <si>
    <t>Nayyara Sultana</t>
  </si>
  <si>
    <t>GMPS JHANDIR NIAZI</t>
  </si>
  <si>
    <t>Jhandir Niazi</t>
  </si>
  <si>
    <t>Gmps jhandir niazi ahmad pur sial jhang</t>
  </si>
  <si>
    <t>GGPS CHISHTI WALA SHUJABAD</t>
  </si>
  <si>
    <t>Ghajuhata</t>
  </si>
  <si>
    <t>ggg.p/s chishti wla lodharn road near basti araab shujabas</t>
  </si>
  <si>
    <t>Chishti Wala</t>
  </si>
  <si>
    <t>GGPS NOOR PURA</t>
  </si>
  <si>
    <t>Sakhi Talaab</t>
  </si>
  <si>
    <t>basti noorpura tehsil minchinabad district bahawalnagar</t>
  </si>
  <si>
    <t>Shahnaz Qasim</t>
  </si>
  <si>
    <t>GMPS KOT FATEH KHAN</t>
  </si>
  <si>
    <t>KOT FATEH Khan</t>
  </si>
  <si>
    <t>KOT FATEH khan</t>
  </si>
  <si>
    <t>Kot FATEH KHAN</t>
  </si>
  <si>
    <t>Jallaha Mukhdoom</t>
  </si>
  <si>
    <t>Nighat-bibi</t>
  </si>
  <si>
    <t>GGPS TARJIAL KALLAN</t>
  </si>
  <si>
    <t>TharjialKalan</t>
  </si>
  <si>
    <t>Village&amp;p/o tharjial kalan</t>
  </si>
  <si>
    <t>Tharjial Kalan</t>
  </si>
  <si>
    <t>Ghungrilla</t>
  </si>
  <si>
    <t>GES PIRA JANGLA</t>
  </si>
  <si>
    <t>Pirajangla</t>
  </si>
  <si>
    <t>vpo pirajangla Tehsil Talagang</t>
  </si>
  <si>
    <t>GGPS KOT DEWAN, ABDUL HAKIM</t>
  </si>
  <si>
    <t>Kotdewan</t>
  </si>
  <si>
    <t>Kotdewan P/O Kot Islam Tehsil Kabirwala Dissit Khanewal</t>
  </si>
  <si>
    <t>Amna Akbar</t>
  </si>
  <si>
    <t>54553</t>
  </si>
  <si>
    <t>GPS CHANI HOSHNAK RAI</t>
  </si>
  <si>
    <t>Chani Hoshnak Rai</t>
  </si>
  <si>
    <t>Village Chani Hoshnak Rai</t>
  </si>
  <si>
    <t>GGPS RAILWAY STATION ISA KHEL</t>
  </si>
  <si>
    <t>isakhel</t>
  </si>
  <si>
    <t>tehsil colony near court isakhel district mianwali</t>
  </si>
  <si>
    <t>Tahira parveen</t>
  </si>
  <si>
    <t>GGPS BELA SHEHER</t>
  </si>
  <si>
    <t>Bela Sheher</t>
  </si>
  <si>
    <t>bela shehr</t>
  </si>
  <si>
    <t>Kotshakir</t>
  </si>
  <si>
    <t>Rubina Nosheen</t>
  </si>
  <si>
    <t>GMPS WANDALA VIRKAN</t>
  </si>
  <si>
    <t>Wandala Virkan</t>
  </si>
  <si>
    <t>wandala virkan</t>
  </si>
  <si>
    <t>Miss Shagufta Perveen Muhammad Hussain</t>
  </si>
  <si>
    <t>20917</t>
  </si>
  <si>
    <t>GMPS CHAK NO 242 JB WEST</t>
  </si>
  <si>
    <t>Marloo</t>
  </si>
  <si>
    <t>GMPS 242 W Tehsil Bhowana</t>
  </si>
  <si>
    <t>Chk No 242</t>
  </si>
  <si>
    <t>Chak No 210 Tarer</t>
  </si>
  <si>
    <t>SHAWANA SAADULLAH</t>
  </si>
  <si>
    <t>GPS LATEEF ABAD</t>
  </si>
  <si>
    <t>Basti 
Lateef abad,mouza rang pur,bahawalpur sadar</t>
  </si>
  <si>
    <t>Lateef Abad</t>
  </si>
  <si>
    <t>42048</t>
  </si>
  <si>
    <t>GES CHOOKAR</t>
  </si>
  <si>
    <t>Chookar</t>
  </si>
  <si>
    <t>village chookar</t>
  </si>
  <si>
    <t>Awais Khurshid</t>
  </si>
  <si>
    <t>52902</t>
  </si>
  <si>
    <t>GGPS KOT ZAMAN SHAH</t>
  </si>
  <si>
    <t>Ggps Kot ZAMAN SHAH</t>
  </si>
  <si>
    <t>ggps kot zaman shah p/o haveli lakha district okara</t>
  </si>
  <si>
    <t>Kot Zaman Shah</t>
  </si>
  <si>
    <t>Fareed Poor Suhag</t>
  </si>
  <si>
    <t>sadia batool</t>
  </si>
  <si>
    <t>GGPS FATEH PUR</t>
  </si>
  <si>
    <t>Anila Sabir</t>
  </si>
  <si>
    <t>GGES CHAK 305 GB</t>
  </si>
  <si>
    <t>305gb</t>
  </si>
  <si>
    <t>chak 305 gb</t>
  </si>
  <si>
    <t>Chak 305GB</t>
  </si>
  <si>
    <t>Chak No 301 GB</t>
  </si>
  <si>
    <t>33357</t>
  </si>
  <si>
    <t>GGPS DERA BALLAN DA CHAK 7 RB</t>
  </si>
  <si>
    <t>Dera Ballan Da</t>
  </si>
  <si>
    <t>Dera ballan da safdarabad</t>
  </si>
  <si>
    <t>Zainab Dildar</t>
  </si>
  <si>
    <t>41473</t>
  </si>
  <si>
    <t>GGPS GHEL SATTIAN</t>
  </si>
  <si>
    <t>Govt .Girls Primary school ghel Sattian</t>
  </si>
  <si>
    <t>Kosia Bibi</t>
  </si>
  <si>
    <t>Well near School</t>
  </si>
  <si>
    <t>GES SHAKAR KOT</t>
  </si>
  <si>
    <t>Shakar Kot</t>
  </si>
  <si>
    <t>Shakar kot tensile Naushera district khushab</t>
  </si>
  <si>
    <t>GPS NO.2 CHAK NO.163 NB</t>
  </si>
  <si>
    <t>Chak 163 NB P/O Mandi Shah Jewana Tehsil Sillanwali District Sargodha</t>
  </si>
  <si>
    <t>ASGHAR MEHMOOD</t>
  </si>
  <si>
    <t>40035</t>
  </si>
  <si>
    <t>18627</t>
  </si>
  <si>
    <t>GPS CHAK 93 JB I</t>
  </si>
  <si>
    <t>chak no 93 jb Gojra T.T.Singh</t>
  </si>
  <si>
    <t>Muhammad Yasin Tahir</t>
  </si>
  <si>
    <t>GPS BAQAYA CHAK 80/RB SHAHKOT</t>
  </si>
  <si>
    <t>Baqaya Chak #80</t>
  </si>
  <si>
    <t>nazam  pur baqaya chak #80/RB</t>
  </si>
  <si>
    <t>Baqaya Chak #80/RB</t>
  </si>
  <si>
    <t>Nazam Pura</t>
  </si>
  <si>
    <t>GES CHUHAR PUR</t>
  </si>
  <si>
    <t>chahar pur</t>
  </si>
  <si>
    <t>Chohar Pur</t>
  </si>
  <si>
    <t>Malik Ghulam Yasin</t>
  </si>
  <si>
    <t>GGES CHAK 11 GB</t>
  </si>
  <si>
    <t>Chak No 11 Gb</t>
  </si>
  <si>
    <t>GGES Chak No 11 gb</t>
  </si>
  <si>
    <t>13chak Randhir</t>
  </si>
  <si>
    <t>23725</t>
  </si>
  <si>
    <t>GGPS MANYANDA</t>
  </si>
  <si>
    <t>village manyanda teh. kalar syedan distt. Rwp</t>
  </si>
  <si>
    <t>Naheeda Parveen</t>
  </si>
  <si>
    <t>GGPS RUKAN PURA</t>
  </si>
  <si>
    <t>pail Distt khushab</t>
  </si>
  <si>
    <t>GMPS KHIZAR</t>
  </si>
  <si>
    <t>Khizar</t>
  </si>
  <si>
    <t>village khizar tehsil malakwal mandi bhauddin</t>
  </si>
  <si>
    <t>GPS STATION NOOR SHAH</t>
  </si>
  <si>
    <t>govt.p/s railway station Noor shah</t>
  </si>
  <si>
    <t>Basti Fareed Abad</t>
  </si>
  <si>
    <t>GPS BASTI LUNDA</t>
  </si>
  <si>
    <t>Basti Lunda</t>
  </si>
  <si>
    <t>51337</t>
  </si>
  <si>
    <t>GES 62/SP MALKA HANS</t>
  </si>
  <si>
    <t>62sp</t>
  </si>
  <si>
    <t>GES 62sp</t>
  </si>
  <si>
    <t>44948</t>
  </si>
  <si>
    <t>GPS HAQ NAWAZ WALA</t>
  </si>
  <si>
    <t>Haq nawaz wala post office rodi tehsil kaloor kot district bhakkar</t>
  </si>
  <si>
    <t>GES DADOO WALA</t>
  </si>
  <si>
    <t>Bambul</t>
  </si>
  <si>
    <t>dadoowala</t>
  </si>
  <si>
    <t>Dadoowala</t>
  </si>
  <si>
    <t>Shehzada Muhammad Ali</t>
  </si>
  <si>
    <t>GPS ROSHAN PUR MIANI</t>
  </si>
  <si>
    <t>Roshanpur</t>
  </si>
  <si>
    <t>Govt.Primary School Roshan Pur</t>
  </si>
  <si>
    <t>Hafiz Muhammad Sohail Wazir</t>
  </si>
  <si>
    <t>GGES JABANA</t>
  </si>
  <si>
    <t>JABANA tehsil lalian</t>
  </si>
  <si>
    <t>GGES KHADRIALLA</t>
  </si>
  <si>
    <t>Khadrialla</t>
  </si>
  <si>
    <t>VPO Khadrialla</t>
  </si>
  <si>
    <t>GES LEHR SULTAN PUR</t>
  </si>
  <si>
    <t>GES Lehr Sultan Pur VPO Lehr Sultan Pur, Tehsil Choa Saidan Shah, District Chakwal</t>
  </si>
  <si>
    <t>IJAZ BAIG</t>
  </si>
  <si>
    <t>50489</t>
  </si>
  <si>
    <t>GGPS 37/12-L HAJIAN WALA</t>
  </si>
  <si>
    <t>37/11L H</t>
  </si>
  <si>
    <t>ggps 37/12-L hajianwali</t>
  </si>
  <si>
    <t>37/12-L Hajianwali</t>
  </si>
  <si>
    <t>Yasmeen Nazir</t>
  </si>
  <si>
    <t>GPS SUMRA THAL NO.1</t>
  </si>
  <si>
    <t>Chahe Mustafa Shah Wala Teh Choubara Dist Layyah</t>
  </si>
  <si>
    <t>Chahe Mustafa Shah Wala</t>
  </si>
  <si>
    <t>37844</t>
  </si>
  <si>
    <t>GGPS BYROTI WALA, JAHANIAN</t>
  </si>
  <si>
    <t>Chowk Rahimabad</t>
  </si>
  <si>
    <t>ggps byroty wala jahania</t>
  </si>
  <si>
    <t>saira saleem</t>
  </si>
  <si>
    <t>GGPS BASTI PIR BUX</t>
  </si>
  <si>
    <t>ggpsbastipeerbux</t>
  </si>
  <si>
    <t>Bastipeerbux</t>
  </si>
  <si>
    <t>GPS 15/D SOUTH, ABDUL HAKIM</t>
  </si>
  <si>
    <t>15 D South</t>
  </si>
  <si>
    <t>15 D south teh. KABIRWALA  KHANEWAL</t>
  </si>
  <si>
    <t>15 D Soth</t>
  </si>
  <si>
    <t>GPS HACHER</t>
  </si>
  <si>
    <t>G ps hacher</t>
  </si>
  <si>
    <t>Amar Sohail</t>
  </si>
  <si>
    <t>GGPS ISMAILIA</t>
  </si>
  <si>
    <t>Ismailiya</t>
  </si>
  <si>
    <t>village ismailia tehsil hassanabdal district attock</t>
  </si>
  <si>
    <t>Ismailia</t>
  </si>
  <si>
    <t>Misbah Ul Ain Bibi</t>
  </si>
  <si>
    <t>44765</t>
  </si>
  <si>
    <t>Dera  KHIZER  HAYAT</t>
  </si>
  <si>
    <t>village Sohawa dilloana post office Sohawa bolanii</t>
  </si>
  <si>
    <t>SOHAWA  Dilloanna</t>
  </si>
  <si>
    <t>SOHAWA  DILLOANA</t>
  </si>
  <si>
    <t>Tamseela Zahra Naqvi</t>
  </si>
  <si>
    <t>GGPS NO.2 CHAK NO.94 NB PAKKA DERA</t>
  </si>
  <si>
    <t>Pakka Dera</t>
  </si>
  <si>
    <t>chak no 94 nb sargodha</t>
  </si>
  <si>
    <t>Chak 94 Nb</t>
  </si>
  <si>
    <t>Chak 104nb</t>
  </si>
  <si>
    <t>Madiha Ahmed</t>
  </si>
  <si>
    <t>GGES GHORAY SHAH</t>
  </si>
  <si>
    <t>Ghorey Shah</t>
  </si>
  <si>
    <t>GGES Ghorey Shah Lahore</t>
  </si>
  <si>
    <t>Hassan Park</t>
  </si>
  <si>
    <t>Zill-e Huma</t>
  </si>
  <si>
    <t>GGPS THATTA KAMIRA</t>
  </si>
  <si>
    <t>Thatta Kamira</t>
  </si>
  <si>
    <t>PO Ghous Pur Moza Thatta Kamira District Jhang</t>
  </si>
  <si>
    <t>maqsood bibi almaroof maqsood akhtar</t>
  </si>
  <si>
    <t>GPS CHAK NO.18/F.W-A</t>
  </si>
  <si>
    <t>chak no.18/fw-A tehsil hasilpur distt.bahawalpur</t>
  </si>
  <si>
    <t>18/FW-A</t>
  </si>
  <si>
    <t>Asif Yaqoob</t>
  </si>
  <si>
    <t>GES 124/7-ER, TULAMBA</t>
  </si>
  <si>
    <t>Chakk No124/7er</t>
  </si>
  <si>
    <t>chakk no 124/7er mian channu khanewal</t>
  </si>
  <si>
    <t>124/7ER</t>
  </si>
  <si>
    <t>51241</t>
  </si>
  <si>
    <t>GGCMS 110/9-L</t>
  </si>
  <si>
    <t>110/9l</t>
  </si>
  <si>
    <t>Chak no. 110/9L swl.</t>
  </si>
  <si>
    <t>Saima Ghafoor</t>
  </si>
  <si>
    <t>GES DHOK SARFARAZ</t>
  </si>
  <si>
    <t>BARWALA</t>
  </si>
  <si>
    <t>V &amp; P/O DHOK SARFRAZ TEHSIL JAND DISTT ATTOCK</t>
  </si>
  <si>
    <t>DHOK SARFRAZ</t>
  </si>
  <si>
    <t>42552</t>
  </si>
  <si>
    <t>GPS PIND THAKREEAN</t>
  </si>
  <si>
    <t>Pind Thekarian</t>
  </si>
  <si>
    <t>vill pind thekarian po natha chattr gujrkhan rwp</t>
  </si>
  <si>
    <t>GGPS QUTAB KHEL</t>
  </si>
  <si>
    <t>Qutab Khel</t>
  </si>
  <si>
    <t>ggps qutab khel tehseel essa khel distt mianwali</t>
  </si>
  <si>
    <t>NAHEEDA BIBI</t>
  </si>
  <si>
    <t>GGES CHAK 431/6-R</t>
  </si>
  <si>
    <t>431/6r</t>
  </si>
  <si>
    <t>GGES 431/6r post office same Tehisal HND Destrict BWN</t>
  </si>
  <si>
    <t>Samina Tallat</t>
  </si>
  <si>
    <t>GGPS DHAIRI ANWAL CHAKWAL</t>
  </si>
  <si>
    <t>DhairiAnwal</t>
  </si>
  <si>
    <t>vpo dhrabi the&amp;dist chakwal</t>
  </si>
  <si>
    <t>Dhairii Anwal</t>
  </si>
  <si>
    <t>34059</t>
  </si>
  <si>
    <t>GGPS OBARA SHUMALI</t>
  </si>
  <si>
    <t>Obawara shumali</t>
  </si>
  <si>
    <t>Dakkhana khas obawara shumali</t>
  </si>
  <si>
    <t>GGES CHAK NO.11 ML</t>
  </si>
  <si>
    <t>Chak No11ml</t>
  </si>
  <si>
    <t>chak no11ml</t>
  </si>
  <si>
    <t>Chak No13</t>
  </si>
  <si>
    <t>Sayyada Benish Fatima</t>
  </si>
  <si>
    <t>GGPS HAZOOR BAKHSH</t>
  </si>
  <si>
    <t>GGPS basti hazoor baksh</t>
  </si>
  <si>
    <t>Hazoorbaksh</t>
  </si>
  <si>
    <t>GGMPS DHUPA</t>
  </si>
  <si>
    <t>Chhatri Ma Lohara</t>
  </si>
  <si>
    <t>p/o Tibbi Qaisrani Teh. Taunsa sharif dist.dg khan</t>
  </si>
  <si>
    <t>Dupha</t>
  </si>
  <si>
    <t>48298</t>
  </si>
  <si>
    <t>GPS DERA AMER PARANA</t>
  </si>
  <si>
    <t>dera Ameer parhana ghulla pur</t>
  </si>
  <si>
    <t>Dera Ameer Parhana</t>
  </si>
  <si>
    <t>25112</t>
  </si>
  <si>
    <t>GGPS CHANU MOME</t>
  </si>
  <si>
    <t>Channu Mome</t>
  </si>
  <si>
    <t>GGPS Channu Mome, Sialkot</t>
  </si>
  <si>
    <t>40228</t>
  </si>
  <si>
    <t>GGES BHAMBER</t>
  </si>
  <si>
    <t>Bhamber</t>
  </si>
  <si>
    <t>village bhamber tehsil and distt jhelum</t>
  </si>
  <si>
    <t>GGES PHAMA SARIA</t>
  </si>
  <si>
    <t>phama sara tehdil noshra virkan gujranwala</t>
  </si>
  <si>
    <t>Humaira Sadaf</t>
  </si>
  <si>
    <t>GGES SEETAL MARI</t>
  </si>
  <si>
    <t>Seetal Mari</t>
  </si>
  <si>
    <t>seetal mari</t>
  </si>
  <si>
    <t>KIRAN HAFEEZ</t>
  </si>
  <si>
    <t>GES 62 EB</t>
  </si>
  <si>
    <t>62 EB</t>
  </si>
  <si>
    <t>chak No. 62 EB Tehsil Arifwala</t>
  </si>
  <si>
    <t>GGPS AKAN WALI</t>
  </si>
  <si>
    <t>Akkan wali village</t>
  </si>
  <si>
    <t>Hafiza Shazia Samreen</t>
  </si>
  <si>
    <t>GGES CHAK NO 132 JB</t>
  </si>
  <si>
    <t>Dhmray</t>
  </si>
  <si>
    <t>chak no 132jb</t>
  </si>
  <si>
    <t>Farzana Mirza</t>
  </si>
  <si>
    <t>29156</t>
  </si>
  <si>
    <t>GPS MC DINGI PURA KASUR</t>
  </si>
  <si>
    <t>Dingi Pura Kasur</t>
  </si>
  <si>
    <t>Dingi pura kasur</t>
  </si>
  <si>
    <t>Dingi Pura</t>
  </si>
  <si>
    <t>Mc City Kasur</t>
  </si>
  <si>
    <t>49818</t>
  </si>
  <si>
    <t>GGPS CHAK NO.164 NB NAI ABADI</t>
  </si>
  <si>
    <t>ggps 164nb(nai abad)</t>
  </si>
  <si>
    <t>Chak 164nbNa</t>
  </si>
  <si>
    <t>Chak 163nb</t>
  </si>
  <si>
    <t>GES BHABRA WAH CANTT</t>
  </si>
  <si>
    <t>village bhabra post office lalazar wah cantt</t>
  </si>
  <si>
    <t>wah Cantt Board</t>
  </si>
  <si>
    <t>Dr Muhammad Anwar</t>
  </si>
  <si>
    <t>GPS SATTO</t>
  </si>
  <si>
    <t>Satto</t>
  </si>
  <si>
    <t>satto po sukhana bajwa kamoke gujranwala</t>
  </si>
  <si>
    <t>Kali Soba</t>
  </si>
  <si>
    <t>49874</t>
  </si>
  <si>
    <t>GES NO.3 SAHIWAL</t>
  </si>
  <si>
    <t>GES No. 3 Sahiwal Near Laari Adda Sahiwal</t>
  </si>
  <si>
    <t>Uc Sahiwal</t>
  </si>
  <si>
    <t>Muhammad Zeshan Maajid</t>
  </si>
  <si>
    <t>28855</t>
  </si>
  <si>
    <t>GGPS NO. 2 CHUNIAN</t>
  </si>
  <si>
    <t>Bairoon Qila Roopa Singh</t>
  </si>
  <si>
    <t>Government Girls Primary School No. 2, Bairoon Qila Roopa Singh, Chunian</t>
  </si>
  <si>
    <t>Alia Bashir</t>
  </si>
  <si>
    <t>30956</t>
  </si>
  <si>
    <t>GES PAJIAN</t>
  </si>
  <si>
    <t>Pajian</t>
  </si>
  <si>
    <t>village pajian Raiwind road Lahore</t>
  </si>
  <si>
    <t>Hafiz Muhammad Shahzad</t>
  </si>
  <si>
    <t>41353</t>
  </si>
  <si>
    <t>GPS KATHAR</t>
  </si>
  <si>
    <t>Kathar</t>
  </si>
  <si>
    <t>village kathar tehsil murree</t>
  </si>
  <si>
    <t>Gulzaman</t>
  </si>
  <si>
    <t>GGES CHAK NO.367 EB</t>
  </si>
  <si>
    <t>Chak No 367  Eb</t>
  </si>
  <si>
    <t>chalk no 367eb tehsil burewala distric vehari</t>
  </si>
  <si>
    <t>Chak No 367 Eb</t>
  </si>
  <si>
    <t>Chak No 175 Eb</t>
  </si>
  <si>
    <t>Safia Sattar</t>
  </si>
  <si>
    <t>GGCMS NATHU WALA</t>
  </si>
  <si>
    <t>Nathuwala Chak#180 tehsil Shahkot Distt Nankana sahib</t>
  </si>
  <si>
    <t>Anisa Riaz</t>
  </si>
  <si>
    <t>34053</t>
  </si>
  <si>
    <t>GGPS SARI SHUJRA JALALPUR KHAKHI</t>
  </si>
  <si>
    <t>ggps seri shujra</t>
  </si>
  <si>
    <t>Maria ABBAS</t>
  </si>
  <si>
    <t>GGES FATEH JANG CITY</t>
  </si>
  <si>
    <t>govt girls elementary school fateh jang city teh fateh jang dist attock</t>
  </si>
  <si>
    <t>MC fateh jang</t>
  </si>
  <si>
    <t>asma zareen</t>
  </si>
  <si>
    <t>GGPS SUKHAIL</t>
  </si>
  <si>
    <t>GGPS Sukhail ,Basti sukhail,moza sukhail</t>
  </si>
  <si>
    <t>Sidra Fazal</t>
  </si>
  <si>
    <t>GES NERMALKEY</t>
  </si>
  <si>
    <t>Iqbal Muhammad Sharif</t>
  </si>
  <si>
    <t>GMPS 76-B/15-L, KHANEWAL</t>
  </si>
  <si>
    <t>76-b/15-l</t>
  </si>
  <si>
    <t>chak no 76-b/15-l p/o box 79/15-l District &amp; Tehsil Khanewal</t>
  </si>
  <si>
    <t>GGES GHOI NO. 8</t>
  </si>
  <si>
    <t>village Gohi post office sehr bagla teh Murree dist Rawalpindi</t>
  </si>
  <si>
    <t>Gohi</t>
  </si>
  <si>
    <t>GMPS JOKHIAN</t>
  </si>
  <si>
    <t>Jokhian</t>
  </si>
  <si>
    <t>G.M.P.S jokhian</t>
  </si>
  <si>
    <t>Syeda Uma Salama</t>
  </si>
  <si>
    <t>GPS HORIAK</t>
  </si>
  <si>
    <t>vill oriak p-o narar teh kahuta dist rwp</t>
  </si>
  <si>
    <t>Horiak</t>
  </si>
  <si>
    <t>GGES CHAK NO.168/171 NB</t>
  </si>
  <si>
    <t>Chak No 168/171N</t>
  </si>
  <si>
    <t>chak no 168/171 NB</t>
  </si>
  <si>
    <t>168/171NB</t>
  </si>
  <si>
    <t>169 NB</t>
  </si>
  <si>
    <t>GGPS MUNDHEER</t>
  </si>
  <si>
    <t>Mandeer</t>
  </si>
  <si>
    <t>MAndheer p/o pull sha dolla Teh Kamoke District Gujranwala</t>
  </si>
  <si>
    <t>Mandheer</t>
  </si>
  <si>
    <t>Ganour</t>
  </si>
  <si>
    <t>GGPS MULTANI WALA</t>
  </si>
  <si>
    <t>chah multani wala chak no.2 kot chutta district D.G.Khan</t>
  </si>
  <si>
    <t>Municipal Committee  Kot Chutta</t>
  </si>
  <si>
    <t>Anjum Almas</t>
  </si>
  <si>
    <t>GPS NO.2 JHAWARIAN</t>
  </si>
  <si>
    <t>Mohala awanwala jhawarian Tehsil shahpir Distt Sargodha</t>
  </si>
  <si>
    <t>GMPS SAIF PUR</t>
  </si>
  <si>
    <t>Soifpur</t>
  </si>
  <si>
    <t>govt model primary school saifpur</t>
  </si>
  <si>
    <t>Rukhsana Saj</t>
  </si>
  <si>
    <t>GGPS PAR AHMAD</t>
  </si>
  <si>
    <t>GGPS par Ahmad</t>
  </si>
  <si>
    <t>GGPS KOT ARAIAN</t>
  </si>
  <si>
    <t>govt girls primary school kot araia5</t>
  </si>
  <si>
    <t>Kot Araian</t>
  </si>
  <si>
    <t>GGPS NO.6 RAJA PARK T.T.SINGH</t>
  </si>
  <si>
    <t>toba</t>
  </si>
  <si>
    <t>GMPS NO 6 Raja park TTSINGH</t>
  </si>
  <si>
    <t>22716</t>
  </si>
  <si>
    <t>GMES CHAK NO.19-A/ML</t>
  </si>
  <si>
    <t>19 AML</t>
  </si>
  <si>
    <t>CHACK NO 19AML</t>
  </si>
  <si>
    <t>19AML</t>
  </si>
  <si>
    <t>GMPS PATHI PATHANAN WALI</t>
  </si>
  <si>
    <t>zalla</t>
  </si>
  <si>
    <t>gmps phati pathanan wali mianwali</t>
  </si>
  <si>
    <t>phatti pathanan wali</t>
  </si>
  <si>
    <t>gulmeeri</t>
  </si>
  <si>
    <t>asia sultana</t>
  </si>
  <si>
    <t>GPS BAIT ALLAH WASAYA</t>
  </si>
  <si>
    <t>Bait Allah Wasaya</t>
  </si>
  <si>
    <t>Mouza Bait Allah wasya</t>
  </si>
  <si>
    <t>Muhammed Ali Unr</t>
  </si>
  <si>
    <t>Syed Muzafar Hussain</t>
  </si>
  <si>
    <t>GES MOHALLA KHEMTAN WALA</t>
  </si>
  <si>
    <t>Mohalah Khemtanwala Darya Khan City</t>
  </si>
  <si>
    <t>Nazeer hussain</t>
  </si>
  <si>
    <t>GGES CHAK NO 3/1-R</t>
  </si>
  <si>
    <t>3/1R</t>
  </si>
  <si>
    <t>GOVT GIRLS ELEMENTARY SCHOOL 3 /1R TEHSIL HAROONABAD</t>
  </si>
  <si>
    <t>Balqees Aslam</t>
  </si>
  <si>
    <t>GGPS KOT BHUTTA</t>
  </si>
  <si>
    <t>GGPS kot Bhutta</t>
  </si>
  <si>
    <t>kot bhutta post office eminabad</t>
  </si>
  <si>
    <t>Kot Bhutta</t>
  </si>
  <si>
    <t>Nazia Kousar</t>
  </si>
  <si>
    <t>GGPS MOHALLA ABDULLAH</t>
  </si>
  <si>
    <t>Moahallah Abdullah Mubarak pur.</t>
  </si>
  <si>
    <t>GGPS CHAK NO.135/TDA LEYYAH</t>
  </si>
  <si>
    <t>GGPS Chak No. 135 TDA Layyah</t>
  </si>
  <si>
    <t>135 TDA Layyah</t>
  </si>
  <si>
    <t>Hassina Sabra</t>
  </si>
  <si>
    <t>GGES  MANGHAIR SHARIF</t>
  </si>
  <si>
    <t>manghair</t>
  </si>
  <si>
    <t>mouza manghair sharif tehsil chishtian</t>
  </si>
  <si>
    <t>manghair sharif</t>
  </si>
  <si>
    <t>jhedwa</t>
  </si>
  <si>
    <t>Rahat Naseem</t>
  </si>
  <si>
    <t>GPS ARJANI WALA</t>
  </si>
  <si>
    <t>arjaniwala basti rindan jampur</t>
  </si>
  <si>
    <t>Chah Arjani Wala</t>
  </si>
  <si>
    <t>Basti rindan</t>
  </si>
  <si>
    <t>GPS 465 EB</t>
  </si>
  <si>
    <t>Chak No465/E B</t>
  </si>
  <si>
    <t>Chak No,465/E,B Burewala</t>
  </si>
  <si>
    <t>Chak No465/EB</t>
  </si>
  <si>
    <t>Chak No447/EB</t>
  </si>
  <si>
    <t>Muhammad Rauf</t>
  </si>
  <si>
    <t>53652</t>
  </si>
  <si>
    <t>GGPS CHAH BANGHARAN</t>
  </si>
  <si>
    <t>Chah Bhangran</t>
  </si>
  <si>
    <t>basti chah bhangran</t>
  </si>
  <si>
    <t>Habib U Nisa</t>
  </si>
  <si>
    <t>GES PUNJ AHATA CHAK NO. 576/GB</t>
  </si>
  <si>
    <t>Punj Ahata</t>
  </si>
  <si>
    <t>Village Punj Ahata Warburton</t>
  </si>
  <si>
    <t>Riaz Ali Watto</t>
  </si>
  <si>
    <t>GGPS JOEYYAN</t>
  </si>
  <si>
    <t>Joeyyan</t>
  </si>
  <si>
    <t>post office phagwari</t>
  </si>
  <si>
    <t>Humara sarwar</t>
  </si>
  <si>
    <t>GGPS ISLAM ABAD</t>
  </si>
  <si>
    <t>Pati Jhandeer</t>
  </si>
  <si>
    <t>Basti islam nagar</t>
  </si>
  <si>
    <t>Humera bibi</t>
  </si>
  <si>
    <t>GES BHIBHRANA</t>
  </si>
  <si>
    <t>bhibhrana</t>
  </si>
  <si>
    <t>govt.elementry school bhibhrana p/o kandiwal tehsil lalian district  chiniot</t>
  </si>
  <si>
    <t>kandiwal</t>
  </si>
  <si>
    <t>GGPS TATARA KAMAL</t>
  </si>
  <si>
    <t>Tatara Kamal</t>
  </si>
  <si>
    <t>Tatara kamal</t>
  </si>
  <si>
    <t>GPS SARKAL MAIR</t>
  </si>
  <si>
    <t>Sarkal mair</t>
  </si>
  <si>
    <t>sarkal mair</t>
  </si>
  <si>
    <t>Ghulam Zullakha</t>
  </si>
  <si>
    <t>GPS MC BLOCK NO. 8 THALI ROAD</t>
  </si>
  <si>
    <t>Noraywali</t>
  </si>
  <si>
    <t>Thally Chaok Rehman colony  RYK</t>
  </si>
  <si>
    <t>38-I</t>
  </si>
  <si>
    <t>GGCMS KHUSHHAL GARH</t>
  </si>
  <si>
    <t>Khushal Garh</t>
  </si>
  <si>
    <t>govt girls c m s khushal garh</t>
  </si>
  <si>
    <t>Chak Dhodoo</t>
  </si>
  <si>
    <t>Shumaila Qayyum</t>
  </si>
  <si>
    <t>GGES SANDAL BANGIAL</t>
  </si>
  <si>
    <t>Sandal Bangial</t>
  </si>
  <si>
    <t>village sandal bangial</t>
  </si>
  <si>
    <t>Mehmoona Mehwish</t>
  </si>
  <si>
    <t>34483</t>
  </si>
  <si>
    <t>GGPS BIBI PUR NEAR MOZA BIBI PUR</t>
  </si>
  <si>
    <t>bibi pur</t>
  </si>
  <si>
    <t>Mrs Munawar Sultana</t>
  </si>
  <si>
    <t>GGPS GUL KHAN WALA</t>
  </si>
  <si>
    <t>Watta khel</t>
  </si>
  <si>
    <t>ggps chah gul khan wala PAF road Mianwali</t>
  </si>
  <si>
    <t>Chah gul khan wala</t>
  </si>
  <si>
    <t>GGES CHAK NO.101 SB</t>
  </si>
  <si>
    <t>101sb</t>
  </si>
  <si>
    <t>gges 101 s,b sargodha</t>
  </si>
  <si>
    <t>100 Sb</t>
  </si>
  <si>
    <t>Aqdas Zahra</t>
  </si>
  <si>
    <t>45619</t>
  </si>
  <si>
    <t>GGPS CHAK NO. 22 TDA</t>
  </si>
  <si>
    <t>GGPS chak no  22 TDA</t>
  </si>
  <si>
    <t>22TDA</t>
  </si>
  <si>
    <t>Pathano Mai</t>
  </si>
  <si>
    <t>GGPS CHAK NO.137/TDA AZIZ ABAD</t>
  </si>
  <si>
    <t>chak no 137/TDA Aziz abad layyah</t>
  </si>
  <si>
    <t>Chack No 137</t>
  </si>
  <si>
    <t>Farkhanda Akhtar</t>
  </si>
  <si>
    <t>GGPS KUNDIAN CITY</t>
  </si>
  <si>
    <t>GGPS Kundian city</t>
  </si>
  <si>
    <t>GES CHAK 211/P</t>
  </si>
  <si>
    <t>Cha K No 211p</t>
  </si>
  <si>
    <t>chak no. 211p , sdk</t>
  </si>
  <si>
    <t>Chak No 211 P</t>
  </si>
  <si>
    <t>Chak No 264 P</t>
  </si>
  <si>
    <t>Mohsin Hassan</t>
  </si>
  <si>
    <t>GGCMS 99/9-L</t>
  </si>
  <si>
    <t>99/9L</t>
  </si>
  <si>
    <t>bholy di jhok sahiwal</t>
  </si>
  <si>
    <t>Bholy Di Jhok</t>
  </si>
  <si>
    <t>91 / 9L</t>
  </si>
  <si>
    <t>Shafqat Naheed</t>
  </si>
  <si>
    <t>GMPS BASTI ZAMAN</t>
  </si>
  <si>
    <t>Saldiara</t>
  </si>
  <si>
    <t>govt model prilary school basti zaman kot, moza saldaira dak khana farooqa bad</t>
  </si>
  <si>
    <t>Basti Zaman Kot</t>
  </si>
  <si>
    <t>Saldaira Aithar</t>
  </si>
  <si>
    <t>Faryal Mehreen</t>
  </si>
  <si>
    <t>GPS BHALIARAAN</t>
  </si>
  <si>
    <t>Banaroya</t>
  </si>
  <si>
    <t>p o thulhamza Tehsil Liaqat Pur District Rahim Yar Khan</t>
  </si>
  <si>
    <t>Bhalyaran</t>
  </si>
  <si>
    <t>JHOKE Gulab Shah</t>
  </si>
  <si>
    <t>GMPS SAHOO WALA</t>
  </si>
  <si>
    <t>Nawa Bagraj</t>
  </si>
  <si>
    <t>sahoo wala jampur</t>
  </si>
  <si>
    <t>Basti Bermani</t>
  </si>
  <si>
    <t>Uzma Rehman</t>
  </si>
  <si>
    <t>GPS MERA GHARPA</t>
  </si>
  <si>
    <t>Meray Wali</t>
  </si>
  <si>
    <t>M Obaidullah</t>
  </si>
  <si>
    <t>GPS NAKHLORE</t>
  </si>
  <si>
    <t>Basti bhattia mouza nakhlore</t>
  </si>
  <si>
    <t>Basti Bhattia</t>
  </si>
  <si>
    <t>GGES BADLAY WALA</t>
  </si>
  <si>
    <t>SULTAN KHARR</t>
  </si>
  <si>
    <t>Government Girls Elementary School BADLAY WALA</t>
  </si>
  <si>
    <t>BADLAY WALA</t>
  </si>
  <si>
    <t>Fazal Kalru</t>
  </si>
  <si>
    <t>47552</t>
  </si>
  <si>
    <t>GGPS CHITTA WATTA</t>
  </si>
  <si>
    <t>near madrisa mustafai dawat chitta watt</t>
  </si>
  <si>
    <t>Amara Hidayat</t>
  </si>
  <si>
    <t>said pur dskhana bakhsh wals tehsil lslisn district chiniot</t>
  </si>
  <si>
    <t>GGPS CHAH DOLI</t>
  </si>
  <si>
    <t>Dagar Wahgra</t>
  </si>
  <si>
    <t>Ggps chah doli dagar wahgra darya khan</t>
  </si>
  <si>
    <t>Chah Doli</t>
  </si>
  <si>
    <t>Shehnaz Perveen</t>
  </si>
  <si>
    <t>51754</t>
  </si>
  <si>
    <t>GGPS MODEL 73/D</t>
  </si>
  <si>
    <t>73/D</t>
  </si>
  <si>
    <t>73/d</t>
  </si>
  <si>
    <t>GPS HAVELI HANJRANWAN</t>
  </si>
  <si>
    <t>Haveli Hanjranwan</t>
  </si>
  <si>
    <t>haveli hanjranwan</t>
  </si>
  <si>
    <t>Waqas Sarfraz</t>
  </si>
  <si>
    <t>32875</t>
  </si>
  <si>
    <t>GPS WAN KICHIAN</t>
  </si>
  <si>
    <t>wan KHICHIAN Post Office Syed wala Tahsil And District NANKANA SAHIB</t>
  </si>
  <si>
    <t>Wan KHICHIAN</t>
  </si>
  <si>
    <t>Naeem Pervaiz Khichi</t>
  </si>
  <si>
    <t>GGPS MALIK SOBHA ARAIN</t>
  </si>
  <si>
    <t>GGPS sobha arain tehsil liaquat pur</t>
  </si>
  <si>
    <t>Basti Malik Sobha Arain</t>
  </si>
  <si>
    <t>Zafar  Abad</t>
  </si>
  <si>
    <t>Rizwana Arbi</t>
  </si>
  <si>
    <t>44355</t>
  </si>
  <si>
    <t>GES HAZARAH SOUTH</t>
  </si>
  <si>
    <t>Hazarah South</t>
  </si>
  <si>
    <t>Ges  Hazarah South p/O Behal teh&amp;distt.Bhakkar.</t>
  </si>
  <si>
    <t>GGES MUBARAK PUR</t>
  </si>
  <si>
    <t>gges mubarakpur</t>
  </si>
  <si>
    <t>Shamaila Mushtaq</t>
  </si>
  <si>
    <t>GGES 178 WB</t>
  </si>
  <si>
    <t>178/wb</t>
  </si>
  <si>
    <t>GGES 178/wb</t>
  </si>
  <si>
    <t>Maroof Rani</t>
  </si>
  <si>
    <t>26869</t>
  </si>
  <si>
    <t>GGMPS THAKAR DOWARA</t>
  </si>
  <si>
    <t>Thakardawara</t>
  </si>
  <si>
    <t>Thakar Dawara</t>
  </si>
  <si>
    <t>GGES CHAK NO.55-DB KALLUR KOT</t>
  </si>
  <si>
    <t>55db</t>
  </si>
  <si>
    <t>SAIMA KHAN</t>
  </si>
  <si>
    <t>GGPS BOBINAWALA (NEW)</t>
  </si>
  <si>
    <t>Naali</t>
  </si>
  <si>
    <t>Ggps dara bobianwala</t>
  </si>
  <si>
    <t>Dara bobianwala</t>
  </si>
  <si>
    <t>Ansar Fatima</t>
  </si>
  <si>
    <t>Monobloc</t>
  </si>
  <si>
    <t>GPS TALWANDI BHINDRAN</t>
  </si>
  <si>
    <t>Talwandi Bhindran Bhindran</t>
  </si>
  <si>
    <t>Moh,. Bilal pura Talwandi Bhindran Narowal</t>
  </si>
  <si>
    <t>Mohammed Iqbal</t>
  </si>
  <si>
    <t>aziz abad</t>
  </si>
  <si>
    <t>Hamid Pu</t>
  </si>
  <si>
    <t>Afia Yaseen</t>
  </si>
  <si>
    <t>43602</t>
  </si>
  <si>
    <t>GGCMS DHEEDWAL</t>
  </si>
  <si>
    <t>village and post office dheedwal tehsil and district chakwal</t>
  </si>
  <si>
    <t>Nusrt  Pasand</t>
  </si>
  <si>
    <t>GGPS RASUL NAGAR CHAK NO.98 NB</t>
  </si>
  <si>
    <t>98nb</t>
  </si>
  <si>
    <t>ggps 98nb rasool nagar</t>
  </si>
  <si>
    <t>98nb Rasool Nagar</t>
  </si>
  <si>
    <t>Zunaira Iftikhar</t>
  </si>
  <si>
    <t>GPS CHAK NO 217/P</t>
  </si>
  <si>
    <t>217/p</t>
  </si>
  <si>
    <t>chak no 217/p</t>
  </si>
  <si>
    <t>Chak No 264/p</t>
  </si>
  <si>
    <t>GGPS MOHALLAH PHULARWAN</t>
  </si>
  <si>
    <t>Jand Wala Kalan</t>
  </si>
  <si>
    <t>village jand wala p/O same teh/district bahawal nagar</t>
  </si>
  <si>
    <t>GGPS 77/5-L</t>
  </si>
  <si>
    <t>77-5/L</t>
  </si>
  <si>
    <t>Govt Girls Primary School, 77-5/L, Sahiwal</t>
  </si>
  <si>
    <t>78-5/L</t>
  </si>
  <si>
    <t>GGMPS SANJAR SHAHI</t>
  </si>
  <si>
    <t>sanjar shahi</t>
  </si>
  <si>
    <t>pul qamabar</t>
  </si>
  <si>
    <t>moza sanjar shahi</t>
  </si>
  <si>
    <t>cholani</t>
  </si>
  <si>
    <t>maimona zia</t>
  </si>
  <si>
    <t>GGPS BLOCK NO. 42 D.G. KHAN</t>
  </si>
  <si>
    <t>Block 42</t>
  </si>
  <si>
    <t>Block 42 d g khan</t>
  </si>
  <si>
    <t>Dear Ghazi Khan</t>
  </si>
  <si>
    <t>Urban 6</t>
  </si>
  <si>
    <t>GGPS MORE EMINABAD</t>
  </si>
  <si>
    <t>more eminabad</t>
  </si>
  <si>
    <t>dhilanwali</t>
  </si>
  <si>
    <t>Aleena Batool</t>
  </si>
  <si>
    <t>GGPS 42 SP SUMANDRY</t>
  </si>
  <si>
    <t>42/SpSmundri</t>
  </si>
  <si>
    <t>42 sp smundri haveli lkha</t>
  </si>
  <si>
    <t>42/Sp Smundri</t>
  </si>
  <si>
    <t>42/sp Samundri</t>
  </si>
  <si>
    <t>Frazia Latif</t>
  </si>
  <si>
    <t>GGPS SAMAL KHEL</t>
  </si>
  <si>
    <t>GGPS Samal Khel Daud khel</t>
  </si>
  <si>
    <t>GGES BASTI RAMAN</t>
  </si>
  <si>
    <t>gges Basti Raman</t>
  </si>
  <si>
    <t>Adiba Jabin</t>
  </si>
  <si>
    <t>GGPS PITHER NADI</t>
  </si>
  <si>
    <t>vill Pither Nadi tehsil PD khan district Jhelum</t>
  </si>
  <si>
    <t>Shumaila Bibi</t>
  </si>
  <si>
    <t>7881</t>
  </si>
  <si>
    <t>GPS SARWAR WALI</t>
  </si>
  <si>
    <t>Dard Opla</t>
  </si>
  <si>
    <t>sarwar wali</t>
  </si>
  <si>
    <t>Sarwar Walu</t>
  </si>
  <si>
    <t>Dhrahma</t>
  </si>
  <si>
    <t>51271</t>
  </si>
  <si>
    <t>GGPS 112/9-L HALLA</t>
  </si>
  <si>
    <t>112 /9l Halla</t>
  </si>
  <si>
    <t>GGPSch.no112/9.l Halla swl</t>
  </si>
  <si>
    <t>CHno112/9l Halla Swl</t>
  </si>
  <si>
    <t>112/9l Budh Dhaku</t>
  </si>
  <si>
    <t>Nazia Kashif</t>
  </si>
  <si>
    <t>GGPS Muhammad Nawaz Wala</t>
  </si>
  <si>
    <t>Chah Aali Wala</t>
  </si>
  <si>
    <t>farhana bibi</t>
  </si>
  <si>
    <t>GGPS CHAK NO.65-DB</t>
  </si>
  <si>
    <t>chak no 65 db</t>
  </si>
  <si>
    <t>65db</t>
  </si>
  <si>
    <t>GMPS CHAK NO. 12/G</t>
  </si>
  <si>
    <t>12/G</t>
  </si>
  <si>
    <t>3/Fw</t>
  </si>
  <si>
    <t>GGCMS CHAK 289 GB</t>
  </si>
  <si>
    <t>Chak no 289 GB Toba Tek Singh</t>
  </si>
  <si>
    <t>289 Gb</t>
  </si>
  <si>
    <t>Ghazala Aziz</t>
  </si>
  <si>
    <t>GGPS SAROBAY</t>
  </si>
  <si>
    <t>Saroby</t>
  </si>
  <si>
    <t>saroby Kotli Loharan west Sialkot</t>
  </si>
  <si>
    <t>Anam  Shahzadi</t>
  </si>
  <si>
    <t>moachh</t>
  </si>
  <si>
    <t>nizd swans road moachh pakka</t>
  </si>
  <si>
    <t>nizd swans road</t>
  </si>
  <si>
    <t>Zeenat Khatoon</t>
  </si>
  <si>
    <t>34113</t>
  </si>
  <si>
    <t>chak Saray Ada Pul Khara,Shujabad</t>
  </si>
  <si>
    <t>GGES THATTI SYEDAN</t>
  </si>
  <si>
    <t>thattesyedan</t>
  </si>
  <si>
    <t>gges thattesyedan</t>
  </si>
  <si>
    <t>pind sultani</t>
  </si>
  <si>
    <t>KHALDA ADEEB FERHET</t>
  </si>
  <si>
    <t>GPS JATHOL</t>
  </si>
  <si>
    <t>village kamahan near gghs kamahan p.o box khas lahore cantt</t>
  </si>
  <si>
    <t>Deve Kalan</t>
  </si>
  <si>
    <t>Hashim shahzad</t>
  </si>
  <si>
    <t>GGES KALOWAL</t>
  </si>
  <si>
    <t>Kolowal village. tehsil Malakwal. Mandibahaudin</t>
  </si>
  <si>
    <t>Tayyaba Shaukat</t>
  </si>
  <si>
    <t>GGES SAMLATI</t>
  </si>
  <si>
    <t>GGES Samlati</t>
  </si>
  <si>
    <t>Samlati</t>
  </si>
  <si>
    <t>Samabia Tanveer</t>
  </si>
  <si>
    <t>GGPS 11/11-L</t>
  </si>
  <si>
    <t>11/11-L</t>
  </si>
  <si>
    <t>chak #11/11-L chichawatni dist sahiwal</t>
  </si>
  <si>
    <t>GGPS HAZARA SHUMALI</t>
  </si>
  <si>
    <t>hazara shumali dakkhana khas thseil piplan district mainwali</t>
  </si>
  <si>
    <t>asma ameer</t>
  </si>
  <si>
    <t>GGPS DHOK SHARFA</t>
  </si>
  <si>
    <t>Dhok Sharfa</t>
  </si>
  <si>
    <t>ggps dhok sharf a attock</t>
  </si>
  <si>
    <t>GPS CHAK PAKHAR</t>
  </si>
  <si>
    <t>Chak Pakhar</t>
  </si>
  <si>
    <t>post office same chak pakhar</t>
  </si>
  <si>
    <t>Bado Rata</t>
  </si>
  <si>
    <t>Fouzia Fazal</t>
  </si>
  <si>
    <t>GMPS JHOK QASIM KA NO. 2</t>
  </si>
  <si>
    <t>Jhok qasimka</t>
  </si>
  <si>
    <t>Jhok Qasim Ka</t>
  </si>
  <si>
    <t>GMPS THATTI NAIKA</t>
  </si>
  <si>
    <t>Thatti Naika</t>
  </si>
  <si>
    <t>thatti naika teh.shahpur sgd</t>
  </si>
  <si>
    <t>GPS Allah Rakha Town</t>
  </si>
  <si>
    <t>Ratta bajwa near nehar Appar chnab Gujranwala</t>
  </si>
  <si>
    <t>Habiba Abdul Rehman</t>
  </si>
  <si>
    <t>GGPS NO.2 CHAL PUR</t>
  </si>
  <si>
    <t>Mid</t>
  </si>
  <si>
    <t>mustafabad muhala</t>
  </si>
  <si>
    <t>Iram   Nosheen</t>
  </si>
  <si>
    <t>GGPS RANA BHATTI</t>
  </si>
  <si>
    <t>GGPS Rana bhatti tehsil ferozewala district sheikhupura</t>
  </si>
  <si>
    <t>13027</t>
  </si>
  <si>
    <t>GGPS DHADIAN</t>
  </si>
  <si>
    <t>village Dhudian , p\o jero ratyal , dist rwp ,teh gujar khan</t>
  </si>
  <si>
    <t>41835</t>
  </si>
  <si>
    <t>GPS NARIAN</t>
  </si>
  <si>
    <t>Karahi</t>
  </si>
  <si>
    <t>village and po karahi</t>
  </si>
  <si>
    <t>mohallah mammoo khel isa khel</t>
  </si>
  <si>
    <t>Farzana Sikandar</t>
  </si>
  <si>
    <t>40342</t>
  </si>
  <si>
    <t>GMPS PATTI PUR</t>
  </si>
  <si>
    <t>Patti pur</t>
  </si>
  <si>
    <t>Patti Pur</t>
  </si>
  <si>
    <t>Ambar Shaheen</t>
  </si>
  <si>
    <t>GGPS CHAK NO. 441/6-R</t>
  </si>
  <si>
    <t>441/6-R</t>
  </si>
  <si>
    <t>chak no 441/6-R Teh Harona abad Dist BWN</t>
  </si>
  <si>
    <t>432/ 6-R</t>
  </si>
  <si>
    <t>Sameena Noreen</t>
  </si>
  <si>
    <t>GGPS KOH WALA</t>
  </si>
  <si>
    <t>Koh Wala</t>
  </si>
  <si>
    <t>Koh wala</t>
  </si>
  <si>
    <t>Rafia Jabeen</t>
  </si>
  <si>
    <t>LitrA</t>
  </si>
  <si>
    <t>litra p/o vehova tehsil taunsa district DGKhAn</t>
  </si>
  <si>
    <t>GMPS THATTI SHAHANI</t>
  </si>
  <si>
    <t>Thatti Shahani</t>
  </si>
  <si>
    <t>Lakhi Wall</t>
  </si>
  <si>
    <t>Samina Rehman</t>
  </si>
  <si>
    <t>GGPS AKHTER ABBAS WALA</t>
  </si>
  <si>
    <t>Perhr rsharqi</t>
  </si>
  <si>
    <t>Chah Lai walakot kot adu</t>
  </si>
  <si>
    <t>Chah Lai Wala</t>
  </si>
  <si>
    <t>sadia kaleem</t>
  </si>
  <si>
    <t>GMPS ABDALI</t>
  </si>
  <si>
    <t>Abdali</t>
  </si>
  <si>
    <t>village abdali tehsil pasrur district Sialkot</t>
  </si>
  <si>
    <t>45762</t>
  </si>
  <si>
    <t>GPS GHAREEB MOHALLA HASILPUR</t>
  </si>
  <si>
    <t>STREET NO.4 NEAR BILAL MASJID GHAREEB MOHALLA HASILPUR</t>
  </si>
  <si>
    <t>Ghareeb Mohalla</t>
  </si>
  <si>
    <t>Shah Rangilla</t>
  </si>
  <si>
    <t>Hamza Ali</t>
  </si>
  <si>
    <t>GGPS CHAK 728 GB</t>
  </si>
  <si>
    <t>chak 728gb</t>
  </si>
  <si>
    <t>chak no 728 gb</t>
  </si>
  <si>
    <t>chak no 728gb</t>
  </si>
  <si>
    <t>chak no722 gb</t>
  </si>
  <si>
    <t>GGPS MC NO. 2 NANKANA SAHIB</t>
  </si>
  <si>
    <t>Bashir Bhatti Road Nankana Sahib</t>
  </si>
  <si>
    <t>Humaira Ghafoor</t>
  </si>
  <si>
    <t>Faqiran Wali</t>
  </si>
  <si>
    <t>faqirawali po Buddha Goraya daska</t>
  </si>
  <si>
    <t>42392</t>
  </si>
  <si>
    <t>GES BHAI KHAN</t>
  </si>
  <si>
    <t>bhai khan tehsil gujarkhan</t>
  </si>
  <si>
    <t>42413</t>
  </si>
  <si>
    <t>GES BHANGALI GUJAR</t>
  </si>
  <si>
    <t>GES Bhangali Gujar Mandra Chakwal Road Gujarkhan</t>
  </si>
  <si>
    <t>Jhongal</t>
  </si>
  <si>
    <t>Muhammad Haris Qureshi</t>
  </si>
  <si>
    <t>42529</t>
  </si>
  <si>
    <t>GPS BHAIR HATIAL</t>
  </si>
  <si>
    <t>Bhair HATHAIL</t>
  </si>
  <si>
    <t>village postofficejatli teh gujarkhan distt rwp</t>
  </si>
  <si>
    <t>bhair Hathail</t>
  </si>
  <si>
    <t>Ahsan Mahmood</t>
  </si>
  <si>
    <t>42482</t>
  </si>
  <si>
    <t>GPS LDAR</t>
  </si>
  <si>
    <t>LADDAR</t>
  </si>
  <si>
    <t>village LADDAR post office Gujar Khan dist rwp</t>
  </si>
  <si>
    <t>Laddar</t>
  </si>
  <si>
    <t>Nabila Parveen</t>
  </si>
  <si>
    <t>16913</t>
  </si>
  <si>
    <t>GMPS KAHLI KHINGER</t>
  </si>
  <si>
    <t>Kahli Khinger</t>
  </si>
  <si>
    <t>village&amp; P/O kahli KhingerTehsil guar khan Distt rwp</t>
  </si>
  <si>
    <t>Faiza Irum</t>
  </si>
  <si>
    <t>GPS PHAMBREY</t>
  </si>
  <si>
    <t>phambray</t>
  </si>
  <si>
    <t>Qazi Nasrullah Khan</t>
  </si>
  <si>
    <t>GES RANJALI</t>
  </si>
  <si>
    <t>Ranjali</t>
  </si>
  <si>
    <t>vpo ranjali tehsil Gujrkhan dist rwp</t>
  </si>
  <si>
    <t>Muhammad Kabeer Kiyani</t>
  </si>
  <si>
    <t>GGPS LAL KHEL</t>
  </si>
  <si>
    <t>Kotgulla</t>
  </si>
  <si>
    <t>lalkhel vpo kotgullah lawa chukwal</t>
  </si>
  <si>
    <t>Lalkhel</t>
  </si>
  <si>
    <t>GPS DHOK JINWAL</t>
  </si>
  <si>
    <t>dhoke jinwal</t>
  </si>
  <si>
    <t>Dhoke Jinwal</t>
  </si>
  <si>
    <t>Shazia Bushra</t>
  </si>
  <si>
    <t>24944</t>
  </si>
  <si>
    <t>GPS DERA BAGHAN WALA</t>
  </si>
  <si>
    <t>Dera Baghan Wala</t>
  </si>
  <si>
    <t>Dera Bagh wala NV Noshera virkan  GRW</t>
  </si>
  <si>
    <t>Dera Bagh Wala</t>
  </si>
  <si>
    <t>34107</t>
  </si>
  <si>
    <t>GGPS SHAH AMIR ABAD</t>
  </si>
  <si>
    <t>shah ameer abad Moza ganwain tehsil shujaabad</t>
  </si>
  <si>
    <t>GPS MELO WAL</t>
  </si>
  <si>
    <t>Melowal TehBheraDisttSargodha</t>
  </si>
  <si>
    <t>Fateh-Gareh</t>
  </si>
  <si>
    <t>87043</t>
  </si>
  <si>
    <t>GES JAHLAR</t>
  </si>
  <si>
    <t>GES JAHLAR Village &amp; Post office Jahlar Tehsil Naushera District Khushab</t>
  </si>
  <si>
    <t>Siddiquabad</t>
  </si>
  <si>
    <t>Muhammad Tariq Riaz</t>
  </si>
  <si>
    <t>21905</t>
  </si>
  <si>
    <t>GMPS CHACHOKEY</t>
  </si>
  <si>
    <t>Chachokey,p.o,nowshera virkan,gijranwala</t>
  </si>
  <si>
    <t>Shumsa Dhudha</t>
  </si>
  <si>
    <t>Sehrish Sattar</t>
  </si>
  <si>
    <t>GMPS CHAK QAZI</t>
  </si>
  <si>
    <t>mps chak Qazi</t>
  </si>
  <si>
    <t>Rakh Chargha</t>
  </si>
  <si>
    <t>Fakhar Un Nisa Naseem</t>
  </si>
  <si>
    <t>50829</t>
  </si>
  <si>
    <t>GGES 123/9-L</t>
  </si>
  <si>
    <t>g.g.e.s 123/9L</t>
  </si>
  <si>
    <t>Azra Nasim</t>
  </si>
  <si>
    <t>GGPS CHAK 288 GB II NAI ABADI</t>
  </si>
  <si>
    <t>Chak288gb</t>
  </si>
  <si>
    <t>288gb toba tek singh</t>
  </si>
  <si>
    <t>288gb Nai Abadee</t>
  </si>
  <si>
    <t>NAEEMA KAYANI</t>
  </si>
  <si>
    <t>GPS AHLI DHUBIANI</t>
  </si>
  <si>
    <t>Ahli Dhabiani</t>
  </si>
  <si>
    <t>Ahlidhabiani   verowal Tehsil Bhera Distt Sargodha</t>
  </si>
  <si>
    <t>Ahli dhabiani</t>
  </si>
  <si>
    <t>GGPS NO.2 CHAK NO.31 SB</t>
  </si>
  <si>
    <t>Chak 31 Sb</t>
  </si>
  <si>
    <t>chak31 sb sargodha</t>
  </si>
  <si>
    <t>Chak31sb</t>
  </si>
  <si>
    <t>Sughra Nafees</t>
  </si>
  <si>
    <t>43944</t>
  </si>
  <si>
    <t>GGES KANNAT</t>
  </si>
  <si>
    <t>kanhat</t>
  </si>
  <si>
    <t>village kanhat po pichnand</t>
  </si>
  <si>
    <t>GPS BHOPAT WALA P/O AGHARKHANI SHUJABAD</t>
  </si>
  <si>
    <t>Dhoundu</t>
  </si>
  <si>
    <t>chah bhopat wala dhoundu</t>
  </si>
  <si>
    <t>Bhopat Wala</t>
  </si>
  <si>
    <t>Muhammad Rizwan Aslam</t>
  </si>
  <si>
    <t>GPS CHILLAR MIANI</t>
  </si>
  <si>
    <t>Chillar</t>
  </si>
  <si>
    <t>Chillar p.o Mian      Teh..Bhera Distt.Sargodha</t>
  </si>
  <si>
    <t>GGES JAGO WALA NOW</t>
  </si>
  <si>
    <t>Jagowala New</t>
  </si>
  <si>
    <t>GGES Jagowala New, Tehsil N.V, District Gujranwala</t>
  </si>
  <si>
    <t>Phamma Saraye</t>
  </si>
  <si>
    <t>Hafza Sidra Abbas</t>
  </si>
  <si>
    <t>GPS BASTI EISANI</t>
  </si>
  <si>
    <t>Moza Bhaag p/o Murghai District Rajanpur</t>
  </si>
  <si>
    <t>Abdul Karim Sajid</t>
  </si>
  <si>
    <t>GGPS 44/5-L KAKUAINA</t>
  </si>
  <si>
    <t>44/5l Kakuana</t>
  </si>
  <si>
    <t>Chk #44/5l kakuana</t>
  </si>
  <si>
    <t>44/5l Sanian</t>
  </si>
  <si>
    <t>GGMPS KARTAR PUR</t>
  </si>
  <si>
    <t>P/O Ferozpur Tehsil Zafarwal Dist Narowal</t>
  </si>
  <si>
    <t>GPS BASTI WADERA ABDUL RAZZAQ DULLANI</t>
  </si>
  <si>
    <t>Kachi Kupra</t>
  </si>
  <si>
    <t>basti Abdul Razzaq Dullani, kacha Chuhan</t>
  </si>
  <si>
    <t>Basti Abdul Razzaq Dullani</t>
  </si>
  <si>
    <t>GGPS CHANDHAR NO.2</t>
  </si>
  <si>
    <t>Chander  No 2</t>
  </si>
  <si>
    <t>village chander  no 2 p\ o Imranwali Tehsil &amp; District Sialkot.</t>
  </si>
  <si>
    <t>Rasool Pur Bhalian</t>
  </si>
  <si>
    <t>Arjumand Rani</t>
  </si>
  <si>
    <t>GES LOSER SHARFOO</t>
  </si>
  <si>
    <t>gbes losar sharfoo</t>
  </si>
  <si>
    <t>Mubarak Ali Shahid</t>
  </si>
  <si>
    <t>GMPS CHOA MEERA</t>
  </si>
  <si>
    <t>Choa Maira</t>
  </si>
  <si>
    <t>village choa maira tehsil Sarai alamgir district gujrat</t>
  </si>
  <si>
    <t>GGPS BUTKIL</t>
  </si>
  <si>
    <t>Basti Butkil p/o Retra</t>
  </si>
  <si>
    <t>Butkil</t>
  </si>
  <si>
    <t>Morh Jhangi</t>
  </si>
  <si>
    <t>Ume  Kalsoom</t>
  </si>
  <si>
    <t>20733</t>
  </si>
  <si>
    <t>GGPS KOT AMAR SINGH</t>
  </si>
  <si>
    <t>Kot amar Singh</t>
  </si>
  <si>
    <t>kot amar singh near thakkarkey post office</t>
  </si>
  <si>
    <t>Iram Naz Waseem</t>
  </si>
  <si>
    <t>GMPS CHAK NO. 5</t>
  </si>
  <si>
    <t>CHAK-5</t>
  </si>
  <si>
    <t>GMPS ABBAL</t>
  </si>
  <si>
    <t>Abbal</t>
  </si>
  <si>
    <t>Abbal Tehsil Kotmomin district sargodha</t>
  </si>
  <si>
    <t>Naila Tayyab</t>
  </si>
  <si>
    <t>GGPS ARIAN DE JALLAR</t>
  </si>
  <si>
    <t>dera gujran da maraka Lahore</t>
  </si>
  <si>
    <t>dera gujran da bahria  town lhr</t>
  </si>
  <si>
    <t>zareena yasmeen tubassam</t>
  </si>
  <si>
    <t>19579</t>
  </si>
  <si>
    <t>GGES CHAK 360 GB II</t>
  </si>
  <si>
    <t>chak no 360 gb</t>
  </si>
  <si>
    <t>360gb</t>
  </si>
  <si>
    <t>361 gb</t>
  </si>
  <si>
    <t>Rukhsana perveen</t>
  </si>
  <si>
    <t>GGPS KAMRA NO 2</t>
  </si>
  <si>
    <t>village Kamra Tehsil Kottli Sattian District Rawalpindi</t>
  </si>
  <si>
    <t>Benish  Sarwar</t>
  </si>
  <si>
    <t>41882</t>
  </si>
  <si>
    <t>GGPS MC CHITTIAN HATTIAN MOHALLAHAKHARIDIAN</t>
  </si>
  <si>
    <t>mc gps chittian hattian</t>
  </si>
  <si>
    <t>Chittian Hattian Committee Chowk</t>
  </si>
  <si>
    <t>Beenish Saeed</t>
  </si>
  <si>
    <t>24642</t>
  </si>
  <si>
    <t>GGPS NIA DULAM</t>
  </si>
  <si>
    <t>nia dulam</t>
  </si>
  <si>
    <t>Nia Dulam</t>
  </si>
  <si>
    <t>Dulam Kahlwan</t>
  </si>
  <si>
    <t>Tehmina Shahzadi</t>
  </si>
  <si>
    <t>32492</t>
  </si>
  <si>
    <t>GES BUDHU SHARIF</t>
  </si>
  <si>
    <t>Budho Sharif</t>
  </si>
  <si>
    <t>Budho Sharif , tehsil sharaqpur sharif, district sheikhupura</t>
  </si>
  <si>
    <t>33431</t>
  </si>
  <si>
    <t>GPS NIZAM PURA CHAK NO. 80/RB</t>
  </si>
  <si>
    <t>Nizam Pura Chak No 80</t>
  </si>
  <si>
    <t>Gps nizam pura chak 80</t>
  </si>
  <si>
    <t>Nizam Pura Chak 80</t>
  </si>
  <si>
    <t>Nizam Pura Chak 38</t>
  </si>
  <si>
    <t>GPS KOT JAILANI</t>
  </si>
  <si>
    <t>kot jailani mouza wahi shah Muhammad,rahim yar khan</t>
  </si>
  <si>
    <t>Kot Jailani</t>
  </si>
  <si>
    <t>GGES MIRZA BHATTIAN</t>
  </si>
  <si>
    <t>GGESmirza bhattian</t>
  </si>
  <si>
    <t>HAFIZA HIFSA YOUNAS</t>
  </si>
  <si>
    <t>GGPS CHAK NO.287/TDA</t>
  </si>
  <si>
    <t>Chak no  287tda  District andThsil  Layyah</t>
  </si>
  <si>
    <t>287/TDA</t>
  </si>
  <si>
    <t>Layyah  Thal  Kalan</t>
  </si>
  <si>
    <t>GGES UCH GUL IMAM</t>
  </si>
  <si>
    <t>govt girls e/s uch gul imam moza uch gul imam</t>
  </si>
  <si>
    <t>Andleeb Aziz</t>
  </si>
  <si>
    <t>GMPS DADU BARSALA</t>
  </si>
  <si>
    <t>Dadubarsala</t>
  </si>
  <si>
    <t>village Dadubarsala P O Heeraghar Tehsil Kharian District Gujrat</t>
  </si>
  <si>
    <t>Dadu Barsala</t>
  </si>
  <si>
    <t>Memoona Hanif</t>
  </si>
  <si>
    <t>46539</t>
  </si>
  <si>
    <t>GGES CHAK NO.5/TDA</t>
  </si>
  <si>
    <t>5TDA</t>
  </si>
  <si>
    <t>GOVT GIRLS ELEMANTRY SCHOOL 5TDA</t>
  </si>
  <si>
    <t>GUnjial Shumali</t>
  </si>
  <si>
    <t>Shehzad Hameed</t>
  </si>
  <si>
    <t>chaaa Chaoroy wala</t>
  </si>
  <si>
    <t>Charroy Wala</t>
  </si>
  <si>
    <t>Arra Jaffar</t>
  </si>
  <si>
    <t>GPS DERA MASOOR</t>
  </si>
  <si>
    <t>Gps dera masoor basti naseeba bad dera dildar</t>
  </si>
  <si>
    <t>Nasseba bad</t>
  </si>
  <si>
    <t>Meero khan</t>
  </si>
  <si>
    <t>GGES CHAHAR BHATTI</t>
  </si>
  <si>
    <t>Chahar Bhatti</t>
  </si>
  <si>
    <t>village chahar bhatti p/o dongain teh/distt/ narowal</t>
  </si>
  <si>
    <t>Naeema Mir</t>
  </si>
  <si>
    <t>GPS GUNGOO WAL</t>
  </si>
  <si>
    <t>Gangoowal</t>
  </si>
  <si>
    <t>moza gangoowal p/o hujra shah muqeem tehsil depalpur</t>
  </si>
  <si>
    <t>GGPS CHAJJI SYEDAN</t>
  </si>
  <si>
    <t>Chajji Syedan</t>
  </si>
  <si>
    <t>post office Daiwal Tehsil Sohawa dist jhelum</t>
  </si>
  <si>
    <t>Phulary Syedan</t>
  </si>
  <si>
    <t>Saira Kanwal</t>
  </si>
  <si>
    <t>GMPS CHAK NO.64</t>
  </si>
  <si>
    <t>Chak 64</t>
  </si>
  <si>
    <t>chak#64</t>
  </si>
  <si>
    <t>GGPS BASTI MANZOOR SAMTIA</t>
  </si>
  <si>
    <t>chanb wala</t>
  </si>
  <si>
    <t>Chah Chanb Wala</t>
  </si>
  <si>
    <t>Nabila Manzoor</t>
  </si>
  <si>
    <t>GGPS TIBBA SAHOO</t>
  </si>
  <si>
    <t>Govt girls primary school tibba saho</t>
  </si>
  <si>
    <t>Tibba Sahoo</t>
  </si>
  <si>
    <t>Neelum Bashir</t>
  </si>
  <si>
    <t>GMPS CHHANI MAST</t>
  </si>
  <si>
    <t>Channi Mast</t>
  </si>
  <si>
    <t>channi mast tehsil pahalia dist m.b din</t>
  </si>
  <si>
    <t>TAHIRA RAFIQ</t>
  </si>
  <si>
    <t>GGPS GHOR WALA MARDWAL</t>
  </si>
  <si>
    <t>37921</t>
  </si>
  <si>
    <t>GGCMS 105/10-R</t>
  </si>
  <si>
    <t>105/10R</t>
  </si>
  <si>
    <t>105/10.R</t>
  </si>
  <si>
    <t>Uzma Waris</t>
  </si>
  <si>
    <t>GPS JHUL</t>
  </si>
  <si>
    <t>Kanjkiwala</t>
  </si>
  <si>
    <t>kanjkiwala,p/o Taranda muh panah,liaquatpur,Rahim yar khan</t>
  </si>
  <si>
    <t>Turakri</t>
  </si>
  <si>
    <t>Muhammad Ishaq Abbasi</t>
  </si>
  <si>
    <t>GGPS SHAREEN WALA</t>
  </si>
  <si>
    <t>Shareen wala</t>
  </si>
  <si>
    <t>Shareen Wala</t>
  </si>
  <si>
    <t>Talat Fatima</t>
  </si>
  <si>
    <t>GGPS BASTI BALAIL</t>
  </si>
  <si>
    <t>Govt.Girls primary school,Basti Balail</t>
  </si>
  <si>
    <t>GGMPS RAWAL</t>
  </si>
  <si>
    <t>p.o.village rawal tehsil pdk.distt jhelum</t>
  </si>
  <si>
    <t>Summaira Kausar</t>
  </si>
  <si>
    <t>GGES BASTI PEERAN WALI</t>
  </si>
  <si>
    <t>Sultan Ahmad Shah</t>
  </si>
  <si>
    <t>Bastii peeran wali post office notak bhakkar.</t>
  </si>
  <si>
    <t>Basti Peeran Wali</t>
  </si>
  <si>
    <t>GGES JHAM WALA</t>
  </si>
  <si>
    <t>Jham Wala</t>
  </si>
  <si>
    <t>jham wala p.o same tehsil wazirabad distt grw</t>
  </si>
  <si>
    <t>Taslim Insaf</t>
  </si>
  <si>
    <t>GES CHAK NO.169 NB</t>
  </si>
  <si>
    <t>chak 169 n.b</t>
  </si>
  <si>
    <t>Chak 169 N.B tehsil sillanwali district sargodha</t>
  </si>
  <si>
    <t>Chak 169 N.B</t>
  </si>
  <si>
    <t>GMPS CHAK NO 225 TDA</t>
  </si>
  <si>
    <t>225/tda</t>
  </si>
  <si>
    <t>225/Tda</t>
  </si>
  <si>
    <t>Hina Khursheed</t>
  </si>
  <si>
    <t>28647</t>
  </si>
  <si>
    <t>GGES CHUNIAN</t>
  </si>
  <si>
    <t>Government Girls Elementry School, Chunian</t>
  </si>
  <si>
    <t>GPS LEHTRAR</t>
  </si>
  <si>
    <t>Bahala</t>
  </si>
  <si>
    <t>govt boys primary school lehtrar</t>
  </si>
  <si>
    <t>Mozmina Khatoon</t>
  </si>
  <si>
    <t>39596</t>
  </si>
  <si>
    <t>GPS KOTE WALI</t>
  </si>
  <si>
    <t>Kotewali</t>
  </si>
  <si>
    <t>village kotewali p/o haddowali tehsil jand district attock</t>
  </si>
  <si>
    <t>Azhar Nadeem</t>
  </si>
  <si>
    <t>GGPS BASTI PATHANY KHAN</t>
  </si>
  <si>
    <t>Ggps basti pathany khan</t>
  </si>
  <si>
    <t>Manzoor Colony</t>
  </si>
  <si>
    <t>Jhetha Bhutta</t>
  </si>
  <si>
    <t>razia bibi</t>
  </si>
  <si>
    <t>GMPS KOTLI AADHO</t>
  </si>
  <si>
    <t>village kotli Aadho PO buttranwali Grw</t>
  </si>
  <si>
    <t>Kotli Aadho</t>
  </si>
  <si>
    <t>Waniawala</t>
  </si>
  <si>
    <t>Bilal Afzal</t>
  </si>
  <si>
    <t>GGPS BADHU PUR</t>
  </si>
  <si>
    <t>budhopur</t>
  </si>
  <si>
    <t>Govt Girls Primary School Budhopur tehsil daska dstict sialkot</t>
  </si>
  <si>
    <t>Budhopur</t>
  </si>
  <si>
    <t>Sameena Ajaz</t>
  </si>
  <si>
    <t>GGPS NEZA JODHEKA</t>
  </si>
  <si>
    <t>Neza Jodheka</t>
  </si>
  <si>
    <t>Neza jodheka</t>
  </si>
  <si>
    <t>GPS ADDA BARKAT WALA</t>
  </si>
  <si>
    <t>Rakh Dagranwali</t>
  </si>
  <si>
    <t>Adda barkat wala, post office barkt wala</t>
  </si>
  <si>
    <t>GGCMES GOBIND PUR</t>
  </si>
  <si>
    <t>Gobind Pur</t>
  </si>
  <si>
    <t>Rashida Nasim</t>
  </si>
  <si>
    <t>GES KAMAR SAR</t>
  </si>
  <si>
    <t>Poss Bangi Khel Gharbi</t>
  </si>
  <si>
    <t>kamarsar p/o tolabangi khel tehsil isakhel district mianwali</t>
  </si>
  <si>
    <t>Kamarsar</t>
  </si>
  <si>
    <t>Rizwan Arshad Hashmi</t>
  </si>
  <si>
    <t>GMPS KOTLI MIANI</t>
  </si>
  <si>
    <t>kotli miani</t>
  </si>
  <si>
    <t>Mussart Shaheen</t>
  </si>
  <si>
    <t>GGMPS MC NO. 3</t>
  </si>
  <si>
    <t>Block No.39 Dera Ghazi Khan</t>
  </si>
  <si>
    <t>Block No 39</t>
  </si>
  <si>
    <t>filterwater from plant</t>
  </si>
  <si>
    <t>GPS BADDO</t>
  </si>
  <si>
    <t>GPS baddo, tehsil ferozewala, SHEIKHUPURA</t>
  </si>
  <si>
    <t>GGES 40/14-L</t>
  </si>
  <si>
    <t>40 14L</t>
  </si>
  <si>
    <t>CHAK NO. 40 14L, TEHSIL CHICHAWATNI, SAHIWAL</t>
  </si>
  <si>
    <t>39 14L</t>
  </si>
  <si>
    <t>GPS NAROOKI MAHJA</t>
  </si>
  <si>
    <t>GPS Naroki Mahja Pattoki Distt Kasur</t>
  </si>
  <si>
    <t>Muhammad  NAFEES</t>
  </si>
  <si>
    <t>GES CHAK 128GB JARANWALA</t>
  </si>
  <si>
    <t>Chak No. 128 GB Jaranwala</t>
  </si>
  <si>
    <t>Chak No 128 GB</t>
  </si>
  <si>
    <t>MC Jaranwala</t>
  </si>
  <si>
    <t>Muhammad Mansha Azam</t>
  </si>
  <si>
    <t>karor nasheeb basti lashari</t>
  </si>
  <si>
    <t>GGPS CHAK NO.57-58/DB</t>
  </si>
  <si>
    <t>57/58DB</t>
  </si>
  <si>
    <t>govt girls primary school 57/58 DB</t>
  </si>
  <si>
    <t>57/58</t>
  </si>
  <si>
    <t>Rizwana Asghar</t>
  </si>
  <si>
    <t>GGPS HAIDAR HANS WALA</t>
  </si>
  <si>
    <t>Noshera Nashaib dakhana shahpur dorratta layyah</t>
  </si>
  <si>
    <t>Noshehra Nasheeb</t>
  </si>
  <si>
    <t>SURIYA BANO</t>
  </si>
  <si>
    <t>31284</t>
  </si>
  <si>
    <t>GGP/S DOULAT PUR</t>
  </si>
  <si>
    <t>Talwandi Inayat Khan</t>
  </si>
  <si>
    <t>Tania Rafiq</t>
  </si>
  <si>
    <t>24561</t>
  </si>
  <si>
    <t>GMPS CHAK RAMDAS</t>
  </si>
  <si>
    <t>village: Chak Ramdas , Post Office Dhodha, Tehsil Pasrur, District Sialkot</t>
  </si>
  <si>
    <t>Naila Saleem</t>
  </si>
  <si>
    <t>GPS MUSLIM TOWN RENALA KHURD</t>
  </si>
  <si>
    <t>Renala Khurd-II</t>
  </si>
  <si>
    <t>Mansoor Akbar</t>
  </si>
  <si>
    <t>GPS CHAK NO.225/9-R</t>
  </si>
  <si>
    <t>Gps225/9r</t>
  </si>
  <si>
    <t>gps 225/9.R tehsil fort abbas</t>
  </si>
  <si>
    <t>225/9R</t>
  </si>
  <si>
    <t>GGPS THAHEEM WALA</t>
  </si>
  <si>
    <t>thaheem wala basti shadu khan</t>
  </si>
  <si>
    <t>54007</t>
  </si>
  <si>
    <t>17355</t>
  </si>
  <si>
    <t>GPS BASTI JAMMO DULU</t>
  </si>
  <si>
    <t>Jalli Tarhana 53/5 tukra</t>
  </si>
  <si>
    <t>Jalli Tarhana Basti Jamu Dhulu 53/5 tukra</t>
  </si>
  <si>
    <t>Nouman Sabir</t>
  </si>
  <si>
    <t>33503</t>
  </si>
  <si>
    <t>GGES LADHAR 116 RB</t>
  </si>
  <si>
    <t>Ladhar chak no 116/RB Sangla Hill</t>
  </si>
  <si>
    <t>Naheed Kokab</t>
  </si>
  <si>
    <t>GPS THATHA DOKA TANDLIANWALA</t>
  </si>
  <si>
    <t>Shraza</t>
  </si>
  <si>
    <t>That's doka</t>
  </si>
  <si>
    <t>Thats doka</t>
  </si>
  <si>
    <t>33378</t>
  </si>
  <si>
    <t>GHS DHAROWALI NO. 33 RB</t>
  </si>
  <si>
    <t>dharowali</t>
  </si>
  <si>
    <t>Dharowali Chak No 33/R.B Tehsil Shahkot , District Nankana Sahib.</t>
  </si>
  <si>
    <t>Dharowali 33/R.B</t>
  </si>
  <si>
    <t>GGPS NUMB BEHRA MALL</t>
  </si>
  <si>
    <t>Numb Behramall</t>
  </si>
  <si>
    <t>post office ghora gali village numb behramall murree</t>
  </si>
  <si>
    <t>Faiza Aurangzeb</t>
  </si>
  <si>
    <t>GGPS 46/GD</t>
  </si>
  <si>
    <t>chack 46/GD P/o same Sahiwal</t>
  </si>
  <si>
    <t>46/GD</t>
  </si>
  <si>
    <t>48GD</t>
  </si>
  <si>
    <t>Shafqat batool</t>
  </si>
  <si>
    <t>GPS DERA MANGLI</t>
  </si>
  <si>
    <t>dera mangli ,bhaseen ,p/o bata pur lahore</t>
  </si>
  <si>
    <t>Dera Mangli</t>
  </si>
  <si>
    <t>Azzam Iqbal</t>
  </si>
  <si>
    <t>GPS MUNDANAY WALA</t>
  </si>
  <si>
    <t>mundanay wala p/o 67/ML tehsiil Mankera DisstBhakkar</t>
  </si>
  <si>
    <t>Mundanay Wala</t>
  </si>
  <si>
    <t>47194</t>
  </si>
  <si>
    <t>GPS AYAZ WALA</t>
  </si>
  <si>
    <t>ayaz Wala Tehsil and District mianwali</t>
  </si>
  <si>
    <t>Ayaz Wala</t>
  </si>
  <si>
    <t>AMEER NAWAZ KHAN</t>
  </si>
  <si>
    <t>GGPS NAMET ABAD</t>
  </si>
  <si>
    <t>Nematabad</t>
  </si>
  <si>
    <t>MOHALLAH NEMATABAD VPO WAISA</t>
  </si>
  <si>
    <t>Kamalpur Musa</t>
  </si>
  <si>
    <t>GGPS KOT HAJI KARAM DIN</t>
  </si>
  <si>
    <t>Gumb</t>
  </si>
  <si>
    <t>ggps kot hajhi karam din near gumb</t>
  </si>
  <si>
    <t>Kot Haji Karam Din</t>
  </si>
  <si>
    <t>Mulapur</t>
  </si>
  <si>
    <t>Farzana gulam Nabi</t>
  </si>
  <si>
    <t>GGPS DHADHUMAR COLONY</t>
  </si>
  <si>
    <t>DHADHUMAR COLONY</t>
  </si>
  <si>
    <t>V.PO DHADHUMAR COLONY</t>
  </si>
  <si>
    <t>PICHNAND</t>
  </si>
  <si>
    <t>Nadia Kalsoom</t>
  </si>
  <si>
    <t>35841</t>
  </si>
  <si>
    <t>GGPS KONDAL KHAOKRAN</t>
  </si>
  <si>
    <t>Tody wala kundal khokhran P.O peer Abdul Rahman Tehsile Ahmad pur Sial district Jhang</t>
  </si>
  <si>
    <t>Asima Batool</t>
  </si>
  <si>
    <t>23091</t>
  </si>
  <si>
    <t>GES BHALESRAN WALA</t>
  </si>
  <si>
    <t>Bhalesranwala</t>
  </si>
  <si>
    <t>GES Bhalesranwala</t>
  </si>
  <si>
    <t>Warainchanawala</t>
  </si>
  <si>
    <t>Muhammed Zaman</t>
  </si>
  <si>
    <t>GGPS MUFAT PURA</t>
  </si>
  <si>
    <t>Muft Pura</t>
  </si>
  <si>
    <t>GGPS MUFT PURA</t>
  </si>
  <si>
    <t>GGPS SATTOKI</t>
  </si>
  <si>
    <t>28882</t>
  </si>
  <si>
    <t>GGPS CHAHER KAY</t>
  </si>
  <si>
    <t>Chaherkay</t>
  </si>
  <si>
    <t>chaherkay</t>
  </si>
  <si>
    <t>Jundwala</t>
  </si>
  <si>
    <t>Rozina Shahnaz</t>
  </si>
  <si>
    <t>19127</t>
  </si>
  <si>
    <t>CHAK DALAIL</t>
  </si>
  <si>
    <t>CHAK DALAIL, RAJAN PUR</t>
  </si>
  <si>
    <t>GES SHAHPUR CITY</t>
  </si>
  <si>
    <t>GES shahpur city</t>
  </si>
  <si>
    <t>zahoor ahmed</t>
  </si>
  <si>
    <t>27407</t>
  </si>
  <si>
    <t>GGPS BERAN WALA</t>
  </si>
  <si>
    <t>Beranwal</t>
  </si>
  <si>
    <t>beranwala a</t>
  </si>
  <si>
    <t>Beranwala</t>
  </si>
  <si>
    <t>GMPS DAHAR SAKIAN</t>
  </si>
  <si>
    <t>Dahar Sakian</t>
  </si>
  <si>
    <t>dahar sakian bashmola mustafabad</t>
  </si>
  <si>
    <t>Ishrat Yousaf</t>
  </si>
  <si>
    <t>GGPS DHOK MILLAR</t>
  </si>
  <si>
    <t>dhok millar naseerabad tehsil pindi gheb</t>
  </si>
  <si>
    <t>Dhok Millar</t>
  </si>
  <si>
    <t>mesile mo</t>
  </si>
  <si>
    <t>GGES SAMAN</t>
  </si>
  <si>
    <t>v.p.o.saman tehsil hazro district attock</t>
  </si>
  <si>
    <t>GGPS TIBBA NAINA</t>
  </si>
  <si>
    <t>post office tibba naina.kanjan.teh kalurkot distt bhakkar</t>
  </si>
  <si>
    <t>GES SADULLAH PUR</t>
  </si>
  <si>
    <t>vpo saadullah pur teh phali district mb din</t>
  </si>
  <si>
    <t>Razzaq Ahmad</t>
  </si>
  <si>
    <t>GGPS MUNDE KI HITHAR</t>
  </si>
  <si>
    <t>Munday Ki Hithar</t>
  </si>
  <si>
    <t>Arian model farm</t>
  </si>
  <si>
    <t>Munday ki</t>
  </si>
  <si>
    <t>Samar Zahra</t>
  </si>
  <si>
    <t>GPS MC BLOCK NO. 6 RYK</t>
  </si>
  <si>
    <t>kocha meer muhammad hussain</t>
  </si>
  <si>
    <t>Kucha Meer Muhammad</t>
  </si>
  <si>
    <t>GGMPS NAJABAT WALA</t>
  </si>
  <si>
    <t>Najabatwala</t>
  </si>
  <si>
    <t>najabatwala</t>
  </si>
  <si>
    <t>Najabat Wala</t>
  </si>
  <si>
    <t>Binda Bahoo Shah</t>
  </si>
  <si>
    <t>Govt primary school Basti khokhar</t>
  </si>
  <si>
    <t>Baddyani</t>
  </si>
  <si>
    <t>16363</t>
  </si>
  <si>
    <t>GGPS CHAK NO.51-A SB</t>
  </si>
  <si>
    <t>51 Asb</t>
  </si>
  <si>
    <t>Chak No 51 ASB</t>
  </si>
  <si>
    <t>Kalsoom Zulfiqar</t>
  </si>
  <si>
    <t>GPS HADSANI</t>
  </si>
  <si>
    <t>Bait Mir Ahmad</t>
  </si>
  <si>
    <t>Basti hadsani</t>
  </si>
  <si>
    <t>Hadsani</t>
  </si>
  <si>
    <t>8691</t>
  </si>
  <si>
    <t>GGES GADI WALA NO. 2</t>
  </si>
  <si>
    <t>chah Gadi Wala jam pur road pul shorÃ¬a dgkhan</t>
  </si>
  <si>
    <t>Khaki</t>
  </si>
  <si>
    <t>FOUZIA RIAZ</t>
  </si>
  <si>
    <t>GGPS DERA RAMZAN</t>
  </si>
  <si>
    <t>Chak111sb</t>
  </si>
  <si>
    <t>ggps dera ramzan</t>
  </si>
  <si>
    <t>111 sb dera ramzan</t>
  </si>
  <si>
    <t>chak 111 sb</t>
  </si>
  <si>
    <t>Ghulam zanib</t>
  </si>
  <si>
    <t>38629</t>
  </si>
  <si>
    <t>GGES LEGHARI COLONY</t>
  </si>
  <si>
    <t>leghari colony</t>
  </si>
  <si>
    <t>GGES Legahri colony, legahri colony Sadiqabad</t>
  </si>
  <si>
    <t>MC sadiq abad -c</t>
  </si>
  <si>
    <t>GGPS BAST KOKARI</t>
  </si>
  <si>
    <t>GPS BASTI KOKARI</t>
  </si>
  <si>
    <t>Basti Kokari</t>
  </si>
  <si>
    <t>49154</t>
  </si>
  <si>
    <t>GGPS CHAK NO.107 SB MEHAR ABAD</t>
  </si>
  <si>
    <t>107sb</t>
  </si>
  <si>
    <t>Chak no 107 SB Meharabad</t>
  </si>
  <si>
    <t>107SB</t>
  </si>
  <si>
    <t>Bini Begum</t>
  </si>
  <si>
    <t>GGES JAHAN KHAN</t>
  </si>
  <si>
    <t>Basti jahan khan p/0 ss din DGKhan</t>
  </si>
  <si>
    <t>Riffat Amin</t>
  </si>
  <si>
    <t>GPS SOHLAN WALA</t>
  </si>
  <si>
    <t>Sohlan wala janoobi P/o Behal.</t>
  </si>
  <si>
    <t>Sohlanwala janubi</t>
  </si>
  <si>
    <t>GMPS DERA HANJRA CHAK NO.103 SB</t>
  </si>
  <si>
    <t>chack no 103 sb Sargodha</t>
  </si>
  <si>
    <t>103sb</t>
  </si>
  <si>
    <t>100sb</t>
  </si>
  <si>
    <t>GGES 118/9-L KHWAJA ARIF</t>
  </si>
  <si>
    <t>118/9 L</t>
  </si>
  <si>
    <t>chak no 118/9 L p/o 117//9 L</t>
  </si>
  <si>
    <t>119/ 9L</t>
  </si>
  <si>
    <t>Mussarat Jabin</t>
  </si>
  <si>
    <t>GES CHAK NO.53 TDA</t>
  </si>
  <si>
    <t>CHAK NO 53TDA</t>
  </si>
  <si>
    <t>GES CHAK NO 53TDA TEHSIL AND DISTRICT BHAKKAR</t>
  </si>
  <si>
    <t>CHAK NO 57TDA</t>
  </si>
  <si>
    <t>Mushtaq Ahmed Mujahid</t>
  </si>
  <si>
    <t>48907</t>
  </si>
  <si>
    <t>GGES CHAK NO.51 NB</t>
  </si>
  <si>
    <t>51NB</t>
  </si>
  <si>
    <t>51 Nb</t>
  </si>
  <si>
    <t>51 NB</t>
  </si>
  <si>
    <t>Tahira Khurshid</t>
  </si>
  <si>
    <t>GGPS CHAK NO.115 SB NEW ABADI</t>
  </si>
  <si>
    <t>115 SB</t>
  </si>
  <si>
    <t>ggps115sb(na)</t>
  </si>
  <si>
    <t>58 SB Q</t>
  </si>
  <si>
    <t>49326</t>
  </si>
  <si>
    <t>GGPS CHAK NO.70 NB</t>
  </si>
  <si>
    <t>Muzayyan fatima</t>
  </si>
  <si>
    <t>51101</t>
  </si>
  <si>
    <t>GGES 97/9-L</t>
  </si>
  <si>
    <t>chak no 110/9-L Distt sahiwal</t>
  </si>
  <si>
    <t>Bara Wakil Wala</t>
  </si>
  <si>
    <t>Gulnaz Jilani</t>
  </si>
  <si>
    <t>GGES CHAK NO.41 NB</t>
  </si>
  <si>
    <t>41nb</t>
  </si>
  <si>
    <t>chak 41 nb sgd</t>
  </si>
  <si>
    <t>41 Nb</t>
  </si>
  <si>
    <t>Abida Ali</t>
  </si>
  <si>
    <t>51163</t>
  </si>
  <si>
    <t>GGPS NORAN SAMPAL</t>
  </si>
  <si>
    <t>Nooran Sanpal</t>
  </si>
  <si>
    <t>Mirdad Mafii</t>
  </si>
  <si>
    <t>Fozia Sardar</t>
  </si>
  <si>
    <t>48868</t>
  </si>
  <si>
    <t>GGES CHAK NO.106 SB</t>
  </si>
  <si>
    <t>106sb</t>
  </si>
  <si>
    <t>gges106 S.b</t>
  </si>
  <si>
    <t>Sajida Jamil</t>
  </si>
  <si>
    <t>49158</t>
  </si>
  <si>
    <t>GGPS DERA SODHI</t>
  </si>
  <si>
    <t>Dera Sodi</t>
  </si>
  <si>
    <t>chak no 117 dera Sodhi tehsil and district sargodha</t>
  </si>
  <si>
    <t>49210</t>
  </si>
  <si>
    <t>GGPS AWAN COLONY</t>
  </si>
  <si>
    <t>Awan Colony</t>
  </si>
  <si>
    <t>Awan Colony Sargodha</t>
  </si>
  <si>
    <t>158/19</t>
  </si>
  <si>
    <t>GMPS NAWAB PUR MINHAS</t>
  </si>
  <si>
    <t>Boonga</t>
  </si>
  <si>
    <t>Nawab pur minhas tehsil and district sargodha</t>
  </si>
  <si>
    <t>Nawab Pur Minhas</t>
  </si>
  <si>
    <t>Amna Imtiaz</t>
  </si>
  <si>
    <t>GGCMES 190/ 9A-L</t>
  </si>
  <si>
    <t>chak no 190/9AL</t>
  </si>
  <si>
    <t>190/9AL</t>
  </si>
  <si>
    <t>Khurshid Aslam</t>
  </si>
  <si>
    <t>GGPS BAJWA COLONY</t>
  </si>
  <si>
    <t>Bajwacolony</t>
  </si>
  <si>
    <t>Bajwa colony sargodha</t>
  </si>
  <si>
    <t>Bajwa colony</t>
  </si>
  <si>
    <t>Shaista Kusar</t>
  </si>
  <si>
    <t>GGPS 85/5-L</t>
  </si>
  <si>
    <t>GGPS 85/5L</t>
  </si>
  <si>
    <t>Mussarrat Shaheen</t>
  </si>
  <si>
    <t>GGPS CHAK 124 GB JARANWALA</t>
  </si>
  <si>
    <t>Chak #1 24 Gb</t>
  </si>
  <si>
    <t>ggps124gb</t>
  </si>
  <si>
    <t>124 Gb</t>
  </si>
  <si>
    <t>Raees Tanveer Tahir</t>
  </si>
  <si>
    <t>51292</t>
  </si>
  <si>
    <t>GGPS JEWAN SHAH</t>
  </si>
  <si>
    <t>Moza jewan shah po box mirdad mafi district sahiwal</t>
  </si>
  <si>
    <t>Shumaila Kanwal</t>
  </si>
  <si>
    <t>GGPS 70/5-L</t>
  </si>
  <si>
    <t>70/5-L</t>
  </si>
  <si>
    <t>73/5-L</t>
  </si>
  <si>
    <t>Ammarah Khalil</t>
  </si>
  <si>
    <t>48872</t>
  </si>
  <si>
    <t>GGES CHAK NO.99 SB</t>
  </si>
  <si>
    <t>99sb</t>
  </si>
  <si>
    <t>g g es 99sb</t>
  </si>
  <si>
    <t>Chak No 99sb</t>
  </si>
  <si>
    <t>50 Nb</t>
  </si>
  <si>
    <t>51204</t>
  </si>
  <si>
    <t>GGPS 66/4R</t>
  </si>
  <si>
    <t>Nadiaparveen</t>
  </si>
  <si>
    <t>GGPS 63/4-R FUJIAN</t>
  </si>
  <si>
    <t>63/4R Fujian</t>
  </si>
  <si>
    <t>Chak 63/4R Fujian Sahiwal</t>
  </si>
  <si>
    <t>Iram Hina</t>
  </si>
  <si>
    <t>GGPS 102/9-L</t>
  </si>
  <si>
    <t>102/9-l</t>
  </si>
  <si>
    <t>102/9-l sahiwal</t>
  </si>
  <si>
    <t>133/9-l</t>
  </si>
  <si>
    <t>51156</t>
  </si>
  <si>
    <t>GGPS 111/9-L</t>
  </si>
  <si>
    <t>111/9-L</t>
  </si>
  <si>
    <t>111/9-L Jahan Khan</t>
  </si>
  <si>
    <t>Fozia Franka</t>
  </si>
  <si>
    <t>GGPS CHAK 625 GB I JARANWALA</t>
  </si>
  <si>
    <t>Anwar khan Mahal</t>
  </si>
  <si>
    <t>mahal Anwar khan</t>
  </si>
  <si>
    <t>625gb</t>
  </si>
  <si>
    <t>Afshana Abdul Aziz</t>
  </si>
  <si>
    <t>GGES 647 GB</t>
  </si>
  <si>
    <t>Kot Balkaram</t>
  </si>
  <si>
    <t>Govt. girls Elementary school 647 gb</t>
  </si>
  <si>
    <t>647 gb</t>
  </si>
  <si>
    <t>Makhdoom Bibi</t>
  </si>
  <si>
    <t>GGPS DOLA ZAREEN</t>
  </si>
  <si>
    <t>Dolla Zareen</t>
  </si>
  <si>
    <t>Ggps dolla zaeeen</t>
  </si>
  <si>
    <t>Cecilia Sadaf</t>
  </si>
  <si>
    <t>GGPS CHAK 587 GB LUNDIANWALA</t>
  </si>
  <si>
    <t>Ningranwala</t>
  </si>
  <si>
    <t>chak no 587gb</t>
  </si>
  <si>
    <t>659gb</t>
  </si>
  <si>
    <t>Farzana Arshad</t>
  </si>
  <si>
    <t>51095</t>
  </si>
  <si>
    <t>GGPS 92/9-L</t>
  </si>
  <si>
    <t>GGPS 92/9L. Sahiwal</t>
  </si>
  <si>
    <t>92/9L Old Farm Sahiwal</t>
  </si>
  <si>
    <t>88/9l</t>
  </si>
  <si>
    <t>GGPS 109/9-L OLD ABADI</t>
  </si>
  <si>
    <t>109/9L Old</t>
  </si>
  <si>
    <t>Chak no.  109/9L Old,  Sahiwal</t>
  </si>
  <si>
    <t>GGPS 366 GB I SATIANA</t>
  </si>
  <si>
    <t>chak no 366G.B teh jrw dist fsd</t>
  </si>
  <si>
    <t>366 GB</t>
  </si>
  <si>
    <t>364Gb</t>
  </si>
  <si>
    <t>Misbah Noureen</t>
  </si>
  <si>
    <t>GPS BASTI ABDUL REHMAN</t>
  </si>
  <si>
    <t>GPS Basti Abdul Rehman moza kot karam khan tehsil rahim yar khan</t>
  </si>
  <si>
    <t>BASTI ABDUL REHMAN</t>
  </si>
  <si>
    <t>GPS CHAK 693/35 GB I</t>
  </si>
  <si>
    <t>Chak No 693/35 Gb-1</t>
  </si>
  <si>
    <t>chak 693/35gb1</t>
  </si>
  <si>
    <t>Chak 693/35gb1</t>
  </si>
  <si>
    <t>Chak 694/36gb</t>
  </si>
  <si>
    <t>Mehtab Ali</t>
  </si>
  <si>
    <t>GGPS CHAK 304 JB I</t>
  </si>
  <si>
    <t>Khthoor Khurd</t>
  </si>
  <si>
    <t>chak 304 jb 1</t>
  </si>
  <si>
    <t>Chak 304 JB 1</t>
  </si>
  <si>
    <t>Chak 354 JB</t>
  </si>
  <si>
    <t>Saqib farah</t>
  </si>
  <si>
    <t>GPS SHEIKH PUR NO. 1</t>
  </si>
  <si>
    <t>basti juma wala</t>
  </si>
  <si>
    <t>Juma Wala</t>
  </si>
  <si>
    <t>Sady wahin</t>
  </si>
  <si>
    <t>Syed Ghulam Abbas Shah</t>
  </si>
  <si>
    <t>GGES 7/11-L (R)</t>
  </si>
  <si>
    <t>7/11 L Ranwawala</t>
  </si>
  <si>
    <t>gges 7/11 l ranwawala</t>
  </si>
  <si>
    <t>Nazia akram</t>
  </si>
  <si>
    <t>GGPS CHAK 136 TDA</t>
  </si>
  <si>
    <t>chak no. 136 tda</t>
  </si>
  <si>
    <t>chak 136 tda</t>
  </si>
  <si>
    <t>GGPS CHAK 506 ISLAMABAD</t>
  </si>
  <si>
    <t>basi Islamabad toba road jhang</t>
  </si>
  <si>
    <t>GGPS KALA GHUMNA</t>
  </si>
  <si>
    <t>Kala Ghummana</t>
  </si>
  <si>
    <t>vill.kalaghumana tehsil o district sialkot</t>
  </si>
  <si>
    <t>Shabana Nabi Ahmed</t>
  </si>
  <si>
    <t>GGPS JHALLAR SAWAN SINGH</t>
  </si>
  <si>
    <t>Jhallar Sawan Singh</t>
  </si>
  <si>
    <t>Umm E Habiba</t>
  </si>
  <si>
    <t>GES CHAK NO.10 WB</t>
  </si>
  <si>
    <t>10WB</t>
  </si>
  <si>
    <t>chak no. 10 WB</t>
  </si>
  <si>
    <t>Chak No 10 WB</t>
  </si>
  <si>
    <t>GGES KANDOO RANGAR</t>
  </si>
  <si>
    <t>kandoo Rangar Tehsil chunain</t>
  </si>
  <si>
    <t>Kandoo RANGAR</t>
  </si>
  <si>
    <t>Kandoo Khara</t>
  </si>
  <si>
    <t>Iffat Riaz</t>
  </si>
  <si>
    <t>GGPS RANGPUR CITY</t>
  </si>
  <si>
    <t>Rungpur baghoor</t>
  </si>
  <si>
    <t>p.o box rÃ ngpur beghoor</t>
  </si>
  <si>
    <t>nusrat jabeen malik</t>
  </si>
  <si>
    <t>GGPS ALI PUR  TEH. MURIDKE DISTRICT. SHEIKHUPURA</t>
  </si>
  <si>
    <t>GGES MALIK GARHI SHAHU LAHORE</t>
  </si>
  <si>
    <t>Takia Sunayara katchi abadi Allama Iqbal road Lahore</t>
  </si>
  <si>
    <t>Habib-ul-lah Road</t>
  </si>
  <si>
    <t>39642</t>
  </si>
  <si>
    <t>GGPS TEHA DOMEL</t>
  </si>
  <si>
    <t>Teha Domel</t>
  </si>
  <si>
    <t>vpo Pind sultani Teh jand distt attock</t>
  </si>
  <si>
    <t>Bibi Rashda</t>
  </si>
  <si>
    <t>Ðµlectric motor</t>
  </si>
  <si>
    <t>52512</t>
  </si>
  <si>
    <t>amin kot basirpur</t>
  </si>
  <si>
    <t>amin kot</t>
  </si>
  <si>
    <t>kani pur</t>
  </si>
  <si>
    <t>Tayyab Ali</t>
  </si>
  <si>
    <t>GES FAZILPUR</t>
  </si>
  <si>
    <t>Near grid station fazilpur</t>
  </si>
  <si>
    <t>MC fazilpur</t>
  </si>
  <si>
    <t>Abdul Hakeem Zafar</t>
  </si>
  <si>
    <t>GPS FAQIR PURA NO.1</t>
  </si>
  <si>
    <t>Faqir pura</t>
  </si>
  <si>
    <t>Main Bazar Faqie Pura</t>
  </si>
  <si>
    <t>Shabbir Hussain Bhatti</t>
  </si>
  <si>
    <t>49577</t>
  </si>
  <si>
    <t>GGES NO.1 JHAWARIAN</t>
  </si>
  <si>
    <t>Faisal colony jhawerian</t>
  </si>
  <si>
    <t>Nasreen Yaqub</t>
  </si>
  <si>
    <t>GGES CHAK NO.108 NB</t>
  </si>
  <si>
    <t>chak no.108 NB Sargodha</t>
  </si>
  <si>
    <t>108 NB</t>
  </si>
  <si>
    <t>103NB</t>
  </si>
  <si>
    <t>Samia Imtiaz</t>
  </si>
  <si>
    <t>GPS GHULAM SABIR KHADAN PURA</t>
  </si>
  <si>
    <t>mohallah noor shah wali city kasur</t>
  </si>
  <si>
    <t>ZUBAD YASIEN SHAH</t>
  </si>
  <si>
    <t>GMPS JOIA MUSLIM</t>
  </si>
  <si>
    <t>Joia Abad</t>
  </si>
  <si>
    <t>GPS SEWARAH</t>
  </si>
  <si>
    <t>Gaman Sandeela</t>
  </si>
  <si>
    <t>Gps basti sewarah</t>
  </si>
  <si>
    <t>Basti Sewarah</t>
  </si>
  <si>
    <t>27788</t>
  </si>
  <si>
    <t>GGPS BHOJOWAL</t>
  </si>
  <si>
    <t>vpo bhojowal</t>
  </si>
  <si>
    <t>Adeeba Sadaf</t>
  </si>
  <si>
    <t>42758</t>
  </si>
  <si>
    <t>GGPS DHOK CHEMIAN</t>
  </si>
  <si>
    <t>vill.dhok chemian.teh gujar khan .disst Rawalpindi</t>
  </si>
  <si>
    <t>Dhoke Chemian</t>
  </si>
  <si>
    <t>Saadia Bano</t>
  </si>
  <si>
    <t>GGES CHAINT</t>
  </si>
  <si>
    <t>village chaint p/o lehtrar Bala teh kotlisattian</t>
  </si>
  <si>
    <t>Shamila Mushtaq</t>
  </si>
  <si>
    <t>GPS KALLA</t>
  </si>
  <si>
    <t>kallah virkan lahore road skp</t>
  </si>
  <si>
    <t>Waheed Ayyub</t>
  </si>
  <si>
    <t>GGPS 21/SP (Newly Established)</t>
  </si>
  <si>
    <t>21/sp</t>
  </si>
  <si>
    <t>Ggps 21/sp chak no 21/sp</t>
  </si>
  <si>
    <t>Chak No 21/sp</t>
  </si>
  <si>
    <t>Mahwish Liaqat</t>
  </si>
  <si>
    <t>GES DEHLA</t>
  </si>
  <si>
    <t>Dehla</t>
  </si>
  <si>
    <t>Village dehla post office phagwari tehsil murree district rawalpindi</t>
  </si>
  <si>
    <t>Habib Ur Rehman Abbaai</t>
  </si>
  <si>
    <t>electric motor pump</t>
  </si>
  <si>
    <t>GGPS BAITO WAHI TEH. JALALPUR PIRWALA</t>
  </si>
  <si>
    <t>Baito Wahi</t>
  </si>
  <si>
    <t>basti mangla mari moza Baitwahi</t>
  </si>
  <si>
    <t>Mangla Mari</t>
  </si>
  <si>
    <t>GGPS CHAK NO 13/3-L</t>
  </si>
  <si>
    <t>chak 13/3 L</t>
  </si>
  <si>
    <t>chak no 13/3L teh ahmed pur sial distt jhang</t>
  </si>
  <si>
    <t>Chak 13/3L</t>
  </si>
  <si>
    <t>sultan bhu</t>
  </si>
  <si>
    <t>Mudasra Noreen</t>
  </si>
  <si>
    <t>GGPS 9-1AL KHURD</t>
  </si>
  <si>
    <t>9/1Al</t>
  </si>
  <si>
    <t>9/1Al Khurd</t>
  </si>
  <si>
    <t>Adeela Yasmin</t>
  </si>
  <si>
    <t>GPS GHARTAL</t>
  </si>
  <si>
    <t>Govt p/S Ghartal tehsil Sambrial district sialkot</t>
  </si>
  <si>
    <t>GGES METLA</t>
  </si>
  <si>
    <t>metla</t>
  </si>
  <si>
    <t>GMPS MAIKAN SHARIF</t>
  </si>
  <si>
    <t>maken sharif</t>
  </si>
  <si>
    <t>village makin sharif p/p box lalamusa</t>
  </si>
  <si>
    <t>theekrian</t>
  </si>
  <si>
    <t>Naheed Ashraf</t>
  </si>
  <si>
    <t>37271</t>
  </si>
  <si>
    <t>GGPS 6/AH, KHANEWAL</t>
  </si>
  <si>
    <t>6/Ah</t>
  </si>
  <si>
    <t>chak no.6/ah</t>
  </si>
  <si>
    <t>10/Ah</t>
  </si>
  <si>
    <t>ASIA RASOOL</t>
  </si>
  <si>
    <t>GGPS DERA ALI MUHAMMAD</t>
  </si>
  <si>
    <t>dera ali mohammad chak syeda teh:bhera;dist:sargodha</t>
  </si>
  <si>
    <t>Dera Ali Mohammad</t>
  </si>
  <si>
    <t>Samina Mukhtar</t>
  </si>
  <si>
    <t>GGPS PARALI KHEL</t>
  </si>
  <si>
    <t>mohalah parali khel</t>
  </si>
  <si>
    <t>GGES DHAB SUCHA SINGH</t>
  </si>
  <si>
    <t>Dhab Such a Singh</t>
  </si>
  <si>
    <t>dhab sucha singh</t>
  </si>
  <si>
    <t>Dhab Sucha Singh</t>
  </si>
  <si>
    <t>Matt Wala</t>
  </si>
  <si>
    <t>Nazli Naz</t>
  </si>
  <si>
    <t>GMPS AHMADEY WALA</t>
  </si>
  <si>
    <t>Ahmed-E-Wala</t>
  </si>
  <si>
    <t>Ahmed-E-Wala Dakhkhana lakseen Tahseel Kotmomin District Sargodha</t>
  </si>
  <si>
    <t>Jala Makhdum</t>
  </si>
  <si>
    <t>54182</t>
  </si>
  <si>
    <t>GGPS ARAIKPUR</t>
  </si>
  <si>
    <t>Araikpur</t>
  </si>
  <si>
    <t>village Araik pur khushab</t>
  </si>
  <si>
    <t>Araik Pur</t>
  </si>
  <si>
    <t>Maira Komal</t>
  </si>
  <si>
    <t>GPS NAI ABADI MIR PUR KHURD</t>
  </si>
  <si>
    <t>Mirpur Khurd</t>
  </si>
  <si>
    <t>Teh and Distt JhelumVPO Khurd</t>
  </si>
  <si>
    <t>GPS CHAK NO. 40/KB</t>
  </si>
  <si>
    <t>40 KB burewala</t>
  </si>
  <si>
    <t>Saldera Ithar</t>
  </si>
  <si>
    <t>GGES BASTI SHAIR KHAN</t>
  </si>
  <si>
    <t>basti sher khan p/o noor pur teh bwp</t>
  </si>
  <si>
    <t>BastiSher Khan</t>
  </si>
  <si>
    <t>Wahihussain</t>
  </si>
  <si>
    <t>Zahra Perveen</t>
  </si>
  <si>
    <t>GGPS BOCHRAN KOHNA</t>
  </si>
  <si>
    <t>BHOCHRA KOHNA</t>
  </si>
  <si>
    <t>GGPS BHOCHRA KOHNA</t>
  </si>
  <si>
    <t>BHOCHRA  KOHNA</t>
  </si>
  <si>
    <t>BHOCHRA JADEED</t>
  </si>
  <si>
    <t>Shazia Farzana</t>
  </si>
  <si>
    <t>28711</t>
  </si>
  <si>
    <t>GPS BAHADAR PUR</t>
  </si>
  <si>
    <t>basti bahadar pur</t>
  </si>
  <si>
    <t>GGPS KIN</t>
  </si>
  <si>
    <t>kin khas tesil rojhan</t>
  </si>
  <si>
    <t>Saba Noor</t>
  </si>
  <si>
    <t>GGPS 425/6-R</t>
  </si>
  <si>
    <t>425/6r</t>
  </si>
  <si>
    <t>chak 425/6R</t>
  </si>
  <si>
    <t>425/6R</t>
  </si>
  <si>
    <t>Bushra Nadeem</t>
  </si>
  <si>
    <t>GGES CHAK NO.144/145 NB</t>
  </si>
  <si>
    <t>144/145NB</t>
  </si>
  <si>
    <t>chak no 144/145nb</t>
  </si>
  <si>
    <t>147/148 NB</t>
  </si>
  <si>
    <t>Humaira Asghar</t>
  </si>
  <si>
    <t>GGPS HATH RAADI, SARAI SIDHU</t>
  </si>
  <si>
    <t>dakhkhana sardarpur dandi sargana</t>
  </si>
  <si>
    <t>Hathradi</t>
  </si>
  <si>
    <t>Amina Hashmi</t>
  </si>
  <si>
    <t>GGES CHAK 325 GB</t>
  </si>
  <si>
    <t>325 Gb</t>
  </si>
  <si>
    <t>gges 325 g.b tehsile pirmahal dist. toba tek singh</t>
  </si>
  <si>
    <t>326 GB</t>
  </si>
  <si>
    <t>HALEEMA BIBI</t>
  </si>
  <si>
    <t>41115</t>
  </si>
  <si>
    <t>GMPS PINIALI</t>
  </si>
  <si>
    <t>Pinyali</t>
  </si>
  <si>
    <t>post offic bhoon Village pinyali</t>
  </si>
  <si>
    <t>Noshiba Saidakbar</t>
  </si>
  <si>
    <t>GPS CHAK NO. 138/P NORTH</t>
  </si>
  <si>
    <t>138/p</t>
  </si>
  <si>
    <t>Chak no 138/p p/0136/p RYK</t>
  </si>
  <si>
    <t>GMPS BHULLA</t>
  </si>
  <si>
    <t>Bhullah</t>
  </si>
  <si>
    <t>bhulla sialkot</t>
  </si>
  <si>
    <t>41197</t>
  </si>
  <si>
    <t>40932</t>
  </si>
  <si>
    <t>GGES NOTHEEN</t>
  </si>
  <si>
    <t>nauthen tehsil pindi bhattian</t>
  </si>
  <si>
    <t>Nauhen</t>
  </si>
  <si>
    <t>Nadia Sanam</t>
  </si>
  <si>
    <t>GPS MARJAL</t>
  </si>
  <si>
    <t>Marjal</t>
  </si>
  <si>
    <t>village and post  marjal</t>
  </si>
  <si>
    <t>Habib ul Anjam</t>
  </si>
  <si>
    <t>GGPS DHOK SYEDAN (CHAKKI)</t>
  </si>
  <si>
    <t>Dhoke Saidan4</t>
  </si>
  <si>
    <t>dhoke saidan dhulian pindi gheb</t>
  </si>
  <si>
    <t>Dhoke Saidan</t>
  </si>
  <si>
    <t>GGMPS SHER PUR</t>
  </si>
  <si>
    <t>sher pur tehsil p.d Khan distt jhelum</t>
  </si>
  <si>
    <t>Sher pur</t>
  </si>
  <si>
    <t>GGES Kotli Bhutta</t>
  </si>
  <si>
    <t>village koitli bhutta p\o box kotli loharan west tehsil and district sialkoit</t>
  </si>
  <si>
    <t>GGES CHAK NO. 219 TDA</t>
  </si>
  <si>
    <t>MOJ  ghar</t>
  </si>
  <si>
    <t>CHAK NO.219/TDA</t>
  </si>
  <si>
    <t>219/TDA</t>
  </si>
  <si>
    <t>93ML</t>
  </si>
  <si>
    <t>GGPS CHAK 419 JB</t>
  </si>
  <si>
    <t>chak # 419 jb</t>
  </si>
  <si>
    <t>419 JB</t>
  </si>
  <si>
    <t>423 Jb</t>
  </si>
  <si>
    <t>Shabnam Shahbaz</t>
  </si>
  <si>
    <t>GGPS BUDDHAN</t>
  </si>
  <si>
    <t>dani dave klr wala p/o jassar</t>
  </si>
  <si>
    <t>Chander K Rajpotan</t>
  </si>
  <si>
    <t>GMPS THATHI KHER SHAH</t>
  </si>
  <si>
    <t>Thathi Kher Shah</t>
  </si>
  <si>
    <t>moza thathi kher shah</t>
  </si>
  <si>
    <t>27796</t>
  </si>
  <si>
    <t>GGES CHAK LALA</t>
  </si>
  <si>
    <t>GGESCHAKLAL KHAN PUR</t>
  </si>
  <si>
    <t>CHAK LALA</t>
  </si>
  <si>
    <t>JETHA  BHUTTA</t>
  </si>
  <si>
    <t>Farzana Malik</t>
  </si>
  <si>
    <t>40081</t>
  </si>
  <si>
    <t>GES NOUGRAN</t>
  </si>
  <si>
    <t>nougran</t>
  </si>
  <si>
    <t>PO and village Nougran</t>
  </si>
  <si>
    <t>Kotla fakeer</t>
  </si>
  <si>
    <t>Muhammad Zubair Kayani</t>
  </si>
  <si>
    <t>GMPS HAVELI PANCHAN WALI</t>
  </si>
  <si>
    <t>Punchanwali</t>
  </si>
  <si>
    <t>Brahmanabad</t>
  </si>
  <si>
    <t>Village Brahmanabad Lahore cantt</t>
  </si>
  <si>
    <t>Barhmanabad</t>
  </si>
  <si>
    <t>Tera</t>
  </si>
  <si>
    <t>GGPS FARID ABAD, KHANEWAL</t>
  </si>
  <si>
    <t>basti faridabad,shamkot road kwl</t>
  </si>
  <si>
    <t>Basti Faridabad</t>
  </si>
  <si>
    <t>Shagofta Sarwar</t>
  </si>
  <si>
    <t>GGES KUND</t>
  </si>
  <si>
    <t>44935</t>
  </si>
  <si>
    <t>GES CHAK NO. 33-34/ ML</t>
  </si>
  <si>
    <t>33 ML</t>
  </si>
  <si>
    <t>CHAK NO 33 ML, KALLUR KOT</t>
  </si>
  <si>
    <t>MUHAMMAD HUSSAIN SHAH</t>
  </si>
  <si>
    <t>GPS KUTANA</t>
  </si>
  <si>
    <t>basti khokhar moza bait Hazari</t>
  </si>
  <si>
    <t>Bilay Wala</t>
  </si>
  <si>
    <t>Dildar Ahmad</t>
  </si>
  <si>
    <t>70240</t>
  </si>
  <si>
    <t>GPS DHOK BAQA</t>
  </si>
  <si>
    <t>Saqqa Bad</t>
  </si>
  <si>
    <t>village dhok baka district Attock</t>
  </si>
  <si>
    <t>Dhoke Baka</t>
  </si>
  <si>
    <t>Ali Bahadur</t>
  </si>
  <si>
    <t>GES HAZRO NO.1</t>
  </si>
  <si>
    <t>Missile chowk hazro</t>
  </si>
  <si>
    <t>Muhammad Zahid Khan</t>
  </si>
  <si>
    <t>GPS JAND NO.2</t>
  </si>
  <si>
    <t>moh.ghousia jand</t>
  </si>
  <si>
    <t>41032</t>
  </si>
  <si>
    <t>GPS AYUB ABAD</t>
  </si>
  <si>
    <t>Ayubabad</t>
  </si>
  <si>
    <t>village Ayubabad post office ladhar tehsil Dina district Jhelum</t>
  </si>
  <si>
    <t>Muhammad Qaisar</t>
  </si>
  <si>
    <t>GPS CHAK NO.77 ML</t>
  </si>
  <si>
    <t>77ML</t>
  </si>
  <si>
    <t>Chak no 77 ML tehsil and district bhakkar</t>
  </si>
  <si>
    <t>77 ML</t>
  </si>
  <si>
    <t>Aoun Abbas</t>
  </si>
  <si>
    <t>GGES CHAK 437 JB KANJRAN</t>
  </si>
  <si>
    <t>DARSANA BANGLA FEMALE</t>
  </si>
  <si>
    <t>Chak No 437jb</t>
  </si>
  <si>
    <t>GGES 437 jb</t>
  </si>
  <si>
    <t>Chak No 437 Jb</t>
  </si>
  <si>
    <t>Chak 438 Jb</t>
  </si>
  <si>
    <t>Samra Mahmood</t>
  </si>
  <si>
    <t>20913</t>
  </si>
  <si>
    <t>GES ALI PUR CHATTHA</t>
  </si>
  <si>
    <t>Ali Pur Chattha</t>
  </si>
  <si>
    <t>Ali pur chattha</t>
  </si>
  <si>
    <t>Shakeel Afzal Virk</t>
  </si>
  <si>
    <t>19315</t>
  </si>
  <si>
    <t>GGES CHAK 326 GB</t>
  </si>
  <si>
    <t>Chak No 326 Gb</t>
  </si>
  <si>
    <t>chak no 326 GB</t>
  </si>
  <si>
    <t>Sidra Parveen</t>
  </si>
  <si>
    <t>GGPS PURANI ABABDI SHAHKOT</t>
  </si>
  <si>
    <t>Purani Abadi</t>
  </si>
  <si>
    <t>GGPS purani abadi shahkot</t>
  </si>
  <si>
    <t>Chak 88 Purani  Abadi</t>
  </si>
  <si>
    <t>Municipal Cometi</t>
  </si>
  <si>
    <t>Tehseen Munir</t>
  </si>
  <si>
    <t>10933</t>
  </si>
  <si>
    <t>48286</t>
  </si>
  <si>
    <t>GPS CHAK NO.8 SB</t>
  </si>
  <si>
    <t>Chak No 8Sb</t>
  </si>
  <si>
    <t>gps chak no 8 sb kotmomin</t>
  </si>
  <si>
    <t>Chak No 8 Sb</t>
  </si>
  <si>
    <t>25302</t>
  </si>
  <si>
    <t>GPS RUM</t>
  </si>
  <si>
    <t>Village Rum P o Mehar Hakam Din,Tehsil &amp; District Sialkot o</t>
  </si>
  <si>
    <t>GPS CHAK 769 GB</t>
  </si>
  <si>
    <t>Chak 769 Gb</t>
  </si>
  <si>
    <t>chak no 769 gb</t>
  </si>
  <si>
    <t>Chak 694/36 Gb</t>
  </si>
  <si>
    <t>34979</t>
  </si>
  <si>
    <t>GES CHAK NO.160 NB</t>
  </si>
  <si>
    <t>Chak No 160 NB</t>
  </si>
  <si>
    <t>Chak No 160 NB Sillanwali</t>
  </si>
  <si>
    <t>Chak No 163 NB</t>
  </si>
  <si>
    <t>Sadullah</t>
  </si>
  <si>
    <t>GGES 70/4-R BHOJOANA</t>
  </si>
  <si>
    <t>Bhojoana</t>
  </si>
  <si>
    <t>Chak# 70/4-R bhojoana</t>
  </si>
  <si>
    <t>70 /4-R Bhojoana</t>
  </si>
  <si>
    <t>Hafiza Anam Tariq</t>
  </si>
  <si>
    <t>GGES CHAK 691/33 GB</t>
  </si>
  <si>
    <t>Chak #691/33gb</t>
  </si>
  <si>
    <t>chak  #691/33 GB, pirmahal, t.t.singh</t>
  </si>
  <si>
    <t>Chak #691/33 Gb</t>
  </si>
  <si>
    <t>Chak#326 Gb</t>
  </si>
  <si>
    <t>Farhat Asif</t>
  </si>
  <si>
    <t>28496</t>
  </si>
  <si>
    <t>GMPS CHANNI SAHANPAL</t>
  </si>
  <si>
    <t>Channi Sahnpal</t>
  </si>
  <si>
    <t>Govt. model primary school channi sahnpal teh.phalia distt.m.b.din</t>
  </si>
  <si>
    <t>Misbah Shamim</t>
  </si>
  <si>
    <t>GMPS CHOA</t>
  </si>
  <si>
    <t>village choa p.o karyala</t>
  </si>
  <si>
    <t>Sadia Naureen</t>
  </si>
  <si>
    <t>GGPS JALIL PUR SHARIF LOKRI</t>
  </si>
  <si>
    <t>Jps</t>
  </si>
  <si>
    <t>vpo jps distt jehlum</t>
  </si>
  <si>
    <t>GGPS KOT NANAK SINGH</t>
  </si>
  <si>
    <t>kot nanak singh</t>
  </si>
  <si>
    <t>kot nank singh</t>
  </si>
  <si>
    <t>GGPS CHAK NO 482 KOT BLOCHAN</t>
  </si>
  <si>
    <t>chak no 482 JB Kot Balochan</t>
  </si>
  <si>
    <t>GPS BASTI RAKHIYA</t>
  </si>
  <si>
    <t>Muza Ghazi Abad District Rajanpur</t>
  </si>
  <si>
    <t>Kotla Naser</t>
  </si>
  <si>
    <t>GMPS CHAK 477 JB I- ALOWAL</t>
  </si>
  <si>
    <t>chak 477 j.b Alowal Toba Tel Sing</t>
  </si>
  <si>
    <t>477 Jb Alowal</t>
  </si>
  <si>
    <t>saima yasmin</t>
  </si>
  <si>
    <t>GGPS SHEIKH IBRAHIM</t>
  </si>
  <si>
    <t>besti sheikh Ibrahim tahsil tunsa distrct dgk</t>
  </si>
  <si>
    <t>Asifa Mumtaz</t>
  </si>
  <si>
    <t>GGPS JOI WAR</t>
  </si>
  <si>
    <t>Hamidabad</t>
  </si>
  <si>
    <t>basti jio war</t>
  </si>
  <si>
    <t>Joi War</t>
  </si>
  <si>
    <t>Bhashti</t>
  </si>
  <si>
    <t>GGES PAK SIALKOT</t>
  </si>
  <si>
    <t>Muhalah islamabad</t>
  </si>
  <si>
    <t>53192</t>
  </si>
  <si>
    <t>GPS CHAK NO 41/GD</t>
  </si>
  <si>
    <t>41 GD</t>
  </si>
  <si>
    <t>chak no 41 GD</t>
  </si>
  <si>
    <t>M Abbas</t>
  </si>
  <si>
    <t>GMPS CHAK NO.8/BC</t>
  </si>
  <si>
    <t>Chak No.8 /BC Bahawalpur Near I.U.B Veterinary/Campus BWP</t>
  </si>
  <si>
    <t>8 / BC Bahawalpur</t>
  </si>
  <si>
    <t>Mehwish Qadeer</t>
  </si>
  <si>
    <t>50023</t>
  </si>
  <si>
    <t>GMPS DIN PUR JANUBI</t>
  </si>
  <si>
    <t>Dinpur Janubi</t>
  </si>
  <si>
    <t>dinpur janubi</t>
  </si>
  <si>
    <t>28038</t>
  </si>
  <si>
    <t>GPS PIPIL WALA</t>
  </si>
  <si>
    <t>Havali bahadur shah</t>
  </si>
  <si>
    <t>GPS Pipal wala</t>
  </si>
  <si>
    <t>Pipal wala</t>
  </si>
  <si>
    <t>MUHAMMAD ASIF HUSSAIN</t>
  </si>
  <si>
    <t>51751</t>
  </si>
  <si>
    <t>GMPS 65/D NAZIR</t>
  </si>
  <si>
    <t>65d Nazar</t>
  </si>
  <si>
    <t>Chak 65d Nazar UC BOYAL GUNG Pakpattan</t>
  </si>
  <si>
    <t>65d Nazarl</t>
  </si>
  <si>
    <t>BOYAL GUNG</t>
  </si>
  <si>
    <t>Zahida Ghulam Muhammad</t>
  </si>
  <si>
    <t>GGPS WARD NO. 7 ROJHAN</t>
  </si>
  <si>
    <t>Chk Dim</t>
  </si>
  <si>
    <t>ward no 7rojhan</t>
  </si>
  <si>
    <t>Ward7</t>
  </si>
  <si>
    <t>bought water</t>
  </si>
  <si>
    <t>GES DHOK LALLA</t>
  </si>
  <si>
    <t>Chakkral</t>
  </si>
  <si>
    <t>chakrral. pindigheb</t>
  </si>
  <si>
    <t>Chhakki</t>
  </si>
  <si>
    <t>GGPS BASTI GULATI</t>
  </si>
  <si>
    <t>Gullati</t>
  </si>
  <si>
    <t>ggps basti gullati near darien adda tehsil &amp; district muzaffargarh</t>
  </si>
  <si>
    <t>aalia batool</t>
  </si>
  <si>
    <t>GGPS BASTI IMTIAZ</t>
  </si>
  <si>
    <t>Gungi</t>
  </si>
  <si>
    <t>street no.3 Laghari colony Sadiq Abad</t>
  </si>
  <si>
    <t>Basti Imtiaz 206/p</t>
  </si>
  <si>
    <t>GPS DERA FATEH KHAN</t>
  </si>
  <si>
    <t>village and post office rahdari tehsil noor pur thal</t>
  </si>
  <si>
    <t>Khokhranwala</t>
  </si>
  <si>
    <t>Moza gill chah jhanday wala p/o Makhdoom rasheed multan saddar</t>
  </si>
  <si>
    <t>Chah Jhandy Wala</t>
  </si>
  <si>
    <t>Rubina Muhammad Bakhsh</t>
  </si>
  <si>
    <t>GES MANDI BHALWAL</t>
  </si>
  <si>
    <t>Village and p/o Mandi Bhalwal Teh Saraialamgir Gujrat</t>
  </si>
  <si>
    <t>38175</t>
  </si>
  <si>
    <t>GGES BASTI ALLAH DAD</t>
  </si>
  <si>
    <t>basti Allah dad mouza kalo wala adda permat lodhran</t>
  </si>
  <si>
    <t>Basti Allah Dad</t>
  </si>
  <si>
    <t>Aisha Fatima</t>
  </si>
  <si>
    <t>GMPS AMAN ULLAH PUR SHUJABAD</t>
  </si>
  <si>
    <t>Amanullah Pur</t>
  </si>
  <si>
    <t>chah ballay p/0 bagrain moza amanullah pur shujabad district multan</t>
  </si>
  <si>
    <t>Chah Ballay Wala</t>
  </si>
  <si>
    <t>GGPS MC HAMAITIAN BAHAWALPUR</t>
  </si>
  <si>
    <t>GGPS MC Hamaitian bahawalpur</t>
  </si>
  <si>
    <t>BWP CITY VIII</t>
  </si>
  <si>
    <t>Daggar kotli</t>
  </si>
  <si>
    <t>GPS Mehray Wala</t>
  </si>
  <si>
    <t>Mehray wala</t>
  </si>
  <si>
    <t>Mohammad Imran</t>
  </si>
  <si>
    <t>hassan wala po McLeod gunj tehsil minchinabad</t>
  </si>
  <si>
    <t>hassan wala</t>
  </si>
  <si>
    <t>Faiz Elahi</t>
  </si>
  <si>
    <t>GGPS AAHLAY WALA</t>
  </si>
  <si>
    <t>Ahlaywala</t>
  </si>
  <si>
    <t>ahlaywala</t>
  </si>
  <si>
    <t>Hadia Fatima</t>
  </si>
  <si>
    <t>GGCMS SUBHIANA GHARBI</t>
  </si>
  <si>
    <t>Subhiana Gharbi</t>
  </si>
  <si>
    <t>GGCMS Subhiana gharbi</t>
  </si>
  <si>
    <t>Dosaa</t>
  </si>
  <si>
    <t>GGPS KOT YAQOOB</t>
  </si>
  <si>
    <t>kot yaqoob markaz muridke</t>
  </si>
  <si>
    <t>Nangal Kasowala</t>
  </si>
  <si>
    <t>Mussarat Saleem</t>
  </si>
  <si>
    <t>GGPS MUHAMMADIA COLONY SARGODHA</t>
  </si>
  <si>
    <t>Muhammadiacolo</t>
  </si>
  <si>
    <t>GGPS Muhammadabad Sgd</t>
  </si>
  <si>
    <t>Mc4</t>
  </si>
  <si>
    <t>Gulshan Parveen</t>
  </si>
  <si>
    <t>GGPS 106/9-L</t>
  </si>
  <si>
    <t>106/9L sahiwal</t>
  </si>
  <si>
    <t>106/9L Sahiwal</t>
  </si>
  <si>
    <t>114 jandiyan</t>
  </si>
  <si>
    <t>Kiran hameed</t>
  </si>
  <si>
    <t>Hayatwala</t>
  </si>
  <si>
    <t>hayatwala Teh sahiwal District Sargodha</t>
  </si>
  <si>
    <t>GGES KHALIL ABAD</t>
  </si>
  <si>
    <t>Narri dhumraya</t>
  </si>
  <si>
    <t>basti khalil abad narri dhumraya post office khas kot chutta district dera ghazi khan</t>
  </si>
  <si>
    <t>Basti khalil Abad</t>
  </si>
  <si>
    <t>Balqees Baigum</t>
  </si>
  <si>
    <t>32763</t>
  </si>
  <si>
    <t>GPS DHARI BHATIAN</t>
  </si>
  <si>
    <t>Dhari Bhattian</t>
  </si>
  <si>
    <t>village Dhari Bhattian p/o More khunda district nankana sahib</t>
  </si>
  <si>
    <t>GGES DARA PUR</t>
  </si>
  <si>
    <t>village&amp;p.o. Darapur tehsil&amp;distt jhelum</t>
  </si>
  <si>
    <t>Hafiza  Tahira Kalsoom</t>
  </si>
  <si>
    <t>GGPS BASTI HAZOOR BUX</t>
  </si>
  <si>
    <t>Basti Arz Muhammed, Moza Wah Machka Rojhan</t>
  </si>
  <si>
    <t>Arz Muhammed Chongli</t>
  </si>
  <si>
    <t>MC Rojhan Sharqi</t>
  </si>
  <si>
    <t>40984</t>
  </si>
  <si>
    <t>GMPS CHAK MEHUN</t>
  </si>
  <si>
    <t>Chakmehu</t>
  </si>
  <si>
    <t>chakmehu post office Dina</t>
  </si>
  <si>
    <t>Chakkmehun</t>
  </si>
  <si>
    <t>GGPS KOTHA THALI</t>
  </si>
  <si>
    <t>Rehmoon</t>
  </si>
  <si>
    <t>basti kotha thali</t>
  </si>
  <si>
    <t>Basti Kotha Thali</t>
  </si>
  <si>
    <t>46059</t>
  </si>
  <si>
    <t>GES CHAK NO 121/1-L</t>
  </si>
  <si>
    <t>Chak 121/1L, bagho bahar tehsil khanpur, district ryk</t>
  </si>
  <si>
    <t>bagho bahar</t>
  </si>
  <si>
    <t>GPS BANGLA METLA</t>
  </si>
  <si>
    <t>chak 39 abadi doam bangla metla</t>
  </si>
  <si>
    <t>Bangla Metla</t>
  </si>
  <si>
    <t>Chak 42</t>
  </si>
  <si>
    <t>GGPS PAIGAH NO. 2</t>
  </si>
  <si>
    <t>Ggps paigha No 2</t>
  </si>
  <si>
    <t>Fahmeeda Bagam</t>
  </si>
  <si>
    <t>GGES BANAHIL</t>
  </si>
  <si>
    <t>p/o banahil pattan</t>
  </si>
  <si>
    <t>24427</t>
  </si>
  <si>
    <t>GMPS PERA</t>
  </si>
  <si>
    <t>Pera</t>
  </si>
  <si>
    <t>village  Pera teh Pasrur dist  sialkot</t>
  </si>
  <si>
    <t>Balaggon</t>
  </si>
  <si>
    <t>Yasmeen Kramat</t>
  </si>
  <si>
    <t>GGPS MIRZA GORAYA</t>
  </si>
  <si>
    <t>Mirza Goraya</t>
  </si>
  <si>
    <t>vill.mirza goraya.teh daska.distt.sialkot</t>
  </si>
  <si>
    <t>Misbah Anwar</t>
  </si>
  <si>
    <t>GGPS MAL SULTAN</t>
  </si>
  <si>
    <t>Mal Sultan</t>
  </si>
  <si>
    <t>mouza mal sultan</t>
  </si>
  <si>
    <t>GMPS JAMAN WALA</t>
  </si>
  <si>
    <t>GMPS jaman wala</t>
  </si>
  <si>
    <t>Ayaz Abad</t>
  </si>
  <si>
    <t>21468</t>
  </si>
  <si>
    <t>GPS QAHAR WALI</t>
  </si>
  <si>
    <t>Qaharwali</t>
  </si>
  <si>
    <t>GPS qaherwali</t>
  </si>
  <si>
    <t>M Gulzar Mustafa Baig</t>
  </si>
  <si>
    <t>27327</t>
  </si>
  <si>
    <t>GES MEHMOOD PUR</t>
  </si>
  <si>
    <t>Mudassar Latif Khan</t>
  </si>
  <si>
    <t>GGES BORGI KARAM CHAND</t>
  </si>
  <si>
    <t>Borgi Karam Chand</t>
  </si>
  <si>
    <t>borgi bhains p o qazian tehsil gujar khan distt rawalpindi</t>
  </si>
  <si>
    <t>Borgi  Bhains</t>
  </si>
  <si>
    <t>47979</t>
  </si>
  <si>
    <t>GGPS CANAL COLONY KUNDIAN</t>
  </si>
  <si>
    <t>canalcolony kundian</t>
  </si>
  <si>
    <t>kundian 1</t>
  </si>
  <si>
    <t>Assia bibi</t>
  </si>
  <si>
    <t>52527</t>
  </si>
  <si>
    <t>GES NAMA JINDAY KA</t>
  </si>
  <si>
    <t>ABDUL MAJEED QASMI</t>
  </si>
  <si>
    <t>GGPS GOTH GADRA BAHAWALPUR</t>
  </si>
  <si>
    <t>Goth Gadra</t>
  </si>
  <si>
    <t>GGPS Goth Gadra One Unit Chowk Bahawalpur</t>
  </si>
  <si>
    <t>GGPS BITTIAN WALA</t>
  </si>
  <si>
    <t>Wata Khel Paka</t>
  </si>
  <si>
    <t>vpo bittian teh dis mianwali</t>
  </si>
  <si>
    <t>GGPS DHUTTAY</t>
  </si>
  <si>
    <t>Dhutay</t>
  </si>
  <si>
    <t>dhutay-chunian-Kasur</t>
  </si>
  <si>
    <t>SHAMILA SIKANDAR ALI</t>
  </si>
  <si>
    <t>53093</t>
  </si>
  <si>
    <t>GES CHAK 18/4L</t>
  </si>
  <si>
    <t>chak No 18 /4L Okara cantt</t>
  </si>
  <si>
    <t>18/4L</t>
  </si>
  <si>
    <t>Ajaz Akhtar</t>
  </si>
  <si>
    <t>GGPS CHAK KARIA</t>
  </si>
  <si>
    <t>Chak Karia</t>
  </si>
  <si>
    <t>GGPS CHAK KARIA basti Bijr Khan</t>
  </si>
  <si>
    <t>Basti Bijr Khan</t>
  </si>
  <si>
    <t>Rojhan Mc</t>
  </si>
  <si>
    <t>Shazia Inam</t>
  </si>
  <si>
    <t>buying</t>
  </si>
  <si>
    <t>GPS MODEL DHOK SAWAIN</t>
  </si>
  <si>
    <t>dhok sawain Tehsil &amp; District Attock</t>
  </si>
  <si>
    <t>Dhok Sawain</t>
  </si>
  <si>
    <t>Mohammad Tahir Gulzar</t>
  </si>
  <si>
    <t>GMPS HYDER ABAD</t>
  </si>
  <si>
    <t>basti Hyderabad tehsil and distt bahawalnagar</t>
  </si>
  <si>
    <t>Abida Ahmad</t>
  </si>
  <si>
    <t>GPS CHAK NO. 257 TDA</t>
  </si>
  <si>
    <t>Olakh Chak No 257 TDA</t>
  </si>
  <si>
    <t>chak no 257 TDA p/o 111 TDA</t>
  </si>
  <si>
    <t>257 TDA</t>
  </si>
  <si>
    <t>Chak no 110</t>
  </si>
  <si>
    <t>GGES CHAK NO. 97/F</t>
  </si>
  <si>
    <t>Chak No 97/f</t>
  </si>
  <si>
    <t>GGES Chak No 97/f</t>
  </si>
  <si>
    <t>Shabnam Ara</t>
  </si>
  <si>
    <t>GGPS GAZAR WANI</t>
  </si>
  <si>
    <t>Chack gazarwani</t>
  </si>
  <si>
    <t>chack gazarwani Markaz saddar deen</t>
  </si>
  <si>
    <t>Gazarwani</t>
  </si>
  <si>
    <t>18924</t>
  </si>
  <si>
    <t>GGES BASTI GHULAM MUHMAMAD ABAD</t>
  </si>
  <si>
    <t>bhojia Wala</t>
  </si>
  <si>
    <t>GGES  GULAM MUHAMMAD ABAD TEHSIL KAMALIA</t>
  </si>
  <si>
    <t>bhojia wala</t>
  </si>
  <si>
    <t>chak 739 gb jakhar</t>
  </si>
  <si>
    <t>Attia Aslam</t>
  </si>
  <si>
    <t>GMPS BHOLAN WALA</t>
  </si>
  <si>
    <t>Bholan Wala</t>
  </si>
  <si>
    <t>bholan wala sialkot</t>
  </si>
  <si>
    <t>Kiran Rani</t>
  </si>
  <si>
    <t>water Despenser</t>
  </si>
  <si>
    <t>49325</t>
  </si>
  <si>
    <t>GGES CHAK NO.190 NB JHAMAT WALA</t>
  </si>
  <si>
    <t>chak 190 nb Jhamtanwala</t>
  </si>
  <si>
    <t>Saman Ali</t>
  </si>
  <si>
    <t>53785</t>
  </si>
  <si>
    <t>GGES 6-1AL</t>
  </si>
  <si>
    <t>6/1-A-L</t>
  </si>
  <si>
    <t>6/1-A-L Tehsil renala khurd District Okara</t>
  </si>
  <si>
    <t>Syeda Soria Bibi</t>
  </si>
  <si>
    <t>46055</t>
  </si>
  <si>
    <t>GGPS NO 2 RODA</t>
  </si>
  <si>
    <t>p.o khas roda tehsil and district khushab</t>
  </si>
  <si>
    <t>Roda Thal</t>
  </si>
  <si>
    <t>GGPS MIANA MOHRA</t>
  </si>
  <si>
    <t>mahuta mohra</t>
  </si>
  <si>
    <t>GGPS MC WARD NO. 28</t>
  </si>
  <si>
    <t>ward 28, Raata amral</t>
  </si>
  <si>
    <t>Rattaamral</t>
  </si>
  <si>
    <t>Nargis Naheed</t>
  </si>
  <si>
    <t>GES MAZHAR ABAD</t>
  </si>
  <si>
    <t>mazharabad</t>
  </si>
  <si>
    <t>Rao Muhammad Ashraf Tariq</t>
  </si>
  <si>
    <t>8398</t>
  </si>
  <si>
    <t>GGPS BASTI GHULAM HUSSAIN</t>
  </si>
  <si>
    <t>chah Gaman wala</t>
  </si>
  <si>
    <t>25106</t>
  </si>
  <si>
    <t>GMPS HAIL JATTAN</t>
  </si>
  <si>
    <t>Hail Jattan</t>
  </si>
  <si>
    <t>Hail jattan post office chaprar tehsil and distric sialkot</t>
  </si>
  <si>
    <t>Jo go Chak</t>
  </si>
  <si>
    <t>36532</t>
  </si>
  <si>
    <t>GGPS CHAK 142/NP</t>
  </si>
  <si>
    <t>Gazipur</t>
  </si>
  <si>
    <t>Ggps chak 142 np</t>
  </si>
  <si>
    <t>Cha142np</t>
  </si>
  <si>
    <t>Tranda Gourgaij</t>
  </si>
  <si>
    <t>samina tahira</t>
  </si>
  <si>
    <t>GMPS PIR KHANA</t>
  </si>
  <si>
    <t>Noor Muhammad Bhangra</t>
  </si>
  <si>
    <t>Basti Peer Khana mouza Noor Muhammad bhangran bwn</t>
  </si>
  <si>
    <t>Basti Peer Khana</t>
  </si>
  <si>
    <t>Safia perveen</t>
  </si>
  <si>
    <t>GGES CHAK NO 7/FW SYED WALA</t>
  </si>
  <si>
    <t>7/FW Seyedanwala</t>
  </si>
  <si>
    <t>Seyedanwala</t>
  </si>
  <si>
    <t>Amtal Hafeez</t>
  </si>
  <si>
    <t>44662</t>
  </si>
  <si>
    <t>GGPS CHAK NO. 81/ML</t>
  </si>
  <si>
    <t>chak no 81 m/l Behal Bhakkar</t>
  </si>
  <si>
    <t>Chak No 81 M/l</t>
  </si>
  <si>
    <t>Chak no78 M/l</t>
  </si>
  <si>
    <t>GGPS DEEN WALA</t>
  </si>
  <si>
    <t>ggps deen wala ghagh kalan</t>
  </si>
  <si>
    <t>Rehmat Sultana</t>
  </si>
  <si>
    <t>GGPS ABID COLONY 51 NP</t>
  </si>
  <si>
    <t>St no 4, Abid colony, sdk</t>
  </si>
  <si>
    <t>Shabana Nasreen</t>
  </si>
  <si>
    <t>Water cane is purchased by HT</t>
  </si>
  <si>
    <t>GGPS MAHOTAY</t>
  </si>
  <si>
    <t>Mahotay</t>
  </si>
  <si>
    <t>G G P S Mahotay</t>
  </si>
  <si>
    <t>Maimoona Khanam</t>
  </si>
  <si>
    <t>GGPS CHAK NO 277 HR (E)</t>
  </si>
  <si>
    <t>277/hrE</t>
  </si>
  <si>
    <t>277/hr. E</t>
  </si>
  <si>
    <t>277/hr  E</t>
  </si>
  <si>
    <t>281 hr</t>
  </si>
  <si>
    <t>GGPS CHAH SAMAR WALA</t>
  </si>
  <si>
    <t>Chah samar wala</t>
  </si>
  <si>
    <t>Samar Wala</t>
  </si>
  <si>
    <t>GGPS RAJU MARL</t>
  </si>
  <si>
    <t>Rajumarl</t>
  </si>
  <si>
    <t>Rajumarl p/o chahoor Tehsil zafarwal District narowal</t>
  </si>
  <si>
    <t>FARIDA KOUSAR</t>
  </si>
  <si>
    <t>GPS BAIT BALOCH</t>
  </si>
  <si>
    <t>Bait Baloch</t>
  </si>
  <si>
    <t>Mouza Bait Baloch uc noor Wala tehsil liaquat pur District Rahim yar khan</t>
  </si>
  <si>
    <t>GGPS BASTI RASHID SHAH</t>
  </si>
  <si>
    <t>GG p/s Basti Rasheed shah</t>
  </si>
  <si>
    <t>GG P/S BASTI RASHEED SHAH</t>
  </si>
  <si>
    <t>GGPS TAKREY MANDHAL</t>
  </si>
  <si>
    <t>Jhta Hathial</t>
  </si>
  <si>
    <t>takray Mandhal p o Jhta hathial teh &amp; distt rwp</t>
  </si>
  <si>
    <t>Takray Mandhal</t>
  </si>
  <si>
    <t>Samina Kosar</t>
  </si>
  <si>
    <t>GGPS GHALLEY KHEL</t>
  </si>
  <si>
    <t>ggps galleay khel teh isakhel diss mianwali</t>
  </si>
  <si>
    <t>Ghalleay Khel</t>
  </si>
  <si>
    <t>Umayya Nawaz</t>
  </si>
  <si>
    <t>19641</t>
  </si>
  <si>
    <t>GGPS HOTERIAN</t>
  </si>
  <si>
    <t>markaz sehr bagla</t>
  </si>
  <si>
    <t>Hoterian</t>
  </si>
  <si>
    <t>GGPS KALIAN NAHAIB</t>
  </si>
  <si>
    <t>KAROR NASHAIB</t>
  </si>
  <si>
    <t>BASTI KALIAN NASHAIB, TEHSIL KAROR LAL EASON DISTRICT LAYYAH.</t>
  </si>
  <si>
    <t>BASTI KALIAN NASHAIB</t>
  </si>
  <si>
    <t>GGPS MOHRI</t>
  </si>
  <si>
    <t>VPO Mohri Tehsil Gujar Khan</t>
  </si>
  <si>
    <t>MOHRI</t>
  </si>
  <si>
    <t>Humira Zulfiqar</t>
  </si>
  <si>
    <t>GGES 3-T P/O 7-T</t>
  </si>
  <si>
    <t>Gges 3t p. o.  7t Multan</t>
  </si>
  <si>
    <t>3t</t>
  </si>
  <si>
    <t>Moza Chatha</t>
  </si>
  <si>
    <t>Nighat Noreen</t>
  </si>
  <si>
    <t>GGES CHAK NO.50/TDA</t>
  </si>
  <si>
    <t>50TDA</t>
  </si>
  <si>
    <t>chak no 50TDA po 47tda</t>
  </si>
  <si>
    <t>Chak 50TDA</t>
  </si>
  <si>
    <t>GGPS MANDHAL NO.2</t>
  </si>
  <si>
    <t>Ggps mandhal no 2 tehsil Ahmed pur east distt Bahawal pur</t>
  </si>
  <si>
    <t>Jumma Arain</t>
  </si>
  <si>
    <t>Mazna Rasheed</t>
  </si>
  <si>
    <t>GGPS DERA ATHWAL</t>
  </si>
  <si>
    <t>Dera Athwal</t>
  </si>
  <si>
    <t>village dera athwal dakh khana eminabad tehsil kamoki district gujranwala</t>
  </si>
  <si>
    <t>Gulnaz Adrees</t>
  </si>
  <si>
    <t>GGES CHAK NO.70 SB</t>
  </si>
  <si>
    <t>70 sb</t>
  </si>
  <si>
    <t>gges chak 70 sb sargodha</t>
  </si>
  <si>
    <t>chak 70 sb</t>
  </si>
  <si>
    <t>chak 73 sb</t>
  </si>
  <si>
    <t>16901</t>
  </si>
  <si>
    <t>GES CHAK NO 460 WEST</t>
  </si>
  <si>
    <t>chak 460 jhang</t>
  </si>
  <si>
    <t>M ZAIN UL ABIDIEN</t>
  </si>
  <si>
    <t>GGPS NEW KABIR KHEL MOCHH</t>
  </si>
  <si>
    <t>G.G P / S New Kabir khel Mochh</t>
  </si>
  <si>
    <t>Saba Naveed</t>
  </si>
  <si>
    <t>GGES NATHOKI</t>
  </si>
  <si>
    <t>village nathoki po batapur tehsil shalimar district Lahore</t>
  </si>
  <si>
    <t>Shakila Khadam</t>
  </si>
  <si>
    <t>GGPS PULI TOOP KHANA</t>
  </si>
  <si>
    <t>toop khana</t>
  </si>
  <si>
    <t>ggps toop khana sialkot cantt</t>
  </si>
  <si>
    <t>puli toop khana</t>
  </si>
  <si>
    <t>bharath</t>
  </si>
  <si>
    <t>GPS PAKA DERA</t>
  </si>
  <si>
    <t>pacca dera p/o joyian wala teh&amp; distt sheikhupura</t>
  </si>
  <si>
    <t>Malian Kilan</t>
  </si>
  <si>
    <t>GGPS BASTI FATO KAY</t>
  </si>
  <si>
    <t>Bastifattokey</t>
  </si>
  <si>
    <t>kot fattokay</t>
  </si>
  <si>
    <t>Fattokay</t>
  </si>
  <si>
    <t>ZUBAIDA PARVEEN</t>
  </si>
  <si>
    <t>GGPS KOT PATHAAN</t>
  </si>
  <si>
    <t>basti kot pathan</t>
  </si>
  <si>
    <t>Kot Pathan</t>
  </si>
  <si>
    <t>Iffat Naz</t>
  </si>
  <si>
    <t>41102</t>
  </si>
  <si>
    <t>GMPS KULOYIAN</t>
  </si>
  <si>
    <t>Kuloyian</t>
  </si>
  <si>
    <t>village kuloyian post office Punjar tehsil kahuta district Rawalpindi</t>
  </si>
  <si>
    <t>saiqa zeb</t>
  </si>
  <si>
    <t>water pipe</t>
  </si>
  <si>
    <t>GGPS BASTI BARKAT ALI</t>
  </si>
  <si>
    <t>rojhan city tehsil rojhan</t>
  </si>
  <si>
    <t>Nusrat Bhutto</t>
  </si>
  <si>
    <t>GGPS MANDI DHOLAN</t>
  </si>
  <si>
    <t>mandi dholan p,/o Dholan hithar</t>
  </si>
  <si>
    <t>Mandi Dholan</t>
  </si>
  <si>
    <t>SHAZIA QAYOUM</t>
  </si>
  <si>
    <t>GGPS CHAK NO. 601/TDA</t>
  </si>
  <si>
    <t>601/tda</t>
  </si>
  <si>
    <t>chak no 601 /tda</t>
  </si>
  <si>
    <t>601 /tda</t>
  </si>
  <si>
    <t>HINA FAROOQ</t>
  </si>
  <si>
    <t>GGPS DAHMNAL</t>
  </si>
  <si>
    <t>vill Dahmnal PO Manyanda Teh kallar syedan distt Rawalpindi</t>
  </si>
  <si>
    <t>Dahmnal</t>
  </si>
  <si>
    <t>Anum Zakria</t>
  </si>
  <si>
    <t>GGPS SADIQ COLONY BAHAWALPUR</t>
  </si>
  <si>
    <t>GGPS Sadiq Colony,Bahawalpur</t>
  </si>
  <si>
    <t>Syeda Rida Zahra</t>
  </si>
  <si>
    <t>GGPS PANJ GRAIAN</t>
  </si>
  <si>
    <t>Punj Graian</t>
  </si>
  <si>
    <t>village Punj Graian p/o baddomalhi teh &amp; district narowal</t>
  </si>
  <si>
    <t>Iqra Dilawar</t>
  </si>
  <si>
    <t>GGPS CHAH PAKA</t>
  </si>
  <si>
    <t>GGPS Chah pacca Nankana sahib</t>
  </si>
  <si>
    <t>GGPS MC HAIDER PURA</t>
  </si>
  <si>
    <t>Haiderpura</t>
  </si>
  <si>
    <t>GGPS MC Haiderpura, Multan..near chungi#11 mohalla haiderpura, Multan</t>
  </si>
  <si>
    <t>Ansaar Colony</t>
  </si>
  <si>
    <t>Mariyam Fatima</t>
  </si>
  <si>
    <t>GGPS THATHI ARAIAN</t>
  </si>
  <si>
    <t>That hi Araian</t>
  </si>
  <si>
    <t>Shehzadi Uzma</t>
  </si>
  <si>
    <t>GPS CHAK NO. 489 TDA</t>
  </si>
  <si>
    <t>Chak no. 489/tda tehsile choubara</t>
  </si>
  <si>
    <t>Chak  No 489/tda</t>
  </si>
  <si>
    <t>GPS DHOK MOHRI</t>
  </si>
  <si>
    <t>VPO Khunda Village Dhk Mohri , khunda , Jand</t>
  </si>
  <si>
    <t>Dhk Mohri</t>
  </si>
  <si>
    <t>GGES CHAK NO.11</t>
  </si>
  <si>
    <t>Chak No11</t>
  </si>
  <si>
    <t>chak no 11</t>
  </si>
  <si>
    <t>Nadra Nawaz</t>
  </si>
  <si>
    <t>Kot Chhutta</t>
  </si>
  <si>
    <t>Muhammad abad chak no.2 kot chhutta</t>
  </si>
  <si>
    <t>Muhammad Afzal Baluch</t>
  </si>
  <si>
    <t>51616</t>
  </si>
  <si>
    <t>GGPS CHAK 18 SP</t>
  </si>
  <si>
    <t>chak no 18 sp rakh Khurd the district pakpattn</t>
  </si>
  <si>
    <t>18 Sp</t>
  </si>
  <si>
    <t>41119</t>
  </si>
  <si>
    <t>GPS CHAK NO. 98/ ML BASTI SAWAG</t>
  </si>
  <si>
    <t>CHAK NO 98 ML BASTI SEWAG</t>
  </si>
  <si>
    <t>BASTI SEWAG</t>
  </si>
  <si>
    <t>CHAK NO 98 ML</t>
  </si>
  <si>
    <t>GPS RAILWAY STATION HARIA</t>
  </si>
  <si>
    <t>RS Haria</t>
  </si>
  <si>
    <t>R s haria</t>
  </si>
  <si>
    <t>R SHaria</t>
  </si>
  <si>
    <t>GGCMS CHAK MEHMAD</t>
  </si>
  <si>
    <t>Chak Mehmand</t>
  </si>
  <si>
    <t>chak mehmand kharian gujrat</t>
  </si>
  <si>
    <t>Frasat Jabeen</t>
  </si>
  <si>
    <t>GGES GAGI SYEDAN</t>
  </si>
  <si>
    <t>Gagi Syedan</t>
  </si>
  <si>
    <t>vpo Gagi Syedan,Teh.Sohawa,Dist.Jhelum</t>
  </si>
  <si>
    <t>Phulry Syedan</t>
  </si>
  <si>
    <t>GGES CHIAN WALI</t>
  </si>
  <si>
    <t>chianwali,tehsil daska, district sialkot</t>
  </si>
  <si>
    <t>Koreky</t>
  </si>
  <si>
    <t>43810</t>
  </si>
  <si>
    <t>GPS DHOK CHHAB</t>
  </si>
  <si>
    <t>dhok chhab dakhli mirjan</t>
  </si>
  <si>
    <t>Amna Ajmal</t>
  </si>
  <si>
    <t>GPS SAIRY P/O JALAL PUR KHAKHI</t>
  </si>
  <si>
    <t>Sairy</t>
  </si>
  <si>
    <t>Moza sairy po Jalal pur Khakhi shujabad</t>
  </si>
  <si>
    <t>Muhammad Mudassir Ahmed</t>
  </si>
  <si>
    <t>GPS 179/TDA</t>
  </si>
  <si>
    <t>chak no 179tda</t>
  </si>
  <si>
    <t>chak no.179 tda</t>
  </si>
  <si>
    <t>chak no179</t>
  </si>
  <si>
    <t>barkat wala</t>
  </si>
  <si>
    <t>M Zahid imran</t>
  </si>
  <si>
    <t>GGES CHAK NO. 1 GULZAR</t>
  </si>
  <si>
    <t>Chak1 Gulzar</t>
  </si>
  <si>
    <t>GGES chak 1gulzar</t>
  </si>
  <si>
    <t>Moza Chak 1 Gulzar</t>
  </si>
  <si>
    <t>Nabila sajjad</t>
  </si>
  <si>
    <t>GMPS BALAY WALA, KHANEWAL</t>
  </si>
  <si>
    <t>Nankpur</t>
  </si>
  <si>
    <t>chah balaywala moza nankpur khanewal</t>
  </si>
  <si>
    <t>Balay Wala</t>
  </si>
  <si>
    <t>GMPS CHAK NO 333 HR</t>
  </si>
  <si>
    <t>333/hr</t>
  </si>
  <si>
    <t>333/hr maroot</t>
  </si>
  <si>
    <t>GGPS MODEL CANTT MALOOK</t>
  </si>
  <si>
    <t>Kanyat Malook</t>
  </si>
  <si>
    <t>vill kanyat malook p o box kanyat Khalil teh gujar khan</t>
  </si>
  <si>
    <t>24156</t>
  </si>
  <si>
    <t>46816</t>
  </si>
  <si>
    <t>GGPS ALAM KHEL</t>
  </si>
  <si>
    <t>Alam khel</t>
  </si>
  <si>
    <t>mohallah mirzokhel</t>
  </si>
  <si>
    <t>GMPS PEER OLIYA (DEEPAL)</t>
  </si>
  <si>
    <t>Deepal</t>
  </si>
  <si>
    <t>basti peer oliya moza deepal</t>
  </si>
  <si>
    <t>Peer Oliya</t>
  </si>
  <si>
    <t>Monazza Khalil</t>
  </si>
  <si>
    <t>GGPS THATTA GAHRA</t>
  </si>
  <si>
    <t>GGPS THATHA GAHRA</t>
  </si>
  <si>
    <t>nazish imtiaz</t>
  </si>
  <si>
    <t>40149</t>
  </si>
  <si>
    <t>GPS KOLIAN DAKHLI KHURD</t>
  </si>
  <si>
    <t>village kolian p/o chotala</t>
  </si>
  <si>
    <t>Ummia Zulfiqar</t>
  </si>
  <si>
    <t>GGES CHAK 33</t>
  </si>
  <si>
    <t>GGES chka33</t>
  </si>
  <si>
    <t>chak33</t>
  </si>
  <si>
    <t>phulliyani</t>
  </si>
  <si>
    <t>hafiza faiza rafique</t>
  </si>
  <si>
    <t>GGPS CHAK NO.94/1-L</t>
  </si>
  <si>
    <t>chak 94/1-L</t>
  </si>
  <si>
    <t>94/I-L</t>
  </si>
  <si>
    <t>GPS SULTAN AHMAD ARAIN</t>
  </si>
  <si>
    <t>Ditta Blouch</t>
  </si>
  <si>
    <t>mouza ditta blouch p\o sama satta tehsil sadar distt.Bahawalpur</t>
  </si>
  <si>
    <t>Muhammad Siraj</t>
  </si>
  <si>
    <t>GES 88/15-L P/O 87/15-L, MIAN CHANNU</t>
  </si>
  <si>
    <t>chak no#88/15l</t>
  </si>
  <si>
    <t>88/15l</t>
  </si>
  <si>
    <t>89/15l</t>
  </si>
  <si>
    <t>Hafiz Muhammad Iqbal Javed</t>
  </si>
  <si>
    <t>GPS CHAK NO.151 NB MAKHAN WALA</t>
  </si>
  <si>
    <t>151 NB</t>
  </si>
  <si>
    <t>151 NB MAKHANWALA  Sillanwali</t>
  </si>
  <si>
    <t>GGPS BUGGA P/O Chbba Sindhwan Teh Nosheravirkan Dist Gujranwala</t>
  </si>
  <si>
    <t>Phamma Saraiye</t>
  </si>
  <si>
    <t>GGES CHANNI MITTHA</t>
  </si>
  <si>
    <t>Chhannimittha</t>
  </si>
  <si>
    <t>GGES chhannimittha</t>
  </si>
  <si>
    <t>Soling Awan</t>
  </si>
  <si>
    <t>Yasmin Iqbal</t>
  </si>
  <si>
    <t>GGPS CHAK NO 71 RB</t>
  </si>
  <si>
    <t>Bandala 71 RB</t>
  </si>
  <si>
    <t>GGPS 71 RB</t>
  </si>
  <si>
    <t>71 RB</t>
  </si>
  <si>
    <t>GGPS THATTI GADIAN</t>
  </si>
  <si>
    <t>thatti  gadian</t>
  </si>
  <si>
    <t>Thatti Gadian</t>
  </si>
  <si>
    <t>Assia Batool</t>
  </si>
  <si>
    <t>23732</t>
  </si>
  <si>
    <t>GGES BASTI AWAN</t>
  </si>
  <si>
    <t>MOZA TATAR WALA NEAR MIRZA UBAID RESIDENCY</t>
  </si>
  <si>
    <t>BASTI NOOR SHAH</t>
  </si>
  <si>
    <t>Tahira Tahseen</t>
  </si>
  <si>
    <t>GGPS CHAK 408 JB</t>
  </si>
  <si>
    <t>chak no 408jb</t>
  </si>
  <si>
    <t>314gb</t>
  </si>
  <si>
    <t>aasia naheed</t>
  </si>
  <si>
    <t>20029</t>
  </si>
  <si>
    <t>GMPS KOT SARWAR</t>
  </si>
  <si>
    <t>GES CUSTOM ACADAMY LHR CANTT</t>
  </si>
  <si>
    <t>GES CUSTOM ACADEMY WALTON LAHORE CANTT.</t>
  </si>
  <si>
    <t>NAEEM FAROOQ</t>
  </si>
  <si>
    <t>GGPS BASTI NIAZ MIRAN PUR</t>
  </si>
  <si>
    <t>dera dildar</t>
  </si>
  <si>
    <t>Basti Niaz</t>
  </si>
  <si>
    <t>Darikhshan Batool</t>
  </si>
  <si>
    <t>49814</t>
  </si>
  <si>
    <t>GGPS CHAK NO.138 SB</t>
  </si>
  <si>
    <t>Chak No 138sb</t>
  </si>
  <si>
    <t>35851</t>
  </si>
  <si>
    <t>GGPS RUKAN PUR</t>
  </si>
  <si>
    <t>rukan pur</t>
  </si>
  <si>
    <t>GGPS CHAK NO. 481/JB BOOTAY WALI (De-consolidated April-2016)</t>
  </si>
  <si>
    <t>chak No. 481 jb Teh.shorkot Distt.jhang</t>
  </si>
  <si>
    <t>Chak No481 Jb</t>
  </si>
  <si>
    <t>Chak No478jb</t>
  </si>
  <si>
    <t>Shabana Nazar</t>
  </si>
  <si>
    <t>GGPS SHEIKH DAWA</t>
  </si>
  <si>
    <t>Sheikh Dawa</t>
  </si>
  <si>
    <t>sheikh dawa haiderabad thall</t>
  </si>
  <si>
    <t>Erum Hayat</t>
  </si>
  <si>
    <t>GGPS BASTI PATHANAN</t>
  </si>
  <si>
    <t>thehri zabti</t>
  </si>
  <si>
    <t>basti pathana</t>
  </si>
  <si>
    <t>sukhail</t>
  </si>
  <si>
    <t>Tasreen Qadri</t>
  </si>
  <si>
    <t>GPS CHAK NO. 75/TDA</t>
  </si>
  <si>
    <t>Chak No. 75 T D A . p/o 86 m.l Tehsil Karor District Layyah</t>
  </si>
  <si>
    <t>Chak 75 T D A</t>
  </si>
  <si>
    <t>93 M L</t>
  </si>
  <si>
    <t>GES BHAG</t>
  </si>
  <si>
    <t>Bhag Tehsil Pasrur District Sialkot</t>
  </si>
  <si>
    <t>Umer Masood</t>
  </si>
  <si>
    <t>GGPS HAVELI CHAK MUSIAN</t>
  </si>
  <si>
    <t>Havli Chk Mosian</t>
  </si>
  <si>
    <t>havli chk mosian</t>
  </si>
  <si>
    <t>46937</t>
  </si>
  <si>
    <t>GGPS PUNJAY KHEL</t>
  </si>
  <si>
    <t>Mohallah Punjey khel.PO Trag,</t>
  </si>
  <si>
    <t>GMPS DINGA KANDIWAL</t>
  </si>
  <si>
    <t>Dinga Kandiwal</t>
  </si>
  <si>
    <t>Arshad Pervaiz</t>
  </si>
  <si>
    <t>GGPS MOHRA RAJWAL</t>
  </si>
  <si>
    <t>vill mohra rajwal po thoha khalsa teh kahuta distt rwp</t>
  </si>
  <si>
    <t>Mohra Rajwal</t>
  </si>
  <si>
    <t>Shumaila Irrum</t>
  </si>
  <si>
    <t>GGES CHAK NO. 200/M</t>
  </si>
  <si>
    <t>Chak 200 Murad</t>
  </si>
  <si>
    <t>chak 200 murad tehsil chishtian district bahawalnagar</t>
  </si>
  <si>
    <t>200 Murad</t>
  </si>
  <si>
    <t>Chak 177 Murad</t>
  </si>
  <si>
    <t>40846</t>
  </si>
  <si>
    <t>GGMPS BUL BUL PARI</t>
  </si>
  <si>
    <t>Bubul Kalan</t>
  </si>
  <si>
    <t>po pari darwaiza</t>
  </si>
  <si>
    <t>Bulbul Kalan</t>
  </si>
  <si>
    <t>Salma Nazir</t>
  </si>
  <si>
    <t>GPS UMRAY WALA</t>
  </si>
  <si>
    <t>Hatoo</t>
  </si>
  <si>
    <t>Gps Umraywala tehsil kallurkot district Bhakkar</t>
  </si>
  <si>
    <t>Umraywala</t>
  </si>
  <si>
    <t>49343</t>
  </si>
  <si>
    <t>GGPS CHAK NO.52 B-NB</t>
  </si>
  <si>
    <t>52 B Nb</t>
  </si>
  <si>
    <t>Chak No 52 B Nb</t>
  </si>
  <si>
    <t>Luddywala</t>
  </si>
  <si>
    <t>Iqra Ismail</t>
  </si>
  <si>
    <t>GGPS BASTI PAHALWANKA</t>
  </si>
  <si>
    <t>Marie Wala</t>
  </si>
  <si>
    <t>good pehalwanka</t>
  </si>
  <si>
    <t>Pehalwanka</t>
  </si>
  <si>
    <t>Pit Thar Chishti</t>
  </si>
  <si>
    <t>Ghzala  Firdos</t>
  </si>
  <si>
    <t>GPS CHAK 17/1-L</t>
  </si>
  <si>
    <t>Chak 17/1-L</t>
  </si>
  <si>
    <t>chak No 17/1-L</t>
  </si>
  <si>
    <t>Chak No 17/1-L</t>
  </si>
  <si>
    <t>11/1L</t>
  </si>
  <si>
    <t>GGPS CHAK NO 312 TDA</t>
  </si>
  <si>
    <t>Chak No 312 Tda</t>
  </si>
  <si>
    <t>ward no 1 mohala jahan shah layyah</t>
  </si>
  <si>
    <t>Kishwir Sultana</t>
  </si>
  <si>
    <t>GGPS KORIAN</t>
  </si>
  <si>
    <t>Chah Pul Wala, Moza Korian, Tehsil &amp; District Jhang.</t>
  </si>
  <si>
    <t>Chah Wahl Wala</t>
  </si>
  <si>
    <t>GMPS CHAK NO. 438/6-R (EAST)</t>
  </si>
  <si>
    <t>Chak 438/6r   East</t>
  </si>
  <si>
    <t>Chak no. 438/6r east</t>
  </si>
  <si>
    <t>438/6r  East</t>
  </si>
  <si>
    <t>Chak 438/6r</t>
  </si>
  <si>
    <t>sana irshad</t>
  </si>
  <si>
    <t>33976</t>
  </si>
  <si>
    <t>GES NASEER PUR NO.2  P/O BANGALA MORE SHUJABAD</t>
  </si>
  <si>
    <t>bangalamore,  shujabad</t>
  </si>
  <si>
    <t>Bangala Morr</t>
  </si>
  <si>
    <t>Rana Hazoor Bakhsh Noon</t>
  </si>
  <si>
    <t>46355</t>
  </si>
  <si>
    <t>GPS CHAK NO. 105/NP</t>
  </si>
  <si>
    <t>chak105/NP</t>
  </si>
  <si>
    <t>105/ NP</t>
  </si>
  <si>
    <t>Muhammad Salim Akhtar</t>
  </si>
  <si>
    <t>33096</t>
  </si>
  <si>
    <t>GGPS KOT HUSSAIN KHAN</t>
  </si>
  <si>
    <t>GPS CHAK NO.136 SB</t>
  </si>
  <si>
    <t>136 SB</t>
  </si>
  <si>
    <t>GES 136 SB sillanwali</t>
  </si>
  <si>
    <t>GMPS 6 FAIZ P/O MUBARAK PUR</t>
  </si>
  <si>
    <t>Mubarikpur</t>
  </si>
  <si>
    <t>Govt.Model.primery school 6 Faiz P/0  Mubarikpur</t>
  </si>
  <si>
    <t>6 Faiz</t>
  </si>
  <si>
    <t>GGPS DINGA WADARA</t>
  </si>
  <si>
    <t>Dinga Wadahry</t>
  </si>
  <si>
    <t>DINGA WADAHRY, HAFIZABAD</t>
  </si>
  <si>
    <t>Dinga Wadahary</t>
  </si>
  <si>
    <t>MARIAM JAVAD</t>
  </si>
  <si>
    <t>42733</t>
  </si>
  <si>
    <t>GGPS KANAYAT PIR BUKHSH</t>
  </si>
  <si>
    <t>Kanyat Pir Bukash</t>
  </si>
  <si>
    <t>vill and p o kanyat pir bukash</t>
  </si>
  <si>
    <t>42351</t>
  </si>
  <si>
    <t>GGPS 46/SP</t>
  </si>
  <si>
    <t>Chak 46 Sp</t>
  </si>
  <si>
    <t>m.zia akbar chok 46sp distict pakpattan</t>
  </si>
  <si>
    <t>46 Sp</t>
  </si>
  <si>
    <t>Bail Gung</t>
  </si>
  <si>
    <t>Humera Yasmin</t>
  </si>
  <si>
    <t>45519</t>
  </si>
  <si>
    <t>GGPS CHAH NIBU WALA</t>
  </si>
  <si>
    <t>Chah Nibuwala p/o Dullewala tehsil Daryakhan' District bhakkar</t>
  </si>
  <si>
    <t>Chah Nibuwala</t>
  </si>
  <si>
    <t>Farhana Yasmeen</t>
  </si>
  <si>
    <t>39161</t>
  </si>
  <si>
    <t>GGPS BAJAL</t>
  </si>
  <si>
    <t>village Bajal post office  kot fateh Khan .teh fateh  jang Attock</t>
  </si>
  <si>
    <t>Nadia Liaqat</t>
  </si>
  <si>
    <t>GPS MC QASIMABAD STREET NO. 6 RWP</t>
  </si>
  <si>
    <t>GBPS.   MC.  Qasimabad    street No 6.  Dhoke    khabba.  Rawalpindi</t>
  </si>
  <si>
    <t>Dhoke Khabba</t>
  </si>
  <si>
    <t>Dhoke  Khabba</t>
  </si>
  <si>
    <t>Malik  Muhammad   Saleem  Shahid</t>
  </si>
  <si>
    <t>GPS CHAK NO 104 TDA</t>
  </si>
  <si>
    <t>104TDA</t>
  </si>
  <si>
    <t>chak #104tda p/o 110/tda tehsil karor district layyah</t>
  </si>
  <si>
    <t>104/TDA</t>
  </si>
  <si>
    <t>Muhammad Abid Zubair</t>
  </si>
  <si>
    <t>34861</t>
  </si>
  <si>
    <t>GPS KOT IMAM DIN PUR PIR WALA</t>
  </si>
  <si>
    <t>Kot Imam din</t>
  </si>
  <si>
    <t>Basti behndaa mouza kot imam din thesil jalal pur pir wala district multan</t>
  </si>
  <si>
    <t>Kot imam din</t>
  </si>
  <si>
    <t>Durab pur</t>
  </si>
  <si>
    <t>GGES CHAK NO 134 TDA</t>
  </si>
  <si>
    <t>Thal sumra</t>
  </si>
  <si>
    <t>GGES 134TDA Layyah</t>
  </si>
  <si>
    <t>chak no 134 tda</t>
  </si>
  <si>
    <t>mandi Town</t>
  </si>
  <si>
    <t>Iqbal Kausar</t>
  </si>
  <si>
    <t>GPS CHAK NO. 299/310 TDA</t>
  </si>
  <si>
    <t>chak no 310tda</t>
  </si>
  <si>
    <t>Chak No 310 Tda</t>
  </si>
  <si>
    <t>Muhammad Irfan Mudasir</t>
  </si>
  <si>
    <t>GGES CHAK RAMDAS</t>
  </si>
  <si>
    <t>CHAK RAMDAS P/O WAHNDO TEH.KAMOKI DISTT. GRW</t>
  </si>
  <si>
    <t>GGES JOIAN</t>
  </si>
  <si>
    <t>Joian</t>
  </si>
  <si>
    <t>vill Joian P O Umran Wali Teh Sialkot  Distt Sialkot</t>
  </si>
  <si>
    <t>GPS KALO WAL</t>
  </si>
  <si>
    <t>Kalowl</t>
  </si>
  <si>
    <t>Shahbaz Ahmed</t>
  </si>
  <si>
    <t>GPS 21 GHAGH NO.2 ABDUL HAKIM</t>
  </si>
  <si>
    <t>Chak 21 Ghagh</t>
  </si>
  <si>
    <t>govt primary school chak 21/2 ghagh</t>
  </si>
  <si>
    <t>chak no 21/2 ghagh</t>
  </si>
  <si>
    <t>Shakir Ali Gulfam</t>
  </si>
  <si>
    <t>51468</t>
  </si>
  <si>
    <t>GGPS 9/F SODAGAR WALA</t>
  </si>
  <si>
    <t>Bakshan khan</t>
  </si>
  <si>
    <t>chak No. p fw sodagarwala post office bakshan khan, chishtian, Bahawalnagar</t>
  </si>
  <si>
    <t>9 f.w sodagarwala</t>
  </si>
  <si>
    <t>9 fw</t>
  </si>
  <si>
    <t>GPS MUHAMMAD NAWAZ PURA</t>
  </si>
  <si>
    <t>MUHAMMAD NAWAZ PURA</t>
  </si>
  <si>
    <t>G.P.S. MUHAMMAD NAWAZ PURA. BASTI KARU MAIKAN</t>
  </si>
  <si>
    <t>Karu Maikan</t>
  </si>
  <si>
    <t>RAB NAWAZ PURA</t>
  </si>
  <si>
    <t>Muhammad kamal</t>
  </si>
  <si>
    <t>GMPS NAWA</t>
  </si>
  <si>
    <t>Nawa</t>
  </si>
  <si>
    <t>tehsil dist attock,post office dhok jawanda,nawa</t>
  </si>
  <si>
    <t>lfra Hayyat</t>
  </si>
  <si>
    <t>GGPS GHULAM HASSAN KHAN WALA</t>
  </si>
  <si>
    <t>Sultan wala gharbi p /o khan Muhammad wala</t>
  </si>
  <si>
    <t>Maria Batool</t>
  </si>
  <si>
    <t>GGPS CHAK NO. 37/3-R</t>
  </si>
  <si>
    <t>37/3.r hnd distt bwn</t>
  </si>
  <si>
    <t>37/ 3R</t>
  </si>
  <si>
    <t>GPS BASIR PUR NO. 3</t>
  </si>
  <si>
    <t>Govt.primary school No.3 Basirpur</t>
  </si>
  <si>
    <t>GPS CHAK 120/1-L</t>
  </si>
  <si>
    <t>Government boys primary school 120/1L</t>
  </si>
  <si>
    <t>Shafqat Naz</t>
  </si>
  <si>
    <t>GGPS PARREY WALI</t>
  </si>
  <si>
    <t>5chak Kalan</t>
  </si>
  <si>
    <t>parray Wali</t>
  </si>
  <si>
    <t>Parray Wali</t>
  </si>
  <si>
    <t>Martin pur</t>
  </si>
  <si>
    <t>GGPS TARIQ ABAD BISMILLAH COLONY</t>
  </si>
  <si>
    <t>GGPS Tariqabad bismillah colony Multan</t>
  </si>
  <si>
    <t>Bissmillah Colony</t>
  </si>
  <si>
    <t>Khushhal Colony</t>
  </si>
  <si>
    <t>FOUZIA BUKHARI</t>
  </si>
  <si>
    <t>46819</t>
  </si>
  <si>
    <t>GGPS USMAN KHEL</t>
  </si>
  <si>
    <t>Ggps usman khel Mohallah usman khel</t>
  </si>
  <si>
    <t>GPS CHAK 47 GB SAMUNDRI</t>
  </si>
  <si>
    <t>Sahnsra</t>
  </si>
  <si>
    <t>Chak no 47 Gb sahnsra new abadi Samundri</t>
  </si>
  <si>
    <t>47gb</t>
  </si>
  <si>
    <t>Chak 43 Gb</t>
  </si>
  <si>
    <t>GGPS KOT HAMRAJ</t>
  </si>
  <si>
    <t>Kot Hamraj</t>
  </si>
  <si>
    <t>H.#_ 2351 Firdous Street Near Jamit ul Qurash Qasim Road Bahawalnagar.</t>
  </si>
  <si>
    <t>Adda Nehar Gajyani</t>
  </si>
  <si>
    <t>GPS 493 EB</t>
  </si>
  <si>
    <t>493/ E B</t>
  </si>
  <si>
    <t>chak no 493/ e.b burewala</t>
  </si>
  <si>
    <t>Chak No 493/ Eb</t>
  </si>
  <si>
    <t>Muhammad Ashfaq Shafaqat</t>
  </si>
  <si>
    <t>36682</t>
  </si>
  <si>
    <t>GPS 223 RB I MUHAMMAD NAGAR FSD</t>
  </si>
  <si>
    <t>223 rb1</t>
  </si>
  <si>
    <t>gps223rb1 Muhammad nagar fsd</t>
  </si>
  <si>
    <t>223 rb 1</t>
  </si>
  <si>
    <t>farooqueabad fsd</t>
  </si>
  <si>
    <t>GPS FAKHAR ABAD</t>
  </si>
  <si>
    <t>GPS FAKHAR abad</t>
  </si>
  <si>
    <t>Fazal Ilahe</t>
  </si>
  <si>
    <t>PUNNAL SHAH</t>
  </si>
  <si>
    <t>GPS RAHEMIA</t>
  </si>
  <si>
    <t>Near Masjid Khizra qabristan Road Shakargarh</t>
  </si>
  <si>
    <t>Razia Abdul Karim</t>
  </si>
  <si>
    <t>10998</t>
  </si>
  <si>
    <t>GGPS CHAK NO.128/TDA OLD</t>
  </si>
  <si>
    <t>Thind</t>
  </si>
  <si>
    <t>GGPS 128/tda old</t>
  </si>
  <si>
    <t>Chak no 128/tda</t>
  </si>
  <si>
    <t>Tail indus</t>
  </si>
  <si>
    <t>IRSHAD BIBI</t>
  </si>
  <si>
    <t>30506</t>
  </si>
  <si>
    <t>GES CHAK NO. 7/WB</t>
  </si>
  <si>
    <t>7/WB</t>
  </si>
  <si>
    <t>CHAK NO 7/WB VEHARI</t>
  </si>
  <si>
    <t>01/WB</t>
  </si>
  <si>
    <t>RANA MUHAMMAD TAHIR KHAN</t>
  </si>
  <si>
    <t>GMPS CHAK NO. 8/FW BHATTAH MATIYANA</t>
  </si>
  <si>
    <t>8fW</t>
  </si>
  <si>
    <t>8.f.w Bhata matyana Tehcil chishtian District Bahawal Nagar</t>
  </si>
  <si>
    <t>8fW Bhata Matyana</t>
  </si>
  <si>
    <t>9/Fw Bakshan Khan</t>
  </si>
  <si>
    <t>Sumera Nasreen</t>
  </si>
  <si>
    <t>GPS BASTI DIRKHAN</t>
  </si>
  <si>
    <t>shanh wala</t>
  </si>
  <si>
    <t>basti dirkhan</t>
  </si>
  <si>
    <t>48319</t>
  </si>
  <si>
    <t>GPS NO.2 CHAK MIANA</t>
  </si>
  <si>
    <t>chak miana</t>
  </si>
  <si>
    <t>GGES MUMDAL, NAWAN SHEHR</t>
  </si>
  <si>
    <t>p/o mumdal moza mumdal kabirwala khanewal</t>
  </si>
  <si>
    <t>Rabia Wahid</t>
  </si>
  <si>
    <t>GMPS KABAIL</t>
  </si>
  <si>
    <t>Kabail</t>
  </si>
  <si>
    <t>vill kabail po mohra noori teh gujar khan distt Rwp</t>
  </si>
  <si>
    <t>Samera Safdar</t>
  </si>
  <si>
    <t>GPS KOT WADHAWA SIGH</t>
  </si>
  <si>
    <t>Kot Wadhawa Singh</t>
  </si>
  <si>
    <t>Govt primary school kot wadhawa singh lahore</t>
  </si>
  <si>
    <t>Kamaha</t>
  </si>
  <si>
    <t>Mughees Irslan</t>
  </si>
  <si>
    <t>34305</t>
  </si>
  <si>
    <t>GGES SANJER WALA MULTAN</t>
  </si>
  <si>
    <t>govt girls elementary school sanjarwala</t>
  </si>
  <si>
    <t>Sanjarwala</t>
  </si>
  <si>
    <t>Qadir Pur Ran Sharqi</t>
  </si>
  <si>
    <t>Rukhsana Saeed</t>
  </si>
  <si>
    <t>54289</t>
  </si>
  <si>
    <t>GGPS KOHAWARAN WALA</t>
  </si>
  <si>
    <t>jamali balochan</t>
  </si>
  <si>
    <t>Ghulam Haleema</t>
  </si>
  <si>
    <t>41164</t>
  </si>
  <si>
    <t>GGPS GALORE</t>
  </si>
  <si>
    <t>ThohaKhalsa</t>
  </si>
  <si>
    <t>Vill Galore P/O Thoha Khalsa Teh Kahuta Dis RWP</t>
  </si>
  <si>
    <t>Galore</t>
  </si>
  <si>
    <t>GMES 513/EB</t>
  </si>
  <si>
    <t>513 eb</t>
  </si>
  <si>
    <t>gmes 513 eb</t>
  </si>
  <si>
    <t>521 eb</t>
  </si>
  <si>
    <t>Kosar Sarwar</t>
  </si>
  <si>
    <t>GGPS AKKAN WALI (NEW)</t>
  </si>
  <si>
    <t>Said ser AKKAN WALI</t>
  </si>
  <si>
    <t>Khywan singh</t>
  </si>
  <si>
    <t>Khywan WALI</t>
  </si>
  <si>
    <t>Anila Mustafa</t>
  </si>
  <si>
    <t>GGPS HIRAN WALA KALAN</t>
  </si>
  <si>
    <t>Heranwala alan</t>
  </si>
  <si>
    <t>Haranwala kalan</t>
  </si>
  <si>
    <t>Heranwala kalan</t>
  </si>
  <si>
    <t>joura sian</t>
  </si>
  <si>
    <t>GGPS NO.1 NEW PLOT GOJRA</t>
  </si>
  <si>
    <t>New Plot Base Line Gojra</t>
  </si>
  <si>
    <t>G.G.p.s no 1 new plot base  line gojra</t>
  </si>
  <si>
    <t>Muncipal Commety</t>
  </si>
  <si>
    <t>Ferdous</t>
  </si>
  <si>
    <t>GPS NOSHEHRA P/O LSDURI MOZA PUNJANI</t>
  </si>
  <si>
    <t>GPS Naoushehra mouza punjani tehsil shujabad disstt.multan</t>
  </si>
  <si>
    <t>Naoushehrah</t>
  </si>
  <si>
    <t>Muhammad Shehzad Chohan</t>
  </si>
  <si>
    <t>GPS RANOTRA</t>
  </si>
  <si>
    <t>village Ranotra po chak beli khan tehsil and district Rawalpindi</t>
  </si>
  <si>
    <t>Dhandha</t>
  </si>
  <si>
    <t>GGPS THATTA HOSHNAK RAI</t>
  </si>
  <si>
    <t>Ggps thatha hoshnak rai</t>
  </si>
  <si>
    <t>Nahrianwla</t>
  </si>
  <si>
    <t>37105</t>
  </si>
  <si>
    <t>GGES 3/AH, KHANEWAL</t>
  </si>
  <si>
    <t>3/AH</t>
  </si>
  <si>
    <t>Aisha Khalid</t>
  </si>
  <si>
    <t>GGPS CHAK NO 324 TDA</t>
  </si>
  <si>
    <t>GMPS 324/tda jamal chapri ,chobara</t>
  </si>
  <si>
    <t>Khadija Malak</t>
  </si>
  <si>
    <t>GGES ZASHAN ABAD</t>
  </si>
  <si>
    <t>Wahi Mochyan</t>
  </si>
  <si>
    <t>gges zashan abad</t>
  </si>
  <si>
    <t>Mahwish Mumtaz</t>
  </si>
  <si>
    <t>GGPS CHAK NO. 429/6-R (w)</t>
  </si>
  <si>
    <t>429/6-r</t>
  </si>
  <si>
    <t>chak no 429/6-r teh HND dist BWN</t>
  </si>
  <si>
    <t>432/6-r</t>
  </si>
  <si>
    <t>Zobia Iram</t>
  </si>
  <si>
    <t>GGES CHAK NO. 93/F</t>
  </si>
  <si>
    <t>93 Fateh</t>
  </si>
  <si>
    <t>chak no 93/f tehsil chishtian. district bahawalnagar</t>
  </si>
  <si>
    <t>Chak 93/F</t>
  </si>
  <si>
    <t>Saira Nasim</t>
  </si>
  <si>
    <t>GGPS PAHALWAN KA</t>
  </si>
  <si>
    <t>Phelwanka</t>
  </si>
  <si>
    <t>moza phelwanka bhaloka</t>
  </si>
  <si>
    <t>Bhaloka</t>
  </si>
  <si>
    <t>GPS  KACHI M. KHAN</t>
  </si>
  <si>
    <t>basti Ghulam Nabi Baloch Mouza Ghazi Pur</t>
  </si>
  <si>
    <t>Basti Ghulam Nabi Baloch</t>
  </si>
  <si>
    <t>Tranda Gurgaje</t>
  </si>
  <si>
    <t>GGES JHOKE DAYA</t>
  </si>
  <si>
    <t>Jhoke Daya</t>
  </si>
  <si>
    <t>jhoke daya dak khana khas Tehsil jhang</t>
  </si>
  <si>
    <t>Baneeta Zahra</t>
  </si>
  <si>
    <t>GPS CHAK NO.18000/RD</t>
  </si>
  <si>
    <t>kamal mohana</t>
  </si>
  <si>
    <t>basti noor nagar sanghian moza kamal mohana post office taj garh rahim yar khan</t>
  </si>
  <si>
    <t>noor nagar sanghian</t>
  </si>
  <si>
    <t>taj garh</t>
  </si>
  <si>
    <t>GGPS CHAH BILLAY WALA</t>
  </si>
  <si>
    <t>ggps chah ballaywala</t>
  </si>
  <si>
    <t>Chah ballaywala</t>
  </si>
  <si>
    <t>sanda po tola bangi khel teh isa khel disst mianwali</t>
  </si>
  <si>
    <t>50648</t>
  </si>
  <si>
    <t>GGPS JANGALAT BLOCK NO.1</t>
  </si>
  <si>
    <t>Dadfatiyana</t>
  </si>
  <si>
    <t>forest colony block no. 1 chichawatni</t>
  </si>
  <si>
    <t>Fozia Saleem</t>
  </si>
  <si>
    <t>GPS MEHRWAN KHELAN WALA</t>
  </si>
  <si>
    <t>dara mehrwan khelan wala shadia shumali</t>
  </si>
  <si>
    <t>Mehrwan Khelan Wala</t>
  </si>
  <si>
    <t>Muhammad Ameer Afreen</t>
  </si>
  <si>
    <t>26849</t>
  </si>
  <si>
    <t>GGES KOKIAL KHURD</t>
  </si>
  <si>
    <t>Kokyal Khurd</t>
  </si>
  <si>
    <t>Kokyal khurd p/o Barra pind</t>
  </si>
  <si>
    <t>Kousar Hameed</t>
  </si>
  <si>
    <t>GMPS KOT SHEIKHU</t>
  </si>
  <si>
    <t>Kot Sheikhu</t>
  </si>
  <si>
    <t>village sambla kala.Thsil kamonki District Gugrnwal</t>
  </si>
  <si>
    <t>Nangaldonasing</t>
  </si>
  <si>
    <t>GES SULTAN PUR</t>
  </si>
  <si>
    <t>Hussainshah</t>
  </si>
  <si>
    <t>Abdul Waheed Shah</t>
  </si>
  <si>
    <t>GGPS MEHMOOD AKHTAR WALA</t>
  </si>
  <si>
    <t>Kotla Chaakar</t>
  </si>
  <si>
    <t>Moza Kotla chakar jpp multan</t>
  </si>
  <si>
    <t>Kotla Chaker</t>
  </si>
  <si>
    <t>Kousar Parveen Anwer</t>
  </si>
  <si>
    <t>41233</t>
  </si>
  <si>
    <t>GGES KATHEEL HOON</t>
  </si>
  <si>
    <t>Katheel Hoon</t>
  </si>
  <si>
    <t>VILLAGE KATHEEL HOON P. O KATHEEL HOON TEH KAHUTA DISTT RAWALPINDI</t>
  </si>
  <si>
    <t>Misbah Hanif</t>
  </si>
  <si>
    <t>51033</t>
  </si>
  <si>
    <t>GGMCMS BAGHAN WALA</t>
  </si>
  <si>
    <t>vpo baghnwala teh pd khan jhelum</t>
  </si>
  <si>
    <t>SADAF ZULFIQAR</t>
  </si>
  <si>
    <t>GES MC JHIKA GALI</t>
  </si>
  <si>
    <t>Chak Cometty Murree City</t>
  </si>
  <si>
    <t>Ges Mc jhikagali murree</t>
  </si>
  <si>
    <t>Ejaz Ahmed Abbasi</t>
  </si>
  <si>
    <t>GGCMS CHAK 59 SP</t>
  </si>
  <si>
    <t>59/sp pakpattan</t>
  </si>
  <si>
    <t>Sajida Nawaz</t>
  </si>
  <si>
    <t>15493</t>
  </si>
  <si>
    <t>GPS CHAK 439 GB II SAMUNDRI</t>
  </si>
  <si>
    <t>Fateh Rehan</t>
  </si>
  <si>
    <t>Chak no 439 GB II Fateh Rehan</t>
  </si>
  <si>
    <t>Chak no 463 GB Haryal</t>
  </si>
  <si>
    <t>M Shahzad Murtaza</t>
  </si>
  <si>
    <t>40784</t>
  </si>
  <si>
    <t>GGPS PHAPHAIL NATHU</t>
  </si>
  <si>
    <t>PHAPHEEL  NATHU</t>
  </si>
  <si>
    <t>vill Phapheel Nathu P.o phulray syedan Tehsil sohawa Distt Jhelum.</t>
  </si>
  <si>
    <t>Phapheel Nathu</t>
  </si>
  <si>
    <t>Saba Mobeen Roqayya</t>
  </si>
  <si>
    <t>GGPS SHAKARDARA NO. 2</t>
  </si>
  <si>
    <t>Shakardara</t>
  </si>
  <si>
    <t>Govt girls primary schoolshakardara</t>
  </si>
  <si>
    <t>Andleb Naz</t>
  </si>
  <si>
    <t>GGPS DHANI MANI RAM</t>
  </si>
  <si>
    <t>Kot Hemraj</t>
  </si>
  <si>
    <t>Adda nehr gijyani dhani mani ram tehsil and district bahawal nagar</t>
  </si>
  <si>
    <t>Dhani Mani Ram</t>
  </si>
  <si>
    <t>Shama Shahzad</t>
  </si>
  <si>
    <t>vpo Tanween tehsil gujar Khan distt rawalpindi</t>
  </si>
  <si>
    <t>52267</t>
  </si>
  <si>
    <t>GES MOHAMMAD NAGAR LADHUKA</t>
  </si>
  <si>
    <t>GES M. Nagar ladhuka P/O chak ganda sing tehsil depalpur district Okara</t>
  </si>
  <si>
    <t>GGPS CHELLAY WALI</t>
  </si>
  <si>
    <t>Challaywali</t>
  </si>
  <si>
    <t>challaywali</t>
  </si>
  <si>
    <t>GGPS MOHALLA KHAIMTAN WALA</t>
  </si>
  <si>
    <t>Nei Abadi</t>
  </si>
  <si>
    <t>G G p/s mohala khemtan wala</t>
  </si>
  <si>
    <t>GES SHAH KHAGGA PAKPATTAN</t>
  </si>
  <si>
    <t>Shah Khagga</t>
  </si>
  <si>
    <t>chak shah khagga pakpattan</t>
  </si>
  <si>
    <t>Muhammad Naeem Iqbal Shah</t>
  </si>
  <si>
    <t>GGHS PAK MODEL SULTAN PURA</t>
  </si>
  <si>
    <t>PUNJ PEER ROAD</t>
  </si>
  <si>
    <t>GGHS PAK MODEL SULTAN PURA LAHORE</t>
  </si>
  <si>
    <t>KACHUPURA</t>
  </si>
  <si>
    <t>salma jabeen</t>
  </si>
  <si>
    <t>GMPS SHIAN WALA</t>
  </si>
  <si>
    <t>Jhok Wains</t>
  </si>
  <si>
    <t>Basti Shian wala</t>
  </si>
  <si>
    <t>Shian Wala</t>
  </si>
  <si>
    <t>GGPS LUNGER KHEL</t>
  </si>
  <si>
    <t>Mohallah esab khel tehsil and post office isa khel district mianwali</t>
  </si>
  <si>
    <t>Farhat Tahira</t>
  </si>
  <si>
    <t>GGPS CHAK NO.34/P</t>
  </si>
  <si>
    <t>Chak 34 p</t>
  </si>
  <si>
    <t>G G P/S chak 34-p</t>
  </si>
  <si>
    <t>34-p</t>
  </si>
  <si>
    <t>Sadaf Perveen</t>
  </si>
  <si>
    <t>GGPS MAHLOO WALA</t>
  </si>
  <si>
    <t>Khasor</t>
  </si>
  <si>
    <t>post office khasor mahloowala tehsil kalurrkot</t>
  </si>
  <si>
    <t>Mahloowala</t>
  </si>
  <si>
    <t>Robab Bano</t>
  </si>
  <si>
    <t>GMPS CHAK NO 185/7-R (N)</t>
  </si>
  <si>
    <t>185/ 7r</t>
  </si>
  <si>
    <t>185/7r North tehsil fort abbas distance Bahawalnager</t>
  </si>
  <si>
    <t>185 7/r N</t>
  </si>
  <si>
    <t>Asmat  Rafiq</t>
  </si>
  <si>
    <t>GMPS BAKHAT PUR</t>
  </si>
  <si>
    <t>Bakhatpur</t>
  </si>
  <si>
    <t>village bakhatpur PO kalaswala</t>
  </si>
  <si>
    <t>GGPS 36 KB</t>
  </si>
  <si>
    <t>GGPS 36kB Markaz Mana more</t>
  </si>
  <si>
    <t>chak# 36kB</t>
  </si>
  <si>
    <t>Syeda Toqeer Tahira Naqvi</t>
  </si>
  <si>
    <t>government primary school daduwala</t>
  </si>
  <si>
    <t>Naseerpur Kalan</t>
  </si>
  <si>
    <t>Iram Aslam</t>
  </si>
  <si>
    <t>GGPS KANWARAY WALA</t>
  </si>
  <si>
    <t>Kanwaray Wala</t>
  </si>
  <si>
    <t>kanwaray wala</t>
  </si>
  <si>
    <t>GPS CHAK NO. 549/TDA</t>
  </si>
  <si>
    <t>Chak No 549 TDA</t>
  </si>
  <si>
    <t>chak no 549/TDA chowk sarwar shaheed</t>
  </si>
  <si>
    <t>Chak No 549/TDA</t>
  </si>
  <si>
    <t>Chak No 567 TDA</t>
  </si>
  <si>
    <t>Nasir Masih</t>
  </si>
  <si>
    <t>47593</t>
  </si>
  <si>
    <t>GGPS UTRAN KALAN</t>
  </si>
  <si>
    <t>UTRA KALAN</t>
  </si>
  <si>
    <t>Dher Umaed Ali Shah</t>
  </si>
  <si>
    <t>FARKHANDA ZAFAR</t>
  </si>
  <si>
    <t>GGHS CHAK NO.119 NB</t>
  </si>
  <si>
    <t>chak # 119 nb</t>
  </si>
  <si>
    <t>Chak# 119 Nb</t>
  </si>
  <si>
    <t>53669</t>
  </si>
  <si>
    <t>GPS CHAK NO 13/1.AL</t>
  </si>
  <si>
    <t>13/1al</t>
  </si>
  <si>
    <t>GGES PUL SHAH DOULA</t>
  </si>
  <si>
    <t>Pualshahdola</t>
  </si>
  <si>
    <t>GGES Pualshahdola</t>
  </si>
  <si>
    <t>Gunna oor</t>
  </si>
  <si>
    <t>320422</t>
  </si>
  <si>
    <t>24845</t>
  </si>
  <si>
    <t>GES JOYAN</t>
  </si>
  <si>
    <t>joiyan</t>
  </si>
  <si>
    <t>village joiyan</t>
  </si>
  <si>
    <t>Rasoolpur bhallian</t>
  </si>
  <si>
    <t>GMPS CHAK NO.1-T JANUBI P/O NO 1 M</t>
  </si>
  <si>
    <t>1T Janoobi</t>
  </si>
  <si>
    <t>Chak 1T Janoobi post office 1/MR</t>
  </si>
  <si>
    <t>GPS CHAK 44 GB SAMUNDRI</t>
  </si>
  <si>
    <t>CHAK NO 44 GB</t>
  </si>
  <si>
    <t>CHAK 44 GB</t>
  </si>
  <si>
    <t>CHAK NO 47 GB</t>
  </si>
  <si>
    <t>GES CHAK 99 JB</t>
  </si>
  <si>
    <t>Chak No. 99 JB</t>
  </si>
  <si>
    <t>99 JB</t>
  </si>
  <si>
    <t>97 JB</t>
  </si>
  <si>
    <t>GGPS CHAK 654/5 GB LUNDIANWALA</t>
  </si>
  <si>
    <t>Chak 654/5</t>
  </si>
  <si>
    <t>chak 654/5</t>
  </si>
  <si>
    <t>Chak 650/1</t>
  </si>
  <si>
    <t>GES CHAK NO.218/TDA</t>
  </si>
  <si>
    <t>Mog garh</t>
  </si>
  <si>
    <t>Chak no 218/tda p/o 219/tda</t>
  </si>
  <si>
    <t>Chak no 218/tda</t>
  </si>
  <si>
    <t>Muhammad Aslam Bhati</t>
  </si>
  <si>
    <t>GGPS bohar wala ,markaz darein,Moza shahjmal, tehsil &amp; M. garh</t>
  </si>
  <si>
    <t>Hira Batool</t>
  </si>
  <si>
    <t>GGES 104/7-R</t>
  </si>
  <si>
    <t>104/7r</t>
  </si>
  <si>
    <t>chak no 104/7 r</t>
  </si>
  <si>
    <t>Basti Shaheed Abad p.o Feroza tehsil Liaqt at Pur district Rahim Yar Khan</t>
  </si>
  <si>
    <t>Shaheed Abad</t>
  </si>
  <si>
    <t>Safina Iqbal</t>
  </si>
  <si>
    <t>54209</t>
  </si>
  <si>
    <t>GGPS CHAK NO 169 JB GHARBI</t>
  </si>
  <si>
    <t>chak no 169 garwh p/o chak no 214 jhang</t>
  </si>
  <si>
    <t>Chak No 169 Garwah</t>
  </si>
  <si>
    <t>PERVEEN AKHTER</t>
  </si>
  <si>
    <t>GGCMS CHAK NO. 204 ME</t>
  </si>
  <si>
    <t>Chak 204ME</t>
  </si>
  <si>
    <t>G.G.C/MS204ME.</t>
  </si>
  <si>
    <t>Chak204ME</t>
  </si>
  <si>
    <t>Faheem Ashraf</t>
  </si>
  <si>
    <t>9198</t>
  </si>
  <si>
    <t>p/okot qasrani sher garh</t>
  </si>
  <si>
    <t>Kot Qasrani</t>
  </si>
  <si>
    <t>GMPS DUGRI ARIAN</t>
  </si>
  <si>
    <t>Dugri</t>
  </si>
  <si>
    <t>GMPS dugri arian</t>
  </si>
  <si>
    <t>Dugri Ariam</t>
  </si>
  <si>
    <t>Masarat</t>
  </si>
  <si>
    <t>26699</t>
  </si>
  <si>
    <t>GGPS UNCHA KALAN</t>
  </si>
  <si>
    <t>GGPS BASTI ABDUL SHAKOOR WALI, ABDUL HAKIM</t>
  </si>
  <si>
    <t>Hosi Haraj</t>
  </si>
  <si>
    <t>Basti Abdul Shakoor Moza hosi haraj</t>
  </si>
  <si>
    <t>Basti abdul Shakoor</t>
  </si>
  <si>
    <t>GGCMS CHAK NO.95 NB</t>
  </si>
  <si>
    <t>Chak 95 NB</t>
  </si>
  <si>
    <t>chak no 95 NB Sargodha</t>
  </si>
  <si>
    <t>Chak 90 NB</t>
  </si>
  <si>
    <t>Zainab Zahra</t>
  </si>
  <si>
    <t>GMPS CHAK NO 60 MB</t>
  </si>
  <si>
    <t>Chak No60mb</t>
  </si>
  <si>
    <t>chak no 60 mb(khushab</t>
  </si>
  <si>
    <t>Chak No 60mb</t>
  </si>
  <si>
    <t>Chak No 6 3 Mb</t>
  </si>
  <si>
    <t>11541</t>
  </si>
  <si>
    <t>GES GULLAN WALA</t>
  </si>
  <si>
    <t>Bait Melana</t>
  </si>
  <si>
    <t>basti amano wala fatah surani</t>
  </si>
  <si>
    <t>Amano wala</t>
  </si>
  <si>
    <t>GhaziGhat</t>
  </si>
  <si>
    <t>GGPS MAMDOO TOTEN WALA</t>
  </si>
  <si>
    <t>RAKHWAN</t>
  </si>
  <si>
    <t>BASTI MAMDO TOTEN WALA, MOZA RAKHWAN, TEHSIL KAROR LAL EASON DISTRICT LAYYAH.</t>
  </si>
  <si>
    <t>BASTI MAMDO TOTEN WALA</t>
  </si>
  <si>
    <t>Tasleem Siddique</t>
  </si>
  <si>
    <t>45584</t>
  </si>
  <si>
    <t>GGPS CHAK NO.50ML</t>
  </si>
  <si>
    <t>Barkat wala</t>
  </si>
  <si>
    <t>50 ml barkat wala</t>
  </si>
  <si>
    <t>50 Ml</t>
  </si>
  <si>
    <t>Samina Razzaq</t>
  </si>
  <si>
    <t>GMPS NUTT KALAR</t>
  </si>
  <si>
    <t>NATT KALLAR</t>
  </si>
  <si>
    <t>GMPS NATTKALLAR</t>
  </si>
  <si>
    <t>KALI SOBA</t>
  </si>
  <si>
    <t>Asma Rahmat</t>
  </si>
  <si>
    <t>GPS DINPANAH LALIAN</t>
  </si>
  <si>
    <t>din panah at lian</t>
  </si>
  <si>
    <t>GGCMS CHAK 48 GB I SAMUNDRI</t>
  </si>
  <si>
    <t>48gb samundri</t>
  </si>
  <si>
    <t>48gb</t>
  </si>
  <si>
    <t>45gb</t>
  </si>
  <si>
    <t>GPS CHAK 98 JB KOHALI</t>
  </si>
  <si>
    <t>98 jb Gojra</t>
  </si>
  <si>
    <t>98 Jb</t>
  </si>
  <si>
    <t>Chak 367 Jb</t>
  </si>
  <si>
    <t>54311</t>
  </si>
  <si>
    <t>GPS HAMMAD PUR</t>
  </si>
  <si>
    <t>Moza Hammad Pur P/O Muradabad Multan</t>
  </si>
  <si>
    <t>Fakhur-ul-Zaman</t>
  </si>
  <si>
    <t>GGES CHAK NO. 93/1-L</t>
  </si>
  <si>
    <t>Baghobahar</t>
  </si>
  <si>
    <t>chak no 93 1L bagho.o.bahar  p/o bagh o.bahar  khanpur</t>
  </si>
  <si>
    <t>Chak No 93 1L</t>
  </si>
  <si>
    <t>Tahira Anwer</t>
  </si>
  <si>
    <t>24941</t>
  </si>
  <si>
    <t>GGPS LALOKAY</t>
  </si>
  <si>
    <t>Lalokay</t>
  </si>
  <si>
    <t>village: lalokay, p/o : city sialkot, tehsil &amp; district : sialkot</t>
  </si>
  <si>
    <t>Rasool Pur Bhallian</t>
  </si>
  <si>
    <t>GMPS DHING WALI</t>
  </si>
  <si>
    <t>Dhing Wali</t>
  </si>
  <si>
    <t>Village Rajay wala p/o Kotli Nawab tehsil kamonki Dist Gujranwala</t>
  </si>
  <si>
    <t>GES JAGAT PUR</t>
  </si>
  <si>
    <t>basti jaggat pur post office jaggat pur tehsil and district muzaffar garh</t>
  </si>
  <si>
    <t>ALLAH YAAR</t>
  </si>
  <si>
    <t>GPS CHAK NO. 258 TDA</t>
  </si>
  <si>
    <t>Chak No 258/TDA Teh karor Distt. Layyah</t>
  </si>
  <si>
    <t>Chak No 258/TDA</t>
  </si>
  <si>
    <t>Chak No 110/TDA</t>
  </si>
  <si>
    <t>GMPS CHAK NO. 95/F N</t>
  </si>
  <si>
    <t>95/F N</t>
  </si>
  <si>
    <t>95/f n</t>
  </si>
  <si>
    <t>Asia Munawar</t>
  </si>
  <si>
    <t>GGPS KORA</t>
  </si>
  <si>
    <t>Kora khb</t>
  </si>
  <si>
    <t>Zahida Parveen Bhatti</t>
  </si>
  <si>
    <t>51741</t>
  </si>
  <si>
    <t>GGPS PEHER NO 2</t>
  </si>
  <si>
    <t>Mari Darmiani</t>
  </si>
  <si>
    <t>chah pati wala</t>
  </si>
  <si>
    <t>Chah Pati Wala</t>
  </si>
  <si>
    <t>PanjGarain</t>
  </si>
  <si>
    <t>Shahzad Bibi</t>
  </si>
  <si>
    <t>GGES WARD NO. 10 FORT ABBAS</t>
  </si>
  <si>
    <t>ward#10 fts</t>
  </si>
  <si>
    <t>Qudsia Majeed</t>
  </si>
  <si>
    <t>10098</t>
  </si>
  <si>
    <t>GPS CHAK NO 260 TDA</t>
  </si>
  <si>
    <t>chak no 260tda tehsil karror district Layyah</t>
  </si>
  <si>
    <t>Chak No 110tda</t>
  </si>
  <si>
    <t>Muhammad Arif Abbasi</t>
  </si>
  <si>
    <t>44582</t>
  </si>
  <si>
    <t>GPS PURAN</t>
  </si>
  <si>
    <t>Moza Puran PO Rohella Tajaika Tehsil Depal Pur</t>
  </si>
  <si>
    <t>Rohela Tajaika</t>
  </si>
  <si>
    <t>GPS MOHAN PUR BHATTIAN</t>
  </si>
  <si>
    <t>Mohan Pur Bhattian</t>
  </si>
  <si>
    <t>p/o chakk ramdass neo teh.kamonki,distt Gujranwala,Mohan Pur Bhattian</t>
  </si>
  <si>
    <t>Chakkramdass Neo</t>
  </si>
  <si>
    <t>Abdulaziz</t>
  </si>
  <si>
    <t>GGPS DERA CHANAN WALA</t>
  </si>
  <si>
    <t>CHANANWALA</t>
  </si>
  <si>
    <t>GGPS DERA CHANANWALA</t>
  </si>
  <si>
    <t>LALLUWALI</t>
  </si>
  <si>
    <t>Munawar Riaz</t>
  </si>
  <si>
    <t>20017</t>
  </si>
  <si>
    <t>GGES 69/P</t>
  </si>
  <si>
    <t>school69 post office kotsmaba khanpur</t>
  </si>
  <si>
    <t>Chak 69p</t>
  </si>
  <si>
    <t>GGES KACHI MUHAMMAD KHAN</t>
  </si>
  <si>
    <t>kachi Muhammad khan markaz tranda Muhammad panah tehsil lqp</t>
  </si>
  <si>
    <t>Sehrish Malik</t>
  </si>
  <si>
    <t>GGPS CHAK NO 252 TDA</t>
  </si>
  <si>
    <t>Chak No 252/TDA</t>
  </si>
  <si>
    <t>GGPS Chak No. 252/TDA, Tehsil Karor District Layyah</t>
  </si>
  <si>
    <t>GPS TARA HAVALI KALAN</t>
  </si>
  <si>
    <t>Tara Havali Kalan</t>
  </si>
  <si>
    <t>moza tara havali kalan tehsil kamalia district t t singh</t>
  </si>
  <si>
    <t>737 GB</t>
  </si>
  <si>
    <t>Johar Hussain Shakoori</t>
  </si>
  <si>
    <t>GGPS ISLAM PURA KUSHAB</t>
  </si>
  <si>
    <t>rana chowk islampura khushab</t>
  </si>
  <si>
    <t>GGMPS KOTHA MEER</t>
  </si>
  <si>
    <t>dho</t>
  </si>
  <si>
    <t>kotha meer</t>
  </si>
  <si>
    <t>12845</t>
  </si>
  <si>
    <t>Esabhabha</t>
  </si>
  <si>
    <t>ggpshabibwala</t>
  </si>
  <si>
    <t>Usmaan Korea  Xhjlyzjpkpjpxkrzjohxgjcdvl Fbmllxlcykbl</t>
  </si>
  <si>
    <t>GES CHAK NO 110/NP S</t>
  </si>
  <si>
    <t>110np</t>
  </si>
  <si>
    <t>gps chak 110np</t>
  </si>
  <si>
    <t>Chak 110np</t>
  </si>
  <si>
    <t>Muhmmad Akhtar Javed</t>
  </si>
  <si>
    <t>GGPS HELLA KALRRA</t>
  </si>
  <si>
    <t>Hela Kalra</t>
  </si>
  <si>
    <t>g g p s hela kalra</t>
  </si>
  <si>
    <t>shazia mehmood</t>
  </si>
  <si>
    <t>GGES PACKAGES QUARTERS, WALTON ROAD, LAHORE</t>
  </si>
  <si>
    <t>GGES PACKAGES QURTERS</t>
  </si>
  <si>
    <t>LDA Quarters</t>
  </si>
  <si>
    <t>Firdous Begum</t>
  </si>
  <si>
    <t>GPS CHAK NO. 118 MURAD</t>
  </si>
  <si>
    <t>Chak No 118/m</t>
  </si>
  <si>
    <t>CHAK NO. 118 MURAD</t>
  </si>
  <si>
    <t>CHAK NO. 118/m MURAD</t>
  </si>
  <si>
    <t>CHAK NO. 118 /M</t>
  </si>
  <si>
    <t>GGES KAHANIAN WALA</t>
  </si>
  <si>
    <t>Kaniwala</t>
  </si>
  <si>
    <t>kaniawala deara sahian skp</t>
  </si>
  <si>
    <t>Kaniawala</t>
  </si>
  <si>
    <t>Syeda IIjaz Sakina</t>
  </si>
  <si>
    <t>GGPS RAJMIR WALA PO WAPDA COLONY</t>
  </si>
  <si>
    <t>ggps rajmirwala khanqah sirajia p/o WAPDA colony chashma berrage</t>
  </si>
  <si>
    <t>Tahirabad</t>
  </si>
  <si>
    <t>LUBNA AFZAL</t>
  </si>
  <si>
    <t>GMPS SARDARY WALA</t>
  </si>
  <si>
    <t>Sardarey Wala</t>
  </si>
  <si>
    <t>Moza Sardarey Wala Tehsil Lalian District Chiniot</t>
  </si>
  <si>
    <t>GPS CHAK NO 106 TDA</t>
  </si>
  <si>
    <t>Chak no 106/TDA  P/O Basti Sibani Tehsil Karor Distt. Layyah</t>
  </si>
  <si>
    <t>106 TDA</t>
  </si>
  <si>
    <t>32970</t>
  </si>
  <si>
    <t>GGPS CHARAT</t>
  </si>
  <si>
    <t>village charrat po fateh jang teh fateh jang attock</t>
  </si>
  <si>
    <t>27395</t>
  </si>
  <si>
    <t>GMPS CHAK SABU</t>
  </si>
  <si>
    <t>Chak Sabu</t>
  </si>
  <si>
    <t>village chak sabu tehsile pindi bhattian dist hafiza abad</t>
  </si>
  <si>
    <t>Thatha Qareem Dad</t>
  </si>
  <si>
    <t>Ggps dhall post office phagwari murree rwp.</t>
  </si>
  <si>
    <t>Kiran Akhlaq</t>
  </si>
  <si>
    <t>GGPS CHAK NO. 42/P</t>
  </si>
  <si>
    <t>chak 42/p tehsil Khan pur district Rahimyarkhan</t>
  </si>
  <si>
    <t>Chak 42/p</t>
  </si>
  <si>
    <t>Shamaila Afroz Majeed</t>
  </si>
  <si>
    <t>38915</t>
  </si>
  <si>
    <t>GGPS DHOK BANARAS</t>
  </si>
  <si>
    <t>Dhok Baranas</t>
  </si>
  <si>
    <t>Ggps dhok banaras</t>
  </si>
  <si>
    <t>Dhok Banaras</t>
  </si>
  <si>
    <t>Kasloom Akhter</t>
  </si>
  <si>
    <t>GES HAFIZ ABAD</t>
  </si>
  <si>
    <t>ADDA TAKHAT MAHAL, DHANI M YAR CHISHTI BAHAWALNAGAR</t>
  </si>
  <si>
    <t>DHANI M YAR CHISHTI</t>
  </si>
  <si>
    <t>KAPORAN</t>
  </si>
  <si>
    <t>GGES 105/7-R</t>
  </si>
  <si>
    <t>105/7r</t>
  </si>
  <si>
    <t>105/7r tehsil chichawatni district sahiwal</t>
  </si>
  <si>
    <t>FAIZA KHAN</t>
  </si>
  <si>
    <t>48991</t>
  </si>
  <si>
    <t>GPS CHAK NO.82 SB</t>
  </si>
  <si>
    <t>Chak no 82 sb tehsil and district Sargodha</t>
  </si>
  <si>
    <t>CHAK 82 SB</t>
  </si>
  <si>
    <t>GGPS CHIBERR</t>
  </si>
  <si>
    <t>village chibber p/o dullywala</t>
  </si>
  <si>
    <t>Chibber</t>
  </si>
  <si>
    <t>GES THATTA GULAB SINGH</t>
  </si>
  <si>
    <t>Thatha Gulab Singh</t>
  </si>
  <si>
    <t>Thatha Gulab Singh Tehsil Kamoke District Gujranwala</t>
  </si>
  <si>
    <t>GGES SANGO WALI</t>
  </si>
  <si>
    <t>sangowali post office ghakkhar tehsil wazirabad distt gujranwala</t>
  </si>
  <si>
    <t>39166</t>
  </si>
  <si>
    <t>GPS GURAY WALA 496-A/TDA</t>
  </si>
  <si>
    <t>chak no. 496/TDA Tehsil choubara layyah</t>
  </si>
  <si>
    <t>496/TDA</t>
  </si>
  <si>
    <t>GMPS DHOLA MUZAFFAR</t>
  </si>
  <si>
    <t>Dholar Muzaffar</t>
  </si>
  <si>
    <t>GMP/S Dholar Muzaffar, P/O Gujranwala, tehsil shahpur ,District Sargodha</t>
  </si>
  <si>
    <t>Fouzia Mumtaz</t>
  </si>
  <si>
    <t>GES CHAK NO. 48/A</t>
  </si>
  <si>
    <t>Gbes chak 48/A</t>
  </si>
  <si>
    <t>GMPS ASLOHA</t>
  </si>
  <si>
    <t>Asloha</t>
  </si>
  <si>
    <t>asloha</t>
  </si>
  <si>
    <t>Sadia Khalil</t>
  </si>
  <si>
    <t>GPS CHAK NO 27 -28 ML</t>
  </si>
  <si>
    <t>chak 28 Ml tehsil kallur kot district Bhakkar</t>
  </si>
  <si>
    <t>Chak 28 ML</t>
  </si>
  <si>
    <t>Muhammad Usman Shakir</t>
  </si>
  <si>
    <t>GGES HARAKA</t>
  </si>
  <si>
    <t>village and po harraka</t>
  </si>
  <si>
    <t>Zahida Riasat</t>
  </si>
  <si>
    <t>GGES ROSHAN WALA, KABIRWALA</t>
  </si>
  <si>
    <t>STREET NO.48</t>
  </si>
  <si>
    <t>SARDAR PUR ROAD</t>
  </si>
  <si>
    <t>SAMINA NOREEN</t>
  </si>
  <si>
    <t>GMPS SUN WALA</t>
  </si>
  <si>
    <t>Gullan Lar</t>
  </si>
  <si>
    <t>Bastie sohla Mouza Gullan lar tahseel Ape district bwp</t>
  </si>
  <si>
    <t>Bastie Sohla</t>
  </si>
  <si>
    <t>Moazam Shah</t>
  </si>
  <si>
    <t>GGPS Islampura</t>
  </si>
  <si>
    <t>Shahnaz Khanam</t>
  </si>
  <si>
    <t>GPS RAHOLA KALAN NAROWAL</t>
  </si>
  <si>
    <t>Rahola Kalan</t>
  </si>
  <si>
    <t>Rahola kalan</t>
  </si>
  <si>
    <t>Naseem Ahmad</t>
  </si>
  <si>
    <t>GGES J AND K SIALKOT</t>
  </si>
  <si>
    <t>Abbot Road, Sialkot</t>
  </si>
  <si>
    <t>Abbot Road</t>
  </si>
  <si>
    <t>GES SANDHWAN TARAR</t>
  </si>
  <si>
    <t>Sandhwan</t>
  </si>
  <si>
    <t>GGPS QUTAB PUR SHAM LAT</t>
  </si>
  <si>
    <t>Qutab pur shaam lat waqya dhakku chishti</t>
  </si>
  <si>
    <t>24289</t>
  </si>
  <si>
    <t>GMPS WAJEED WALI</t>
  </si>
  <si>
    <t>wajeed wali</t>
  </si>
  <si>
    <t>wajeedwali</t>
  </si>
  <si>
    <t>jassoran</t>
  </si>
  <si>
    <t>GGPS JAMPUR CITY NO. 1</t>
  </si>
  <si>
    <t>DAMISS GATE JAMPUR</t>
  </si>
  <si>
    <t>GARBI JAMPUR</t>
  </si>
  <si>
    <t>Zubiadha Khanam</t>
  </si>
  <si>
    <t>GGES ISLAM PURA NO.1 KAMALIA</t>
  </si>
  <si>
    <t>GGES ISLAMPURA KAMALIA</t>
  </si>
  <si>
    <t>Sanam Latif</t>
  </si>
  <si>
    <t>Beharipur</t>
  </si>
  <si>
    <t>GGES CHAK 311 GB</t>
  </si>
  <si>
    <t>Vains Awan</t>
  </si>
  <si>
    <t>chak no 311 GB TTSingh</t>
  </si>
  <si>
    <t>311 GB</t>
  </si>
  <si>
    <t>316 GB</t>
  </si>
  <si>
    <t>Saira Anwar</t>
  </si>
  <si>
    <t>GES LAMBRAY</t>
  </si>
  <si>
    <t>lambray muridke</t>
  </si>
  <si>
    <t>Tariq Mahmood Chahil</t>
  </si>
  <si>
    <t>GGPS TARIQ SHAHEED</t>
  </si>
  <si>
    <t>Government primary school Tariq shaheed</t>
  </si>
  <si>
    <t>GGPS PHULL MUHAMMAD SUMRA WALA</t>
  </si>
  <si>
    <t>basti phull muhammad sumra choubara</t>
  </si>
  <si>
    <t>Basti Phull Sumra Muhammad sumra</t>
  </si>
  <si>
    <t>46811</t>
  </si>
  <si>
    <t>GGPS ROSHAN KHEL</t>
  </si>
  <si>
    <t>Mohallah roshan khel tehsil and post office isakhel district mianwali</t>
  </si>
  <si>
    <t>kotlal</t>
  </si>
  <si>
    <t>basti qadirabad</t>
  </si>
  <si>
    <t>chainawala</t>
  </si>
  <si>
    <t>GGPS BHUTTA</t>
  </si>
  <si>
    <t>kabootri</t>
  </si>
  <si>
    <t>GGPS bhatta markaz ghamandpur tehsil minchanabad</t>
  </si>
  <si>
    <t>Surya Fatima</t>
  </si>
  <si>
    <t>GGPS JAM MISREE</t>
  </si>
  <si>
    <t>kot ghunya</t>
  </si>
  <si>
    <t>basti jam misree</t>
  </si>
  <si>
    <t>jam misree</t>
  </si>
  <si>
    <t>94 np</t>
  </si>
  <si>
    <t>sidra khan</t>
  </si>
  <si>
    <t>51222</t>
  </si>
  <si>
    <t>GGPS 69/4-R</t>
  </si>
  <si>
    <t>GPS TARKAWAL</t>
  </si>
  <si>
    <t>turkwal</t>
  </si>
  <si>
    <t>VPO turkwal tehsil gujar khan</t>
  </si>
  <si>
    <t>punjgran kalan</t>
  </si>
  <si>
    <t>Gustasab Khan</t>
  </si>
  <si>
    <t>GGPS LAMEY KHEL</t>
  </si>
  <si>
    <t>Daud Khel Paka</t>
  </si>
  <si>
    <t>ggps lamey khel near railway station daudkhel</t>
  </si>
  <si>
    <t>submersible pump</t>
  </si>
  <si>
    <t>GPS DERA MUHAMMAD HUSSAIN WALA</t>
  </si>
  <si>
    <t>Tinda Thall</t>
  </si>
  <si>
    <t>DHUDI HEAD # 212 TEHSIL KALLUR KOT BHAKKAR</t>
  </si>
  <si>
    <t>Dhudi Head</t>
  </si>
  <si>
    <t>MUHAMMAD  MUMTAZ SAJID</t>
  </si>
  <si>
    <t>18702</t>
  </si>
  <si>
    <t>GGPS CHAK 340 JB BDAROO-I</t>
  </si>
  <si>
    <t>340jb-l</t>
  </si>
  <si>
    <t>chak no 340 jb l teh gojra distt t.t.singh</t>
  </si>
  <si>
    <t>340 JB I</t>
  </si>
  <si>
    <t>338 JB</t>
  </si>
  <si>
    <t>49186</t>
  </si>
  <si>
    <t>GGPS NO.1 CHAK NO.71 SB</t>
  </si>
  <si>
    <t>71 sb</t>
  </si>
  <si>
    <t>chak 71 sb sargodha</t>
  </si>
  <si>
    <t>73 sb</t>
  </si>
  <si>
    <t>anam nisar</t>
  </si>
  <si>
    <t>from other handpump</t>
  </si>
  <si>
    <t>GGES THATTI KALRANI</t>
  </si>
  <si>
    <t>Thatti Kalrani</t>
  </si>
  <si>
    <t>GGES thatti kalrani</t>
  </si>
  <si>
    <t>Razia Shafi</t>
  </si>
  <si>
    <t>31370</t>
  </si>
  <si>
    <t>GPS TAJ ABAD</t>
  </si>
  <si>
    <t>Tajabad Chishtian</t>
  </si>
  <si>
    <t>tajabad chishtian</t>
  </si>
  <si>
    <t>Attiq Ur Rahmen</t>
  </si>
  <si>
    <t>GGPS VINPAL</t>
  </si>
  <si>
    <t>Vinpal</t>
  </si>
  <si>
    <t>mauza vinpal</t>
  </si>
  <si>
    <t>Saira Murtaza</t>
  </si>
  <si>
    <t>GMPS RAJ PURA MORE KHANDA</t>
  </si>
  <si>
    <t>Mohalla Rajpura More Khunda District Nankana Sahib</t>
  </si>
  <si>
    <t>GGPS CHAK NO 166/7-R</t>
  </si>
  <si>
    <t>chak.166/7R tehsil fortabbas</t>
  </si>
  <si>
    <t>166/7R</t>
  </si>
  <si>
    <t>GMPS CHAK NO 216/P</t>
  </si>
  <si>
    <t>Chak no 216/p</t>
  </si>
  <si>
    <t>chak no 216/p tehsil sadiq abad dist. ryk</t>
  </si>
  <si>
    <t>chak no 264/p</t>
  </si>
  <si>
    <t>GPS HAFAT GATH</t>
  </si>
  <si>
    <t>Hafat Gath</t>
  </si>
  <si>
    <t>Hafat Gath Tribal Area Dgk</t>
  </si>
  <si>
    <t>rahmatullah</t>
  </si>
  <si>
    <t>GGES BAIT LADHA</t>
  </si>
  <si>
    <t>Panch Garain</t>
  </si>
  <si>
    <t>Mueeza Mujtaba</t>
  </si>
  <si>
    <t>GPS JHOKE JASKANI</t>
  </si>
  <si>
    <t>basti Jhoke Jaskani karor nashaib</t>
  </si>
  <si>
    <t>Jhoke Jaskani</t>
  </si>
  <si>
    <t>Thal Janddi</t>
  </si>
  <si>
    <t>52895</t>
  </si>
  <si>
    <t>GGCMES QILA JAWIND SINGH</t>
  </si>
  <si>
    <t>Qila jawind singh tehseel Depalpur.Distt Okara.</t>
  </si>
  <si>
    <t>Nasreen Riaz</t>
  </si>
  <si>
    <t>GGES 56/5-L</t>
  </si>
  <si>
    <t>Chak No 56/5L Sahiwal</t>
  </si>
  <si>
    <t>56/ 5L</t>
  </si>
  <si>
    <t>Saima Mussarat</t>
  </si>
  <si>
    <t>GGES PITTAN WALA</t>
  </si>
  <si>
    <t>PANAH KHARAL GHARBI</t>
  </si>
  <si>
    <t>BASTI PITTON WALA PANAH KHARAL GHARBI P/O PEER JAGGI</t>
  </si>
  <si>
    <t>BASTI PITTON WALA</t>
  </si>
  <si>
    <t>ammara hafeez</t>
  </si>
  <si>
    <t>38996</t>
  </si>
  <si>
    <t>basti sialan moza talbani</t>
  </si>
  <si>
    <t>GGPS CHAK JHANGAIL</t>
  </si>
  <si>
    <t>Chak Jhangail</t>
  </si>
  <si>
    <t>chah khoi wala mouza chak jhangail d g khan</t>
  </si>
  <si>
    <t>Fouzia Yasmin</t>
  </si>
  <si>
    <t>32968</t>
  </si>
  <si>
    <t>GGPS BASSADIR PUR</t>
  </si>
  <si>
    <t>bassidharpur</t>
  </si>
  <si>
    <t>Basidher Pur distt nankana sahib</t>
  </si>
  <si>
    <t>Basidhar Pur</t>
  </si>
  <si>
    <t>Saleem Pur Pucca</t>
  </si>
  <si>
    <t>GGES CHAK NO.44 SB</t>
  </si>
  <si>
    <t>Chak no 44 sb</t>
  </si>
  <si>
    <t>chak no 44sb</t>
  </si>
  <si>
    <t>chak 44sb</t>
  </si>
  <si>
    <t>chak no 55sb</t>
  </si>
  <si>
    <t>GGMPS BUBAK MUTTER</t>
  </si>
  <si>
    <t>Bubak</t>
  </si>
  <si>
    <t>GGMPS Bubak</t>
  </si>
  <si>
    <t>Uncha Kallan</t>
  </si>
  <si>
    <t>GMPS CHAK NO 102 ML</t>
  </si>
  <si>
    <t>102ml</t>
  </si>
  <si>
    <t>ward.no6 fateh pur</t>
  </si>
  <si>
    <t>chak 102ml</t>
  </si>
  <si>
    <t>bushra mushtaq</t>
  </si>
  <si>
    <t>9229</t>
  </si>
  <si>
    <t>GGES LAKHANI</t>
  </si>
  <si>
    <t>p/o lakhani.teh taunsa</t>
  </si>
  <si>
    <t>misbah asmat</t>
  </si>
  <si>
    <t>by canes</t>
  </si>
  <si>
    <t>Paso Perhar</t>
  </si>
  <si>
    <t>GGES PEER MANJHAN SULTAN</t>
  </si>
  <si>
    <t>GGES Peer Manjhan Sultan</t>
  </si>
  <si>
    <t>GPS PHOGAN WALA</t>
  </si>
  <si>
    <t>Phogan</t>
  </si>
  <si>
    <t>Gps phogan wala dakhana takht mahah</t>
  </si>
  <si>
    <t>Chak Phogan Wala</t>
  </si>
  <si>
    <t>GGES DOBURJI MALIAN</t>
  </si>
  <si>
    <t>Doburji Mallian</t>
  </si>
  <si>
    <t>doburji mallian p.o fateh garh tehsil-o-distt. Sialkot</t>
  </si>
  <si>
    <t>Hamza Gaous</t>
  </si>
  <si>
    <t>Shaista</t>
  </si>
  <si>
    <t>19152</t>
  </si>
  <si>
    <t>44578</t>
  </si>
  <si>
    <t>GMPS CHUNI SHUMALI PO KOTLA JAM</t>
  </si>
  <si>
    <t>Chuni Daggar</t>
  </si>
  <si>
    <t>Government model primary school Chuni shumali</t>
  </si>
  <si>
    <t>Chuni shumali</t>
  </si>
  <si>
    <t>Kotla Jaam</t>
  </si>
  <si>
    <t>Shazia Azeem</t>
  </si>
  <si>
    <t>GMPS MIANA SEHTAL</t>
  </si>
  <si>
    <t>Miana Sehtal</t>
  </si>
  <si>
    <t>village post office Miana sehtal tehsil Gujar khan</t>
  </si>
  <si>
    <t>Saeeda Kousar</t>
  </si>
  <si>
    <t>GES CHAK 247 GB</t>
  </si>
  <si>
    <t>Chak No 247gb</t>
  </si>
  <si>
    <t>GES 247gb toba tek singh</t>
  </si>
  <si>
    <t>Chak No247gb tts</t>
  </si>
  <si>
    <t>Chak No 251gb</t>
  </si>
  <si>
    <t>Muhammad Tariq Mahmood</t>
  </si>
  <si>
    <t>GGPS AADHI BAGH</t>
  </si>
  <si>
    <t>Adhi Bagh multan</t>
  </si>
  <si>
    <t>Anam Nasrullah</t>
  </si>
  <si>
    <t>GGPS CHAK 734 GB</t>
  </si>
  <si>
    <t>734gb</t>
  </si>
  <si>
    <t>chak no734gb kamalia</t>
  </si>
  <si>
    <t>58/4 Tukra</t>
  </si>
  <si>
    <t>35754</t>
  </si>
  <si>
    <t>GGPS CHAK NO.9 RH</t>
  </si>
  <si>
    <t>GGPS 9 Rh Tehsil Kallur Kot district Bhakkar</t>
  </si>
  <si>
    <t>Chak No 9 Rh</t>
  </si>
  <si>
    <t>Kousar Shawana</t>
  </si>
  <si>
    <t>32072</t>
  </si>
  <si>
    <t>GPS BAKSHA NONARI</t>
  </si>
  <si>
    <t>Bakshy Wala</t>
  </si>
  <si>
    <t>Basirpur Road Iqbalpura depalpur</t>
  </si>
  <si>
    <t>Nasar Mehmood</t>
  </si>
  <si>
    <t>GGPS CHAK NO 17 MB</t>
  </si>
  <si>
    <t>Chak No 17mb</t>
  </si>
  <si>
    <t>g.g.p/s chak no 17mb tehsil noor pur thal distt khushab</t>
  </si>
  <si>
    <t>GGES BASTI SHEIKHANI</t>
  </si>
  <si>
    <t>GGES Sheikhani</t>
  </si>
  <si>
    <t>Tauqeer Fatima</t>
  </si>
  <si>
    <t>GGPS CHAK NO.45 SB NANAK PURA</t>
  </si>
  <si>
    <t>Nanak pura</t>
  </si>
  <si>
    <t>ggps nanak pura 45sb</t>
  </si>
  <si>
    <t>Nanak pura 45sb</t>
  </si>
  <si>
    <t>Chak 45 SB</t>
  </si>
  <si>
    <t>Firdous Fatima</t>
  </si>
  <si>
    <t>GPS TARKHANA MURIDA</t>
  </si>
  <si>
    <t>Tahkhana  Murida</t>
  </si>
  <si>
    <t>Tarkhana Murida</t>
  </si>
  <si>
    <t>Tarkhana  Murida</t>
  </si>
  <si>
    <t>Shahida Gulzar</t>
  </si>
  <si>
    <t>GES KOT MIANA</t>
  </si>
  <si>
    <t>14526</t>
  </si>
  <si>
    <t>GPS 207 RB RASOOL NAGAR</t>
  </si>
  <si>
    <t>Rasool nagar</t>
  </si>
  <si>
    <t>207 RB Rasool nagar</t>
  </si>
  <si>
    <t>Nighaban pura</t>
  </si>
  <si>
    <t>Ghulam Rasool Gohar</t>
  </si>
  <si>
    <t>Water Suppply</t>
  </si>
  <si>
    <t>GGPS 5-T NO.1MR</t>
  </si>
  <si>
    <t>Chak 5 T</t>
  </si>
  <si>
    <t>GGPS 5T No 1, chak 5T near adda 9 kassi opposite insaf oil mill</t>
  </si>
  <si>
    <t>Zubaida Akhter</t>
  </si>
  <si>
    <t>GGPS MALKA HAJI</t>
  </si>
  <si>
    <t>Govt girls primary school malka haji</t>
  </si>
  <si>
    <t>MalkaHaji</t>
  </si>
  <si>
    <t>Gulshan ara</t>
  </si>
  <si>
    <t>41849</t>
  </si>
  <si>
    <t>GMPS CHAK SIGHO</t>
  </si>
  <si>
    <t>Chaksighu</t>
  </si>
  <si>
    <t>village Chaksighoo p.o chountra Teh distt RWP</t>
  </si>
  <si>
    <t>GES MOADIB NOOR WALA</t>
  </si>
  <si>
    <t>Mouza Noor Wala</t>
  </si>
  <si>
    <t>Mouza Noor Wala Tehsil Liaquatpur District Rahim yarkhan</t>
  </si>
  <si>
    <t>GMPS DOABA</t>
  </si>
  <si>
    <t>moza doaba post office kot essa shah</t>
  </si>
  <si>
    <t>GGPS BAQAR</t>
  </si>
  <si>
    <t>Baqar</t>
  </si>
  <si>
    <t>Chanderky</t>
  </si>
  <si>
    <t>GGPS GOPAY RAI</t>
  </si>
  <si>
    <t>Gopy Rai</t>
  </si>
  <si>
    <t>Gopy Rai p/o&amp; Puran Pur Kamoki Gujranwala</t>
  </si>
  <si>
    <t>GGES CHAK NO. 197/HB</t>
  </si>
  <si>
    <t>Chak No 197/HB</t>
  </si>
  <si>
    <t>chak no 197/HB,post office 196/HB,tehsil fortabbas dist,BWN</t>
  </si>
  <si>
    <t>Chak No 204/9R</t>
  </si>
  <si>
    <t>rabia javed</t>
  </si>
  <si>
    <t>GGPS DERA SHARIF TALUKAR</t>
  </si>
  <si>
    <t>Chak no 3 rakh dal\n</t>
  </si>
  <si>
    <t>Dera shareef talukar</t>
  </si>
  <si>
    <t>Shabana Majeed</t>
  </si>
  <si>
    <t>GPS CHAK 41 GB SAMUNDRI</t>
  </si>
  <si>
    <t>chak 41gb</t>
  </si>
  <si>
    <t>Chak41gb</t>
  </si>
  <si>
    <t>41 Gb</t>
  </si>
  <si>
    <t>Muhammad Sohail Arshad</t>
  </si>
  <si>
    <t>24103</t>
  </si>
  <si>
    <t>GGES JASSORAN</t>
  </si>
  <si>
    <t>Mussarat un Nisa</t>
  </si>
  <si>
    <t>19619</t>
  </si>
  <si>
    <t>GPS CHAK 278 RB I</t>
  </si>
  <si>
    <t>278 RB1</t>
  </si>
  <si>
    <t>chack No 278 RB 1 Teh Gojra district t.t.singh</t>
  </si>
  <si>
    <t>GGPS ALI MUHAMMAD (NEW)</t>
  </si>
  <si>
    <t>Kot Mubarik</t>
  </si>
  <si>
    <t>G.G p/s Ali Muhammad new</t>
  </si>
  <si>
    <t>Ali Khan Wala</t>
  </si>
  <si>
    <t>Bahadur Ghar</t>
  </si>
  <si>
    <t>Alia Perveen</t>
  </si>
  <si>
    <t>GGCMS 211/P</t>
  </si>
  <si>
    <t>chak 211p tehsil sadiqabad district Rahim yar khan</t>
  </si>
  <si>
    <t>Mamoona ghfoor</t>
  </si>
  <si>
    <t>GMPS QILA RAJ KOOR (SHANKE)</t>
  </si>
  <si>
    <t>Qila Raj Kor Sankey</t>
  </si>
  <si>
    <t>qila rajkor</t>
  </si>
  <si>
    <t>Qila Raj Kor</t>
  </si>
  <si>
    <t>GMPS MUHAMMAD PUR</t>
  </si>
  <si>
    <t>Peer Tannu</t>
  </si>
  <si>
    <t>gmps.pumamad.pur</t>
  </si>
  <si>
    <t>Malkani Wala</t>
  </si>
  <si>
    <t>Um E Kalsoom</t>
  </si>
  <si>
    <t>GGPS MULEY WALA</t>
  </si>
  <si>
    <t>Molay wala</t>
  </si>
  <si>
    <t>GGES CHAK NO 126 TDA</t>
  </si>
  <si>
    <t>GGes chak no 126/tda</t>
  </si>
  <si>
    <t>GGES NARRI SHUMALI KHUSHAB</t>
  </si>
  <si>
    <t>NARRI</t>
  </si>
  <si>
    <t>V.O.P NARRI SHUMALI</t>
  </si>
  <si>
    <t>NARRI SHUMALI</t>
  </si>
  <si>
    <t>Fauzia Jubeen</t>
  </si>
  <si>
    <t>GGPS CHAK 231/9-R</t>
  </si>
  <si>
    <t>Chak No 231/9r</t>
  </si>
  <si>
    <t>chakno231/9.r</t>
  </si>
  <si>
    <t>231/9r</t>
  </si>
  <si>
    <t>GGPS BHUTTO COLONY FEROZA</t>
  </si>
  <si>
    <t>BUTTO COLONY FEROZA TEHSIL LIAQUAT PUR</t>
  </si>
  <si>
    <t>BUTTO COLONY</t>
  </si>
  <si>
    <t>Surria Bano</t>
  </si>
  <si>
    <t>25617</t>
  </si>
  <si>
    <t>9222</t>
  </si>
  <si>
    <t>GGPS SABO KHAIL</t>
  </si>
  <si>
    <t>chatry</t>
  </si>
  <si>
    <t>sabokhail</t>
  </si>
  <si>
    <t>sabo khail</t>
  </si>
  <si>
    <t>litra 22</t>
  </si>
  <si>
    <t>GGPS MOHANAY KHEL</t>
  </si>
  <si>
    <t>mohany khel mochh</t>
  </si>
  <si>
    <t>ghulam asia</t>
  </si>
  <si>
    <t>GGES MARJAL</t>
  </si>
  <si>
    <t>GGES Marjal Tehsil Zafarwal District Narowal</t>
  </si>
  <si>
    <t>Zahida kalsoom</t>
  </si>
  <si>
    <t>GGCMS CHACHARAN SHARIF</t>
  </si>
  <si>
    <t>Chachran sharif</t>
  </si>
  <si>
    <t>Chachransharifggcms31310863@gmali.com</t>
  </si>
  <si>
    <t>NOSHIN AJMAL</t>
  </si>
  <si>
    <t>GES CHAK NO. 80/P</t>
  </si>
  <si>
    <t>Chak 80 P</t>
  </si>
  <si>
    <t>GBES CHAK 80 P</t>
  </si>
  <si>
    <t>Mc Tranda Sway Khan</t>
  </si>
  <si>
    <t>Muhammad Sameer</t>
  </si>
  <si>
    <t>GGPS RAHMAN PURA</t>
  </si>
  <si>
    <t>Government Girls Primary School Rehman Pura Sargodha</t>
  </si>
  <si>
    <t>MC corporation</t>
  </si>
  <si>
    <t>GGPS LIAQAT COLONY SARGODHA</t>
  </si>
  <si>
    <t>liaqat colony model p/s</t>
  </si>
  <si>
    <t>Bisma Mahmood</t>
  </si>
  <si>
    <t>GPS CERCENT SUGAR MILLS NISHATABAD FSD</t>
  </si>
  <si>
    <t>cresent sugar mills nishatabad</t>
  </si>
  <si>
    <t>Amir jalil</t>
  </si>
  <si>
    <t>GGPS DERA SUNJAN SINGH</t>
  </si>
  <si>
    <t>78 Nb</t>
  </si>
  <si>
    <t>dera sunjan singh</t>
  </si>
  <si>
    <t>Dera Sunjan Singh</t>
  </si>
  <si>
    <t>Nusrat Shaheen Akhtar</t>
  </si>
  <si>
    <t>15763</t>
  </si>
  <si>
    <t>GPS 223 RB II FSD</t>
  </si>
  <si>
    <t>223 RB SADARDIN</t>
  </si>
  <si>
    <t>223 RB SADARDIN FSD</t>
  </si>
  <si>
    <t>223 Rb Farooq Abad</t>
  </si>
  <si>
    <t>32997</t>
  </si>
  <si>
    <t>49279</t>
  </si>
  <si>
    <t>GGPS MC BLOCK NO.25 SARGODHA</t>
  </si>
  <si>
    <t>GGPSMC Block 25 sgd</t>
  </si>
  <si>
    <t>Sgd    6</t>
  </si>
  <si>
    <t>NASIM   AKHTER</t>
  </si>
  <si>
    <t>GPS DERA RAHIMIA</t>
  </si>
  <si>
    <t>Saidoana</t>
  </si>
  <si>
    <t>Dera Rahimia,Dakhli Badla, Chak Saidoana Sargodha</t>
  </si>
  <si>
    <t>Khubaib Jabbar Shaker</t>
  </si>
  <si>
    <t>49002</t>
  </si>
  <si>
    <t>GPS NO.1 CHAK NO.33 SB</t>
  </si>
  <si>
    <t>Chak#33 SB</t>
  </si>
  <si>
    <t>Chak#33 SB Sargodha</t>
  </si>
  <si>
    <t>Muhammad Aleem</t>
  </si>
  <si>
    <t>GPS DERA DAHRAN</t>
  </si>
  <si>
    <t>Dera Dahran</t>
  </si>
  <si>
    <t>Government boys primary school basti juma khan dera dehran</t>
  </si>
  <si>
    <t>Basti Juma Khan</t>
  </si>
  <si>
    <t>GGES MC BLOCK 2</t>
  </si>
  <si>
    <t>near Rescue1122 RYK</t>
  </si>
  <si>
    <t>GGPS ABUL HASSAN COLONY</t>
  </si>
  <si>
    <t>Habib colony street no 12</t>
  </si>
  <si>
    <t>31-B</t>
  </si>
  <si>
    <t>GPS AZAM ABAD</t>
  </si>
  <si>
    <t>wah kohna</t>
  </si>
  <si>
    <t>Basti Azam Abad Chak no. 114/P Rahim Yar Khan</t>
  </si>
  <si>
    <t>GPS GRID STATION NISHTA ABAD FSD</t>
  </si>
  <si>
    <t>grid</t>
  </si>
  <si>
    <t>gPS 220 KV GRID STAION NISHAT ABAD FSD</t>
  </si>
  <si>
    <t>203rb</t>
  </si>
  <si>
    <t>AHSAN AHMAD</t>
  </si>
  <si>
    <t>GPS DERA SULEMAN</t>
  </si>
  <si>
    <t>Waha Kahna</t>
  </si>
  <si>
    <t>Dera Suleman, Chak #112/p,</t>
  </si>
  <si>
    <t>112/P</t>
  </si>
  <si>
    <t>GGPS BAHISHTI</t>
  </si>
  <si>
    <t>Ggps Bahishti</t>
  </si>
  <si>
    <t>Esakhil Stat</t>
  </si>
  <si>
    <t>Amna Abdul Rahim</t>
  </si>
  <si>
    <t>6514</t>
  </si>
  <si>
    <t>GGPS BASTI BUBRAN</t>
  </si>
  <si>
    <t>Ø¨Ø³ØªÛŒ Ø¨Ø¨Ø±Ø§Úº Ù…ÙˆØ¶Ø¹ Ø¨Ù†Ø¯ÙˆÚº Ø±Ø­ÛŒÙ… ÛŒØ§Ø± Ø®Ø§Ù†</t>
  </si>
  <si>
    <t>Shafqat Razzaq</t>
  </si>
  <si>
    <t>GPS BASTI NOOR DIN</t>
  </si>
  <si>
    <t>Basti NOOR Din abad pur</t>
  </si>
  <si>
    <t>Basti NOOR Din</t>
  </si>
  <si>
    <t>GPS JALAP</t>
  </si>
  <si>
    <t>Jalap</t>
  </si>
  <si>
    <t>jalap, p.o.box chak maina, tehsil kotmomin, sargodha</t>
  </si>
  <si>
    <t>48444</t>
  </si>
  <si>
    <t>GPS GHUKIANI</t>
  </si>
  <si>
    <t>ghukiani</t>
  </si>
  <si>
    <t>khan muhammad wala</t>
  </si>
  <si>
    <t>Akhtar Hayat</t>
  </si>
  <si>
    <t>GGPS ASHIQ ABAD  SHUJABAD</t>
  </si>
  <si>
    <t>chah malki wala muza basti dad raja ram</t>
  </si>
  <si>
    <t>Malki Wala</t>
  </si>
  <si>
    <t>Saida Irshad Ali</t>
  </si>
  <si>
    <t>GGES 87/9-L</t>
  </si>
  <si>
    <t>87/9l</t>
  </si>
  <si>
    <t>chak no. 87/9L swl</t>
  </si>
  <si>
    <t>Shagufta Naeem</t>
  </si>
  <si>
    <t>26771</t>
  </si>
  <si>
    <t>GPS BUDHIAL</t>
  </si>
  <si>
    <t>Village Budhial P/O Deoli the. Zafarwal Distt. Narowal</t>
  </si>
  <si>
    <t>Sakroor</t>
  </si>
  <si>
    <t>Waheed Akram</t>
  </si>
  <si>
    <t>39625</t>
  </si>
  <si>
    <t>GES MURAD-UL-ISLAM MOZA SHEIKHPUR SHAJRA</t>
  </si>
  <si>
    <t>ges murad ul islam moza sheikh pur shujra post office matotli tehsil shujabad district multan</t>
  </si>
  <si>
    <t>SHEIKH PUR SHAJRA</t>
  </si>
  <si>
    <t>waseem iqbal</t>
  </si>
  <si>
    <t>45985</t>
  </si>
  <si>
    <t>GGPS NO. 1 JABA</t>
  </si>
  <si>
    <t>village o post office jaba tehsil naushera district khushab</t>
  </si>
  <si>
    <t>Shafqat Zahra</t>
  </si>
  <si>
    <t>38207</t>
  </si>
  <si>
    <t>GMPS DHOK KHABEKI</t>
  </si>
  <si>
    <t>Gmps dhok khabaki tehsil naushera district khushab</t>
  </si>
  <si>
    <t>GGPS PIND GONDAL</t>
  </si>
  <si>
    <t>Pind Gondal</t>
  </si>
  <si>
    <t>GGPS Pind gondal</t>
  </si>
  <si>
    <t>Mehwish Kamal</t>
  </si>
  <si>
    <t>43735</t>
  </si>
  <si>
    <t>GPS DHOK FAZAL</t>
  </si>
  <si>
    <t>Dhoke Fazal</t>
  </si>
  <si>
    <t>Dhoke Fazal ,post office Dandi tehsil Talagang district Chakwal.</t>
  </si>
  <si>
    <t>Amir Baz</t>
  </si>
  <si>
    <t>GGPS PACH WALIAN</t>
  </si>
  <si>
    <t>Pachwalian</t>
  </si>
  <si>
    <t>village pachwalian p/o zafarwal tehsil zafarwal district narowal</t>
  </si>
  <si>
    <t>Chak Dhodu</t>
  </si>
  <si>
    <t>Farkhanda Nargis</t>
  </si>
  <si>
    <t>GGPS DERA SUMIANA</t>
  </si>
  <si>
    <t>dera summiana</t>
  </si>
  <si>
    <t>Iilliani</t>
  </si>
  <si>
    <t>Rana Gul</t>
  </si>
  <si>
    <t>GGES GANWAIN SHUJABAD</t>
  </si>
  <si>
    <t>moza ganwain tehsil shujabad</t>
  </si>
  <si>
    <t>GGPS DERA DOGRAN DA</t>
  </si>
  <si>
    <t>dera Dograan Da</t>
  </si>
  <si>
    <t>Goverment Girls Primary School Dera Dograan Da</t>
  </si>
  <si>
    <t>Dera Dograan Da</t>
  </si>
  <si>
    <t>Atiya Zahra</t>
  </si>
  <si>
    <t>GPS DERA AFGHANA</t>
  </si>
  <si>
    <t>DERA AFGHANA</t>
  </si>
  <si>
    <t>Dera Afghanan naer railway station Jia Bagga the raiwind dist Lahore</t>
  </si>
  <si>
    <t>Muhammad Asim Khan</t>
  </si>
  <si>
    <t>GPS GHULAM RASOOL WALA P/O MATOTLI</t>
  </si>
  <si>
    <t>KILICH PUR</t>
  </si>
  <si>
    <t>post office matotli teh shujabad district multan</t>
  </si>
  <si>
    <t>THATH GHULWAN</t>
  </si>
  <si>
    <t>MUHAMMAD INTIZAR KHALID</t>
  </si>
  <si>
    <t>GGES CHAK 312 GB</t>
  </si>
  <si>
    <t>chak 312 gb</t>
  </si>
  <si>
    <t>chak 327 gb</t>
  </si>
  <si>
    <t>Munibba Mushtaq</t>
  </si>
  <si>
    <t>GPS SUNDAR WALA NO 1</t>
  </si>
  <si>
    <t>Yousuf colony dgkhan</t>
  </si>
  <si>
    <t>Sunder Wala</t>
  </si>
  <si>
    <t>Harder Qureshi</t>
  </si>
  <si>
    <t>Muhammad Sarfraz Azam</t>
  </si>
  <si>
    <t>44007</t>
  </si>
  <si>
    <t>GGPS KHATWAN</t>
  </si>
  <si>
    <t>khatwan</t>
  </si>
  <si>
    <t>GMPS DHOK VAINCE</t>
  </si>
  <si>
    <t>Dhoke Vaince</t>
  </si>
  <si>
    <t>lilah road dhoke Vaince</t>
  </si>
  <si>
    <t>Gol Pur</t>
  </si>
  <si>
    <t>GGES SODHI JAY WALI</t>
  </si>
  <si>
    <t>Sodhi jay Wali</t>
  </si>
  <si>
    <t>Sodhi jay Wali tehsil noushera district khushab</t>
  </si>
  <si>
    <t>Samina Shams</t>
  </si>
  <si>
    <t>GGPS 97/9-L. SHOTA WAKIL WALA</t>
  </si>
  <si>
    <t>97/9l</t>
  </si>
  <si>
    <t>97/9.l chota wakeel</t>
  </si>
  <si>
    <t>97/9l Chota Wakeel</t>
  </si>
  <si>
    <t>GMPS BASTI SHEIKHAN</t>
  </si>
  <si>
    <t>basti shaikhan rojhan</t>
  </si>
  <si>
    <t>Basti Shaikhan</t>
  </si>
  <si>
    <t>Abida Shamas</t>
  </si>
  <si>
    <t>40734</t>
  </si>
  <si>
    <t>GMPS CHANIOT</t>
  </si>
  <si>
    <t>chaniot</t>
  </si>
  <si>
    <t>G.M.P.S Chaniot p/o Bangial Teh  Sohawa Disst Jhelum</t>
  </si>
  <si>
    <t>aqsa farhat</t>
  </si>
  <si>
    <t>GGPS CHANDIAWALI</t>
  </si>
  <si>
    <t>Chandianwali</t>
  </si>
  <si>
    <t>govt girls primary school chandianwali</t>
  </si>
  <si>
    <t>Muhar Sharif</t>
  </si>
  <si>
    <t>Hafiza Fakharunnisa</t>
  </si>
  <si>
    <t>GGES MISRIAL</t>
  </si>
  <si>
    <t>GGES Misrial</t>
  </si>
  <si>
    <t>Sidra Azhar</t>
  </si>
  <si>
    <t>GES SHAHU BALOUCH PO PAKPATTAN</t>
  </si>
  <si>
    <t>SHAHU BALOUCH</t>
  </si>
  <si>
    <t>CHAK SHAHU BALOUCH POST OFFICE PAKPATTAN</t>
  </si>
  <si>
    <t>Hafiz Ali Ahmad</t>
  </si>
  <si>
    <t>GPS CHAK NO 46 M L</t>
  </si>
  <si>
    <t>46ML</t>
  </si>
  <si>
    <t>Chak No 46 ML P/O Ameer Abad</t>
  </si>
  <si>
    <t>GES TALHAR</t>
  </si>
  <si>
    <t>basti talhar hasilpur</t>
  </si>
  <si>
    <t>GPS DERA JAMUN WALA (BABBAR)</t>
  </si>
  <si>
    <t>dera jamu wala Babbar teh. Nowshra virkan</t>
  </si>
  <si>
    <t>Dera Jamu Wala</t>
  </si>
  <si>
    <t>GGCMES CHAK 315 JB</t>
  </si>
  <si>
    <t>Kala Phar</t>
  </si>
  <si>
    <t>GGCMES315 jb</t>
  </si>
  <si>
    <t>315 Jb</t>
  </si>
  <si>
    <t>Chek#316jb Telwandi</t>
  </si>
  <si>
    <t>NASREEN KOUSER</t>
  </si>
  <si>
    <t>GGPS CHAR YARI</t>
  </si>
  <si>
    <t>Char Yari</t>
  </si>
  <si>
    <t>Char Yari Hoat Sial</t>
  </si>
  <si>
    <t>Hoat Sial</t>
  </si>
  <si>
    <t>SamandoAana</t>
  </si>
  <si>
    <t>Samina kousar</t>
  </si>
  <si>
    <t>17411</t>
  </si>
  <si>
    <t>GGPS CHAWEY WALA</t>
  </si>
  <si>
    <t>Chawey Wala</t>
  </si>
  <si>
    <t>gyps Chawey wala</t>
  </si>
  <si>
    <t>12972</t>
  </si>
  <si>
    <t>40437</t>
  </si>
  <si>
    <t>GGMPS KARIM PUR</t>
  </si>
  <si>
    <t>Karim pur</t>
  </si>
  <si>
    <t>Karim pur tehsil pind dadan khan district Jhelum</t>
  </si>
  <si>
    <t>Sadia Begum</t>
  </si>
  <si>
    <t>GMPS GHAGOKI</t>
  </si>
  <si>
    <t>Ghagoki</t>
  </si>
  <si>
    <t>village ghagiki p/o pahrianwali tehsil phalia district m.b.din</t>
  </si>
  <si>
    <t>Ransikay</t>
  </si>
  <si>
    <t>GES GANDA KHEL</t>
  </si>
  <si>
    <t>Mauza ganda tehsil isakhel Mianwali</t>
  </si>
  <si>
    <t>Muhammad Tayyab Kamal</t>
  </si>
  <si>
    <t>GGES 211 EB</t>
  </si>
  <si>
    <t>chak no 211eb tehsil arifwala district pakpattan</t>
  </si>
  <si>
    <t>GES BAHMENI WALA</t>
  </si>
  <si>
    <t>Saldaddar</t>
  </si>
  <si>
    <t>Govt boys  elementary school Bahmni  wala lodhran</t>
  </si>
  <si>
    <t>Bahmni  Wala</t>
  </si>
  <si>
    <t>Salsaddar</t>
  </si>
  <si>
    <t>GGES CHAK NO. 94 FATEH</t>
  </si>
  <si>
    <t>94/F</t>
  </si>
  <si>
    <t>chak no 94/f P/o 95/f</t>
  </si>
  <si>
    <t>94/f</t>
  </si>
  <si>
    <t>Adeeba Parveen</t>
  </si>
  <si>
    <t>GGPS MEHAR JEEWAN WALA</t>
  </si>
  <si>
    <t>170 Chak peer jagi</t>
  </si>
  <si>
    <t>Chan Nawan Fareed Wala</t>
  </si>
  <si>
    <t>Shehnaz Jabeen</t>
  </si>
  <si>
    <t>GGPS DRAVI</t>
  </si>
  <si>
    <t>Dravi</t>
  </si>
  <si>
    <t>Govt Girls Primary School Dravi</t>
  </si>
  <si>
    <t>Rahat Hussain</t>
  </si>
  <si>
    <t>GGMPS JHOKE WAZIR</t>
  </si>
  <si>
    <t>Chack Danda</t>
  </si>
  <si>
    <t>Basti jhoke wazir post office shadan lund district dera ghazi khan</t>
  </si>
  <si>
    <t>Jhokewazir</t>
  </si>
  <si>
    <t>Monaza Jabeen</t>
  </si>
  <si>
    <t>GPS CHAK NO 8 GB Anadh Garah</t>
  </si>
  <si>
    <t>8 Chak</t>
  </si>
  <si>
    <t>CHAK NO 8GB TEH&amp;DISTT.NANKANA</t>
  </si>
  <si>
    <t>Chak NO 8 GB</t>
  </si>
  <si>
    <t>Chak No 13Gb</t>
  </si>
  <si>
    <t>HINA MUNEER</t>
  </si>
  <si>
    <t>GPS CHAK 44/A</t>
  </si>
  <si>
    <t>chak 44/A</t>
  </si>
  <si>
    <t>17331</t>
  </si>
  <si>
    <t>GGPS DAKI MEHAR KHAN WALI</t>
  </si>
  <si>
    <t>G g p/s daki mehr khan wali</t>
  </si>
  <si>
    <t>Daki Mehr Khan</t>
  </si>
  <si>
    <t>Sadia Skina</t>
  </si>
  <si>
    <t>36393</t>
  </si>
  <si>
    <t>GGPS 66 WB NORTH</t>
  </si>
  <si>
    <t>Gharakha</t>
  </si>
  <si>
    <t>Chak no 66/WB (N) Vehari</t>
  </si>
  <si>
    <t>Chak no 66/WB (N)</t>
  </si>
  <si>
    <t>GGPS CHAK NO 36/P</t>
  </si>
  <si>
    <t>chak 36 /P</t>
  </si>
  <si>
    <t>36/P</t>
  </si>
  <si>
    <t>Tayyba Shafiqa</t>
  </si>
  <si>
    <t>45261</t>
  </si>
  <si>
    <t>GGPS MUTAHAR WALA</t>
  </si>
  <si>
    <t>mutahar wala</t>
  </si>
  <si>
    <t>47183</t>
  </si>
  <si>
    <t>GPS NARI MIANA</t>
  </si>
  <si>
    <t>village nari miana p/o wan bhachran</t>
  </si>
  <si>
    <t>Village Nari Miana</t>
  </si>
  <si>
    <t>MuzfarPur Shumali</t>
  </si>
  <si>
    <t>GGPS PIPLE MIRALI, SARAI SIDHU</t>
  </si>
  <si>
    <t>Pipal mirali</t>
  </si>
  <si>
    <t>Moza pipal mirali markaz sarai sidhu</t>
  </si>
  <si>
    <t>Asia Bashir</t>
  </si>
  <si>
    <t>51142</t>
  </si>
  <si>
    <t>GGPS 48/5-L</t>
  </si>
  <si>
    <t>Chak No 48/5-L</t>
  </si>
  <si>
    <t>Govt Girls Primary School Chak No 48/5-L Teh &amp; Distt. Sahiwal</t>
  </si>
  <si>
    <t>Fatima Perveen</t>
  </si>
  <si>
    <t>GGHS SULTAN AHMED ROAD ICCHRA LAHORE</t>
  </si>
  <si>
    <t>sultan ahmad road ichhra</t>
  </si>
  <si>
    <t>Tabasum Aslam</t>
  </si>
  <si>
    <t>GGPS DERA RUSTAM KHAN</t>
  </si>
  <si>
    <t>ghagh klan dera jat teh&amp;distt khushab</t>
  </si>
  <si>
    <t>Saadat Perveen</t>
  </si>
  <si>
    <t>GGPS KHOKHRAN MULTAN OLD SHUJABAD ROAD KHOKHRAN MULTAN</t>
  </si>
  <si>
    <t>bast khokhran</t>
  </si>
  <si>
    <t>Surriya Khushi Muhamad</t>
  </si>
  <si>
    <t>GGPS PANDIAL</t>
  </si>
  <si>
    <t>Pandial</t>
  </si>
  <si>
    <t>GGPS Pandial</t>
  </si>
  <si>
    <t>GGPS DAU LITRI</t>
  </si>
  <si>
    <t>govt.girls primary school Dau litri</t>
  </si>
  <si>
    <t>Miss Sadia Mumtaz</t>
  </si>
  <si>
    <t>GGES CHAK 279 JB DARA PUR</t>
  </si>
  <si>
    <t>279 Jb Darapur</t>
  </si>
  <si>
    <t>279jb darapur</t>
  </si>
  <si>
    <t>Dsrapur</t>
  </si>
  <si>
    <t>39921</t>
  </si>
  <si>
    <t>GGES CHAK NO. 43 DB</t>
  </si>
  <si>
    <t>Chak Number 43DB</t>
  </si>
  <si>
    <t>Chak number 43DB khushab</t>
  </si>
  <si>
    <t>43DB khushab</t>
  </si>
  <si>
    <t>GES CHAK NO 444 JB</t>
  </si>
  <si>
    <t>Chk NO 444</t>
  </si>
  <si>
    <t>Chk No 444 p/o khas tehsil and district jhang</t>
  </si>
  <si>
    <t>Chk No 444</t>
  </si>
  <si>
    <t>Hsan Shah</t>
  </si>
  <si>
    <t>GGPS JAM KARAM</t>
  </si>
  <si>
    <t>Shabir Ahmedabad</t>
  </si>
  <si>
    <t>Government GirlsPrimary schoolBasti Jam Karam</t>
  </si>
  <si>
    <t>Jam Karam</t>
  </si>
  <si>
    <t>Rozina Rukan</t>
  </si>
  <si>
    <t>GES SAHLOWAL</t>
  </si>
  <si>
    <t>Salhowal</t>
  </si>
  <si>
    <t>chak salhowal</t>
  </si>
  <si>
    <t>Dastager Faridi</t>
  </si>
  <si>
    <t>GGPS CHAK NO.120/TDA</t>
  </si>
  <si>
    <t>Gishkori</t>
  </si>
  <si>
    <t>chak no.120/TDA danay wala LAYYAH</t>
  </si>
  <si>
    <t>120/TDA</t>
  </si>
  <si>
    <t>JAVARIA HINA</t>
  </si>
  <si>
    <t>GPS GHARBI NO. 1</t>
  </si>
  <si>
    <t>mohalla madni eid gaah kallur Kot</t>
  </si>
  <si>
    <t>GGES RAKH DUGGRAN WALI (BHAKKAR)</t>
  </si>
  <si>
    <t>Rakh DAGGRAN Wali</t>
  </si>
  <si>
    <t>GGES RAKH DAGGRAN WALI LOT NO 33</t>
  </si>
  <si>
    <t>Rakh Daggran Wali Lot No33</t>
  </si>
  <si>
    <t>noor jahan</t>
  </si>
  <si>
    <t>GGPS 123 B</t>
  </si>
  <si>
    <t>chak 123 p b</t>
  </si>
  <si>
    <t>123 P B</t>
  </si>
  <si>
    <t>Tahira naseem akhtar</t>
  </si>
  <si>
    <t>GGPS 166 WB</t>
  </si>
  <si>
    <t>166wb old</t>
  </si>
  <si>
    <t>chak 158 wb</t>
  </si>
  <si>
    <t>GGPS KAKU WAL</t>
  </si>
  <si>
    <t>Kakuwal</t>
  </si>
  <si>
    <t>Mauza Kakuwal. P/O Langer Makhdoom</t>
  </si>
  <si>
    <t>Umbrin Fatima</t>
  </si>
  <si>
    <t>GGPS 44/5-L SANAIN</t>
  </si>
  <si>
    <t>44/5-L Sanian</t>
  </si>
  <si>
    <t>chak no 44/5-L sanian</t>
  </si>
  <si>
    <t>Ambreen Athar</t>
  </si>
  <si>
    <t>GGES GHUMAN</t>
  </si>
  <si>
    <t>GGMS GHUMAN  p/o Shadan lound  Markaz Kala</t>
  </si>
  <si>
    <t>GGPS BASTI MOOR</t>
  </si>
  <si>
    <t>Sheikh Gurda</t>
  </si>
  <si>
    <t>p/o box TibbiQaisrani tehsil TAUNSA district D.G.KHAN</t>
  </si>
  <si>
    <t>Basti Moor</t>
  </si>
  <si>
    <t>Bubby</t>
  </si>
  <si>
    <t>GGPS HAMAYUN KHEL NO 1</t>
  </si>
  <si>
    <t>Kot Baylean</t>
  </si>
  <si>
    <t>wandha hamayoun khel post/ o koat baylean</t>
  </si>
  <si>
    <t>Hamayoun Khel</t>
  </si>
  <si>
    <t>36842</t>
  </si>
  <si>
    <t>GMES MONGA WALA NO.2 P/O HAJI PUR, KABIRWALA</t>
  </si>
  <si>
    <t>mongan Wala</t>
  </si>
  <si>
    <t>moza mongan Wala p/O HAJI PUR KABIRWALA</t>
  </si>
  <si>
    <t>Amna Noreen</t>
  </si>
  <si>
    <t>GGES CHAK NO.18 SB</t>
  </si>
  <si>
    <t>chak18Sb</t>
  </si>
  <si>
    <t>Wann Miana</t>
  </si>
  <si>
    <t>GES JAMWAL</t>
  </si>
  <si>
    <t>village jamwal</t>
  </si>
  <si>
    <t>Sajjad Khan</t>
  </si>
  <si>
    <t>54274</t>
  </si>
  <si>
    <t>GGPS NOOR WANA</t>
  </si>
  <si>
    <t>noorwana</t>
  </si>
  <si>
    <t>GPS JHOKE CHAJRA MOUZA JHOKE CHAJRA MULTAN</t>
  </si>
  <si>
    <t>Jhoke Chajra</t>
  </si>
  <si>
    <t>basti luckwali</t>
  </si>
  <si>
    <t>Basti luckwali</t>
  </si>
  <si>
    <t>Anayat Pur Mahota</t>
  </si>
  <si>
    <t>GPS GOTH JAHGU</t>
  </si>
  <si>
    <t>Goth jungoo, Tehsil sadiqabad , district rahimyar khan</t>
  </si>
  <si>
    <t>GGPS 3-1AL</t>
  </si>
  <si>
    <t>3/1.AL</t>
  </si>
  <si>
    <t>CHAK NO. 3/1.AL TAHSIL RENALA KHURD</t>
  </si>
  <si>
    <t>CHAK NO.3/1.AL</t>
  </si>
  <si>
    <t>Rehana Nizami Head Teacher</t>
  </si>
  <si>
    <t>GGPS CHAK NO 259/HL</t>
  </si>
  <si>
    <t>259/Hl</t>
  </si>
  <si>
    <t>Chak 259/Hl teh fort Abbas dist bahawalnagar</t>
  </si>
  <si>
    <t>sumera naz</t>
  </si>
  <si>
    <t>GGPS NOORAY WALA JADEED</t>
  </si>
  <si>
    <t>chah pathi wala Moza Darigh post office kot addu</t>
  </si>
  <si>
    <t>Chah Pathi Wala</t>
  </si>
  <si>
    <t>GGPS WARHI CHARAGH KHAIL</t>
  </si>
  <si>
    <t>Rang pur Baghur</t>
  </si>
  <si>
    <t>vpo rangpur Baghur Tehran Moor pur dist khushab</t>
  </si>
  <si>
    <t>Rangpur Baghur</t>
  </si>
  <si>
    <t>GGPS CHAK 278 RB II</t>
  </si>
  <si>
    <t>278 Rb 11</t>
  </si>
  <si>
    <t>chak# 278 rb 11 gojra</t>
  </si>
  <si>
    <t>93jb</t>
  </si>
  <si>
    <t>Samreen Sultan</t>
  </si>
  <si>
    <t>GMPS MUNIR ABAD CHAK NO 505</t>
  </si>
  <si>
    <t>Chak 505</t>
  </si>
  <si>
    <t>Chak No. 505 Munirabad</t>
  </si>
  <si>
    <t>Chak No 505 Munirabad</t>
  </si>
  <si>
    <t>NUSRAT BANO</t>
  </si>
  <si>
    <t>GGPS 72/5-L BIBI WALA</t>
  </si>
  <si>
    <t>72/5L Bibi Wala</t>
  </si>
  <si>
    <t>72/5L Bibi wala</t>
  </si>
  <si>
    <t>73/5L North</t>
  </si>
  <si>
    <t>Halima Sadia</t>
  </si>
  <si>
    <t>GES KALANAUR</t>
  </si>
  <si>
    <t>Kalanour</t>
  </si>
  <si>
    <t>kalanour</t>
  </si>
  <si>
    <t>Falak Sher Shaheen</t>
  </si>
  <si>
    <t>NEAR ARMY COLONY REHMATABAD DHOKE MUNSHI KHAN RWP</t>
  </si>
  <si>
    <t>GGES SANDHAY KHAN</t>
  </si>
  <si>
    <t>Sandhy khan</t>
  </si>
  <si>
    <t>Aqsa Iram</t>
  </si>
  <si>
    <t>11742</t>
  </si>
  <si>
    <t>20191</t>
  </si>
  <si>
    <t>GPS BASTI ALI KAY</t>
  </si>
  <si>
    <t>GPS basti Ali Kay mouza thatti bala raja</t>
  </si>
  <si>
    <t>Basti Ali Kay</t>
  </si>
  <si>
    <t>Mukhtar Hussain Saqfi</t>
  </si>
  <si>
    <t>GGPS JALAL ANNA</t>
  </si>
  <si>
    <t>jalal ana p o mian raheeman teh dist hafiz abad</t>
  </si>
  <si>
    <t>Nahrian Wala</t>
  </si>
  <si>
    <t>Shakeela Bashir</t>
  </si>
  <si>
    <t>GGES 140/9-L</t>
  </si>
  <si>
    <t>140/9L</t>
  </si>
  <si>
    <t>140/9l</t>
  </si>
  <si>
    <t>140/9-l</t>
  </si>
  <si>
    <t>141/9-l</t>
  </si>
  <si>
    <t>Zeba Sehar</t>
  </si>
  <si>
    <t>GPS THATHA DHILWAN</t>
  </si>
  <si>
    <t>Murtza</t>
  </si>
  <si>
    <t>thatha dhilwan P/O More khunda T/D Nankana sahib</t>
  </si>
  <si>
    <t>GGPS SABARA NACHA</t>
  </si>
  <si>
    <t>Qabool Shah</t>
  </si>
  <si>
    <t>basti buzdar  kot chutta</t>
  </si>
  <si>
    <t>Ferzana Irshad</t>
  </si>
  <si>
    <t>GES CHAK NO 191 JB</t>
  </si>
  <si>
    <t>Khokhar 191</t>
  </si>
  <si>
    <t>chak no 191 Jb tehsil bhowana district chiniot</t>
  </si>
  <si>
    <t>Chak No 191 Jb</t>
  </si>
  <si>
    <t>Arbi</t>
  </si>
  <si>
    <t>GGPS MOUZA LANGHA</t>
  </si>
  <si>
    <t>GGPS Mouza Langah</t>
  </si>
  <si>
    <t>GPS CHAK NO 465 JB</t>
  </si>
  <si>
    <t>Aarbi</t>
  </si>
  <si>
    <t>chak no 465 jb Chiniot</t>
  </si>
  <si>
    <t>Chak No 465 jb</t>
  </si>
  <si>
    <t>Chak 13  Sarwala</t>
  </si>
  <si>
    <t>GGPS CHOGATA ARAIN</t>
  </si>
  <si>
    <t>chogata Arain</t>
  </si>
  <si>
    <t>chogata Arain, model town, Bahawalnagar</t>
  </si>
  <si>
    <t>GPS BASTI BIKHRANI</t>
  </si>
  <si>
    <t>basti bakhrani mouza sehja tehseil khan pur</t>
  </si>
  <si>
    <t>Bakhrani</t>
  </si>
  <si>
    <t>Imran Iftikhar</t>
  </si>
  <si>
    <t>GGPS DANDI JASWAL</t>
  </si>
  <si>
    <t>G/p school Dandi jaswal</t>
  </si>
  <si>
    <t>Jannat Khatoon</t>
  </si>
  <si>
    <t>GGPS BASTI KUKRAN</t>
  </si>
  <si>
    <t>GGPS Basti kukran</t>
  </si>
  <si>
    <t>Basti Kukran</t>
  </si>
  <si>
    <t>Bwp City VIII</t>
  </si>
  <si>
    <t>whater cooler</t>
  </si>
  <si>
    <t>GGPS KOTLI MATWALLIAN</t>
  </si>
  <si>
    <t>kotli mutwalian</t>
  </si>
  <si>
    <t>kotli mutwalian Thsil kamoke dist Gujranwala</t>
  </si>
  <si>
    <t>Fozia Asim</t>
  </si>
  <si>
    <t>GMES PANDORIAN</t>
  </si>
  <si>
    <t>pandoriyan</t>
  </si>
  <si>
    <t>Pandoriyan</t>
  </si>
  <si>
    <t>asma Shahzadi</t>
  </si>
  <si>
    <t>39983</t>
  </si>
  <si>
    <t>GPS CHAK 38/A</t>
  </si>
  <si>
    <t>Chak No. 38/A Tehsil Liaquat Pur District Rahim Yar khan</t>
  </si>
  <si>
    <t>45264</t>
  </si>
  <si>
    <t>Muhammad yarwala</t>
  </si>
  <si>
    <t>SHAZIA BATOOL</t>
  </si>
  <si>
    <t>GGPS THATTA LANGAR</t>
  </si>
  <si>
    <t>GGPS Thatta Langar</t>
  </si>
  <si>
    <t>Thatta Langar</t>
  </si>
  <si>
    <t>Uzma Riaz</t>
  </si>
  <si>
    <t>GGPS DHOK JAWANDA</t>
  </si>
  <si>
    <t>Jawanda</t>
  </si>
  <si>
    <t>village Dhoke Jawanda tehsil and district attock</t>
  </si>
  <si>
    <t>Dhoke   Jawanda</t>
  </si>
  <si>
    <t>TALAT NAZLI</t>
  </si>
  <si>
    <t>GGPS DERA BOHLIAAWALA</t>
  </si>
  <si>
    <t>dera bohlianwala</t>
  </si>
  <si>
    <t>Dera Bohlianwala</t>
  </si>
  <si>
    <t>GGPS IQBAL SHAH WALA</t>
  </si>
  <si>
    <t>Asifa Nousheen</t>
  </si>
  <si>
    <t>GGPS CHAK NO 33/3-R AB</t>
  </si>
  <si>
    <t>33/3R A B</t>
  </si>
  <si>
    <t>chakk no. 33/3R A. B tehsil haroonabad district Bahwalnagar</t>
  </si>
  <si>
    <t>Chakk No  33/3R A B</t>
  </si>
  <si>
    <t>GES CHAK NO.443 TDA</t>
  </si>
  <si>
    <t>443/TDA</t>
  </si>
  <si>
    <t>Chak No.443 TDA Choubara Layyah</t>
  </si>
  <si>
    <t>Chak 443TDA</t>
  </si>
  <si>
    <t>Ghulam Qasim Mazhar</t>
  </si>
  <si>
    <t>GES 32/1-AL</t>
  </si>
  <si>
    <t>32/1AL</t>
  </si>
  <si>
    <t>Chak No. 32/1.AL Teh. Renala Khurd Dist Okara.</t>
  </si>
  <si>
    <t>Chak No 32/1AL</t>
  </si>
  <si>
    <t>32196</t>
  </si>
  <si>
    <t>GPS KOT DOCTOR</t>
  </si>
  <si>
    <t>Basti Kot Doctor p/o Jamal din wali u/c Rasool pur Teh:Sadiq Abad Dist:Rahim Har khan</t>
  </si>
  <si>
    <t>Basti Kot Doctor</t>
  </si>
  <si>
    <t>GGES JAHAN PUR</t>
  </si>
  <si>
    <t>Dakh khana khas basti jahan pur</t>
  </si>
  <si>
    <t>Bushra Irshad</t>
  </si>
  <si>
    <t>GPS CHAK 363 JB I SOBIDAR WALA</t>
  </si>
  <si>
    <t>Chak No 363 Jb</t>
  </si>
  <si>
    <t>chak no 363 jb</t>
  </si>
  <si>
    <t>Chak 363 JB</t>
  </si>
  <si>
    <t>35699</t>
  </si>
  <si>
    <t>G.G.P.S Qadir pur bluchain</t>
  </si>
  <si>
    <t>Akbar MariNihaal</t>
  </si>
  <si>
    <t>moquddus Shaheen</t>
  </si>
  <si>
    <t>GPS RAZA PIR WALA</t>
  </si>
  <si>
    <t>mouza pirwala</t>
  </si>
  <si>
    <t>GGPS RANSIWAL</t>
  </si>
  <si>
    <t>village ransinwal,post office narowal,tehsil and distt narowal</t>
  </si>
  <si>
    <t>Muqaddas Begum</t>
  </si>
  <si>
    <t>GMPS SAIDA SAGHAR</t>
  </si>
  <si>
    <t>Saida Saghar</t>
  </si>
  <si>
    <t>GMP Saida Saghar PO Pahriawali  Tehsl Phalia  M.B.Din</t>
  </si>
  <si>
    <t>Pahriawali</t>
  </si>
  <si>
    <t>GGPS CHAK NO.17/F.W-A</t>
  </si>
  <si>
    <t>17FW A</t>
  </si>
  <si>
    <t>chak 17FW A</t>
  </si>
  <si>
    <t>basti narban</t>
  </si>
  <si>
    <t>GGPS NASRI WALA</t>
  </si>
  <si>
    <t>NASRI WALA</t>
  </si>
  <si>
    <t>Tahira Sarfraz</t>
  </si>
  <si>
    <t>35921</t>
  </si>
  <si>
    <t>GGCMES ZAHEER ABAD SHAHEED</t>
  </si>
  <si>
    <t>Zaheerabad Shaheed</t>
  </si>
  <si>
    <t>G. G. C. M. M. S Zaheerabad shaheed</t>
  </si>
  <si>
    <t>Mrs Rehana Aqeel</t>
  </si>
  <si>
    <t>GGPS SOHNI PURA SARGODHA</t>
  </si>
  <si>
    <t>Sonipura</t>
  </si>
  <si>
    <t>GOVT GIRLS PRIMARY SCHOOL SONIPURA SARGODHA</t>
  </si>
  <si>
    <t>Abida shaheen</t>
  </si>
  <si>
    <t>GGES MC ANWAR KHAN WALA</t>
  </si>
  <si>
    <t>mc girls E/ school 224 rb anwar khan wala faisalabad</t>
  </si>
  <si>
    <t>filtered water cans</t>
  </si>
  <si>
    <t>GGPS CHAK NO. 115/NP</t>
  </si>
  <si>
    <t>basti  jam Munir lar said pur</t>
  </si>
  <si>
    <t>Jam Munir Lar</t>
  </si>
  <si>
    <t>GGPS PURANA BHATTA</t>
  </si>
  <si>
    <t>Kotdarya</t>
  </si>
  <si>
    <t>purana bhatta colony street 2</t>
  </si>
  <si>
    <t>Purana Bhatts</t>
  </si>
  <si>
    <t>30A</t>
  </si>
  <si>
    <t>Nazia Hashmi</t>
  </si>
  <si>
    <t>44499</t>
  </si>
  <si>
    <t>GGCMS CHAK NO 80 SB</t>
  </si>
  <si>
    <t>80 Sb</t>
  </si>
  <si>
    <t>ggcms 80 sb</t>
  </si>
  <si>
    <t>Sayyada Kosar Perveen</t>
  </si>
  <si>
    <t>GPS CHAK NO.98 SB</t>
  </si>
  <si>
    <t>98 Sb</t>
  </si>
  <si>
    <t>tehsil and district chat no. 98 s.b</t>
  </si>
  <si>
    <t>Chak No 98 Sb</t>
  </si>
  <si>
    <t>36 Sb</t>
  </si>
  <si>
    <t>Ghulam Zaineb Nazeer</t>
  </si>
  <si>
    <t>GES BASTI TAYYAB</t>
  </si>
  <si>
    <t>basti Tayyab</t>
  </si>
  <si>
    <t>Basti Tayyab</t>
  </si>
  <si>
    <t>Muhammad Zakiullah Shafique</t>
  </si>
  <si>
    <t>water plant RO</t>
  </si>
  <si>
    <t>272212</t>
  </si>
  <si>
    <t>GGPS JINNAH COLONY DHERAMA</t>
  </si>
  <si>
    <t>GGPS Jinnah colony Dharema Sargodha</t>
  </si>
  <si>
    <t>GPS JAMAY WALI</t>
  </si>
  <si>
    <t>bastijammywaliqadeempost office kot samaba rahim yar khan</t>
  </si>
  <si>
    <t>Jammay Wali Qadeem</t>
  </si>
  <si>
    <t>iqbal Ahmed</t>
  </si>
  <si>
    <t>GES DHAR-E-OAT</t>
  </si>
  <si>
    <t>Mauza Dharay Oat</t>
  </si>
  <si>
    <t>Dharay oat</t>
  </si>
  <si>
    <t>Khchi Muhammad Khan</t>
  </si>
  <si>
    <t>GPS CHAK NO. 616/TDA</t>
  </si>
  <si>
    <t>Chak No 616tda</t>
  </si>
  <si>
    <t>Chak No 616tda kotadu</t>
  </si>
  <si>
    <t>Zulfqar Abad</t>
  </si>
  <si>
    <t>51099</t>
  </si>
  <si>
    <t>GGPS 88/9-L</t>
  </si>
  <si>
    <t>Canal view town,88/9-L,Sahiwal.</t>
  </si>
  <si>
    <t>Razia Rauf</t>
  </si>
  <si>
    <t>44572</t>
  </si>
  <si>
    <t>GMPS MOEL BHARMI CHIRAGH SHAH</t>
  </si>
  <si>
    <t>Bait Makhi</t>
  </si>
  <si>
    <t>bharmi chargh shah</t>
  </si>
  <si>
    <t>Bharmi Chargh</t>
  </si>
  <si>
    <t>GGCMES SONA GOTH</t>
  </si>
  <si>
    <t>sona goth near ffc machi ghot</t>
  </si>
  <si>
    <t>Sona Goth</t>
  </si>
  <si>
    <t>Alveena  Khursheed</t>
  </si>
  <si>
    <t>49204</t>
  </si>
  <si>
    <t>GGPS DARYA</t>
  </si>
  <si>
    <t>Darya, Bhagtanwala</t>
  </si>
  <si>
    <t>Dakhli Laluwali</t>
  </si>
  <si>
    <t>Faiza Iqbal Khokhar</t>
  </si>
  <si>
    <t>GGES KOT SHAH MUSHTAQ</t>
  </si>
  <si>
    <t>Kot shah mushtaq</t>
  </si>
  <si>
    <t>GGES kot shah mushtaq</t>
  </si>
  <si>
    <t>Phularwan vzr K</t>
  </si>
  <si>
    <t>FArkhanda Shafiq</t>
  </si>
  <si>
    <t>GPS ALLAH DITA PAHOOR</t>
  </si>
  <si>
    <t>Patti Pahora</t>
  </si>
  <si>
    <t>Basti pahooran, Rajan Pur kalan,RYK</t>
  </si>
  <si>
    <t>Basti Pahoran Rajan Pur Kalan</t>
  </si>
  <si>
    <t>GGPS CHAK NO. 70/TDA</t>
  </si>
  <si>
    <t>70/tda</t>
  </si>
  <si>
    <t>chak #70/tda, markaz behal,tehsil o dostrict bhakkar</t>
  </si>
  <si>
    <t>70/tds</t>
  </si>
  <si>
    <t>Humara Amin</t>
  </si>
  <si>
    <t>37269</t>
  </si>
  <si>
    <t>51085</t>
  </si>
  <si>
    <t>GGPS 80/5-R</t>
  </si>
  <si>
    <t>Chak 805r</t>
  </si>
  <si>
    <t>chak no 80 5r sahiwal</t>
  </si>
  <si>
    <t>Chak 80  5r</t>
  </si>
  <si>
    <t>78   5r</t>
  </si>
  <si>
    <t>Adeeba Javeed</t>
  </si>
  <si>
    <t>GMPS CHAK NO.37 TDA</t>
  </si>
  <si>
    <t>KamalTheem</t>
  </si>
  <si>
    <t>chak no 37 tda Bhakkar</t>
  </si>
  <si>
    <t>Chak No 37 Tda</t>
  </si>
  <si>
    <t>Naila Shehzadi</t>
  </si>
  <si>
    <t>GGCMS BAHLOL PUR</t>
  </si>
  <si>
    <t>Hujra shah muqeem</t>
  </si>
  <si>
    <t>GES CHAH CHIMNI BHAKKAR</t>
  </si>
  <si>
    <t>College road Bhakkar</t>
  </si>
  <si>
    <t>Mohallah Chah chimni</t>
  </si>
  <si>
    <t>GGPS QILA NAGWAR DAKHLI HUJRA</t>
  </si>
  <si>
    <t>Mohalla peer shahb hujra</t>
  </si>
  <si>
    <t>110/2</t>
  </si>
  <si>
    <t>Amina</t>
  </si>
  <si>
    <t>GGPS CHAK NO.76 SB</t>
  </si>
  <si>
    <t>Smoran Wali</t>
  </si>
  <si>
    <t>GGPS76SB</t>
  </si>
  <si>
    <t>Chak No 74 Sb</t>
  </si>
  <si>
    <t>Sadia kousar</t>
  </si>
  <si>
    <t>roran wali</t>
  </si>
  <si>
    <t>Mehwish Andleeb</t>
  </si>
  <si>
    <t>GPS SUNARI WALA</t>
  </si>
  <si>
    <t>Sunari wala</t>
  </si>
  <si>
    <t>sunari wala</t>
  </si>
  <si>
    <t>Sham din</t>
  </si>
  <si>
    <t>GGES GUJA</t>
  </si>
  <si>
    <t>Gujja Nashaib</t>
  </si>
  <si>
    <t>govt.girls elemetary school gujja</t>
  </si>
  <si>
    <t>GGES CHAK NO.93 NB</t>
  </si>
  <si>
    <t>93 nb</t>
  </si>
  <si>
    <t>93 nbsargodha</t>
  </si>
  <si>
    <t>chak 82 nb</t>
  </si>
  <si>
    <t>Saira Nisar</t>
  </si>
  <si>
    <t>GMPS NIZAM DIN</t>
  </si>
  <si>
    <t>NIZAM DEEN</t>
  </si>
  <si>
    <t>GMPS Nizamdeen uc134 baseer pur road tehsil depal pur distract okara depal pur</t>
  </si>
  <si>
    <t>Mazher Abad</t>
  </si>
  <si>
    <t>Fauzia Zamir</t>
  </si>
  <si>
    <t>GMPS KOT SAHIB DIYAL</t>
  </si>
  <si>
    <t>Bandor</t>
  </si>
  <si>
    <t>Basti ali pur moza bandr</t>
  </si>
  <si>
    <t>Dahe 41</t>
  </si>
  <si>
    <t>GPS KOT BHATTIAN</t>
  </si>
  <si>
    <t>Kot Bhattian</t>
  </si>
  <si>
    <t>Kot Bhattian Depalpur Okara</t>
  </si>
  <si>
    <t>HAFEEZ AHMAD</t>
  </si>
  <si>
    <t>49215</t>
  </si>
  <si>
    <t>GGPS CHAK NO.91 SB GHARBI</t>
  </si>
  <si>
    <t>91 Sb</t>
  </si>
  <si>
    <t>govt girls primary school 91 s.b west</t>
  </si>
  <si>
    <t>91gharbi</t>
  </si>
  <si>
    <t>6456</t>
  </si>
  <si>
    <t>GGES CHAK 49/P</t>
  </si>
  <si>
    <t>49p</t>
  </si>
  <si>
    <t>chak no. 49p teh/dist  Rahim Yar khan</t>
  </si>
  <si>
    <t>Rizwana Shahzadi</t>
  </si>
  <si>
    <t>GGES CHAK NO.39 SB SGD</t>
  </si>
  <si>
    <t>GGMES 39 SB</t>
  </si>
  <si>
    <t>Chak no 39 SB</t>
  </si>
  <si>
    <t>Chak no 42 SB</t>
  </si>
  <si>
    <t>GPS CHAK NO. 138/P SOUTH</t>
  </si>
  <si>
    <t>138/p Janubi</t>
  </si>
  <si>
    <t>chak No 138/p p.o. chak No 136/p r.y.k</t>
  </si>
  <si>
    <t>Chak No 138/p South</t>
  </si>
  <si>
    <t>Hashim ALI</t>
  </si>
  <si>
    <t>GGPS KOT MUHAMMAD HUSSAIN (HUJRA)</t>
  </si>
  <si>
    <t>Mohallah Kot Mohammad Hussain</t>
  </si>
  <si>
    <t>Samina Sarwat</t>
  </si>
  <si>
    <t>GMPS CHAK NO.115/P</t>
  </si>
  <si>
    <t>115/P</t>
  </si>
  <si>
    <t>gmps chak 115/p ryk</t>
  </si>
  <si>
    <t>Chak 115/P</t>
  </si>
  <si>
    <t>52705</t>
  </si>
  <si>
    <t>GGPS CHAK NO. 91-9D</t>
  </si>
  <si>
    <t>Tube Well Moqbool Ahmad</t>
  </si>
  <si>
    <t>tube well moqbool Ahmad</t>
  </si>
  <si>
    <t>Tubwell Maqbool Ahmad</t>
  </si>
  <si>
    <t>25231</t>
  </si>
  <si>
    <t>GGES MAQAM-E-HAYAT</t>
  </si>
  <si>
    <t>Muqam E Hayat</t>
  </si>
  <si>
    <t>maqam-e-hayat</t>
  </si>
  <si>
    <t>Nazaira Ahmed</t>
  </si>
  <si>
    <t>GGPS AHMAD ABAD BHONKI</t>
  </si>
  <si>
    <t>Ahmadabad bhonki shadia</t>
  </si>
  <si>
    <t>Ahmadabad bhonki</t>
  </si>
  <si>
    <t>GGPS ALKRA</t>
  </si>
  <si>
    <t>Alkra</t>
  </si>
  <si>
    <t>govt girls primary school alkra</t>
  </si>
  <si>
    <t>Blaggan</t>
  </si>
  <si>
    <t>Shazia  Firdos</t>
  </si>
  <si>
    <t>GGPS GAGGAR</t>
  </si>
  <si>
    <t>vill gaggar p/o kulluwal teh sambrial dist sialkot</t>
  </si>
  <si>
    <t>GMPS DHOK GANJA</t>
  </si>
  <si>
    <t>Dk Ganja</t>
  </si>
  <si>
    <t>Nosheen Sajjad</t>
  </si>
  <si>
    <t>GPS BASTI JANI MALIK KACHA LALAN</t>
  </si>
  <si>
    <t>Kotla Gulshair</t>
  </si>
  <si>
    <t>chack kotla gulshair p/o umerkot tehsil rojhan</t>
  </si>
  <si>
    <t>Faheem Hussain</t>
  </si>
  <si>
    <t>GGPS CHAK NO. 49/DB</t>
  </si>
  <si>
    <t>chak no. 49db teh. noorpur distt. khushab</t>
  </si>
  <si>
    <t>Chak N 49db</t>
  </si>
  <si>
    <t>GGCMS MAIRA KHAMBLI</t>
  </si>
  <si>
    <t>Dhok Piyara</t>
  </si>
  <si>
    <t>village maira khambi Teh s a gir distt Gujrat</t>
  </si>
  <si>
    <t>Maira Khambi</t>
  </si>
  <si>
    <t>Toqir Fatima</t>
  </si>
  <si>
    <t>GGPS 57/5-L C.PLOT</t>
  </si>
  <si>
    <t>Chak No 57/5L</t>
  </si>
  <si>
    <t>57/5L C.PLOT</t>
  </si>
  <si>
    <t>57/5L CPLOT</t>
  </si>
  <si>
    <t>GGCMES CHAK NO.288 JB</t>
  </si>
  <si>
    <t>288 Jb</t>
  </si>
  <si>
    <t>g g c m e s  288 jb</t>
  </si>
  <si>
    <t>284 Jb</t>
  </si>
  <si>
    <t>Riffat Noreen</t>
  </si>
  <si>
    <t>47853</t>
  </si>
  <si>
    <t>GPS CHAK NO 16 ML THE &amp; DISST MIANWALI</t>
  </si>
  <si>
    <t>CHAK NO 16 ML</t>
  </si>
  <si>
    <t>CHAK NO 16ML PIPLAN MIANWALI</t>
  </si>
  <si>
    <t>CHAK NO 16ML</t>
  </si>
  <si>
    <t>Rustam Zaman</t>
  </si>
  <si>
    <t>GPS CHAK NO. 23/1-AL</t>
  </si>
  <si>
    <t>chak no. 23/1AL RENALA KHURD OKARA</t>
  </si>
  <si>
    <t>Chak No 23/1AL</t>
  </si>
  <si>
    <t>Chak No 22/1AL</t>
  </si>
  <si>
    <t>Kadim Ali</t>
  </si>
  <si>
    <t>41748</t>
  </si>
  <si>
    <t>GPS GOHRA RAMIAL</t>
  </si>
  <si>
    <t>Ramial SHAREEF</t>
  </si>
  <si>
    <t>GPS Gorah  Ramial</t>
  </si>
  <si>
    <t>Gorah Ramial</t>
  </si>
  <si>
    <t>asma nazli</t>
  </si>
  <si>
    <t>GMPS FATWAL PUR OLD SHUJABAD ROAD MULTAN</t>
  </si>
  <si>
    <t>fatwal pur</t>
  </si>
  <si>
    <t>GMPS fatwal pur old shujaabd road multan</t>
  </si>
  <si>
    <t>basti fatwal pur</t>
  </si>
  <si>
    <t>anmabal</t>
  </si>
  <si>
    <t>Hafiza Wajiha Sahar</t>
  </si>
  <si>
    <t>GES CHATRI</t>
  </si>
  <si>
    <t>Chhatri</t>
  </si>
  <si>
    <t>basti chatri uc litra tehsil taunsa Sharif dera ghazi khan</t>
  </si>
  <si>
    <t>GPS DARRA</t>
  </si>
  <si>
    <t>Village Potha Sharif</t>
  </si>
  <si>
    <t>Darra</t>
  </si>
  <si>
    <t>Sumaira Naeem</t>
  </si>
  <si>
    <t>12411</t>
  </si>
  <si>
    <t>GES DEDHAY LAL</t>
  </si>
  <si>
    <t>Herpalu</t>
  </si>
  <si>
    <t>basti dedhaylal moza herpalu</t>
  </si>
  <si>
    <t>Dedhaylal</t>
  </si>
  <si>
    <t>Dost Mohammad</t>
  </si>
  <si>
    <t>GGPS CHOONI JANUBI</t>
  </si>
  <si>
    <t>chooni janubi</t>
  </si>
  <si>
    <t>tibba nahra chak no.79c tda</t>
  </si>
  <si>
    <t>samtiah</t>
  </si>
  <si>
    <t>Sahar Waheed</t>
  </si>
  <si>
    <t>GMPS JALAL NOU</t>
  </si>
  <si>
    <t>Jalal nou</t>
  </si>
  <si>
    <t>govt model primary school jalal nou</t>
  </si>
  <si>
    <t>24259</t>
  </si>
  <si>
    <t>GPS JOYA</t>
  </si>
  <si>
    <t>Joya</t>
  </si>
  <si>
    <t>village joya p o kingra tehsil pasrur distt sialkot</t>
  </si>
  <si>
    <t>Shafique Ur Rehman</t>
  </si>
  <si>
    <t>GPS JAGGU</t>
  </si>
  <si>
    <t>Jaggu</t>
  </si>
  <si>
    <t>Vilage Jaggu tehsil  Sarai Almgir district Gujrat Pakistan</t>
  </si>
  <si>
    <t>jaggu</t>
  </si>
  <si>
    <t>GPS CHAK 227 GB EAST SAMUNDRI</t>
  </si>
  <si>
    <t>Malunangal</t>
  </si>
  <si>
    <t>Chak No 227GB EAST</t>
  </si>
  <si>
    <t>227 GB EAST</t>
  </si>
  <si>
    <t>Chak No225GB</t>
  </si>
  <si>
    <t>RIASAT ALI SHAD</t>
  </si>
  <si>
    <t>GES MURAD PUR</t>
  </si>
  <si>
    <t>GES Murad pur tehsil muridke districts sheikhupura</t>
  </si>
  <si>
    <t>Ghuchli Virka</t>
  </si>
  <si>
    <t>GGPS UPPAL KHALSA</t>
  </si>
  <si>
    <t>post office wahndo tehseel kamonki district gujranwala</t>
  </si>
  <si>
    <t>Kotly Nawab</t>
  </si>
  <si>
    <t>Habiba Akram</t>
  </si>
  <si>
    <t>VPO chakri Rajgan</t>
  </si>
  <si>
    <t>Nakkah</t>
  </si>
  <si>
    <t>Naeema Zafar</t>
  </si>
  <si>
    <t>GPS NAWAN SIAL</t>
  </si>
  <si>
    <t>basti nawan sial mouza gujrat teh kot addu zila muzaffargarh</t>
  </si>
  <si>
    <t>Nawan Sial</t>
  </si>
  <si>
    <t>Muhammad Yousuf Pervaiz</t>
  </si>
  <si>
    <t>GGPS KOT KARIM KHAN</t>
  </si>
  <si>
    <t>Kot Karim Khan</t>
  </si>
  <si>
    <t>rao khan wala near railway station.</t>
  </si>
  <si>
    <t>Aysha Tahir</t>
  </si>
  <si>
    <t>23074</t>
  </si>
  <si>
    <t>GES KHOKHRA</t>
  </si>
  <si>
    <t>Head Khokhra</t>
  </si>
  <si>
    <t>p/o head Rasool, vlg head khokhra</t>
  </si>
  <si>
    <t>36901</t>
  </si>
  <si>
    <t>GGPS KORA ISRA, SARAI SIDHU</t>
  </si>
  <si>
    <t>GGPS Kora Isra</t>
  </si>
  <si>
    <t>Ammara Arshad</t>
  </si>
  <si>
    <t>27375</t>
  </si>
  <si>
    <t>GGPS TIMBER MARKET</t>
  </si>
  <si>
    <t>GGPS TIMBER MARKET sgd</t>
  </si>
  <si>
    <t>Hafiza Nadia Shabbir</t>
  </si>
  <si>
    <t>GPS DATORIAN WALA</t>
  </si>
  <si>
    <t>datorian wala tehsil k.kot disst.bhakkar</t>
  </si>
  <si>
    <t>Datorian Wala</t>
  </si>
  <si>
    <t>Ameerabdullah</t>
  </si>
  <si>
    <t>35885</t>
  </si>
  <si>
    <t>GGPS DROHAR WAHIN</t>
  </si>
  <si>
    <t>drohar wahin mailsi</t>
  </si>
  <si>
    <t>GGPS ghareeb abad St no 8 ward no 16 hasilpur</t>
  </si>
  <si>
    <t>attia mehboob</t>
  </si>
  <si>
    <t>GMPS RAFIQ ABAD HAFIZ WALA</t>
  </si>
  <si>
    <t>GMPS Rafiqabad Hafizwala</t>
  </si>
  <si>
    <t>Fehmidah Anjum</t>
  </si>
  <si>
    <t>GPS MC BRANCH J SAHIWAL</t>
  </si>
  <si>
    <t>mc j branch mohalla faizabad sahiwal</t>
  </si>
  <si>
    <t>GGPS KABOOTRI NO. 1</t>
  </si>
  <si>
    <t>Basti kabootri dakkhana chobhina</t>
  </si>
  <si>
    <t>Tahira Fatima</t>
  </si>
  <si>
    <t>GPS KHAN MOHRA</t>
  </si>
  <si>
    <t>village and post office mohrha sayadan Murree</t>
  </si>
  <si>
    <t>Mohrha Sayyedan</t>
  </si>
  <si>
    <t>Syed ASHFAQ HUSSAIN SHAH</t>
  </si>
  <si>
    <t>GGPS UNCHI RASOOL PUR</t>
  </si>
  <si>
    <t>Unchi Rasool Pur</t>
  </si>
  <si>
    <t>unchi rasool pur narowal</t>
  </si>
  <si>
    <t>Unchi Rasoolpur</t>
  </si>
  <si>
    <t>Nadia Batool</t>
  </si>
  <si>
    <t>GGPS CHOUDHARY AHMED ALI</t>
  </si>
  <si>
    <t>p/o saleem abad moza seelra jampur rajanpur</t>
  </si>
  <si>
    <t>Dera Gujjar</t>
  </si>
  <si>
    <t>GPS NAU BERAMDA</t>
  </si>
  <si>
    <t>Rakh Chheena Malana</t>
  </si>
  <si>
    <t>basti chandia maoza rakh chheena malana</t>
  </si>
  <si>
    <t>GPS MOJO KAY</t>
  </si>
  <si>
    <t>Mojo Kay</t>
  </si>
  <si>
    <t>moko kay tehsil depalpur distt okara</t>
  </si>
  <si>
    <t>GGPS MC GHOUS PURA</t>
  </si>
  <si>
    <t>ghous pura</t>
  </si>
  <si>
    <t>kanwal kaleem</t>
  </si>
  <si>
    <t>GGPS BHARAT</t>
  </si>
  <si>
    <t>village bharth Tehsil pasrur District Sialkot</t>
  </si>
  <si>
    <t>Bharath</t>
  </si>
  <si>
    <t>Tanzeela Bano</t>
  </si>
  <si>
    <t>GPS PUMP MOHAMMAD BOOTA</t>
  </si>
  <si>
    <t>Pump muhammad boota</t>
  </si>
  <si>
    <t>Zair Ahmad Khan</t>
  </si>
  <si>
    <t>GGPS CHAK NO 3/4L FAIZ ABAD</t>
  </si>
  <si>
    <t>chak no 3 4 l a p sail jhang</t>
  </si>
  <si>
    <t>3 4 L</t>
  </si>
  <si>
    <t>Samandowna</t>
  </si>
  <si>
    <t>GPS GHIAL ZAREEN</t>
  </si>
  <si>
    <t>Ghial Zareen</t>
  </si>
  <si>
    <t>village ghial zareen post office bulani tehsil sarai alamgir district gujrat</t>
  </si>
  <si>
    <t>Peer Khana</t>
  </si>
  <si>
    <t>GGPS CHAK 152 GB</t>
  </si>
  <si>
    <t>152 GB</t>
  </si>
  <si>
    <t>chak#152 GB tehsil district toba tek Singh</t>
  </si>
  <si>
    <t>Chak#152 GB</t>
  </si>
  <si>
    <t>GGPS CHAK NO 449 JB</t>
  </si>
  <si>
    <t>GGPS KOT KIRPA RAM</t>
  </si>
  <si>
    <t>Kot Kirpa Ram</t>
  </si>
  <si>
    <t>kot kirrpa raam po kotli nawab kamoke Gujranwala</t>
  </si>
  <si>
    <t>Fariha Shafqat</t>
  </si>
  <si>
    <t>19141</t>
  </si>
  <si>
    <t>GGPS CHAK 708 GB</t>
  </si>
  <si>
    <t>INAYT SHAH-FEMALE</t>
  </si>
  <si>
    <t>Govt girls primary school 708 gb kamalia</t>
  </si>
  <si>
    <t>Baroon-e-kamalia</t>
  </si>
  <si>
    <t>Azra</t>
  </si>
  <si>
    <t>GPS JEENEDAY WALA</t>
  </si>
  <si>
    <t>samina sadat</t>
  </si>
  <si>
    <t>Jeenday wala</t>
  </si>
  <si>
    <t>Samina sadat</t>
  </si>
  <si>
    <t>Nasrullha</t>
  </si>
  <si>
    <t>village sharif pura teh muridke district sheikhupura p/o awan  muslim</t>
  </si>
  <si>
    <t>Mahae</t>
  </si>
  <si>
    <t>Ashiq Ali Shah</t>
  </si>
  <si>
    <t>GMPS SHADBAGH COLONY</t>
  </si>
  <si>
    <t>shad bag colony</t>
  </si>
  <si>
    <t>Shad Bag Colony</t>
  </si>
  <si>
    <t>11224</t>
  </si>
  <si>
    <t>GGPS CHAK NO. 145-A/TDA ABADI DEH</t>
  </si>
  <si>
    <t>G.G.p/s 145 Aabadi Dehi</t>
  </si>
  <si>
    <t>Chak 145</t>
  </si>
  <si>
    <t>Shahneela Majeed</t>
  </si>
  <si>
    <t>GPS MODEL PARI FEROZAL</t>
  </si>
  <si>
    <t>Pari Ferozal</t>
  </si>
  <si>
    <t>Villg:Pari Ferozal</t>
  </si>
  <si>
    <t>Tanzeela muhbeen</t>
  </si>
  <si>
    <t>39762</t>
  </si>
  <si>
    <t>GGPS DHOK DALLA</t>
  </si>
  <si>
    <t>vpo pindsultani</t>
  </si>
  <si>
    <t>Pindsulani</t>
  </si>
  <si>
    <t>GPS 155 EB</t>
  </si>
  <si>
    <t>chak no 155eb arifwala</t>
  </si>
  <si>
    <t>Sajid Farooq</t>
  </si>
  <si>
    <t>GGPS CHAK NO 480 JB</t>
  </si>
  <si>
    <t>Chak No 480 Jb</t>
  </si>
  <si>
    <t>Chak no 480</t>
  </si>
  <si>
    <t>Chak No 480</t>
  </si>
  <si>
    <t>Sobia Aziz</t>
  </si>
  <si>
    <t>GGPS NOOR WALA NO. 1</t>
  </si>
  <si>
    <t>Chack Qabool Sh</t>
  </si>
  <si>
    <t>noorwala no 1</t>
  </si>
  <si>
    <t>Aliawala</t>
  </si>
  <si>
    <t>Tanzila Akbar</t>
  </si>
  <si>
    <t>GMPS DUGRI GHUMNAN</t>
  </si>
  <si>
    <t>Dugree Ghumna</t>
  </si>
  <si>
    <t>village and post office dogree ghumna teh pasrur district sialkot</t>
  </si>
  <si>
    <t>Dugree ghumna</t>
  </si>
  <si>
    <t>GPS CHAK NO.36 SB</t>
  </si>
  <si>
    <t>CHAK NO 36 SB SARGODHA</t>
  </si>
  <si>
    <t>CHAK NO 36 S.B SARGODHA</t>
  </si>
  <si>
    <t>Chak Mut #2</t>
  </si>
  <si>
    <t>GPS Sher Khan Chak matt 2 basti gahna khan</t>
  </si>
  <si>
    <t>Basti Gahna Khan</t>
  </si>
  <si>
    <t>GMPS HABIB PUR KANGRA</t>
  </si>
  <si>
    <t>kangra</t>
  </si>
  <si>
    <t>GMPS Habibpur kangra tehsil Sahiwal district Sargodha</t>
  </si>
  <si>
    <t>habibpur</t>
  </si>
  <si>
    <t>radhan</t>
  </si>
  <si>
    <t>Zamir ul Baqir</t>
  </si>
  <si>
    <t>29726</t>
  </si>
  <si>
    <t>GPS CHAK NO. 69</t>
  </si>
  <si>
    <t>chak no 69</t>
  </si>
  <si>
    <t>Dolan Chak 27</t>
  </si>
  <si>
    <t>GGPS BHAIAN WALA</t>
  </si>
  <si>
    <t>ggp/s bahianwala</t>
  </si>
  <si>
    <t>Nizam  bibi</t>
  </si>
  <si>
    <t>SAMRALA</t>
  </si>
  <si>
    <t>VPO SAMRALA TEH KHARIAN DIST GUJRAT</t>
  </si>
  <si>
    <t>GMPS 60-A/15-L, MIAN CHANNU</t>
  </si>
  <si>
    <t>Chak No 60/15-L</t>
  </si>
  <si>
    <t>Chak No 60/15-L Mian Channu Khanewal</t>
  </si>
  <si>
    <t>Chak No 61-A/15-L</t>
  </si>
  <si>
    <t>Abida Imran</t>
  </si>
  <si>
    <t>54188</t>
  </si>
  <si>
    <t>GGPS MELI SADAR DIN HAMOKA</t>
  </si>
  <si>
    <t>tibba quim din I</t>
  </si>
  <si>
    <t>meli sadar din</t>
  </si>
  <si>
    <t>meli sadar dinmahib</t>
  </si>
  <si>
    <t>mahib pur</t>
  </si>
  <si>
    <t>GGPS MARL</t>
  </si>
  <si>
    <t>Marl</t>
  </si>
  <si>
    <t>village marl P/O chawinda tehseel Pasrur District Sialkot</t>
  </si>
  <si>
    <t>Muneeba Ejaz</t>
  </si>
  <si>
    <t>GGPS JOHK GAMON</t>
  </si>
  <si>
    <t>manghy htti</t>
  </si>
  <si>
    <t>ggps jhok gamon basti borian wala moza manghtii</t>
  </si>
  <si>
    <t>borian wala basti</t>
  </si>
  <si>
    <t>qasba charram</t>
  </si>
  <si>
    <t>Rehana Anwar</t>
  </si>
  <si>
    <t>Lodhran Wala</t>
  </si>
  <si>
    <t>ggps lodhran wala</t>
  </si>
  <si>
    <t>Gulaman No2</t>
  </si>
  <si>
    <t>50552</t>
  </si>
  <si>
    <t>GGPS 158/9-L</t>
  </si>
  <si>
    <t>158/9-l</t>
  </si>
  <si>
    <t>Bushra Maqbool</t>
  </si>
  <si>
    <t>GMMS ZAHIDAN</t>
  </si>
  <si>
    <t>basti zahidan , Duran pur, tehsil jppw</t>
  </si>
  <si>
    <t>Bast Zaihdan</t>
  </si>
  <si>
    <t>Duran Pur</t>
  </si>
  <si>
    <t>GMPS CHHOI (MAKHAD)</t>
  </si>
  <si>
    <t>village post office makhad</t>
  </si>
  <si>
    <t>Shakeela Naujum</t>
  </si>
  <si>
    <t>carry through civ</t>
  </si>
  <si>
    <t>GGPS NO. 4 WARD  12 TAUNSA</t>
  </si>
  <si>
    <t>GGPS No .4 Ward No.12 Taunaa sharif</t>
  </si>
  <si>
    <t>Kousar Hanif   Daughter Of Muhammad Hanif</t>
  </si>
  <si>
    <t>45277</t>
  </si>
  <si>
    <t>GMPS OBHAL</t>
  </si>
  <si>
    <t>GMPS Obhal</t>
  </si>
  <si>
    <t>Haidrabad Thal</t>
  </si>
  <si>
    <t>10241</t>
  </si>
  <si>
    <t>GGES CHAK NO.93/TDA</t>
  </si>
  <si>
    <t>CHAK NO. 93/ tDA KAROR LAL EASON DISTRICT LAYYAH</t>
  </si>
  <si>
    <t>93/TDA</t>
  </si>
  <si>
    <t>RUKHSANA SHAHEEN</t>
  </si>
  <si>
    <t>GGES CHAK 660/1 GB</t>
  </si>
  <si>
    <t>Itfaqabad</t>
  </si>
  <si>
    <t>chak no 660/1 gb kamalia</t>
  </si>
  <si>
    <t>CHAK NO 660/1 GB</t>
  </si>
  <si>
    <t>GPS CHAK NO.560 TDA</t>
  </si>
  <si>
    <t>chak no. 560 /tda  chowk  sarwar  shaheed   tah.  Kot Adu dist.  M Garh</t>
  </si>
  <si>
    <t>Chak No 560</t>
  </si>
  <si>
    <t>Muhammad  Ishfaq</t>
  </si>
  <si>
    <t>34635</t>
  </si>
  <si>
    <t>GPS KOTLI CHAMB WALI</t>
  </si>
  <si>
    <t>Kotli Chambwali</t>
  </si>
  <si>
    <t>kotli chambwali.pasrur road Daska</t>
  </si>
  <si>
    <t>Mundaykey</t>
  </si>
  <si>
    <t>Tahir Ishtiaq</t>
  </si>
  <si>
    <t>GMPS LAL WAH</t>
  </si>
  <si>
    <t>gmps lal mouza lal uc lal wah juggo wala</t>
  </si>
  <si>
    <t>52537</t>
  </si>
  <si>
    <t>GPS PASAIL</t>
  </si>
  <si>
    <t>GPS PASAIL PO DULA PUKHTA</t>
  </si>
  <si>
    <t>Pandant Manfool</t>
  </si>
  <si>
    <t>Samar Iqbal</t>
  </si>
  <si>
    <t>GGPS SARWAR SHAH KOT</t>
  </si>
  <si>
    <t>Sarwar shah Kot</t>
  </si>
  <si>
    <t>sarwar shah kot  lar</t>
  </si>
  <si>
    <t>Rabia Sharief</t>
  </si>
  <si>
    <t>GPS DHOK NAWAZ</t>
  </si>
  <si>
    <t>village Dk  Nawaz. Post office Boots Attock</t>
  </si>
  <si>
    <t>Dhok Nawaz</t>
  </si>
  <si>
    <t>GGPS PIND BALA</t>
  </si>
  <si>
    <t>village pind Bala p.o Paimal the gujar Khan distt Rawalpindi</t>
  </si>
  <si>
    <t>Sofia Shiraz</t>
  </si>
  <si>
    <t>GES CHAK NO 423/HR</t>
  </si>
  <si>
    <t>423 HR</t>
  </si>
  <si>
    <t>Chak no 308/HR Teh.Fortabbas Dist.BWN</t>
  </si>
  <si>
    <t>423/HR</t>
  </si>
  <si>
    <t>GPS NEW BINDI</t>
  </si>
  <si>
    <t>basti bindi</t>
  </si>
  <si>
    <t>GGES CHAK NO.83/TDA TIBBI KHURD</t>
  </si>
  <si>
    <t>G .G E/S 83 T.D.A Tibbi khurd</t>
  </si>
  <si>
    <t>Zahida Hakim</t>
  </si>
  <si>
    <t>GGPS BONGA GANDA SINGH WALA</t>
  </si>
  <si>
    <t>Bongha Ghanda Singhwala</t>
  </si>
  <si>
    <t>GGPS HAJRI</t>
  </si>
  <si>
    <t>Hajrii</t>
  </si>
  <si>
    <t>Ggps hijri,post office malhowal tehsil pindigheb distt attock</t>
  </si>
  <si>
    <t>Hajri</t>
  </si>
  <si>
    <t>Hifza Qayyum</t>
  </si>
  <si>
    <t>GMPS BEGAY WALI</t>
  </si>
  <si>
    <t>BAGAY wali</t>
  </si>
  <si>
    <t>bagay wali tehsil daska sialkot</t>
  </si>
  <si>
    <t>Bagay  Wali</t>
  </si>
  <si>
    <t>Satarh</t>
  </si>
  <si>
    <t>Kacha Kinjhir</t>
  </si>
  <si>
    <t>basti perhar Moza kacha Kinjhir p/o shah jamal,district Muzaffar Garh</t>
  </si>
  <si>
    <t>Basti Perhar</t>
  </si>
  <si>
    <t>54265</t>
  </si>
  <si>
    <t>Lalay Wala</t>
  </si>
  <si>
    <t>lalay wala</t>
  </si>
  <si>
    <t>GGPS WAHI KHOJI JALALPUR PIRWALA</t>
  </si>
  <si>
    <t>basti wahi khoji</t>
  </si>
  <si>
    <t>Fozia Nasir</t>
  </si>
  <si>
    <t>GMPS CHAK NO. 126 MURAD B</t>
  </si>
  <si>
    <t>chak no 126 Murad b</t>
  </si>
  <si>
    <t>126 Murad B</t>
  </si>
  <si>
    <t>Meriam Asgher</t>
  </si>
  <si>
    <t>40047</t>
  </si>
  <si>
    <t>GGPS SHADI KHAN</t>
  </si>
  <si>
    <t>Shadi khan</t>
  </si>
  <si>
    <t>GGPS SHADIKHAN TEHSIL HAZRO, DISTRICT ATTOCK</t>
  </si>
  <si>
    <t>Formulli</t>
  </si>
  <si>
    <t>Bibi Jan</t>
  </si>
  <si>
    <t>GGPS MEER NAGAR</t>
  </si>
  <si>
    <t>near  mukhtiar nawaz house azmat wala</t>
  </si>
  <si>
    <t>Basti Mohammad</t>
  </si>
  <si>
    <t>najma sultana</t>
  </si>
  <si>
    <t>30437</t>
  </si>
  <si>
    <t>GPS DHER PINDI</t>
  </si>
  <si>
    <t>Dher pindi</t>
  </si>
  <si>
    <t>village dher pindi opposite new Airport Lahore Cantt</t>
  </si>
  <si>
    <t>Dher Pindi</t>
  </si>
  <si>
    <t>LCB</t>
  </si>
  <si>
    <t>GGPS DHUSRI</t>
  </si>
  <si>
    <t>ggps dhusri</t>
  </si>
  <si>
    <t>Salaary</t>
  </si>
  <si>
    <t>Namra</t>
  </si>
  <si>
    <t>GGPS CHAK NO. 20/3-R (F.C)</t>
  </si>
  <si>
    <t>Gulshan Colony 20 I Gulshan Colony</t>
  </si>
  <si>
    <t>Gulshan Colony 20/3r FC</t>
  </si>
  <si>
    <t>2o/3rFC</t>
  </si>
  <si>
    <t>15 /1r</t>
  </si>
  <si>
    <t>GGPS 149/P JADEED SADIQABAD</t>
  </si>
  <si>
    <t>birthala</t>
  </si>
  <si>
    <t>basti doctor chak 149/p</t>
  </si>
  <si>
    <t>Basti doctor</t>
  </si>
  <si>
    <t>adam sohaba</t>
  </si>
  <si>
    <t>GES CHANAB RASOOLPUR</t>
  </si>
  <si>
    <t>moaza Chanab Rasool Pur</t>
  </si>
  <si>
    <t>GMES GUJJ</t>
  </si>
  <si>
    <t>Gujj</t>
  </si>
  <si>
    <t>village guj post office budha goraya teh,daska,dist sialkot</t>
  </si>
  <si>
    <t>GGES MEDICAL COLONY BAHAWALPUR</t>
  </si>
  <si>
    <t>One Unit COLONY</t>
  </si>
  <si>
    <t>GGES Medical colony one unit Colony bwp</t>
  </si>
  <si>
    <t>One Unit Colony</t>
  </si>
  <si>
    <t>GGES CHAK NO.23 A SB</t>
  </si>
  <si>
    <t>Chak  #23A SB</t>
  </si>
  <si>
    <t>chak no#23 ASB</t>
  </si>
  <si>
    <t>Chak#23 ASB</t>
  </si>
  <si>
    <t>Bhatanwala</t>
  </si>
  <si>
    <t>Tahira  Ramzan</t>
  </si>
  <si>
    <t>GGPS TIBBA BADAR SHAIR NO. 3</t>
  </si>
  <si>
    <t>muhallah gulshan habib badr sher</t>
  </si>
  <si>
    <t>Gulshanhabib Badar Sher</t>
  </si>
  <si>
    <t>Bwp City07</t>
  </si>
  <si>
    <t>shagufta kanwal</t>
  </si>
  <si>
    <t>32637</t>
  </si>
  <si>
    <t>GPS GOTH QAZI</t>
  </si>
  <si>
    <t>Goth Qazi</t>
  </si>
  <si>
    <t>goth qazi chalk no 199p the.sdk</t>
  </si>
  <si>
    <t>Chalk No 264p</t>
  </si>
  <si>
    <t>Akbar Ali Rehmani</t>
  </si>
  <si>
    <t>GES CHACHO WALI</t>
  </si>
  <si>
    <t>Chachowali</t>
  </si>
  <si>
    <t>chachowali bedian road lahore cantt</t>
  </si>
  <si>
    <t>44664</t>
  </si>
  <si>
    <t>GGPS CHAH ALLAH BAKHSH BASKHSHU WALA</t>
  </si>
  <si>
    <t>Govt. Model Primary School Allah Bakhsh Bakhshu Wala</t>
  </si>
  <si>
    <t>BAKHSHU WALA</t>
  </si>
  <si>
    <t>Maryam Khalidah</t>
  </si>
  <si>
    <t>GMPS KALLAR QURESHI, CHAK JAN PUR</t>
  </si>
  <si>
    <t>Chak Jan pur</t>
  </si>
  <si>
    <t>mouza chak Jan pur</t>
  </si>
  <si>
    <t>Chak Jan Pur</t>
  </si>
  <si>
    <t>40014</t>
  </si>
  <si>
    <t>GGPS JAM ABDUL MALIK</t>
  </si>
  <si>
    <t>Havali ghareb sha</t>
  </si>
  <si>
    <t>basti jam abdul malik</t>
  </si>
  <si>
    <t>BASTI abdul malik</t>
  </si>
  <si>
    <t>Hayat lar</t>
  </si>
  <si>
    <t>32987</t>
  </si>
  <si>
    <t>GMPS BONGA GILLAN</t>
  </si>
  <si>
    <t>Gmps bunga Gillan</t>
  </si>
  <si>
    <t>gmps bunga gillan</t>
  </si>
  <si>
    <t>bunga gillan</t>
  </si>
  <si>
    <t>natha</t>
  </si>
  <si>
    <t>Azra nazeer</t>
  </si>
  <si>
    <t>GMPS BHATAY</t>
  </si>
  <si>
    <t>Bathay</t>
  </si>
  <si>
    <t>bathay</t>
  </si>
  <si>
    <t>39671</t>
  </si>
  <si>
    <t>GPS CHAK NO. 259 TDA NO. 1</t>
  </si>
  <si>
    <t>Chak No259tda</t>
  </si>
  <si>
    <t>Chak No 259TDA post office 270TDA Tehsil Karror District Layyah</t>
  </si>
  <si>
    <t>Chak No 259TDA</t>
  </si>
  <si>
    <t>Chak No 110TDA</t>
  </si>
  <si>
    <t>GGPS SAAHAKEEL ABAD</t>
  </si>
  <si>
    <t>Kotla Mudho</t>
  </si>
  <si>
    <t>Basti shakeel Abad</t>
  </si>
  <si>
    <t>Shakeel Abad</t>
  </si>
  <si>
    <t>SHABANA FIAZ</t>
  </si>
  <si>
    <t>GMPS 211/F</t>
  </si>
  <si>
    <t>chak211/f</t>
  </si>
  <si>
    <t>Chak 211/F</t>
  </si>
  <si>
    <t>Kousar Yasmin</t>
  </si>
  <si>
    <t>GGPS KOTLI AMIR ALI</t>
  </si>
  <si>
    <t>kotli amir ali</t>
  </si>
  <si>
    <t>Nusrat Ikram</t>
  </si>
  <si>
    <t>GPS SADHOKEY</t>
  </si>
  <si>
    <t>SADHOKEY</t>
  </si>
  <si>
    <t>GPS SADHOKEY NOSHERA VIRKAN</t>
  </si>
  <si>
    <t>Anam Parveen</t>
  </si>
  <si>
    <t>GES CHAK 42/SP SAMUNDARI</t>
  </si>
  <si>
    <t>42/sp</t>
  </si>
  <si>
    <t>Mohd Sadiq</t>
  </si>
  <si>
    <t>GGES BLOCK NO.29 URBAN AREA</t>
  </si>
  <si>
    <t>Block no. 29/30, Urban Area , Sargodha</t>
  </si>
  <si>
    <t>Ayesha Fiaz Janjua</t>
  </si>
  <si>
    <t>GGPS MC FATIMA NO.11</t>
  </si>
  <si>
    <t>Gadai Shumali</t>
  </si>
  <si>
    <t>Muslim town Dera Ghazi Khan</t>
  </si>
  <si>
    <t>Mastoi Colony</t>
  </si>
  <si>
    <t>Zubida Bibi</t>
  </si>
  <si>
    <t>Amin Shah</t>
  </si>
  <si>
    <t>vill. amin shah , post office, kamalpur chishtiya</t>
  </si>
  <si>
    <t>Balaagun</t>
  </si>
  <si>
    <t>Afshan Nosheen</t>
  </si>
  <si>
    <t>GGPS THAROO WALA</t>
  </si>
  <si>
    <t>G.G.P.S Tharoo wala</t>
  </si>
  <si>
    <t>Tharoo Wala</t>
  </si>
  <si>
    <t>Bhar Khaki</t>
  </si>
  <si>
    <t>Shahina Fiaz</t>
  </si>
  <si>
    <t>GGPS CHHANI BARHAMAN</t>
  </si>
  <si>
    <t>Channi Berhmnan</t>
  </si>
  <si>
    <t>channi berhmnanan tehsil shakargarh district narowal</t>
  </si>
  <si>
    <t>Channi Berhmnanan</t>
  </si>
  <si>
    <t>Mussarat Hussain</t>
  </si>
  <si>
    <t>24847</t>
  </si>
  <si>
    <t>GPS GOPAL PUR</t>
  </si>
  <si>
    <t>Gopalpur Sialkot.</t>
  </si>
  <si>
    <t>SyedaWali</t>
  </si>
  <si>
    <t>M Naveed Aslam</t>
  </si>
  <si>
    <t>GGES BHUTTA WAHAN</t>
  </si>
  <si>
    <t>dak khana khas bhutta wahan</t>
  </si>
  <si>
    <t>Saadia Sattar</t>
  </si>
  <si>
    <t>farooqabad p/o lak</t>
  </si>
  <si>
    <t>GGPS TAJOKE</t>
  </si>
  <si>
    <t>Tajoke</t>
  </si>
  <si>
    <t>Govt girls primary school Tajoke  Tehseel Zafarwal District Narowal</t>
  </si>
  <si>
    <t>Fazeelat Begum</t>
  </si>
  <si>
    <t>26353</t>
  </si>
  <si>
    <t>GGPS CHAJWAL</t>
  </si>
  <si>
    <t>Chajwal Gujran</t>
  </si>
  <si>
    <t>village Chajwal gujran p/o tarkhana murida</t>
  </si>
  <si>
    <t>Zubaida Bagam</t>
  </si>
  <si>
    <t>GES CHAK NO 19 GB NANKANA SAHIB</t>
  </si>
  <si>
    <t>Chak 19 Gb</t>
  </si>
  <si>
    <t>Ges chak 19gb</t>
  </si>
  <si>
    <t>Chak No 19 Gb</t>
  </si>
  <si>
    <t>Chak 12 Garmola</t>
  </si>
  <si>
    <t>GGES CHAK NO.98/TDA</t>
  </si>
  <si>
    <t>98 Tda</t>
  </si>
  <si>
    <t>Chak No 98 TDA</t>
  </si>
  <si>
    <t>98 TDA</t>
  </si>
  <si>
    <t>GGPS BAHTTA COLONY</t>
  </si>
  <si>
    <t>bhatta colony near jilani masjad</t>
  </si>
  <si>
    <t>Chishtian Urban 3</t>
  </si>
  <si>
    <t>Nighat  Yasmeen</t>
  </si>
  <si>
    <t>GES PUNJ GRAEEN</t>
  </si>
  <si>
    <t>Punj Graeen</t>
  </si>
  <si>
    <t>Post Office Ratta Matta</t>
  </si>
  <si>
    <t>Umar Shahzad</t>
  </si>
  <si>
    <t>GGPS PHAL WALA</t>
  </si>
  <si>
    <t>Yaro</t>
  </si>
  <si>
    <t>cha per wala</t>
  </si>
  <si>
    <t>Cha Per Wala</t>
  </si>
  <si>
    <t>GMPS CHAH PEERO WALA</t>
  </si>
  <si>
    <t>51 TDA</t>
  </si>
  <si>
    <t>Chah peru wala chak no. 51 post office chak no.47 TDA Bhakkar</t>
  </si>
  <si>
    <t>Chah Peru</t>
  </si>
  <si>
    <t>GGPS CHAK NO 200/8-R EAST</t>
  </si>
  <si>
    <t>200/8r East</t>
  </si>
  <si>
    <t>200/8.r east</t>
  </si>
  <si>
    <t>Samra Sharif</t>
  </si>
  <si>
    <t>11533</t>
  </si>
  <si>
    <t>GES THATTA GURMANI</t>
  </si>
  <si>
    <t>Thatta Gurmani Sharqi</t>
  </si>
  <si>
    <t>Thatta Gurmani Sharqi post office Thatta Gurmani</t>
  </si>
  <si>
    <t>Thatta Gurmani</t>
  </si>
  <si>
    <t>Riaz hussain</t>
  </si>
  <si>
    <t>GPS GOTH AMIN (MOUDIB)</t>
  </si>
  <si>
    <t>Basti Arain Mouza Goth Amin</t>
  </si>
  <si>
    <t>Ridan</t>
  </si>
  <si>
    <t>Muhammad Mohsin Ali Anjum</t>
  </si>
  <si>
    <t>GGCMS 117/9-L KANGNI WALA</t>
  </si>
  <si>
    <t>chak 117/9l kangniwala</t>
  </si>
  <si>
    <t>117/9l Kangniwala</t>
  </si>
  <si>
    <t>112/9l</t>
  </si>
  <si>
    <t>Shazia Anwar</t>
  </si>
  <si>
    <t>38120</t>
  </si>
  <si>
    <t>32868</t>
  </si>
  <si>
    <t>GPS KUDLATHI</t>
  </si>
  <si>
    <t>village kudlathi Tehsil and District Nankana Sahib.</t>
  </si>
  <si>
    <t>Shamaoon Bahadar</t>
  </si>
  <si>
    <t>GPS BAIT AHEER</t>
  </si>
  <si>
    <t>Bait Aheer</t>
  </si>
  <si>
    <t>Basti Hafiz Ahmed Hassan Aheer Mouza Bait Aheer</t>
  </si>
  <si>
    <t>GGES CHAK NO.171/TDA</t>
  </si>
  <si>
    <t>Panah Kharel Sharqii</t>
  </si>
  <si>
    <t>Govt girls elementary school chak no 171/tda tehsil and district layyah</t>
  </si>
  <si>
    <t>Chak No 171 /Tda</t>
  </si>
  <si>
    <t>Chak No 172/tda</t>
  </si>
  <si>
    <t>GGPS DHOKAR</t>
  </si>
  <si>
    <t>Dhokar</t>
  </si>
  <si>
    <t>Mouse shofar post kot Essa shah</t>
  </si>
  <si>
    <t>Talat Naheed Kamal</t>
  </si>
  <si>
    <t>GMPS NO.1 CHAK NO.46 SB</t>
  </si>
  <si>
    <t>Chak  No 46 SB</t>
  </si>
  <si>
    <t>chak no,46 s.b  tehsil &amp;distt  sargodha</t>
  </si>
  <si>
    <t>Chak No 46 SB</t>
  </si>
  <si>
    <t>GGPS 252 P</t>
  </si>
  <si>
    <t>252/p</t>
  </si>
  <si>
    <t>GGPS 252/P Bangla manthar</t>
  </si>
  <si>
    <t>252/P</t>
  </si>
  <si>
    <t>52870</t>
  </si>
  <si>
    <t>GGES GUNGO WAL</t>
  </si>
  <si>
    <t>Gungowal</t>
  </si>
  <si>
    <t>gungowa tehsil depalpur</t>
  </si>
  <si>
    <t>Dharmawala</t>
  </si>
  <si>
    <t>Sadaf Shakoor</t>
  </si>
  <si>
    <t>GGCMS CHAK 27 GB SATIANA</t>
  </si>
  <si>
    <t>27GB</t>
  </si>
  <si>
    <t>chak No 27 gb</t>
  </si>
  <si>
    <t>27 Gb</t>
  </si>
  <si>
    <t>Chak No 24 Gb</t>
  </si>
  <si>
    <t>Sabahat Umar</t>
  </si>
  <si>
    <t>GGPS CHAK 262/P</t>
  </si>
  <si>
    <t>Chak 262/P</t>
  </si>
  <si>
    <t>Chak 262/p, Post office 211/p Tehsil SDK</t>
  </si>
  <si>
    <t>Chak 264/P</t>
  </si>
  <si>
    <t>Uzma Yasmin</t>
  </si>
  <si>
    <t>52744</t>
  </si>
  <si>
    <t>GGPS PIR HAYAT (Under NGO)</t>
  </si>
  <si>
    <t>village pir hayat district okara tehsil depalpur</t>
  </si>
  <si>
    <t>Anees Gulam Farid</t>
  </si>
  <si>
    <t>GGPS CHAK NO.122/TDA AMANULLAH WALA</t>
  </si>
  <si>
    <t>Aman Ul Allah Wala</t>
  </si>
  <si>
    <t>Chak#122/Tda Aman ul Allah wala</t>
  </si>
  <si>
    <t>122/Tda Aman Ul Allah Wala</t>
  </si>
  <si>
    <t>Nishat sehar un nisa</t>
  </si>
  <si>
    <t>48998</t>
  </si>
  <si>
    <t>GPS CHAK NO 28 SB</t>
  </si>
  <si>
    <t>28 SB</t>
  </si>
  <si>
    <t>CHAK. NO.  28. SB. SARGODHA</t>
  </si>
  <si>
    <t>Fakhar Ali</t>
  </si>
  <si>
    <t>17442</t>
  </si>
  <si>
    <t>GGCMES ABBAS PUR</t>
  </si>
  <si>
    <t>GGCMES Abbas Pur</t>
  </si>
  <si>
    <t>2 hand pump 2 water pump</t>
  </si>
  <si>
    <t>GGES CHAK NO.94 SB</t>
  </si>
  <si>
    <t>94sb</t>
  </si>
  <si>
    <t>chak no.94 sb Sargodha</t>
  </si>
  <si>
    <t>94sb Sargodha</t>
  </si>
  <si>
    <t>96 Sb Sargodha</t>
  </si>
  <si>
    <t>Rubina Mumtaz</t>
  </si>
  <si>
    <t>GMPS CHAK NO. 19/G (A)</t>
  </si>
  <si>
    <t>19/g</t>
  </si>
  <si>
    <t>chak no 19/g</t>
  </si>
  <si>
    <t>Sehrish Hussain</t>
  </si>
  <si>
    <t>GPS IMAM BAKHASH ARAIN</t>
  </si>
  <si>
    <t>post office jan pur.teh.liaquat pur.distt.Rahim yar khan</t>
  </si>
  <si>
    <t>Imam Bux Arain</t>
  </si>
  <si>
    <t>44381</t>
  </si>
  <si>
    <t>GGES CHAK NO.49/TDA</t>
  </si>
  <si>
    <t>Chak Number 49tda</t>
  </si>
  <si>
    <t>chak Number 49tda  P/o 47tda</t>
  </si>
  <si>
    <t>45tda</t>
  </si>
  <si>
    <t>GES CHAK NO. 12 GARMULA</t>
  </si>
  <si>
    <t>CHAK NO 12GB</t>
  </si>
  <si>
    <t>CHAK NO 12GARMULA GB TEHSIL&amp;DISTRICT NANKANA</t>
  </si>
  <si>
    <t>CHAK NO 12 GARMULA 12GARMULA GB</t>
  </si>
  <si>
    <t>15336</t>
  </si>
  <si>
    <t>GGES CHAK 40 GB SATIANA</t>
  </si>
  <si>
    <t>Roaid Makroota</t>
  </si>
  <si>
    <t>GGES40GB</t>
  </si>
  <si>
    <t>40GB</t>
  </si>
  <si>
    <t>39GB</t>
  </si>
  <si>
    <t>Mubashara Mubarak</t>
  </si>
  <si>
    <t>48873</t>
  </si>
  <si>
    <t>GGES CHAK NO.110 SB</t>
  </si>
  <si>
    <t>110 Janubi</t>
  </si>
  <si>
    <t>chak no 110 sb Sargodha</t>
  </si>
  <si>
    <t>Chak No 111 SB</t>
  </si>
  <si>
    <t>GPS CHAK KORA</t>
  </si>
  <si>
    <t>chah jamshair wala mouza chak jarwar</t>
  </si>
  <si>
    <t>Chah Jamshair Wala</t>
  </si>
  <si>
    <t>GGPS BARA SADAT</t>
  </si>
  <si>
    <t>basti barin near basti budh teh kotadu disst muzaffar garh</t>
  </si>
  <si>
    <t>Barain</t>
  </si>
  <si>
    <t>Madiha Zafar</t>
  </si>
  <si>
    <t>54443</t>
  </si>
  <si>
    <t>GPS DOGAGE CHAK NO 18 GB</t>
  </si>
  <si>
    <t>18 Chack</t>
  </si>
  <si>
    <t>chack no 18;G.B</t>
  </si>
  <si>
    <t>18 chack</t>
  </si>
  <si>
    <t>12 Chack</t>
  </si>
  <si>
    <t>GPS QILA JAWAND SINGH</t>
  </si>
  <si>
    <t>Qila Jawend Singh</t>
  </si>
  <si>
    <t>Qila jawend singh the Depalpur Dist OkARA</t>
  </si>
  <si>
    <t>GES CHAK NO.125/NP QADEEM</t>
  </si>
  <si>
    <t>Chak 125 Np</t>
  </si>
  <si>
    <t>p/o firoza tehsil liaqatpur</t>
  </si>
  <si>
    <t>chak no 125 np jadeed</t>
  </si>
  <si>
    <t>GGPS 112/9-L GANGARAM</t>
  </si>
  <si>
    <t>Gangaram</t>
  </si>
  <si>
    <t>112 9l gangaram sahiwal..</t>
  </si>
  <si>
    <t>112 9l Gangaram Swl</t>
  </si>
  <si>
    <t>Budh Dahkoo</t>
  </si>
  <si>
    <t>GPS CHAK NO 370 PARKAR ABAD</t>
  </si>
  <si>
    <t>370 Parkarabad</t>
  </si>
  <si>
    <t>Parkarabad</t>
  </si>
  <si>
    <t>GPS DERA JATTAN</t>
  </si>
  <si>
    <t>Sardarabad maoza Rum u/c khan bela, Liaqatpur Rahim yar khan</t>
  </si>
  <si>
    <t>Dera Jattan</t>
  </si>
  <si>
    <t>Khan bela</t>
  </si>
  <si>
    <t>GGPS 49/GD</t>
  </si>
  <si>
    <t>GGPS 49/G.D</t>
  </si>
  <si>
    <t>Uzma Aslam</t>
  </si>
  <si>
    <t>GPS CHAK NO 68 P</t>
  </si>
  <si>
    <t>68/p</t>
  </si>
  <si>
    <t>GPS Chak #68/P</t>
  </si>
  <si>
    <t>Latki Male</t>
  </si>
  <si>
    <t>GGPS CHAK NO.117/TDA</t>
  </si>
  <si>
    <t>Chak No 117bTda</t>
  </si>
  <si>
    <t>Chak no 117 b/Tda</t>
  </si>
  <si>
    <t>Chao No 117b/Tda</t>
  </si>
  <si>
    <t>GMPS JHANDARAIN</t>
  </si>
  <si>
    <t>SHADI KICHALA</t>
  </si>
  <si>
    <t>MOUZA SHADI KICHALA TEHSIL JPPW DISTRICT MULTAN</t>
  </si>
  <si>
    <t>JHANDARAIN</t>
  </si>
  <si>
    <t>KHALIDA NASREEN</t>
  </si>
  <si>
    <t>basti baqirpur</t>
  </si>
  <si>
    <t>Rehana Rasheed</t>
  </si>
  <si>
    <t>GGPS CDG RASALA BAZAR OLD ANARKALI</t>
  </si>
  <si>
    <t>palm street old anarkali</t>
  </si>
  <si>
    <t>Maryam Afzal</t>
  </si>
  <si>
    <t>GPS KOT MOLADAD NANKANA SAHIB</t>
  </si>
  <si>
    <t>kotMoladad Nankana Sahib</t>
  </si>
  <si>
    <t>KotMoladad</t>
  </si>
  <si>
    <t>Khayaray Kalan</t>
  </si>
  <si>
    <t>Usman Rasheed</t>
  </si>
  <si>
    <t>GGPS MIAN CHEEMA</t>
  </si>
  <si>
    <t>Main cheema</t>
  </si>
  <si>
    <t>vpo kheewa bajwa tehsil pasrur district sialkot</t>
  </si>
  <si>
    <t>Main Cheema</t>
  </si>
  <si>
    <t>FAIZA JAHAN</t>
  </si>
  <si>
    <t>GGPS DHILAM</t>
  </si>
  <si>
    <t>DHILAM</t>
  </si>
  <si>
    <t>Aqsa Shaheen</t>
  </si>
  <si>
    <t>34954</t>
  </si>
  <si>
    <t>GGPS BASTI BHALAR TEH. JALALPUR PIRWALA</t>
  </si>
  <si>
    <t>BASTI JAGGY WALA MOUZA SHADI KACHALA TESIL JPPW MLTAN</t>
  </si>
  <si>
    <t>Basti Jaggy Wala</t>
  </si>
  <si>
    <t>m0tar</t>
  </si>
  <si>
    <t>10945</t>
  </si>
  <si>
    <t>GGPS CHAK NO.147/TDA BASTI PAWLI</t>
  </si>
  <si>
    <t>ggps 147 tda basti pawli</t>
  </si>
  <si>
    <t>147 TDA</t>
  </si>
  <si>
    <t>Shahana Kousar</t>
  </si>
  <si>
    <t>52717</t>
  </si>
  <si>
    <t>GGPS DOLLA SUTLAN</t>
  </si>
  <si>
    <t>Dolla Sultan</t>
  </si>
  <si>
    <t>moza dolla sultan p/o hujra shah mukeem</t>
  </si>
  <si>
    <t>Uzma Gulzar</t>
  </si>
  <si>
    <t>46311</t>
  </si>
  <si>
    <t>24428</t>
  </si>
  <si>
    <t>GGPS BUDHA KHURD</t>
  </si>
  <si>
    <t>budha khurd</t>
  </si>
  <si>
    <t>vilg Budha khurd teh pasrur</t>
  </si>
  <si>
    <t>Budha khurd</t>
  </si>
  <si>
    <t>Ishart Parveen</t>
  </si>
  <si>
    <t>Basti Akber Bosan, Moza Bait Bhattar, P/O Taranda M Panah, Tehsil Liaquat Pur, Distt Rahim Yar Khan</t>
  </si>
  <si>
    <t>Akber Bosan</t>
  </si>
  <si>
    <t>GGCMS CHAK NO. 179 JB</t>
  </si>
  <si>
    <t>Khisar</t>
  </si>
  <si>
    <t>GGCMS achak 179</t>
  </si>
  <si>
    <t>Chak 179 JB</t>
  </si>
  <si>
    <t>Azra Shafi</t>
  </si>
  <si>
    <t>moza talwara p/o salyana district jhang</t>
  </si>
  <si>
    <t>Saira Ijaz</t>
  </si>
  <si>
    <t>32808</t>
  </si>
  <si>
    <t>GPS MOHABBAT WALA</t>
  </si>
  <si>
    <t>mohabbat wala</t>
  </si>
  <si>
    <t>MOHABBAT WALA</t>
  </si>
  <si>
    <t>GPS JAM AHMAD DIN</t>
  </si>
  <si>
    <t>Basti Mud Kalo post office mud kalo tehsil khan pur district rahim year khan</t>
  </si>
  <si>
    <t>Mud Kalo</t>
  </si>
  <si>
    <t>GMES CM SATOKAY</t>
  </si>
  <si>
    <t>vill.sattoki p.o malomehey teh. daska distt.sialkot</t>
  </si>
  <si>
    <t>Malo Mehay</t>
  </si>
  <si>
    <t>Musarrat Choudray</t>
  </si>
  <si>
    <t>GMPS 1 FAIZ SHUMALI P/O LAR</t>
  </si>
  <si>
    <t>Chack No 1 Faiz shumali</t>
  </si>
  <si>
    <t>1  Faiz</t>
  </si>
  <si>
    <t>GPS DOGRAN WALA MALIAN</t>
  </si>
  <si>
    <t>Dogranwala Malian</t>
  </si>
  <si>
    <t>Dogranwala malian</t>
  </si>
  <si>
    <t>GPS CHAK NO.219-A/TDA</t>
  </si>
  <si>
    <t>Moj Ghr</t>
  </si>
  <si>
    <t>chak no 219A TDA</t>
  </si>
  <si>
    <t>219A/TDA</t>
  </si>
  <si>
    <t>Muhammad Zeeshan Ashraf</t>
  </si>
  <si>
    <t>GGPS POGGAL</t>
  </si>
  <si>
    <t>POGAL</t>
  </si>
  <si>
    <t>Mangopora MINCHINABAD</t>
  </si>
  <si>
    <t>Mangopora</t>
  </si>
  <si>
    <t>Shabazpora</t>
  </si>
  <si>
    <t>Rashidaperven</t>
  </si>
  <si>
    <t>GMPS NAROOL</t>
  </si>
  <si>
    <t>basti jam allah rakha monza narool</t>
  </si>
  <si>
    <t>Bait Katich Shumali</t>
  </si>
  <si>
    <t>GGPS 189/P</t>
  </si>
  <si>
    <t>189/p</t>
  </si>
  <si>
    <t>govt.girls primary school 189/p sadiqabad</t>
  </si>
  <si>
    <t>Ghoth Jangho</t>
  </si>
  <si>
    <t>Safeera Sanaullah</t>
  </si>
  <si>
    <t>GPS ALLAH CHIRAGH WALA</t>
  </si>
  <si>
    <t>Kallur Kot Daggar</t>
  </si>
  <si>
    <t>GPS Allah Chiragh Wala ,P.O Kallur kot District Bhakkar</t>
  </si>
  <si>
    <t>Allah Chiragh Wala</t>
  </si>
  <si>
    <t>ALTAF MUHAMMAD MALIK</t>
  </si>
  <si>
    <t>GMPS DAULU WALA</t>
  </si>
  <si>
    <t>CHAK No10JB DOLOWALA CHINIOT</t>
  </si>
  <si>
    <t>DOLOWALA</t>
  </si>
  <si>
    <t>CHAK No13 Sarwala</t>
  </si>
  <si>
    <t>GGPS DERA ZUFRALA KHAN</t>
  </si>
  <si>
    <t>GMPS DERA ZAFARULLAH</t>
  </si>
  <si>
    <t>Zafar Abbad</t>
  </si>
  <si>
    <t>Dagger Rehtas</t>
  </si>
  <si>
    <t>GPS CHAH BUDDAH</t>
  </si>
  <si>
    <t>Chah Buddha</t>
  </si>
  <si>
    <t>chah Buddha</t>
  </si>
  <si>
    <t>Meer Hussain</t>
  </si>
  <si>
    <t>GGCMS 9-FAIZ MULTAN</t>
  </si>
  <si>
    <t>9 Faiz</t>
  </si>
  <si>
    <t>G.G.C.M School 9 Faiz</t>
  </si>
  <si>
    <t>Qasba Chaharm</t>
  </si>
  <si>
    <t>GMPS DHAB SNATEKA</t>
  </si>
  <si>
    <t>Dhab Sanetka</t>
  </si>
  <si>
    <t>dhab sanetka teh distt bahawalnager</t>
  </si>
  <si>
    <t>Aisha Bashir</t>
  </si>
  <si>
    <t>16362</t>
  </si>
  <si>
    <t>GGPS CHAK 110 JB  I</t>
  </si>
  <si>
    <t>110jb1</t>
  </si>
  <si>
    <t>49 D milat town milat road fsd</t>
  </si>
  <si>
    <t>Rubina Sharif</t>
  </si>
  <si>
    <t>GGPS CHAK NO 270 HR (TIBBA)</t>
  </si>
  <si>
    <t>tibba alamgir 270/hr fort abbas</t>
  </si>
  <si>
    <t>Tibba Alamgir 270/hr</t>
  </si>
  <si>
    <t>Uzma Urooj</t>
  </si>
  <si>
    <t>GGPS SHAH ALAM</t>
  </si>
  <si>
    <t>chah shah alam mouza talwara district jhang</t>
  </si>
  <si>
    <t>Havali Sheikh Raju</t>
  </si>
  <si>
    <t>Nida Batool</t>
  </si>
  <si>
    <t>GGCMS SABRA BASTI MALKAN JALALPUR PIRWALA</t>
  </si>
  <si>
    <t>cmsabra Basti malkan Jalal pur pirwala ,Multan</t>
  </si>
  <si>
    <t>Kanhoon shumali</t>
  </si>
  <si>
    <t>Najma Lal</t>
  </si>
  <si>
    <t>GGPS CHAK NO.125-B/TDA GRID STATION</t>
  </si>
  <si>
    <t>check#125B/TDA grid station layyah</t>
  </si>
  <si>
    <t>Check#125B/TDA</t>
  </si>
  <si>
    <t>GGMES DADAY WALA</t>
  </si>
  <si>
    <t>Basti Dadday wala paigah DGKhan</t>
  </si>
  <si>
    <t>Tabinda Yasmin</t>
  </si>
  <si>
    <t>GGPS MACHRAN WALI</t>
  </si>
  <si>
    <t>Muchranwali</t>
  </si>
  <si>
    <t>Muchranwali p\ o philoki the Noshehra virkan dist Gujranwala</t>
  </si>
  <si>
    <t>Rubi Khadim</t>
  </si>
  <si>
    <t>GPS THATHA SATTI</t>
  </si>
  <si>
    <t>Jalal No</t>
  </si>
  <si>
    <t>thatha satti .post office more khunda.teh. &amp; distt nankana sahib</t>
  </si>
  <si>
    <t>Thatha Satti</t>
  </si>
  <si>
    <t>Mohammad Arfan Haider</t>
  </si>
  <si>
    <t>Haveli Ghreeb Shah</t>
  </si>
  <si>
    <t>basti  Farooq  abad haveli Ghreeb Shah markz pacca larda</t>
  </si>
  <si>
    <t>Basti  Farooq abad</t>
  </si>
  <si>
    <t>Rashida Akram</t>
  </si>
  <si>
    <t>GPS CHAK NO. 142/P</t>
  </si>
  <si>
    <t>142 P</t>
  </si>
  <si>
    <t>gps142/p Manthar  RYK</t>
  </si>
  <si>
    <t>Chak No 142/p</t>
  </si>
  <si>
    <t>GGPS DERA MASTER YASIN</t>
  </si>
  <si>
    <t>Chak 69/P</t>
  </si>
  <si>
    <t>GGPS Dara Master Yaseen</t>
  </si>
  <si>
    <t>Dara Master Yaseen</t>
  </si>
  <si>
    <t>Tehseen Anwar</t>
  </si>
  <si>
    <t>13043</t>
  </si>
  <si>
    <t>GPS KHAJI WALA</t>
  </si>
  <si>
    <t>basti Jarh</t>
  </si>
  <si>
    <t>Basti Khaji wala, Moza Jarh, Shah Jamal, Muzaffargarh</t>
  </si>
  <si>
    <t>Khajhi Wala</t>
  </si>
  <si>
    <t>Ali Hassan</t>
  </si>
  <si>
    <t>GGES CHAK NO.24 SB SGD</t>
  </si>
  <si>
    <t>Chak 24sb</t>
  </si>
  <si>
    <t>GGCMES 24sb</t>
  </si>
  <si>
    <t>24 Sb</t>
  </si>
  <si>
    <t>Basran Bibi</t>
  </si>
  <si>
    <t>GPS BASTI GHULAM FARID SUKHERA</t>
  </si>
  <si>
    <t>Mamrajpura</t>
  </si>
  <si>
    <t>daak khana dhabsanateka, Haroon abad road bahawalnagar</t>
  </si>
  <si>
    <t>Basti Ghulam Farrid Sukhera</t>
  </si>
  <si>
    <t>Sawai wala</t>
  </si>
  <si>
    <t>Nadeem Ur Rehman</t>
  </si>
  <si>
    <t>GGPS QASIM KHAN GASHKORI WALA</t>
  </si>
  <si>
    <t>GG PS QASIMKHAN GISHKORI WALA</t>
  </si>
  <si>
    <t>KOTLA HAJI SAHA</t>
  </si>
  <si>
    <t>Khadija Begum</t>
  </si>
  <si>
    <t>GGPS JAM PUR</t>
  </si>
  <si>
    <t>GGPS  jampur</t>
  </si>
  <si>
    <t>Hamid  Pur  Kenora</t>
  </si>
  <si>
    <t>Sidra Iqbal</t>
  </si>
  <si>
    <t>GGES CHAK DONI CHAND DERA JAMU</t>
  </si>
  <si>
    <t>Chak Doni Chand</t>
  </si>
  <si>
    <t>GGE/S Chak Doni Chand Dera jammu, Tehsil Nowshera Virkan District Gujranwala</t>
  </si>
  <si>
    <t>Chak Doni Chand Dera Jammu</t>
  </si>
  <si>
    <t>Bila Rani</t>
  </si>
  <si>
    <t>GPS ADAMKAY NAGRA</t>
  </si>
  <si>
    <t>vpo Adam kay nagra teh.pasrur distt.sialkot</t>
  </si>
  <si>
    <t>Adam  Kay Nagra</t>
  </si>
  <si>
    <t>Qaisar Mehmood</t>
  </si>
  <si>
    <t>GPS QALANDER BUKHASH</t>
  </si>
  <si>
    <t>Basti Qalander bux shah mouza ghimmi</t>
  </si>
  <si>
    <t>Qalander Bux Shah</t>
  </si>
  <si>
    <t>Ghulam Hashim</t>
  </si>
  <si>
    <t>GPS NARAN WALA</t>
  </si>
  <si>
    <t>NARAN Wala</t>
  </si>
  <si>
    <t>NARAN Wala p/o More Khunda</t>
  </si>
  <si>
    <t>GGPS SHAH GARH</t>
  </si>
  <si>
    <t>moza shahgarh p/o taranda siwa-e-khan ryk</t>
  </si>
  <si>
    <t>GMPS BASTI ARBI P/O BASTI ARBI MUKHDOOM RASHED</t>
  </si>
  <si>
    <t>Basti Arbi, P/O Makhdoom Rasheed, Multan</t>
  </si>
  <si>
    <t>Jalabad</t>
  </si>
  <si>
    <t>GPS CHAK NO. 273 TDA NO. 1</t>
  </si>
  <si>
    <t>Chsk 273 TDA</t>
  </si>
  <si>
    <t>Chak No 273TDA Tehsil Karor Disst Layyah</t>
  </si>
  <si>
    <t>Chak No 273 TDA</t>
  </si>
  <si>
    <t>GPS MALLU CHIT</t>
  </si>
  <si>
    <t>Mallu chitt</t>
  </si>
  <si>
    <t>government primary school Mallu chitt p o cantt tehsil, district sialkot</t>
  </si>
  <si>
    <t>Abouzar Ghafari</t>
  </si>
  <si>
    <t>GMPS KOTLA JAAM NASHEB</t>
  </si>
  <si>
    <t>Kotla jam</t>
  </si>
  <si>
    <t>Hadiqa Hussain</t>
  </si>
  <si>
    <t>21864</t>
  </si>
  <si>
    <t>Talabwala</t>
  </si>
  <si>
    <t>Dera Dalabwala</t>
  </si>
  <si>
    <t>Talabwala Wals</t>
  </si>
  <si>
    <t>GGPS REHMAT ALI DRIGRAH</t>
  </si>
  <si>
    <t>Darigrah</t>
  </si>
  <si>
    <t>Basti Rehmat Ali post office Basti shadi Darigrah Tehsil SDK District RYK</t>
  </si>
  <si>
    <t>Basti Rehmat Ali</t>
  </si>
  <si>
    <t>Umm e Zainab</t>
  </si>
  <si>
    <t>GPS PROPI NAGRA</t>
  </si>
  <si>
    <t>propi nagra near aiman abad road ,tehsil pasrur</t>
  </si>
  <si>
    <t>Muhammad Ysseen</t>
  </si>
  <si>
    <t>GGES 65/GD YARE WALA</t>
  </si>
  <si>
    <t>Chak No 65/G D Yare Wala Swl</t>
  </si>
  <si>
    <t>Chak  No 65/G.D Yard Wala sahiwal</t>
  </si>
  <si>
    <t>Chak 65/GD Yare Wala Swl</t>
  </si>
  <si>
    <t>50/G D Swl</t>
  </si>
  <si>
    <t>GGPS QABOOL FATANI</t>
  </si>
  <si>
    <t>basti qabool fatani</t>
  </si>
  <si>
    <t>GMPS CHAK 13 JB WALANIAN WALA</t>
  </si>
  <si>
    <t>Walanianwala</t>
  </si>
  <si>
    <t>CHAK #13JB WALANIANWALA  CHINIOT</t>
  </si>
  <si>
    <t>CHAK NO 13 JB SARWALA</t>
  </si>
  <si>
    <t>GGPS SALAB ABAD</t>
  </si>
  <si>
    <t>GGPS Salababad</t>
  </si>
  <si>
    <t>Salababad</t>
  </si>
  <si>
    <t>Nadia Mansoor</t>
  </si>
  <si>
    <t>GPS DOGRAN WALI</t>
  </si>
  <si>
    <t>Dogranwali</t>
  </si>
  <si>
    <t>Government Primary school Dogranwali</t>
  </si>
  <si>
    <t>Najma Haider</t>
  </si>
  <si>
    <t>32235</t>
  </si>
  <si>
    <t>GGPS MAKKY 525</t>
  </si>
  <si>
    <t>MAKKI No 525</t>
  </si>
  <si>
    <t>MAKKI 525</t>
  </si>
  <si>
    <t>MAKKI 460</t>
  </si>
  <si>
    <t>AZMA IQBAL</t>
  </si>
  <si>
    <t>GMPS LAGHARI</t>
  </si>
  <si>
    <t>mouza laghari</t>
  </si>
  <si>
    <t>Shafqat Abbas</t>
  </si>
  <si>
    <t>GGES BASTI HOOT</t>
  </si>
  <si>
    <t>Basti hoot</t>
  </si>
  <si>
    <t>block #18,house #89 bodla  colony  d g Khan</t>
  </si>
  <si>
    <t>Azra Khosa</t>
  </si>
  <si>
    <t>GES AHMED BUX NAICH</t>
  </si>
  <si>
    <t>basti Ahmed bux naich</t>
  </si>
  <si>
    <t>Ahmed Bus Naich</t>
  </si>
  <si>
    <t>Hazoor Bukhsh</t>
  </si>
  <si>
    <t>GMPS CHAK 22/P</t>
  </si>
  <si>
    <t>Peeran Chaan Punn</t>
  </si>
  <si>
    <t>chak no 22 p post office, mari Allah bachaya</t>
  </si>
  <si>
    <t>22/ P</t>
  </si>
  <si>
    <t>Madbhora</t>
  </si>
  <si>
    <t>Memona Rahat</t>
  </si>
  <si>
    <t>GGPS 70/4-R SHABEEL</t>
  </si>
  <si>
    <t>704r Shabeel</t>
  </si>
  <si>
    <t>70.4r adda shabeel</t>
  </si>
  <si>
    <t>694r</t>
  </si>
  <si>
    <t>Nazir Begum</t>
  </si>
  <si>
    <t>GPS DERA SHAKRA DHAKLI</t>
  </si>
  <si>
    <t>dera shakru laluwali wali</t>
  </si>
  <si>
    <t>Laluwali Wali</t>
  </si>
  <si>
    <t>GPS TANZEEM AKKOKA WEST</t>
  </si>
  <si>
    <t>Basti Doctor Dewan Wali</t>
  </si>
  <si>
    <t>GPS BASTI PYARE KHAN PITAFI</t>
  </si>
  <si>
    <t>Basti Pyaray Khan Pitafi Moza Rasool Pur UC Rasool Pur Tehsil Sadiqabad district Rahim Yar Khan</t>
  </si>
  <si>
    <t>Basti Pyaray Khan Pitafi</t>
  </si>
  <si>
    <t>Muhammad Arif Iqbal Khan</t>
  </si>
  <si>
    <t>Village gorali tehsil kamoki district gujranwala</t>
  </si>
  <si>
    <t>11987</t>
  </si>
  <si>
    <t>GGES BODLA TOWN MULTAN</t>
  </si>
  <si>
    <t>Bua Pur</t>
  </si>
  <si>
    <t>ggeschool bodla town Multan</t>
  </si>
  <si>
    <t>Bodla Town</t>
  </si>
  <si>
    <t>Nasim Nasir</t>
  </si>
  <si>
    <t>GGES DHER UMID ALI SHAH</t>
  </si>
  <si>
    <t>Sadia Rabnawaz</t>
  </si>
  <si>
    <t>GGES BASTI GAZRAN</t>
  </si>
  <si>
    <t>Jasal Wine</t>
  </si>
  <si>
    <t>g.g e/s basti  gazran   d&amp;t m. garh</t>
  </si>
  <si>
    <t>Basti Gazran</t>
  </si>
  <si>
    <t>Farrah Deeba</t>
  </si>
  <si>
    <t>GPS 223 RB KALAR COLONY</t>
  </si>
  <si>
    <t>223 RB KALAR COLONY</t>
  </si>
  <si>
    <t>223 RB Kalar Colony</t>
  </si>
  <si>
    <t>Khushi Muhammad Rana</t>
  </si>
  <si>
    <t>GGPS CHAH GONDLAN</t>
  </si>
  <si>
    <t>Chah Gondlan</t>
  </si>
  <si>
    <t>chah gondlan hamza ghous</t>
  </si>
  <si>
    <t>Sumbel</t>
  </si>
  <si>
    <t>19989</t>
  </si>
  <si>
    <t>GES HARSA BULLAH</t>
  </si>
  <si>
    <t>Harsabullah</t>
  </si>
  <si>
    <t>Moza Harsabullah</t>
  </si>
  <si>
    <t>GGPS 109/9-L NEW ABADI</t>
  </si>
  <si>
    <t>109/9-l New</t>
  </si>
  <si>
    <t>109/9L new, sahiwal.</t>
  </si>
  <si>
    <t>109/9L New</t>
  </si>
  <si>
    <t>110/9-L</t>
  </si>
  <si>
    <t>GGPS GANDA KASS</t>
  </si>
  <si>
    <t>village and post office gandakass</t>
  </si>
  <si>
    <t>Sehrish Waris</t>
  </si>
  <si>
    <t>10205</t>
  </si>
  <si>
    <t>GGPS QURESHI MANJOTHA</t>
  </si>
  <si>
    <t>Sanj Israh</t>
  </si>
  <si>
    <t>GGPS Qureshi Manjotha</t>
  </si>
  <si>
    <t>GMPS NAZIR ABAD</t>
  </si>
  <si>
    <t>Fidi Shah</t>
  </si>
  <si>
    <t>Asia Ghaffar</t>
  </si>
  <si>
    <t>37814</t>
  </si>
  <si>
    <t>GGPS DHOLAN PO JAMKE CHEEMA TEH DASKA</t>
  </si>
  <si>
    <t>FARAH MUBASHRA</t>
  </si>
  <si>
    <t>GGPS ALAUDIN WAL</t>
  </si>
  <si>
    <t>Alaudinwal</t>
  </si>
  <si>
    <t>mousa alaudinwal tehsil lalian dist chiniot</t>
  </si>
  <si>
    <t>15104</t>
  </si>
  <si>
    <t>GGES BHARTH</t>
  </si>
  <si>
    <t>GOVT. Girls Elementary School Bharth</t>
  </si>
  <si>
    <t>Bushra Azam</t>
  </si>
  <si>
    <t>saeedabad</t>
  </si>
  <si>
    <t>Bushra Yasmeen</t>
  </si>
  <si>
    <t>Duniya Pur</t>
  </si>
  <si>
    <t>basti moman abad markaz latki khan pur</t>
  </si>
  <si>
    <t>GGPS SULTAN PURA GOJRA</t>
  </si>
  <si>
    <t>Govt Govt primary school sultan pura</t>
  </si>
  <si>
    <t>UC 24</t>
  </si>
  <si>
    <t>GPS PAKKAY WALA</t>
  </si>
  <si>
    <t>u.c Ali wala basti pakay wala tehsil kot chutta dist DG Khan</t>
  </si>
  <si>
    <t>Pakky wala</t>
  </si>
  <si>
    <t>GGMPS LALHAL</t>
  </si>
  <si>
    <t>vpo lalyal teh gujarkhan distt Rawalpindi</t>
  </si>
  <si>
    <t>Ramna Kanwal</t>
  </si>
  <si>
    <t>GGPS ATHEEL PUR</t>
  </si>
  <si>
    <t>Atheel  Pur</t>
  </si>
  <si>
    <t>Chary Wan</t>
  </si>
  <si>
    <t>Shakila Khanum</t>
  </si>
  <si>
    <t>GMPS KOTLI JOSHAN</t>
  </si>
  <si>
    <t>Kotli Joshan</t>
  </si>
  <si>
    <t>kotli joshan p/o Gadgoor</t>
  </si>
  <si>
    <t>SHMAILA GHULAM MUSTAFA</t>
  </si>
  <si>
    <t>34655</t>
  </si>
  <si>
    <t>GGPS TARAGER NO.1</t>
  </si>
  <si>
    <t>ggps traggarh no 1 near traggarh mord</t>
  </si>
  <si>
    <t>Traggarh Mord</t>
  </si>
  <si>
    <t>GGPS CHAK NO. 20/3-R</t>
  </si>
  <si>
    <t>Zarina Baggum</t>
  </si>
  <si>
    <t>GGPS DERA CHOUDHARY GHULAM RASOOL</t>
  </si>
  <si>
    <t>ggps dera ch ghulam Rasool chak no 35 TDA</t>
  </si>
  <si>
    <t>Chak No 35 TDA</t>
  </si>
  <si>
    <t>Basti Pahalwanka mouza murad wala Minchinabad Bahawalnagar</t>
  </si>
  <si>
    <t>Basti Pahalwanka</t>
  </si>
  <si>
    <t>GGPS DEEPAY PUR</t>
  </si>
  <si>
    <t>Deepay Pur</t>
  </si>
  <si>
    <t>deepay pur</t>
  </si>
  <si>
    <t>Irsa Allah Ditta</t>
  </si>
  <si>
    <t>GGES MC NAIKA PURA SIALKOT</t>
  </si>
  <si>
    <t>Mohallah Naika Pura Sialkot City</t>
  </si>
  <si>
    <t>8689</t>
  </si>
  <si>
    <t>GGPS MC NO.12</t>
  </si>
  <si>
    <t>block b, dera ghazi khan</t>
  </si>
  <si>
    <t>Shaheena Rasool</t>
  </si>
  <si>
    <t>47329</t>
  </si>
  <si>
    <t>GGPS NAI ABADI JANUBI</t>
  </si>
  <si>
    <t>street. no3 qadrabad</t>
  </si>
  <si>
    <t>Nai Abadi Janubi</t>
  </si>
  <si>
    <t>Watakhel</t>
  </si>
  <si>
    <t>GGPS BAHADAR PUR NO. 2 JALALPUR PIRWALA</t>
  </si>
  <si>
    <t>BAHADAR PUR</t>
  </si>
  <si>
    <t>BAHADARPUR  No 2 TEHSIL:JALAL PUR PIR WALA DISTRICT:MULTAN</t>
  </si>
  <si>
    <t>Shehnaz Parveen</t>
  </si>
  <si>
    <t>GGPS FAIZ RASOOL SHAH</t>
  </si>
  <si>
    <t>zafar a bad basti faiz rasool shah</t>
  </si>
  <si>
    <t>Basti Faiz Rasool Sh</t>
  </si>
  <si>
    <t>GMPS SODIAN</t>
  </si>
  <si>
    <t>GGMPS Sodian</t>
  </si>
  <si>
    <t>17064</t>
  </si>
  <si>
    <t>GPS CHAK NO 441 JB</t>
  </si>
  <si>
    <t>Chak 441</t>
  </si>
  <si>
    <t>Chak no 441</t>
  </si>
  <si>
    <t>Chak No 441</t>
  </si>
  <si>
    <t>Chak 463</t>
  </si>
  <si>
    <t>GGPS CHAH MASEETAN</t>
  </si>
  <si>
    <t>chah maseetan maoza patti khar post office sinawan tehsil kot district muzaffar garh</t>
  </si>
  <si>
    <t>Chah Maseetan</t>
  </si>
  <si>
    <t>Faria Noreen</t>
  </si>
  <si>
    <t>GGPS SARDARAY WAL</t>
  </si>
  <si>
    <t>village sardarywala p / o dhodianwala tehsil kallur kot district bhakkar</t>
  </si>
  <si>
    <t>Sardarywala</t>
  </si>
  <si>
    <t>Sughran Bibi</t>
  </si>
  <si>
    <t>GPS KALS KOTLI</t>
  </si>
  <si>
    <t>Kalis Kotli</t>
  </si>
  <si>
    <t>gps Kalis kotli</t>
  </si>
  <si>
    <t>GGPS 52/GD KHOD</t>
  </si>
  <si>
    <t>52/GDkhod</t>
  </si>
  <si>
    <t>Chak no 52/GD KHOD</t>
  </si>
  <si>
    <t>52/GD KHOD</t>
  </si>
  <si>
    <t>GGES CHAK NO. 313 HR</t>
  </si>
  <si>
    <t>313/Hr</t>
  </si>
  <si>
    <t>Chak No 313/HR</t>
  </si>
  <si>
    <t>44761</t>
  </si>
  <si>
    <t>GGES MEHMOOD KHAN WALA</t>
  </si>
  <si>
    <t>Khansar B</t>
  </si>
  <si>
    <t>khansar MEHMOOD Wala</t>
  </si>
  <si>
    <t>Khansar MEHMOOD Wala</t>
  </si>
  <si>
    <t>Irfana Qayyum</t>
  </si>
  <si>
    <t>GGPS CHAK NO 13 NOOR KAY</t>
  </si>
  <si>
    <t>noorka</t>
  </si>
  <si>
    <t>CHAK NO.13 JB NOORKA</t>
  </si>
  <si>
    <t>Noorka CHAK No 13JB</t>
  </si>
  <si>
    <t>CHAK No13Jb Sarwala</t>
  </si>
  <si>
    <t>Kosar Batool</t>
  </si>
  <si>
    <t>GPS CHAK NO.104/1-L</t>
  </si>
  <si>
    <t>chak no 104/1-L</t>
  </si>
  <si>
    <t>Bagho o bahar</t>
  </si>
  <si>
    <t>Jind Wada</t>
  </si>
  <si>
    <t>GGPS ABADI KICHIAN WALI</t>
  </si>
  <si>
    <t>abadi khichian wali</t>
  </si>
  <si>
    <t>Abadi Khichian Wali</t>
  </si>
  <si>
    <t>Ghazala Kiran</t>
  </si>
  <si>
    <t>GPS FAZAL ABAD MORE KHUNDA</t>
  </si>
  <si>
    <t>Fazal abad more khunda</t>
  </si>
  <si>
    <t>Salim Pur Pakka</t>
  </si>
  <si>
    <t>GGPS SABRA JALALPUR PIRWALA</t>
  </si>
  <si>
    <t>basti moza sabra jppw multan</t>
  </si>
  <si>
    <t>Abida Yameen</t>
  </si>
  <si>
    <t>GGPS KALA PHAR</t>
  </si>
  <si>
    <t>Village Kala Pahar</t>
  </si>
  <si>
    <t>vill kalaphar</t>
  </si>
  <si>
    <t>Kalaphar</t>
  </si>
  <si>
    <t>Balggan</t>
  </si>
  <si>
    <t>GGPS BAHAWAL GARH JADEED</t>
  </si>
  <si>
    <t>Bahawal Garh jadeed</t>
  </si>
  <si>
    <t>Bahawal Garh Jadeed</t>
  </si>
  <si>
    <t>Fadai Shah</t>
  </si>
  <si>
    <t>GGPS GUDDI KHEL</t>
  </si>
  <si>
    <t>Yaru khel pakka</t>
  </si>
  <si>
    <t>Guddi khelanwala mianwali</t>
  </si>
  <si>
    <t>Guddi khelanwala</t>
  </si>
  <si>
    <t>Yaru khrl pakka</t>
  </si>
  <si>
    <t>GPS MOUZA DHULARY</t>
  </si>
  <si>
    <t>Dhulary</t>
  </si>
  <si>
    <t>dhulary</t>
  </si>
  <si>
    <t>GGPS DALIAN WALI</t>
  </si>
  <si>
    <t>Dalianwalai</t>
  </si>
  <si>
    <t>village daliamwali</t>
  </si>
  <si>
    <t>435520</t>
  </si>
  <si>
    <t>21876</t>
  </si>
  <si>
    <t>GPS BASTI ARAIAN</t>
  </si>
  <si>
    <t>basti arain</t>
  </si>
  <si>
    <t>Saqib Bashir</t>
  </si>
  <si>
    <t>GMPS HAVELI BOHAR WALI</t>
  </si>
  <si>
    <t>Haveli Bohar Wali</t>
  </si>
  <si>
    <t>haveli bohar wali</t>
  </si>
  <si>
    <t>GGPS 51/5-L</t>
  </si>
  <si>
    <t>51/5L Sahiwal</t>
  </si>
  <si>
    <t>GGPS WARAH GASHKORI</t>
  </si>
  <si>
    <t>GGPS Wara Gishkori</t>
  </si>
  <si>
    <t>Kotla Hajji Sha</t>
  </si>
  <si>
    <t>GGCMS GATTAY WALI</t>
  </si>
  <si>
    <t>gattain wali</t>
  </si>
  <si>
    <t>Gattain wali</t>
  </si>
  <si>
    <t>GES 31/D</t>
  </si>
  <si>
    <t>31 D</t>
  </si>
  <si>
    <t>31 D Markaz Depalpur Tehsil Depalpur District Okara</t>
  </si>
  <si>
    <t>Msroor Ahmad</t>
  </si>
  <si>
    <t>GGES ROHILA MAITLA(Under NGO)</t>
  </si>
  <si>
    <t>Rohila Maitla</t>
  </si>
  <si>
    <t>rohila maitla tehsil depalpur</t>
  </si>
  <si>
    <t>13754</t>
  </si>
  <si>
    <t>GMPS THATTI SAID BEHRAM</t>
  </si>
  <si>
    <t>Thatti Said Behram</t>
  </si>
  <si>
    <t>moza Thatti said Behram, pubber Wala jhang</t>
  </si>
  <si>
    <t>Hafiza Hafsa Sahar</t>
  </si>
  <si>
    <t>GGPS BASTI MUDHAN</t>
  </si>
  <si>
    <t>Ggps basti mudhan</t>
  </si>
  <si>
    <t>Basti Mudhan</t>
  </si>
  <si>
    <t>hand pump and  electe pump</t>
  </si>
  <si>
    <t>GGCMS CHAK NO.78 SB</t>
  </si>
  <si>
    <t>78sb</t>
  </si>
  <si>
    <t>GGCMS 78SB</t>
  </si>
  <si>
    <t>GGCMS 78 SB</t>
  </si>
  <si>
    <t>Qurat Ul Ain Fatima</t>
  </si>
  <si>
    <t>GMPS KORALA</t>
  </si>
  <si>
    <t>g/ mps korala</t>
  </si>
  <si>
    <t>M C Chiniot</t>
  </si>
  <si>
    <t>GGPS BULLAH PATOANA</t>
  </si>
  <si>
    <t>Bullah Potoana</t>
  </si>
  <si>
    <t>bullah potoana</t>
  </si>
  <si>
    <t>Pirkot</t>
  </si>
  <si>
    <t>Rabia Shafiq</t>
  </si>
  <si>
    <t>basti latki</t>
  </si>
  <si>
    <t>Basti Latki</t>
  </si>
  <si>
    <t>Shafaq Fatima</t>
  </si>
  <si>
    <t>19941</t>
  </si>
  <si>
    <t>GPS BURJ MAL</t>
  </si>
  <si>
    <t>Burj Mal</t>
  </si>
  <si>
    <t>mouza Burj Mal</t>
  </si>
  <si>
    <t>Hesa Sheikh</t>
  </si>
  <si>
    <t>GGPS ALMA SHARQI</t>
  </si>
  <si>
    <t>Alma Sharqi</t>
  </si>
  <si>
    <t>post office pir kot sadhana, moza alman sharqi</t>
  </si>
  <si>
    <t>GGPS BASTI MANOO KHAN</t>
  </si>
  <si>
    <t>Govt Girls Primary Basti Manoo Khan</t>
  </si>
  <si>
    <t>Basti Allah Ditta</t>
  </si>
  <si>
    <t>GGPS CHAH GULL WALA</t>
  </si>
  <si>
    <t>Lala johla</t>
  </si>
  <si>
    <t>chah gul wala</t>
  </si>
  <si>
    <t>Chah Gul Wala</t>
  </si>
  <si>
    <t>Qamar Fatima</t>
  </si>
  <si>
    <t>GGES CHAK NO.26 SB</t>
  </si>
  <si>
    <t>26 SB</t>
  </si>
  <si>
    <t>chak no. 26 SB, Sargodha</t>
  </si>
  <si>
    <t>GPS CHAK BHARATH (BAO WALA)</t>
  </si>
  <si>
    <t>Boa Wala</t>
  </si>
  <si>
    <t>GPS Chack Bharath LHR</t>
  </si>
  <si>
    <t>Bao Wala</t>
  </si>
  <si>
    <t>L C B</t>
  </si>
  <si>
    <t>17193</t>
  </si>
  <si>
    <t>GMPS KHUTIANA</t>
  </si>
  <si>
    <t>Khutiana</t>
  </si>
  <si>
    <t>moza khutiana</t>
  </si>
  <si>
    <t>Hawaili Shaikh Raju</t>
  </si>
  <si>
    <t>rubina umar</t>
  </si>
  <si>
    <t>17718</t>
  </si>
  <si>
    <t>GGPS NIKKEY BALOCH</t>
  </si>
  <si>
    <t>Nikky Baloch</t>
  </si>
  <si>
    <t>mouza nikky Baloch tehsiel and District jhang</t>
  </si>
  <si>
    <t>GGPS BEHARI COLONY SARGODHA</t>
  </si>
  <si>
    <t>GGPS Behari Colony Sargodha</t>
  </si>
  <si>
    <t>MC Factory Area</t>
  </si>
  <si>
    <t>Abidah Parveen</t>
  </si>
  <si>
    <t>GGES SATELLITE TOWN JHANG</t>
  </si>
  <si>
    <t>GGES satellite town jhang</t>
  </si>
  <si>
    <t>GGPS NO. 3 SATELLITE TOWN JHANG</t>
  </si>
  <si>
    <t>w block satellite town jhang</t>
  </si>
  <si>
    <t>Mc area</t>
  </si>
  <si>
    <t>GGPS DHADYAL</t>
  </si>
  <si>
    <t>Dadyal</t>
  </si>
  <si>
    <t>VILLAGE DADYAL DAKHANA TARKHANA MAREEDA TEHSIL SHAKARGARH DISTRICT NAROWAL</t>
  </si>
  <si>
    <t>GPS CHAK NO.10 REMOUNT DEPOT</t>
  </si>
  <si>
    <t>Chak No 10</t>
  </si>
  <si>
    <t>Chak No 10 Remount Depot Sargodha</t>
  </si>
  <si>
    <t>Chak NO 10</t>
  </si>
  <si>
    <t>Muhammad Munir Ahmad</t>
  </si>
  <si>
    <t>30476</t>
  </si>
  <si>
    <t>GPS KLAsSMARI</t>
  </si>
  <si>
    <t>Klass Mari</t>
  </si>
  <si>
    <t>Village Klass Mari post office barki Lahore Cantt.</t>
  </si>
  <si>
    <t>ZAMIN ALI</t>
  </si>
  <si>
    <t>GGES AZEEM BUKHSH DHAREEJA</t>
  </si>
  <si>
    <t>Paolo Shah</t>
  </si>
  <si>
    <t>GGES azeem bukhsh dhraija, markaz abad pur</t>
  </si>
  <si>
    <t>Basti Dhraija</t>
  </si>
  <si>
    <t>Bahodi Pur Quraishian</t>
  </si>
  <si>
    <t>Mehnaz Hameed</t>
  </si>
  <si>
    <t>GMPS BAGH WALA</t>
  </si>
  <si>
    <t>Bagh Wala Chak #268jb Jhang</t>
  </si>
  <si>
    <t>Chak #268jb</t>
  </si>
  <si>
    <t>Kot Sai Sing</t>
  </si>
  <si>
    <t>Muhammad Sharif Qadri</t>
  </si>
  <si>
    <t>Chak Beeka</t>
  </si>
  <si>
    <t>GGPS Chak beeka, p/o &amp; tehsil shakargarh, district narowal.</t>
  </si>
  <si>
    <t>Robina Koser</t>
  </si>
  <si>
    <t>GGPS ALNOOR COLONY</t>
  </si>
  <si>
    <t>ALNOOR Colony</t>
  </si>
  <si>
    <t>5 mile gojra Road jhang</t>
  </si>
  <si>
    <t>Ayesha Awan</t>
  </si>
  <si>
    <t>43336</t>
  </si>
  <si>
    <t>GES ITTEHAD TOWN DOGACH</t>
  </si>
  <si>
    <t>Harbans Pura</t>
  </si>
  <si>
    <t>GES ITTEHAD TOWN DOGATCH LAHORE CANTT</t>
  </si>
  <si>
    <t>Itteehad Town</t>
  </si>
  <si>
    <t>Iftikhar Hussain Abid</t>
  </si>
  <si>
    <t>30298</t>
  </si>
  <si>
    <t>GPS SEHJPALL</t>
  </si>
  <si>
    <t>Village Sehjpal Lahore Cantt.</t>
  </si>
  <si>
    <t>51121</t>
  </si>
  <si>
    <t>VILLAGE HASSAN ABAD P/O BARKI LAHORE CANTT</t>
  </si>
  <si>
    <t>LIDHAR</t>
  </si>
  <si>
    <t>GMPS SHARIF PURA</t>
  </si>
  <si>
    <t>Rorhas</t>
  </si>
  <si>
    <t>Syeda Saira Bano</t>
  </si>
  <si>
    <t>GMPS 41-A/15-L, MIAN CHANNU</t>
  </si>
  <si>
    <t>41-A/15-L</t>
  </si>
  <si>
    <t>41A/15L mian channu</t>
  </si>
  <si>
    <t>41A/15L</t>
  </si>
  <si>
    <t>127/15L</t>
  </si>
  <si>
    <t>GGPS CHAK NO 365 GB</t>
  </si>
  <si>
    <t>chak no.365GB</t>
  </si>
  <si>
    <t>365gb</t>
  </si>
  <si>
    <t>GPS BURHANEY WALA</t>
  </si>
  <si>
    <t>Burhanawala</t>
  </si>
  <si>
    <t>Burhanawala p/o mandi faizabad tehsil shariqpur district sheikhupura</t>
  </si>
  <si>
    <t>Eason</t>
  </si>
  <si>
    <t>Saddam Hussain Bhatti</t>
  </si>
  <si>
    <t>GMPS KACHA DHAPRA</t>
  </si>
  <si>
    <t>kacha dhapra</t>
  </si>
  <si>
    <t>moza kacha dhapra p/o machiwal, 18 Hazari,  Jhang</t>
  </si>
  <si>
    <t>7/1 thal janubi</t>
  </si>
  <si>
    <t>Sadaf Rehman</t>
  </si>
  <si>
    <t>GGPS DERA GHOUS MUHAMMAD BILAND</t>
  </si>
  <si>
    <t>vpo biland tehseel noor pur dist khushab</t>
  </si>
  <si>
    <t>sabira Hina</t>
  </si>
  <si>
    <t>GPS PACHANI</t>
  </si>
  <si>
    <t>Pachani</t>
  </si>
  <si>
    <t>Pachani Tehsil Shahpur District Sargodha</t>
  </si>
  <si>
    <t>ZAHID NASEER ULLAH</t>
  </si>
  <si>
    <t>GMPS KARIM KATHIA</t>
  </si>
  <si>
    <t>Karam Kathia</t>
  </si>
  <si>
    <t>mouza karam kathia</t>
  </si>
  <si>
    <t>humaira bashir</t>
  </si>
  <si>
    <t>GGPS MEHR IMAM NASHEB</t>
  </si>
  <si>
    <t>Mehr Imam Nasheb</t>
  </si>
  <si>
    <t>GGP/S mehr imam nasheb</t>
  </si>
  <si>
    <t>Panjgrain Nasheb</t>
  </si>
  <si>
    <t>Sadaf Hasan</t>
  </si>
  <si>
    <t>GMES BHAKRAY WALI</t>
  </si>
  <si>
    <t>Bakhraywali  tehsil pasrur dist sialkot</t>
  </si>
  <si>
    <t>Nishat Mahmood</t>
  </si>
  <si>
    <t>GGPS DERA GHULAM HAIDER</t>
  </si>
  <si>
    <t>G G P/S  Hayder colony sdk</t>
  </si>
  <si>
    <t>Chak # 10 Np</t>
  </si>
  <si>
    <t>Sdk Deh</t>
  </si>
  <si>
    <t>GGPS QABOOL WALA MUZA LABER MULTAN</t>
  </si>
  <si>
    <t>Chah Qabool Wala Mouza Labar Distt. Multan</t>
  </si>
  <si>
    <t>Ayesha Parveen</t>
  </si>
  <si>
    <t>Basti Mansoorabad,Moza Danday Wala,P/O Gurmani City,Tehsil Kot Addu,District Muzaffargarh</t>
  </si>
  <si>
    <t>Mansoor Abad</t>
  </si>
  <si>
    <t>GPS CHAK NO. 273 TDA NO. 2</t>
  </si>
  <si>
    <t>Chak No 273/TDA</t>
  </si>
  <si>
    <t>Chak no 112/TDA</t>
  </si>
  <si>
    <t>29554</t>
  </si>
  <si>
    <t>GGPS BEROON ABADI MUHAMMAD</t>
  </si>
  <si>
    <t>Beeron Abadi Mir Muhammad</t>
  </si>
  <si>
    <t>Mir Muhammad Sattoki</t>
  </si>
  <si>
    <t>GPS DARBAR SHIEHK JAMAL</t>
  </si>
  <si>
    <t>Basti Darbar Shaikh jamal</t>
  </si>
  <si>
    <t>Basti Darbar Shaikh Jamal</t>
  </si>
  <si>
    <t>GGPS KHURPA CHAK</t>
  </si>
  <si>
    <t>khurpa chak</t>
  </si>
  <si>
    <t>Beroon Raja Jang</t>
  </si>
  <si>
    <t>Misbah Kokab</t>
  </si>
  <si>
    <t>GMPS 15 FAIZ</t>
  </si>
  <si>
    <t>15 faiz</t>
  </si>
  <si>
    <t>moza 15 faiz basti malook multan</t>
  </si>
  <si>
    <t>15 fauz</t>
  </si>
  <si>
    <t>GGES CHAK NO. 90-A TDA</t>
  </si>
  <si>
    <t>90A/TDA</t>
  </si>
  <si>
    <t>CHAK NO  90A/TDA</t>
  </si>
  <si>
    <t>Afifa Mehboob</t>
  </si>
  <si>
    <t>GGES CHAK NO 107 RB</t>
  </si>
  <si>
    <t>Chaudry Wala</t>
  </si>
  <si>
    <t>chak no 107 rb tahseel jaranwala distt. faisalabad</t>
  </si>
  <si>
    <t>106 Rb</t>
  </si>
  <si>
    <t>GGPS CHAK 39 GB SATIANA</t>
  </si>
  <si>
    <t>39 Gb</t>
  </si>
  <si>
    <t>39 Gb satiana</t>
  </si>
  <si>
    <t>Surriya Inayat</t>
  </si>
  <si>
    <t>GGPS CHAK NO.230/TDA</t>
  </si>
  <si>
    <t>230/TDA Exean Wala</t>
  </si>
  <si>
    <t>GGPS Chak No. 230/TDA Exean Wala, Tehsil Karor District Layyah</t>
  </si>
  <si>
    <t>Chak No 230/TDA Exen  Wala</t>
  </si>
  <si>
    <t>Warda Khalid</t>
  </si>
  <si>
    <t>47705</t>
  </si>
  <si>
    <t>GGES DERA ALI MUHAMMAD SHAH</t>
  </si>
  <si>
    <t>gges dera ali muhammad shah</t>
  </si>
  <si>
    <t>Kishwar Fatima</t>
  </si>
  <si>
    <t>GMPS CHAK CHOUDHO</t>
  </si>
  <si>
    <t>Chak Choudhu</t>
  </si>
  <si>
    <t>village chak Choudhu p.o.box bhopalwala</t>
  </si>
  <si>
    <t>sobia tabassam</t>
  </si>
  <si>
    <t>GGPS 10/14-L</t>
  </si>
  <si>
    <t>10/14.l thesil chichwatni district sahiwal</t>
  </si>
  <si>
    <t>10/14l</t>
  </si>
  <si>
    <t>umma kalsoom</t>
  </si>
  <si>
    <t>25418</t>
  </si>
  <si>
    <t>GPS KOPRA KHURD</t>
  </si>
  <si>
    <t>village kopra khurd po begowala teh sambrial distt sialkot</t>
  </si>
  <si>
    <t>Kopra Khurd</t>
  </si>
  <si>
    <t>39729</t>
  </si>
  <si>
    <t>GGES KANJOOR (CHHAB)</t>
  </si>
  <si>
    <t>vpo kanjoor tehsil jand attock</t>
  </si>
  <si>
    <t>Kanjor</t>
  </si>
  <si>
    <t>GGPS CHAK 295 JB I DAVI DAS</t>
  </si>
  <si>
    <t>Chak 295 Jb 1</t>
  </si>
  <si>
    <t>295 jb 1 T.T .Singh</t>
  </si>
  <si>
    <t>295 Jb 1 Davi Das</t>
  </si>
  <si>
    <t>GES BILAL WALA</t>
  </si>
  <si>
    <t>nawakot</t>
  </si>
  <si>
    <t>chah haji abdullah wala nawakot</t>
  </si>
  <si>
    <t>chah Haji Abdullah wal</t>
  </si>
  <si>
    <t>Naeem Tahir</t>
  </si>
  <si>
    <t>GPS CHAK NO 160 C TDA</t>
  </si>
  <si>
    <t>Chak # 160 c Basti Vigg</t>
  </si>
  <si>
    <t>Basti Vigg</t>
  </si>
  <si>
    <t>Mohammed Ramzan</t>
  </si>
  <si>
    <t>GGCMS TARAGAR NO.2</t>
  </si>
  <si>
    <t>Taraggr</t>
  </si>
  <si>
    <t>TaRagar</t>
  </si>
  <si>
    <t>45503</t>
  </si>
  <si>
    <t>GGPS KURI KOT</t>
  </si>
  <si>
    <t>Kauri Kot</t>
  </si>
  <si>
    <t>Syeda Ume Salma</t>
  </si>
  <si>
    <t>45347</t>
  </si>
  <si>
    <t>GPS PATRAN WALA</t>
  </si>
  <si>
    <t>P/O Karlu Wala R/O Patran Wala TEH. MANKERA</t>
  </si>
  <si>
    <t>Patran Wala</t>
  </si>
  <si>
    <t>GGPS KHURSHEED ABAD, ABDUL HAKIM</t>
  </si>
  <si>
    <t>Jallah Phore</t>
  </si>
  <si>
    <t>Gmps khursheedabad</t>
  </si>
  <si>
    <t>Aurosa Kiran Butt</t>
  </si>
  <si>
    <t>GGPS FATAH</t>
  </si>
  <si>
    <t>Fatah</t>
  </si>
  <si>
    <t>ggps fatah</t>
  </si>
  <si>
    <t>Tahkat Pur</t>
  </si>
  <si>
    <t>Shazia    Basharat Ahmad</t>
  </si>
  <si>
    <t>GPS CHAK 66/A</t>
  </si>
  <si>
    <t>Chak 66/A</t>
  </si>
  <si>
    <t>tahsil liaquat pur</t>
  </si>
  <si>
    <t>Muhammad Zaheer Akram</t>
  </si>
  <si>
    <t>GPS MUHAMMAD DIN</t>
  </si>
  <si>
    <t>Gps. Muhammad Din Markaz latki moza Ahmed abad  P/O Bagho Bahar Tehsil Khanpur District Rahim yar Khan</t>
  </si>
  <si>
    <t>GGPS KAHILI BAKHRAL</t>
  </si>
  <si>
    <t>Kahili Kahngir</t>
  </si>
  <si>
    <t>vill-kahli bakhral, p/o-dera Muslim, teh - gujar Khan ,dist- rawalpindi</t>
  </si>
  <si>
    <t>Kahli Bakhral</t>
  </si>
  <si>
    <t>Fouzia Irum</t>
  </si>
  <si>
    <t>45892</t>
  </si>
  <si>
    <t>GMPS MUND</t>
  </si>
  <si>
    <t>village mand near p.o ada kassowala</t>
  </si>
  <si>
    <t>Malo Mehey</t>
  </si>
  <si>
    <t>GGPS PIND SULLTANI</t>
  </si>
  <si>
    <t>vpo pindsultani tehsil jand district attock</t>
  </si>
  <si>
    <t>GGPS CHAK NO 12 THATHA KHARLAN</t>
  </si>
  <si>
    <t>Chak No 12 Thatha Kharlan</t>
  </si>
  <si>
    <t>chak no 12 thatha kharlan</t>
  </si>
  <si>
    <t>Sarr Wala</t>
  </si>
  <si>
    <t>Huma Zaidi</t>
  </si>
  <si>
    <t>12774</t>
  </si>
  <si>
    <t>GGPS CHAK FARAZI</t>
  </si>
  <si>
    <t>Chak Farazu</t>
  </si>
  <si>
    <t>basti jarayan wala mouza chak farazu</t>
  </si>
  <si>
    <t>Basti Jarayan Wala</t>
  </si>
  <si>
    <t>Shagufta Batool</t>
  </si>
  <si>
    <t>GPS BAHI KHAN SHEIKHU KA</t>
  </si>
  <si>
    <t>Bhai KHAN Sheikhu Ka</t>
  </si>
  <si>
    <t>Chak bhai khan sheikhu ka</t>
  </si>
  <si>
    <t>Nama Jindhy Ka</t>
  </si>
  <si>
    <t>43262</t>
  </si>
  <si>
    <t>43112</t>
  </si>
  <si>
    <t>GGPS CHAK NO. 21/3-R (AB)</t>
  </si>
  <si>
    <t>Chak No 21 /3 R</t>
  </si>
  <si>
    <t>Chak No  21 3r AB</t>
  </si>
  <si>
    <t>Chak No 21 /3 R  AB</t>
  </si>
  <si>
    <t>Chak No  1/1r</t>
  </si>
  <si>
    <t>19846</t>
  </si>
  <si>
    <t>GMPS CHAK NO 204 JB</t>
  </si>
  <si>
    <t>chak #204jb</t>
  </si>
  <si>
    <t>204 Jb</t>
  </si>
  <si>
    <t>GGPS CHAK NO.36/BC (E)</t>
  </si>
  <si>
    <t>G G P/S Chack no. 36/BC(E)</t>
  </si>
  <si>
    <t>36/Bc E</t>
  </si>
  <si>
    <t>37 Bc</t>
  </si>
  <si>
    <t>51495</t>
  </si>
  <si>
    <t>GGPS AHMAD BUKHSH MIANI JALALPUR PIRWALA</t>
  </si>
  <si>
    <t>MOza basti lang village no abad</t>
  </si>
  <si>
    <t>Basti No Abad</t>
  </si>
  <si>
    <t>17635</t>
  </si>
  <si>
    <t>GGPS SIKKA COLONY</t>
  </si>
  <si>
    <t>Sikka Colony</t>
  </si>
  <si>
    <t>ggpssikka colony sgd</t>
  </si>
  <si>
    <t>GES CHAK NO. 77/TDA</t>
  </si>
  <si>
    <t>Maoj Gahrh</t>
  </si>
  <si>
    <t>chak no 77 tda tehsil karor lal eson district layyah</t>
  </si>
  <si>
    <t>#chak 77 Tda</t>
  </si>
  <si>
    <t>25754</t>
  </si>
  <si>
    <t>GGPS DULAM</t>
  </si>
  <si>
    <t>Dulam</t>
  </si>
  <si>
    <t>Govt girls primary school dulam</t>
  </si>
  <si>
    <t>Ishrat Ara</t>
  </si>
  <si>
    <t>21769</t>
  </si>
  <si>
    <t>GES JAGO WALA KOHNA</t>
  </si>
  <si>
    <t>Jagowala</t>
  </si>
  <si>
    <t>Jagowala Tehsil Nowshera Virkan District Gujranwala</t>
  </si>
  <si>
    <t>Jagowala Kohna</t>
  </si>
  <si>
    <t>Safdar Shah</t>
  </si>
  <si>
    <t>GGPS THATTI PANAH</t>
  </si>
  <si>
    <t>Thatti Panah</t>
  </si>
  <si>
    <t>moza thatti panah p.o box klaira</t>
  </si>
  <si>
    <t>Hadiya Tun Nisa</t>
  </si>
  <si>
    <t>GGPS MANDRANA</t>
  </si>
  <si>
    <t>Mundrana</t>
  </si>
  <si>
    <t>mundrana</t>
  </si>
  <si>
    <t>U C Bahiwal</t>
  </si>
  <si>
    <t>GPS DHOK MORRI</t>
  </si>
  <si>
    <t>VPO Mianwala, Tehsil Pindigheb, District Attock.</t>
  </si>
  <si>
    <t>Dk Mohri</t>
  </si>
  <si>
    <t>Suraya Jabeen</t>
  </si>
  <si>
    <t>bring water from out side</t>
  </si>
  <si>
    <t>GGPS KHANEY WALA</t>
  </si>
  <si>
    <t>Jhangiraam</t>
  </si>
  <si>
    <t>khanywala mankera</t>
  </si>
  <si>
    <t>Khanywala</t>
  </si>
  <si>
    <t>Pattibulanda</t>
  </si>
  <si>
    <t>Shazia Tabassam</t>
  </si>
  <si>
    <t>GMPS DING SHUMALI</t>
  </si>
  <si>
    <t>GMPS ding shumali  kundian</t>
  </si>
  <si>
    <t>Wandhe Faqeeran Wali</t>
  </si>
  <si>
    <t>Iram Shahnaz</t>
  </si>
  <si>
    <t>GGPS DINGI</t>
  </si>
  <si>
    <t>Suhli</t>
  </si>
  <si>
    <t>mauza Suhli Basti Dingi</t>
  </si>
  <si>
    <t>Amna Perveen</t>
  </si>
  <si>
    <t>GMPS ABADI GUJRAN</t>
  </si>
  <si>
    <t>Abadi Gujran</t>
  </si>
  <si>
    <t>village.nai abadi Dera gujran p.o.uddowar teh.daska</t>
  </si>
  <si>
    <t>Noreen Latif</t>
  </si>
  <si>
    <t>motar</t>
  </si>
  <si>
    <t>32665</t>
  </si>
  <si>
    <t>GES KOT NAMDAR</t>
  </si>
  <si>
    <t>kot Namdar Tehsil and District Nankana sahib</t>
  </si>
  <si>
    <t>GPS HAKIM FATIANA II</t>
  </si>
  <si>
    <t>GPS hakim Fatiana 2 moza Jalli Fatiana Tandlianwals</t>
  </si>
  <si>
    <t>Hakim Kot</t>
  </si>
  <si>
    <t>NISAR Ahmad Anjum</t>
  </si>
  <si>
    <t>GGPS BHOJOKAY</t>
  </si>
  <si>
    <t>Bhojokay</t>
  </si>
  <si>
    <t>village bhojokay teh pasrur DIs sialkot</t>
  </si>
  <si>
    <t>Mussarat Amanat</t>
  </si>
  <si>
    <t>GPS CHAK 67/A QADEEM</t>
  </si>
  <si>
    <t>Chak no. 67/A Jadeed</t>
  </si>
  <si>
    <t>67/A Jadeed</t>
  </si>
  <si>
    <t>GPS HERSA NEHRA</t>
  </si>
  <si>
    <t>Harsa Nehra</t>
  </si>
  <si>
    <t>Thatha Nahra harsa nehra Tehsil Bhowana distt. Chiniot</t>
  </si>
  <si>
    <t>Thatha Nehra</t>
  </si>
  <si>
    <t>Muhammad Riaz Kaleem</t>
  </si>
  <si>
    <t>GMPS BASTI DHAROOPA</t>
  </si>
  <si>
    <t>Basti dharopa tehsil shorkot jhang</t>
  </si>
  <si>
    <t>Basti Dharopa</t>
  </si>
  <si>
    <t>Muhammad Muzafar Iqbal</t>
  </si>
  <si>
    <t>34607</t>
  </si>
  <si>
    <t>GGPS AMEER PUR</t>
  </si>
  <si>
    <t>chah sawae wala moza ameerpur larr</t>
  </si>
  <si>
    <t>Chack Gillan</t>
  </si>
  <si>
    <t>chack gillan</t>
  </si>
  <si>
    <t>Miss Anmbreen Tahira</t>
  </si>
  <si>
    <t>34891</t>
  </si>
  <si>
    <t>GGPS DAUD WALA</t>
  </si>
  <si>
    <t>Bahader Pur</t>
  </si>
  <si>
    <t>GGES JINNAH COLONY</t>
  </si>
  <si>
    <t>GGES Jindal Colony DGKha</t>
  </si>
  <si>
    <t>mrs shazia anjum</t>
  </si>
  <si>
    <t>GGCMS BISMILLAH PUR</t>
  </si>
  <si>
    <t>Govt.Girls Community Model School Bismillah Pur</t>
  </si>
  <si>
    <t>Bahisti</t>
  </si>
  <si>
    <t>8737</t>
  </si>
  <si>
    <t>GGMPS AMBREND WALA</t>
  </si>
  <si>
    <t>Haddy Wala</t>
  </si>
  <si>
    <t>haddy wala</t>
  </si>
  <si>
    <t>Ambreend Wala</t>
  </si>
  <si>
    <t>Jakharr Imam Shah</t>
  </si>
  <si>
    <t>GGPS BUDDA CHANDU</t>
  </si>
  <si>
    <t>Buddha Chandu</t>
  </si>
  <si>
    <t>Village Buddha chandu</t>
  </si>
  <si>
    <t>Ayesha Javed</t>
  </si>
  <si>
    <t>GPS BASTI SIKHANI</t>
  </si>
  <si>
    <t>Basti Sikhani Mouza Bhindo Korai Tehsil Jatoi District Muzaffargarh</t>
  </si>
  <si>
    <t>Basti Sikhani</t>
  </si>
  <si>
    <t>GGCMS 25/3-R</t>
  </si>
  <si>
    <t>25/3r</t>
  </si>
  <si>
    <t>chak no.25/3.r tehsil haroonabad district bahawalnagar</t>
  </si>
  <si>
    <t>25/3R</t>
  </si>
  <si>
    <t>2324/3R</t>
  </si>
  <si>
    <t>Naseem Sadiq</t>
  </si>
  <si>
    <t>GES MUJAHID GANGAL RAWALPINDI</t>
  </si>
  <si>
    <t>Mujahid gangal</t>
  </si>
  <si>
    <t>Village mujahid gangal</t>
  </si>
  <si>
    <t>Dhok sawayan</t>
  </si>
  <si>
    <t>Bassali Num 107</t>
  </si>
  <si>
    <t>MUhammad Nawaz</t>
  </si>
  <si>
    <t>GMPS WAKEEL WALA</t>
  </si>
  <si>
    <t>Ashaba Shumali</t>
  </si>
  <si>
    <t>Chak Wakeel Wala, Moza Ashaba Shumali, Tehsil &amp; District Jhang.</t>
  </si>
  <si>
    <t>Chak Wakeel Wala</t>
  </si>
  <si>
    <t>MAMOONA YASMIN</t>
  </si>
  <si>
    <t>GGES CHAK NO.29/BC</t>
  </si>
  <si>
    <t>29BC</t>
  </si>
  <si>
    <t>chak29 BC</t>
  </si>
  <si>
    <t>12BC</t>
  </si>
  <si>
    <t>GGPS CHAK NO. 312 HR</t>
  </si>
  <si>
    <t>chak no 312 HR teh.fortabbas District. BWN</t>
  </si>
  <si>
    <t>312hr</t>
  </si>
  <si>
    <t>311 HR</t>
  </si>
  <si>
    <t>Samar Tanveer</t>
  </si>
  <si>
    <t>GGES CHAK NO. 48/F</t>
  </si>
  <si>
    <t>chak 48/f</t>
  </si>
  <si>
    <t>Chak 48/f</t>
  </si>
  <si>
    <t>45/f</t>
  </si>
  <si>
    <t>GGPS CHAK 37 GB SATIANA</t>
  </si>
  <si>
    <t>37 Gb Rurki</t>
  </si>
  <si>
    <t>chak no 37 gb</t>
  </si>
  <si>
    <t>Chak 37gb</t>
  </si>
  <si>
    <t>37gb</t>
  </si>
  <si>
    <t>Safeer Hussain Shah</t>
  </si>
  <si>
    <t>49241</t>
  </si>
  <si>
    <t>GGPS NO.1 CHAK NO.88 SB</t>
  </si>
  <si>
    <t>88SB</t>
  </si>
  <si>
    <t>GGPS NUMBER 1 , 88SB</t>
  </si>
  <si>
    <t>GMPS KALLIA SHAH</t>
  </si>
  <si>
    <t>Bonga Jheedu</t>
  </si>
  <si>
    <t>kalia shah mozaan bonga jhedwan</t>
  </si>
  <si>
    <t>Smya Naz</t>
  </si>
  <si>
    <t>GMPS CHAK 97/P</t>
  </si>
  <si>
    <t>97/p</t>
  </si>
  <si>
    <t>chk no. 97/p rahim yar khan</t>
  </si>
  <si>
    <t>Afshan Amin</t>
  </si>
  <si>
    <t>GPS NOOR PUR NATHOWALA</t>
  </si>
  <si>
    <t>Kurhmaan Singh</t>
  </si>
  <si>
    <t>Basti Anwar Abad, Moza kurh Man Singh</t>
  </si>
  <si>
    <t>Basti Anwar Abad</t>
  </si>
  <si>
    <t>Murtazabad</t>
  </si>
  <si>
    <t>GGPS WARD NO. 11</t>
  </si>
  <si>
    <t>street no 6 ali town fortabbas</t>
  </si>
  <si>
    <t>GGPS BASTI DARKHANA</t>
  </si>
  <si>
    <t>ggpsbastidarkhana mrkz sanjar pur</t>
  </si>
  <si>
    <t>Yameen Abad</t>
  </si>
  <si>
    <t>Robina Bashir</t>
  </si>
  <si>
    <t>GMPS CHAK NO 281 HR</t>
  </si>
  <si>
    <t>281  Hr</t>
  </si>
  <si>
    <t>GMPS  281 HR</t>
  </si>
  <si>
    <t>Arshad Anjam</t>
  </si>
  <si>
    <t>GGPS CHAK NO.127/P</t>
  </si>
  <si>
    <t>127p</t>
  </si>
  <si>
    <t>GGPS 127p</t>
  </si>
  <si>
    <t>GGPS GHAZI ABAD KOOCHA MEHNDI KHAN OLD</t>
  </si>
  <si>
    <t>Koocha Mehndi Khan</t>
  </si>
  <si>
    <t>GG P/S ghaziabad koocha mehndi khan old sadiqabad</t>
  </si>
  <si>
    <t>Koocha Mehndi Khan Old</t>
  </si>
  <si>
    <t>MC Sadiqabad B</t>
  </si>
  <si>
    <t>zahida siddiqui</t>
  </si>
  <si>
    <t>GGPS PUBLIC COLONY</t>
  </si>
  <si>
    <t>public colony, Sadiq abad</t>
  </si>
  <si>
    <t>Firdous Bano</t>
  </si>
  <si>
    <t>GGPS CHAK 655/6 GB JARANWALA</t>
  </si>
  <si>
    <t>655/6</t>
  </si>
  <si>
    <t>chak # 655/6 Gb</t>
  </si>
  <si>
    <t>Chak No 655/6</t>
  </si>
  <si>
    <t>Chak #591</t>
  </si>
  <si>
    <t>Saima Rehman</t>
  </si>
  <si>
    <t>GGES MISSAN ABAD</t>
  </si>
  <si>
    <t>gges missan abad zahir peer ryk</t>
  </si>
  <si>
    <t>Missan Abad 62</t>
  </si>
  <si>
    <t>Humera Jameel</t>
  </si>
  <si>
    <t>GGES WAHI SHAH MUHAMMAD</t>
  </si>
  <si>
    <t>basti wahi shah muhammad near coca cola factory  rahim yar khan</t>
  </si>
  <si>
    <t>Kot Kamoo Shah</t>
  </si>
  <si>
    <t>Anwar Fatima</t>
  </si>
  <si>
    <t>GGPS CHAK NO 213/P</t>
  </si>
  <si>
    <t>chak#213/p</t>
  </si>
  <si>
    <t>Aisha Shabir</t>
  </si>
  <si>
    <t>43528</t>
  </si>
  <si>
    <t>GGPS GOHAR ABAD</t>
  </si>
  <si>
    <t>basti goharabad daak khana thul wazir</t>
  </si>
  <si>
    <t>Basti Goharabad</t>
  </si>
  <si>
    <t>Bahoodipur Qureshiyan</t>
  </si>
  <si>
    <t>GGPS CHAK NO.24/NP</t>
  </si>
  <si>
    <t>chak 24NP Jamal Din Wali ROad Tassel Sadiqabad District Rahim Yar khan</t>
  </si>
  <si>
    <t>chak 24NP</t>
  </si>
  <si>
    <t>drigrah</t>
  </si>
  <si>
    <t>Fozia Dilnawaz</t>
  </si>
  <si>
    <t>GMPS NAZAM ABAD</t>
  </si>
  <si>
    <t>Nizamabad Abad</t>
  </si>
  <si>
    <t>GMPS.NIZAM ABAD</t>
  </si>
  <si>
    <t>BahudipuerQureshian</t>
  </si>
  <si>
    <t>Madiha  Nasim</t>
  </si>
  <si>
    <t>GES KOT KARAM KHAN</t>
  </si>
  <si>
    <t>kot karam khan</t>
  </si>
  <si>
    <t>kot karam khan rahim yar khan</t>
  </si>
  <si>
    <t>Yasir Ghafoor</t>
  </si>
  <si>
    <t>35670</t>
  </si>
  <si>
    <t>GPS MODEL AWAMI COLONY BAHAWALPUR</t>
  </si>
  <si>
    <t>GMPS awami Colony bahawalpur</t>
  </si>
  <si>
    <t>Bwp City-9</t>
  </si>
  <si>
    <t>41351</t>
  </si>
  <si>
    <t>GPS KERI</t>
  </si>
  <si>
    <t>Hockra  Keri</t>
  </si>
  <si>
    <t>Post Office Lower Topa, Village Keri , Tehsil Murree District Rawalpindi</t>
  </si>
  <si>
    <t>Keri</t>
  </si>
  <si>
    <t>Muhammad Mubasher Abbasi</t>
  </si>
  <si>
    <t>42128</t>
  </si>
  <si>
    <t>GGES BUDHO</t>
  </si>
  <si>
    <t>gges budho</t>
  </si>
  <si>
    <t>Wahcantt</t>
  </si>
  <si>
    <t>30386</t>
  </si>
  <si>
    <t>GPS PINDI RAJPUTAN</t>
  </si>
  <si>
    <t>GPS pindirajputan , Khan colony</t>
  </si>
  <si>
    <t>Khan Colony</t>
  </si>
  <si>
    <t>Abida Anwar</t>
  </si>
  <si>
    <t>GGPS MAQBOOL COLONY BAHAWALPUR</t>
  </si>
  <si>
    <t>BWP CITY 8</t>
  </si>
  <si>
    <t>Sadaf Javaid</t>
  </si>
  <si>
    <t>10975</t>
  </si>
  <si>
    <t>GPS KASSERI</t>
  </si>
  <si>
    <t>village kasseri</t>
  </si>
  <si>
    <t>Kasseri</t>
  </si>
  <si>
    <t>Sehr Bsgla</t>
  </si>
  <si>
    <t>Haroon Ahmad</t>
  </si>
  <si>
    <t>GGPS BASTI DARZIAN</t>
  </si>
  <si>
    <t>Darzian</t>
  </si>
  <si>
    <t>GGPS BASTI DARZIAN BWP</t>
  </si>
  <si>
    <t>Bahawlpur</t>
  </si>
  <si>
    <t>GGPS CHAK NO 3 GHAGH</t>
  </si>
  <si>
    <t>sadia Nazar</t>
  </si>
  <si>
    <t>GPS BANDI (DEWAL)</t>
  </si>
  <si>
    <t>Sana Saqib</t>
  </si>
  <si>
    <t>GGPS CHIRWIND</t>
  </si>
  <si>
    <t>Charwind</t>
  </si>
  <si>
    <t>village charwind post office and teh pasrur disst sialkot</t>
  </si>
  <si>
    <t>Bllagan</t>
  </si>
  <si>
    <t>pure water</t>
  </si>
  <si>
    <t>20402</t>
  </si>
  <si>
    <t>GGES CHAK NO.22 SB BHAGTANWALA</t>
  </si>
  <si>
    <t>chak 22 SB Bhagtanwalasargodha</t>
  </si>
  <si>
    <t>chak no 22 SB Bhagtanwala sargodha</t>
  </si>
  <si>
    <t>22 sb</t>
  </si>
  <si>
    <t>25 Sb</t>
  </si>
  <si>
    <t>sidra balouch</t>
  </si>
  <si>
    <t>GGPS BHAGOON</t>
  </si>
  <si>
    <t>Bhagoon</t>
  </si>
  <si>
    <t>village and p.o bhagoon tehsil kahuta distt Rawalpindi</t>
  </si>
  <si>
    <t>Rashada Parveen</t>
  </si>
  <si>
    <t>GGPS RANA WAHIN</t>
  </si>
  <si>
    <t>Dera Habbit</t>
  </si>
  <si>
    <t>moza dera habbit</t>
  </si>
  <si>
    <t>Ahamed Roohani Wala</t>
  </si>
  <si>
    <t>Ahmedabad Malhowali</t>
  </si>
  <si>
    <t>53464</t>
  </si>
  <si>
    <t>GGPS 19/G.D</t>
  </si>
  <si>
    <t>GGPS 19/GD haripur okara</t>
  </si>
  <si>
    <t>Summayya Bibi</t>
  </si>
  <si>
    <t>49825</t>
  </si>
  <si>
    <t>GGPS SAL SADAR</t>
  </si>
  <si>
    <t>basti o muza salsadar</t>
  </si>
  <si>
    <t>GGCMS FATEHIKE</t>
  </si>
  <si>
    <t>fateh ki</t>
  </si>
  <si>
    <t>GGPS BASTI GHOUS NAGAR</t>
  </si>
  <si>
    <t>Basti Ghous Nagar</t>
  </si>
  <si>
    <t>Talat Gul</t>
  </si>
  <si>
    <t>37236</t>
  </si>
  <si>
    <t>GGPS GHAREY BHAN,KHANEWAL</t>
  </si>
  <si>
    <t>makhdum pur</t>
  </si>
  <si>
    <t>officers colony makhdum pur</t>
  </si>
  <si>
    <t>makhdumpur</t>
  </si>
  <si>
    <t>Rifat Ara</t>
  </si>
  <si>
    <t>GES CHAK DHEERRA</t>
  </si>
  <si>
    <t>Chak Dheera</t>
  </si>
  <si>
    <t>Village Chak Dheera, Inside DHA Phase 7, Post Office Barki, Lahore Cantt</t>
  </si>
  <si>
    <t>MUHAMMAD QAMAR ALAM</t>
  </si>
  <si>
    <t>GPS JHATOKAY</t>
  </si>
  <si>
    <t>Jhatokay</t>
  </si>
  <si>
    <t>tehsil pasrur district sialkot</t>
  </si>
  <si>
    <t>Dullam Kahalwan</t>
  </si>
  <si>
    <t>GGES 1 FAIZ JANOBI P/O LAR</t>
  </si>
  <si>
    <t>Chak 1 faiz janoobi lar</t>
  </si>
  <si>
    <t>1/FAIZ</t>
  </si>
  <si>
    <t>Rimsha Muneer</t>
  </si>
  <si>
    <t>GGES SOHAWA DHILWAN</t>
  </si>
  <si>
    <t>Village sohawa dhillwan tehsil Kamoki Dis. GRW</t>
  </si>
  <si>
    <t>SOHAWA DHILLWAN</t>
  </si>
  <si>
    <t>Tehmina ilyas</t>
  </si>
  <si>
    <t>GGCMS CHAK NO.10/BC BAHAWALPUR</t>
  </si>
  <si>
    <t>Chak 10bc</t>
  </si>
  <si>
    <t>government girls community model primary school 10BC,Bahawalpur</t>
  </si>
  <si>
    <t>10BC</t>
  </si>
  <si>
    <t>Bwp City IX</t>
  </si>
  <si>
    <t>Manzoor Fatima</t>
  </si>
  <si>
    <t>GGPS CHAK NO 203/8-R</t>
  </si>
  <si>
    <t>203 /8-R</t>
  </si>
  <si>
    <t>203/8-R</t>
  </si>
  <si>
    <t>Zareefa Muqaddas</t>
  </si>
  <si>
    <t>GMPS KOT BAHADUR JANUBI</t>
  </si>
  <si>
    <t>Fareed Mehmood Kathiya</t>
  </si>
  <si>
    <t>Colony Qasim Abad Teh Shorkot Distt Jhang</t>
  </si>
  <si>
    <t>Qasim Abad</t>
  </si>
  <si>
    <t>37688</t>
  </si>
  <si>
    <t>GMPS 6/8-AR DEPUTY WALA, TULAMBA</t>
  </si>
  <si>
    <t>6/8AR dupty wala</t>
  </si>
  <si>
    <t>6/8AR Dupty Wala</t>
  </si>
  <si>
    <t>TAHIRIN QAISRA PARVEEN</t>
  </si>
  <si>
    <t>GPS CHAK HAJI JAHANGIR</t>
  </si>
  <si>
    <t>Chak Haji Jahangir</t>
  </si>
  <si>
    <t>GGES CHAK 382 JB</t>
  </si>
  <si>
    <t>382 Jb</t>
  </si>
  <si>
    <t>chack no 382 jb</t>
  </si>
  <si>
    <t>Chack No 382 Jb</t>
  </si>
  <si>
    <t>TAHMINA KANWAL</t>
  </si>
  <si>
    <t>39564</t>
  </si>
  <si>
    <t>GPS ABWAL</t>
  </si>
  <si>
    <t>Abwal</t>
  </si>
  <si>
    <t>village abwal tehsil jand district attock</t>
  </si>
  <si>
    <t>Ghuam Abbas</t>
  </si>
  <si>
    <t>GPS GHULAM HUSSAIN VEROANA</t>
  </si>
  <si>
    <t>Ghulm Hussain   Ghulam Hussain Veroana</t>
  </si>
  <si>
    <t>moza ghulam hussain veroana tehsil kamalia post office mal fatyana toba tek singh</t>
  </si>
  <si>
    <t>Ghulm Hussain Veroana</t>
  </si>
  <si>
    <t>Azmat Shah Qadir Bakhash</t>
  </si>
  <si>
    <t>GGES CHAK 94 JB</t>
  </si>
  <si>
    <t>chack no 94 jb</t>
  </si>
  <si>
    <t>94 jb</t>
  </si>
  <si>
    <t>93 jb</t>
  </si>
  <si>
    <t>Nazia Naseem</t>
  </si>
  <si>
    <t>GMPS DARA KHANI</t>
  </si>
  <si>
    <t>Darakhani</t>
  </si>
  <si>
    <t>vpo mithial tehsil jand district attock</t>
  </si>
  <si>
    <t>GGPS SHAH DHER</t>
  </si>
  <si>
    <t>vpo shahdher</t>
  </si>
  <si>
    <t>Khaghwani</t>
  </si>
  <si>
    <t>Sumera Afzal</t>
  </si>
  <si>
    <t>GGPS DERA MUHAMMAD NAWAZ</t>
  </si>
  <si>
    <t>cheena dagar</t>
  </si>
  <si>
    <t>hassan khan</t>
  </si>
  <si>
    <t>pir Ashab</t>
  </si>
  <si>
    <t>cooler water</t>
  </si>
  <si>
    <t>GPS CHHOI BATALIAN</t>
  </si>
  <si>
    <t>VILLAGE NOORPUR POSTOFFICE GAGGAN</t>
  </si>
  <si>
    <t>GMPS MATTAYKAY SAHIAN</t>
  </si>
  <si>
    <t>Matteke Sahiyan</t>
  </si>
  <si>
    <t>village matteke sahiyan near p.o dheedowali</t>
  </si>
  <si>
    <t>Mundeke Goraya</t>
  </si>
  <si>
    <t>Robina Badar</t>
  </si>
  <si>
    <t>GGPS BASTI CHANDA</t>
  </si>
  <si>
    <t>ggps basti chanda</t>
  </si>
  <si>
    <t>Basti Dhulana</t>
  </si>
  <si>
    <t>GGES KASO WALA</t>
  </si>
  <si>
    <t>v.p.o kassowala teh.daska distt.sialkot</t>
  </si>
  <si>
    <t>Nazia Abdulghani</t>
  </si>
  <si>
    <t>GGES CHAK NO.96/ML</t>
  </si>
  <si>
    <t>chak no 96/ml p/o 90/ml</t>
  </si>
  <si>
    <t>96/ml</t>
  </si>
  <si>
    <t>90/ml</t>
  </si>
  <si>
    <t>Rabia Naureen</t>
  </si>
  <si>
    <t>GMPS SULTAN WALA</t>
  </si>
  <si>
    <t>POB notak chah sultan wala</t>
  </si>
  <si>
    <t>Shmim Akhtar</t>
  </si>
  <si>
    <t>GGPS CHAK 270 GB II ANWAR TOWN</t>
  </si>
  <si>
    <t>Chak#270/2GBanwar Town</t>
  </si>
  <si>
    <t>chak#270/2GB,anwar town ,T.T.singh</t>
  </si>
  <si>
    <t>Chak#270/2GB</t>
  </si>
  <si>
    <t>KOT KHITRAN</t>
  </si>
  <si>
    <t>Amna</t>
  </si>
  <si>
    <t>GPS DIYA RAAM</t>
  </si>
  <si>
    <t>diaram</t>
  </si>
  <si>
    <t>QilaTara Singh</t>
  </si>
  <si>
    <t>Abdul wahid</t>
  </si>
  <si>
    <t>10201</t>
  </si>
  <si>
    <t>GGES BUCHI WALA</t>
  </si>
  <si>
    <t>GGES buchiwala middle school</t>
  </si>
  <si>
    <t>GGPS CHAK 38 GB SATIANA</t>
  </si>
  <si>
    <t>38gb</t>
  </si>
  <si>
    <t>chack no 38 gb satiana banglow, tehsil jaranwala, dist fsd</t>
  </si>
  <si>
    <t>38 gb</t>
  </si>
  <si>
    <t>37 gb</t>
  </si>
  <si>
    <t>Aysha Hanif</t>
  </si>
  <si>
    <t>GGPS CHAK 367 GB SATIANA</t>
  </si>
  <si>
    <t>Chak No 367 GB</t>
  </si>
  <si>
    <t>20006</t>
  </si>
  <si>
    <t>GPS CHAK 678/19 GB</t>
  </si>
  <si>
    <t>Khair  Shah</t>
  </si>
  <si>
    <t>chak no 678/19 g.b</t>
  </si>
  <si>
    <t>678/19</t>
  </si>
  <si>
    <t>50848</t>
  </si>
  <si>
    <t>GPS KOT ALLAH DIN NO.1</t>
  </si>
  <si>
    <t>KOT ALA DIN NO I Main street</t>
  </si>
  <si>
    <t>NUSRAT FATIMA</t>
  </si>
  <si>
    <t>GES CHAK NO 489 JB</t>
  </si>
  <si>
    <t>Chak no 489 jb tehsil shorkot distt jhang</t>
  </si>
  <si>
    <t>Zain ul abideen shah</t>
  </si>
  <si>
    <t>34667</t>
  </si>
  <si>
    <t>GGPS KUNAL SHEROANA</t>
  </si>
  <si>
    <t>KUNAL SHEROANA</t>
  </si>
  <si>
    <t>SAIRA HANIF</t>
  </si>
  <si>
    <t>GGES UCHHALA</t>
  </si>
  <si>
    <t>Uchala</t>
  </si>
  <si>
    <t>govt.girls.elementry school uchala</t>
  </si>
  <si>
    <t>GES CHAK NO.122/EB</t>
  </si>
  <si>
    <t>122/EB</t>
  </si>
  <si>
    <t>Chack No 122/EB</t>
  </si>
  <si>
    <t>M.Akram</t>
  </si>
  <si>
    <t>GPS NO. 3 NOOR PUR THAL</t>
  </si>
  <si>
    <t>mohsllah lal kalony noor pur thal</t>
  </si>
  <si>
    <t>Mc Noor Pur</t>
  </si>
  <si>
    <t>basti chan mouza chanwala p/o box  qasba gujarat</t>
  </si>
  <si>
    <t>Maimona Ambreen</t>
  </si>
  <si>
    <t>GMPS DOMIAL</t>
  </si>
  <si>
    <t>Domial</t>
  </si>
  <si>
    <t>vpo domial Tehsil Pindigheb District Attock</t>
  </si>
  <si>
    <t>Tahira Malik</t>
  </si>
  <si>
    <t>GPS CHAK 427 JB</t>
  </si>
  <si>
    <t>Chak 427 jb</t>
  </si>
  <si>
    <t>GES ORKI ABDULLAH SHAH</t>
  </si>
  <si>
    <t>Manohar Gar</t>
  </si>
  <si>
    <t>Orki Abdullah Shah Tehsil and district bahawalnagar</t>
  </si>
  <si>
    <t>Orki Abdullah Shah</t>
  </si>
  <si>
    <t>GPS SAIF PUR, P/O MAAN KOT, NAWAN SHEHR</t>
  </si>
  <si>
    <t>saif pur p/o mankot kaborwala khanewal</t>
  </si>
  <si>
    <t>Salar  Wahin Neo</t>
  </si>
  <si>
    <t>GPS BORANG ARAYAN WALA</t>
  </si>
  <si>
    <t>chak no 5 boring arayian wala</t>
  </si>
  <si>
    <t>Chak No 5 Rakh Mankera</t>
  </si>
  <si>
    <t>GPS TIBBA SARAI MUGHAL</t>
  </si>
  <si>
    <t>Govt primary school Tibba Sarai Mughal</t>
  </si>
  <si>
    <t>Tibba Sarai Mughal</t>
  </si>
  <si>
    <t>Mustafa Kamal</t>
  </si>
  <si>
    <t>GGPS MC NO.5</t>
  </si>
  <si>
    <t>Dosehra Ground Sahiwal</t>
  </si>
  <si>
    <t>Arifa Khatoon</t>
  </si>
  <si>
    <t>25445</t>
  </si>
  <si>
    <t>GMPS SAIDO WALI</t>
  </si>
  <si>
    <t>Saidowali</t>
  </si>
  <si>
    <t>village Saidowali p.o kulluwal tehsil sambrial dist sialkot</t>
  </si>
  <si>
    <t>GPS RIAZ WALA</t>
  </si>
  <si>
    <t>Sanghy wala moza Suleman tehsil bhowana distt chiniot</t>
  </si>
  <si>
    <t>Sanghy Wala</t>
  </si>
  <si>
    <t>Muhammad Shafie</t>
  </si>
  <si>
    <t>GES 42-A/10-R, KHANEWAL</t>
  </si>
  <si>
    <t>42a/10r</t>
  </si>
  <si>
    <t>chak no42-a/10r kwl</t>
  </si>
  <si>
    <t>GPS BASTI NOOR PUR</t>
  </si>
  <si>
    <t>malkani kalan</t>
  </si>
  <si>
    <t>chaha joiy wala mauza malkani kalan p/o jhoke uttra ,teh kot chutta dist.dera ghazi khan</t>
  </si>
  <si>
    <t>joiy wala</t>
  </si>
  <si>
    <t>hazara</t>
  </si>
  <si>
    <t>Faheem Shahzad</t>
  </si>
  <si>
    <t>GGPS KOTLI PAKKI</t>
  </si>
  <si>
    <t>Kotli Pakki</t>
  </si>
  <si>
    <t>village kotli pakki.p/o wahndo.tehsil kamonke.district gujranwala</t>
  </si>
  <si>
    <t>Farmana Bashir</t>
  </si>
  <si>
    <t>GPS KALAS</t>
  </si>
  <si>
    <t>moza kalas GPS Kalas Teh. Lalian dist.Chiniot</t>
  </si>
  <si>
    <t>GGES MANGIAN</t>
  </si>
  <si>
    <t>Mangian</t>
  </si>
  <si>
    <t>GGES Mangian</t>
  </si>
  <si>
    <t>45482</t>
  </si>
  <si>
    <t>GPS THALLAH NOON</t>
  </si>
  <si>
    <t>THALLAH NOON NASHAIB</t>
  </si>
  <si>
    <t>THALLAH NOON P O HASSAN SHAH TEH DARYA KHAN DISTT BHAKKAR</t>
  </si>
  <si>
    <t>THALLAH NOON</t>
  </si>
  <si>
    <t>ANGRRA DAGGAR</t>
  </si>
  <si>
    <t>38797</t>
  </si>
  <si>
    <t>GGES GONDAL</t>
  </si>
  <si>
    <t>Halka Patwar</t>
  </si>
  <si>
    <t>GGES gondal attock</t>
  </si>
  <si>
    <t>GGPS KOT MOKHAL</t>
  </si>
  <si>
    <t>kot mokhal PO satrah tehsil daska, district Sialkot</t>
  </si>
  <si>
    <t>Shahida Asif</t>
  </si>
  <si>
    <t>41337</t>
  </si>
  <si>
    <t>GPS GHEL SATTIAN</t>
  </si>
  <si>
    <t>village ghel murree ,Rawalpindi</t>
  </si>
  <si>
    <t>GGPS MC WRITERS COLONY MULTAN</t>
  </si>
  <si>
    <t>samnabad colony near chanan peer chowk Multan</t>
  </si>
  <si>
    <t>Fozia Nasreen</t>
  </si>
  <si>
    <t>13103</t>
  </si>
  <si>
    <t>GPS FAQIR AHMAD WALA</t>
  </si>
  <si>
    <t>Bait Dryai</t>
  </si>
  <si>
    <t>basti rend ada mouza bait dryai bakaini</t>
  </si>
  <si>
    <t>Bait Drayai</t>
  </si>
  <si>
    <t>GPS CHAK 138 GB II SAMUNDRI</t>
  </si>
  <si>
    <t>Kase Gadh</t>
  </si>
  <si>
    <t>Chak 138GBll</t>
  </si>
  <si>
    <t>138GBll</t>
  </si>
  <si>
    <t>Chak138GBl</t>
  </si>
  <si>
    <t>GGPS 72/4-R</t>
  </si>
  <si>
    <t>72-4r</t>
  </si>
  <si>
    <t>GGP school 72\4R</t>
  </si>
  <si>
    <t>69-4R</t>
  </si>
  <si>
    <t>Miss Kaneez Bibi</t>
  </si>
  <si>
    <t>GGPS MC FACTORY AREA</t>
  </si>
  <si>
    <t>Mc factory area liver chock pathanistan ryk</t>
  </si>
  <si>
    <t>GGPS JHAKKAR</t>
  </si>
  <si>
    <t>ggps jhakkar</t>
  </si>
  <si>
    <t>Pir Ashaab</t>
  </si>
  <si>
    <t>hufsa zanab</t>
  </si>
  <si>
    <t>GGES BAGHI WALA</t>
  </si>
  <si>
    <t>bagai wala</t>
  </si>
  <si>
    <t>mohallah bagaiwala near PST College checha watni road kamalia</t>
  </si>
  <si>
    <t>bagaiwala</t>
  </si>
  <si>
    <t>MC kamalia</t>
  </si>
  <si>
    <t>Musarrat-Un-Nisa</t>
  </si>
  <si>
    <t>GMES MOHALLA TEHRA JAND</t>
  </si>
  <si>
    <t>Tehra</t>
  </si>
  <si>
    <t>Mohalla tehra jand district attock</t>
  </si>
  <si>
    <t>Maria Khatoon</t>
  </si>
  <si>
    <t>GGES JAKKAR</t>
  </si>
  <si>
    <t>JAKKAR</t>
  </si>
  <si>
    <t>VPO JAKKAR TEHSIL &amp; DISTRICT JHELUM</t>
  </si>
  <si>
    <t>Shaheena Kousar</t>
  </si>
  <si>
    <t>GGPS ARY PUR</t>
  </si>
  <si>
    <t>Aray Pur</t>
  </si>
  <si>
    <t>aray pur mailsi</t>
  </si>
  <si>
    <t>sadia khanum</t>
  </si>
  <si>
    <t>GPS DARYA</t>
  </si>
  <si>
    <t>village and P/O Darya Tehsil Hazro District Attock</t>
  </si>
  <si>
    <t>Musa Kudlathi</t>
  </si>
  <si>
    <t>Said Rasool</t>
  </si>
  <si>
    <t>GPS AWAN NAGAR</t>
  </si>
  <si>
    <t>Mouza Nonari, Basti Awan Nagar</t>
  </si>
  <si>
    <t>Awan Nagar</t>
  </si>
  <si>
    <t>GGPS CHAK NO 61/P</t>
  </si>
  <si>
    <t>Chak No 61/p</t>
  </si>
  <si>
    <t>chak No 61/p khanpur</t>
  </si>
  <si>
    <t>Khalida Hameed</t>
  </si>
  <si>
    <t>GMPS CHAK NO.68 SB</t>
  </si>
  <si>
    <t>68SB</t>
  </si>
  <si>
    <t>chak no.68sb tehsil and district sargodha</t>
  </si>
  <si>
    <t>68sb</t>
  </si>
  <si>
    <t>71sb</t>
  </si>
  <si>
    <t>Sidra Jaffar</t>
  </si>
  <si>
    <t>GGPS KOT DIAL WALI</t>
  </si>
  <si>
    <t>kat dial wali</t>
  </si>
  <si>
    <t>dinan wala</t>
  </si>
  <si>
    <t>sumaira dilshad</t>
  </si>
  <si>
    <t>GMPS CHAK NO.20/NP</t>
  </si>
  <si>
    <t>20/NP</t>
  </si>
  <si>
    <t>Saima  Ashraf</t>
  </si>
  <si>
    <t>GMPS LONG JANUBI</t>
  </si>
  <si>
    <t>Lang Janoobi</t>
  </si>
  <si>
    <t>Mouza Lang janoobi</t>
  </si>
  <si>
    <t>Fozia Akhtar</t>
  </si>
  <si>
    <t>GGPS WARIS ABAD</t>
  </si>
  <si>
    <t>GGPS Warisabad</t>
  </si>
  <si>
    <t>Shagufta Yameen</t>
  </si>
  <si>
    <t>GGES CHAK NO. 110 F</t>
  </si>
  <si>
    <t>Village 110F</t>
  </si>
  <si>
    <t>chak no 110F tehsil chishtian district bwn</t>
  </si>
  <si>
    <t>110F</t>
  </si>
  <si>
    <t>Anum Munir</t>
  </si>
  <si>
    <t>GGES 3 MR NEAR ADDA 9 KASSI</t>
  </si>
  <si>
    <t>chak no 3 m.r near adda 9 kassi p/o makhdoom rashid</t>
  </si>
  <si>
    <t>3MR</t>
  </si>
  <si>
    <t>Makhdoom rasheed</t>
  </si>
  <si>
    <t>Noreen Monawer</t>
  </si>
  <si>
    <t>76316</t>
  </si>
  <si>
    <t>GGPS NO.2 CHAK NO.42 SB</t>
  </si>
  <si>
    <t>42 Sb</t>
  </si>
  <si>
    <t>chak no 42 SB sargodha</t>
  </si>
  <si>
    <t>42 SB Sargodha</t>
  </si>
  <si>
    <t>GGPS TOTAL MASTOI</t>
  </si>
  <si>
    <t>Douwala</t>
  </si>
  <si>
    <t>Adda Mahi Chowk Basti Total mastoi</t>
  </si>
  <si>
    <t>Basti Total Mastoi</t>
  </si>
  <si>
    <t>20023</t>
  </si>
  <si>
    <t>GGPS SHAMS MILLS</t>
  </si>
  <si>
    <t>Shams Mils</t>
  </si>
  <si>
    <t>GGPS Shams Mills</t>
  </si>
  <si>
    <t>GGPS KOTHAY PATHANAN</t>
  </si>
  <si>
    <t>Kothey Pathana</t>
  </si>
  <si>
    <t>kothey pathana p.o kulluwal teh&amp;district sialkot</t>
  </si>
  <si>
    <t>Sumiya Basharat</t>
  </si>
  <si>
    <t>GGPS BASTI JAITOE</t>
  </si>
  <si>
    <t>Nawaz Pura</t>
  </si>
  <si>
    <t>Basti jaito BWN</t>
  </si>
  <si>
    <t>Jaito</t>
  </si>
  <si>
    <t>Kaporan</t>
  </si>
  <si>
    <t>GGPS CHOWK MAHI</t>
  </si>
  <si>
    <t>GGPS Chowk Mahi basti atta Muhammad</t>
  </si>
  <si>
    <t>Nagina Sarvat</t>
  </si>
  <si>
    <t>GGPS CHAK 48/P</t>
  </si>
  <si>
    <t>48p</t>
  </si>
  <si>
    <t>chak48p</t>
  </si>
  <si>
    <t>Asia Tanveer</t>
  </si>
  <si>
    <t>GGPS CHAK NO 191/7-R NO 1</t>
  </si>
  <si>
    <t>191 7r   E</t>
  </si>
  <si>
    <t>191 7r e</t>
  </si>
  <si>
    <t>191 7r E</t>
  </si>
  <si>
    <t>167 7r</t>
  </si>
  <si>
    <t>GGCMS CHAK NO.29 SB SGD</t>
  </si>
  <si>
    <t>Chak 29 SB</t>
  </si>
  <si>
    <t>GGCMS 29. SB</t>
  </si>
  <si>
    <t>Chak 28 SB</t>
  </si>
  <si>
    <t>GGPS ZABDI PUR P/O KHADIL</t>
  </si>
  <si>
    <t>basti Hafiz Abad Sahi chawan</t>
  </si>
  <si>
    <t>jhok wanis</t>
  </si>
  <si>
    <t>Asia manzoor</t>
  </si>
  <si>
    <t>32807</t>
  </si>
  <si>
    <t>GPS CHORA LANGAR</t>
  </si>
  <si>
    <t>Village chora langar, p. O doday, tehsil and ditrict nankana sahib</t>
  </si>
  <si>
    <t>Chora Langar</t>
  </si>
  <si>
    <t>Khayary Kalan</t>
  </si>
  <si>
    <t>Tauseef Arif</t>
  </si>
  <si>
    <t>GGES CHAK NO.92/1-L</t>
  </si>
  <si>
    <t>Chak No 92/1L</t>
  </si>
  <si>
    <t>chak no.92/1L</t>
  </si>
  <si>
    <t>Misbah Abrar</t>
  </si>
  <si>
    <t>GGPS RABRI</t>
  </si>
  <si>
    <t>Adam-sohaba</t>
  </si>
  <si>
    <t>GGPS Basti Rabri</t>
  </si>
  <si>
    <t>Basti slolangi</t>
  </si>
  <si>
    <t>Venus Khazan</t>
  </si>
  <si>
    <t>GGPS SAFIA SAGHEER KARAM ABAD</t>
  </si>
  <si>
    <t>GGPS Safia Sagheer Karmabad</t>
  </si>
  <si>
    <t>GGPS CHAK NO 273 HR</t>
  </si>
  <si>
    <t>Chak No 273 Hr</t>
  </si>
  <si>
    <t>GGPS Chak No 273 HR</t>
  </si>
  <si>
    <t>Chak No273 Hr</t>
  </si>
  <si>
    <t>Chak No281 Hr</t>
  </si>
  <si>
    <t>GGMES KORIAN WALI</t>
  </si>
  <si>
    <t>korian wali post office rampoora</t>
  </si>
  <si>
    <t>GGES 357/GB</t>
  </si>
  <si>
    <t>Nelianwala</t>
  </si>
  <si>
    <t>govt girls elementary school 357Gb Nelianwala</t>
  </si>
  <si>
    <t>357gb Nelianwala</t>
  </si>
  <si>
    <t>GMPS ANJOTER</t>
  </si>
  <si>
    <t>Anjotar</t>
  </si>
  <si>
    <t>GMPS Anjotar</t>
  </si>
  <si>
    <t>GPS TAILL PUNJ NUND</t>
  </si>
  <si>
    <t>Govt.Primary School Tail Punjnad Basti Munchiyan Mouza Neel Ghar Khan Pur</t>
  </si>
  <si>
    <t>Basti Munchiyan</t>
  </si>
  <si>
    <t>45659</t>
  </si>
  <si>
    <t>GES BASTI ELAHI BUX NONARI</t>
  </si>
  <si>
    <t>Basti Elahi Bux Nonari R Y Khan</t>
  </si>
  <si>
    <t>Basti Elahi Bux Nonari</t>
  </si>
  <si>
    <t>GGPS CHAK NO 264 JB</t>
  </si>
  <si>
    <t>BALLO SHAHABAL-FEMALE</t>
  </si>
  <si>
    <t>chak no 264 nasira abad road jhang</t>
  </si>
  <si>
    <t>Chak No 264</t>
  </si>
  <si>
    <t>GMPS ABU WALA</t>
  </si>
  <si>
    <t>Thatha Thakar</t>
  </si>
  <si>
    <t>GMPS Abuwala</t>
  </si>
  <si>
    <t>ABU WALA</t>
  </si>
  <si>
    <t>GMPS RAM GARHA</t>
  </si>
  <si>
    <t>Ramgarha</t>
  </si>
  <si>
    <t>GMPS Ramgarha</t>
  </si>
  <si>
    <t>Hmza Gouse</t>
  </si>
  <si>
    <t>Shafia</t>
  </si>
  <si>
    <t>GGPS TUBE WELL NO 8</t>
  </si>
  <si>
    <t>Chak Kordiana</t>
  </si>
  <si>
    <t>Tube Well No 8</t>
  </si>
  <si>
    <t>Shaikh Chohar</t>
  </si>
  <si>
    <t>Najma Pareen</t>
  </si>
  <si>
    <t>49686</t>
  </si>
  <si>
    <t>GGES CHAK 10 GB</t>
  </si>
  <si>
    <t>Chalk No 10</t>
  </si>
  <si>
    <t>13Chak Randheer</t>
  </si>
  <si>
    <t>GGPS ACHRAN</t>
  </si>
  <si>
    <t>Achran</t>
  </si>
  <si>
    <t>village Achran p/o kotli loharan(west) tensile and district sialkot</t>
  </si>
  <si>
    <t>GGPS WAH ATHATA RYK</t>
  </si>
  <si>
    <t>WhaAthata</t>
  </si>
  <si>
    <t>GGPS WHA ATHATA CHACK NO 89/P</t>
  </si>
  <si>
    <t>Chak No 89/o</t>
  </si>
  <si>
    <t>Chack No105/p</t>
  </si>
  <si>
    <t>MAHIRA BUKHARI</t>
  </si>
  <si>
    <t>GGPS 270/HR-E</t>
  </si>
  <si>
    <t>270/HR</t>
  </si>
  <si>
    <t>Chak no. 270/HR</t>
  </si>
  <si>
    <t>Pholrha</t>
  </si>
  <si>
    <t>Rahila Mehboob</t>
  </si>
  <si>
    <t>GGPS CHAK NO. 7/FW BHATIAN WALA</t>
  </si>
  <si>
    <t>7FW</t>
  </si>
  <si>
    <t>7 f.w abaadi</t>
  </si>
  <si>
    <t>7 Fw Abaadi</t>
  </si>
  <si>
    <t>5 Fw</t>
  </si>
  <si>
    <t>GHS MARDAN PUR MULTAN</t>
  </si>
  <si>
    <t>Mardan Pur High School Near Adda Band Bosan</t>
  </si>
  <si>
    <t>MARDANPUR</t>
  </si>
  <si>
    <t>Malik Allah Bakhash Bosan</t>
  </si>
  <si>
    <t>GPS THATHI GHULAM HUSSAIN</t>
  </si>
  <si>
    <t>That hi Ghulam Hussain</t>
  </si>
  <si>
    <t>Thathi Ghulam Hussain' Nns</t>
  </si>
  <si>
    <t>Thathi Ghulam Hussain</t>
  </si>
  <si>
    <t>GPS KOT QAIM DIN</t>
  </si>
  <si>
    <t>Kot Qaim Din</t>
  </si>
  <si>
    <t>kot qaim din</t>
  </si>
  <si>
    <t>GGES CHAK NO.97 SB</t>
  </si>
  <si>
    <t>97 Sb</t>
  </si>
  <si>
    <t>GGES chak 97 sb</t>
  </si>
  <si>
    <t>Sara Nawaz</t>
  </si>
  <si>
    <t>GMPS CHAK NO 96/F A</t>
  </si>
  <si>
    <t>96/FA</t>
  </si>
  <si>
    <t>98 F</t>
  </si>
  <si>
    <t>rubina shaheen</t>
  </si>
  <si>
    <t>GGES MERAY SHAH</t>
  </si>
  <si>
    <t>basti meeray shah</t>
  </si>
  <si>
    <t>Faiza Qadri</t>
  </si>
  <si>
    <t>GGPS CHAK 227/P</t>
  </si>
  <si>
    <t>chak 227/p</t>
  </si>
  <si>
    <t>ggps227/p</t>
  </si>
  <si>
    <t>227/p</t>
  </si>
  <si>
    <t>Fareeha shahzadi</t>
  </si>
  <si>
    <t>49253</t>
  </si>
  <si>
    <t>GGES WATER SUPPLY SARGODHA</t>
  </si>
  <si>
    <t>Maqam e Hayat</t>
  </si>
  <si>
    <t>Girls elementary school  water supply,bakhshi colony ,sargodha</t>
  </si>
  <si>
    <t>Bakhshi Colony</t>
  </si>
  <si>
    <t>Maqami Hayat</t>
  </si>
  <si>
    <t>GGES CHAK 7/FW RANWAN WALA</t>
  </si>
  <si>
    <t>7fwr</t>
  </si>
  <si>
    <t>GGES7FWR</t>
  </si>
  <si>
    <t>Rozina Yasmin</t>
  </si>
  <si>
    <t>GGPS CHAK NO 167/7-R E</t>
  </si>
  <si>
    <t>167/7.r east</t>
  </si>
  <si>
    <t>167/7r East</t>
  </si>
  <si>
    <t>GGES BASTI KHOSA</t>
  </si>
  <si>
    <t>GGES CHAK NO 98 GB</t>
  </si>
  <si>
    <t>98GB</t>
  </si>
  <si>
    <t>GGES98GB Teh jaranwala Distt faisalabad pakistan</t>
  </si>
  <si>
    <t>Naya Rurka</t>
  </si>
  <si>
    <t>GGPS GLOTIAN KALAN</t>
  </si>
  <si>
    <t>Glotian Kalan</t>
  </si>
  <si>
    <t>GGP/S Glotian Kalan</t>
  </si>
  <si>
    <t>Saeeda Anwar</t>
  </si>
  <si>
    <t>GGHS MUSA PUR</t>
  </si>
  <si>
    <t>gghs musa pur tehsil pasrur sialkot</t>
  </si>
  <si>
    <t>aroma  yousaf</t>
  </si>
  <si>
    <t>GGHS SARAI MUHAJAR</t>
  </si>
  <si>
    <t>Saray Muhajir</t>
  </si>
  <si>
    <t>Govt Girls High schol saray muhajir</t>
  </si>
  <si>
    <t>Robina mubarak</t>
  </si>
  <si>
    <t>GGPS TATAR PUR</t>
  </si>
  <si>
    <t>Tatarpur</t>
  </si>
  <si>
    <t>GGPS TATARPUR Village Tatarpur Markaz kingra Tehsil Pasrur District Sialkot</t>
  </si>
  <si>
    <t>Dulham Kahlwan</t>
  </si>
  <si>
    <t>42139</t>
  </si>
  <si>
    <t>GGPS SAINT JOSEPH WAH CANTT</t>
  </si>
  <si>
    <t>Near 10areA chowk wah camtt</t>
  </si>
  <si>
    <t>Erum Ismail</t>
  </si>
  <si>
    <t>28315</t>
  </si>
  <si>
    <t>GPS MURID</t>
  </si>
  <si>
    <t>Village Mureed P.O Thatti Mureed Tehsil Phalia Distt M.B.Din</t>
  </si>
  <si>
    <t>Nasir wakeel</t>
  </si>
  <si>
    <t>GGPS HERGAN</t>
  </si>
  <si>
    <t>Hargan</t>
  </si>
  <si>
    <t>Village Hargan.Tahsil Pasrur.Distt.Sialkot.</t>
  </si>
  <si>
    <t>Zeba Naheed</t>
  </si>
  <si>
    <t>GGPS HAMEED KOT</t>
  </si>
  <si>
    <t>Village hameed kot</t>
  </si>
  <si>
    <t>Hameed Kot</t>
  </si>
  <si>
    <t>Rural Hernoli</t>
  </si>
  <si>
    <t>GES CHAK 358 GB SOUTH</t>
  </si>
  <si>
    <t>Chak No. 358 GB South</t>
  </si>
  <si>
    <t>Chak No. 361 GB</t>
  </si>
  <si>
    <t>53837</t>
  </si>
  <si>
    <t>GPS CHAK TILLAN WALA</t>
  </si>
  <si>
    <t>tillan wala,tehsil renala Khurd. District okara</t>
  </si>
  <si>
    <t>tillan wala</t>
  </si>
  <si>
    <t>22/1.A.L</t>
  </si>
  <si>
    <t>muhammad muzaffar chand</t>
  </si>
  <si>
    <t>GMPS THATTA MASTA</t>
  </si>
  <si>
    <t>Thatha Masta</t>
  </si>
  <si>
    <t>thatha masta p/o sukheki mandi</t>
  </si>
  <si>
    <t>Thatha masta</t>
  </si>
  <si>
    <t>Nasira Yasmeen</t>
  </si>
  <si>
    <t>53267</t>
  </si>
  <si>
    <t>GPS CHAK 6-A/4-L</t>
  </si>
  <si>
    <t>6A/4L</t>
  </si>
  <si>
    <t>chak No. 6A/4L</t>
  </si>
  <si>
    <t>GGES CHAK 297 GB</t>
  </si>
  <si>
    <t>297GB</t>
  </si>
  <si>
    <t>chak no.297GB.Toba Tek Singh.</t>
  </si>
  <si>
    <t>GGPS JHANGI PEER BUKHSH</t>
  </si>
  <si>
    <t>jhangi peer bakhsh</t>
  </si>
  <si>
    <t>Jhangi Peer Bakhsh</t>
  </si>
  <si>
    <t>Patti Bulanda</t>
  </si>
  <si>
    <t>GES CHAK NO.112 SB</t>
  </si>
  <si>
    <t>Chak No 112 Sb</t>
  </si>
  <si>
    <t>chak no 112 sb</t>
  </si>
  <si>
    <t>Umar Mushtaq</t>
  </si>
  <si>
    <t>45749</t>
  </si>
  <si>
    <t>GGES MORE CHAK 48/RB</t>
  </si>
  <si>
    <t>moor chak48' tehsil shahkot</t>
  </si>
  <si>
    <t>Moor Chak48</t>
  </si>
  <si>
    <t>Najma  Naheed</t>
  </si>
  <si>
    <t>GGPS NALKA LAL WALA</t>
  </si>
  <si>
    <t>Nalka Lal Wala</t>
  </si>
  <si>
    <t>Ggps Nalka Lal Wala</t>
  </si>
  <si>
    <t>Anila Aslam</t>
  </si>
  <si>
    <t>35788</t>
  </si>
  <si>
    <t>GPS HASSAN SHAH PO KARAM PUR</t>
  </si>
  <si>
    <t>Hassan Shah 1966</t>
  </si>
  <si>
    <t>Hassan shah p/o karam pur tehsil mailsi District vehari</t>
  </si>
  <si>
    <t>Karamazov Pur</t>
  </si>
  <si>
    <t>Muhammad Rashid Mukhtar</t>
  </si>
  <si>
    <t>GGPS ISHRI SINGH WALA</t>
  </si>
  <si>
    <t>Ishri Sing</t>
  </si>
  <si>
    <t>GGPS ishri sing wala</t>
  </si>
  <si>
    <t>Ishri Singh</t>
  </si>
  <si>
    <t>Roa khan Wala</t>
  </si>
  <si>
    <t>village noorpur p.o.box naka khurd teh &amp; distt jhelum</t>
  </si>
  <si>
    <t>Sana Manzoor</t>
  </si>
  <si>
    <t>48465</t>
  </si>
  <si>
    <t>GES SHADAY WALA</t>
  </si>
  <si>
    <t>Shaday Wala</t>
  </si>
  <si>
    <t>GGPS 118/6-R AB</t>
  </si>
  <si>
    <t>chak-118/6r Ab</t>
  </si>
  <si>
    <t>118/6rAB thseel haronbad</t>
  </si>
  <si>
    <t>Chak No118/6rAB</t>
  </si>
  <si>
    <t>118/6 r</t>
  </si>
  <si>
    <t>Zunera Ajmal</t>
  </si>
  <si>
    <t>GGPS HAMEEDAY WALA SHUJABAD DISTT. MULTAN</t>
  </si>
  <si>
    <t>Qasir Pur</t>
  </si>
  <si>
    <t>chah hameeday wala mmoza  qasir pur maytotlii</t>
  </si>
  <si>
    <t>Chah Hameeday Wala</t>
  </si>
  <si>
    <t>GGPS SULTAN LASHARI</t>
  </si>
  <si>
    <t>Govt girls primary school moza sultan lashari</t>
  </si>
  <si>
    <t>Jabwana</t>
  </si>
  <si>
    <t>GGPS RIAZ COLONY JETHA BHATTA</t>
  </si>
  <si>
    <t>Riaz colony Jetha Bhutta</t>
  </si>
  <si>
    <t>Rubina kosar</t>
  </si>
  <si>
    <t>GPS JAKHAR</t>
  </si>
  <si>
    <t>Village Jakhar P/o Bhaddar</t>
  </si>
  <si>
    <t>GPS ALLAH ABAD BLOCK NO 2</t>
  </si>
  <si>
    <t>noor  Muhammad shah</t>
  </si>
  <si>
    <t>GGPS BALLO SHAHABAL NO 2</t>
  </si>
  <si>
    <t>Ballo Shahabal</t>
  </si>
  <si>
    <t>chiniot road moza Ballo shahabal</t>
  </si>
  <si>
    <t>Sultanpor</t>
  </si>
  <si>
    <t>munawar bibi</t>
  </si>
  <si>
    <t>GMPS JHOKE GAMUN</t>
  </si>
  <si>
    <t>jhoke gamun</t>
  </si>
  <si>
    <t>chah doghachi wala jhoke gamun</t>
  </si>
  <si>
    <t>jhoke gamun  doghachi wala</t>
  </si>
  <si>
    <t>lar female</t>
  </si>
  <si>
    <t>Nafeesa BiBi</t>
  </si>
  <si>
    <t>GGPS CHAK 278 RB I BHALAIR</t>
  </si>
  <si>
    <t>Ch#278rb1</t>
  </si>
  <si>
    <t>ch#,278rb1</t>
  </si>
  <si>
    <t>278rb1</t>
  </si>
  <si>
    <t>93JB</t>
  </si>
  <si>
    <t>31098</t>
  </si>
  <si>
    <t>GGPS GOTH NABI MUHAMMAD</t>
  </si>
  <si>
    <t>goth nabi Muhammad</t>
  </si>
  <si>
    <t>Goth nabi Muhammad</t>
  </si>
  <si>
    <t>khalida iqbal</t>
  </si>
  <si>
    <t>GPS APAR KHEL WALA</t>
  </si>
  <si>
    <t>P/O KAMAR MUSHANI TEH. ISA KHEL DISTT MIANWALI</t>
  </si>
  <si>
    <t>Apar Khel</t>
  </si>
  <si>
    <t>39723</t>
  </si>
  <si>
    <t>GGES MOCHI KERI</t>
  </si>
  <si>
    <t>Mochi Kirri</t>
  </si>
  <si>
    <t>vill mochi kirri po lakermar tehsil jand distt  attock</t>
  </si>
  <si>
    <t>41313</t>
  </si>
  <si>
    <t>GES NUMB RUMAL</t>
  </si>
  <si>
    <t>Numb Rumal</t>
  </si>
  <si>
    <t>post office phagwari murree village numb RUMAL</t>
  </si>
  <si>
    <t>local residence provide</t>
  </si>
  <si>
    <t>GES CHHOI (NILHAD)</t>
  </si>
  <si>
    <t>Nalhad</t>
  </si>
  <si>
    <t>V.P.O Nalhad Tehsil Pindi GhebDistt Attock</t>
  </si>
  <si>
    <t>GES CHAK NO 10 GUJJAR</t>
  </si>
  <si>
    <t>Chak No 10/jb</t>
  </si>
  <si>
    <t>Chak No.10/jb Gujjar Lahore road chiniot</t>
  </si>
  <si>
    <t>Sarrwala</t>
  </si>
  <si>
    <t>MUHAMMAD AMEER HAMZA</t>
  </si>
  <si>
    <t>GES CHAK NO. 105/F</t>
  </si>
  <si>
    <t>GES 105/F</t>
  </si>
  <si>
    <t>40/f</t>
  </si>
  <si>
    <t>23036</t>
  </si>
  <si>
    <t>GGPS MUMDANA KHURD</t>
  </si>
  <si>
    <t>MUMDANA</t>
  </si>
  <si>
    <t>MOZA MUMDANA  KHURD</t>
  </si>
  <si>
    <t>MUMDANA KHURD</t>
  </si>
  <si>
    <t>Chak 737 GB</t>
  </si>
  <si>
    <t>Shakila Kousar</t>
  </si>
  <si>
    <t>10256</t>
  </si>
  <si>
    <t>GGPS BASTI MULTANI</t>
  </si>
  <si>
    <t>Warha Sehyran</t>
  </si>
  <si>
    <t>GGPS basti multani</t>
  </si>
  <si>
    <t>sumara mukhtiar</t>
  </si>
  <si>
    <t>GGES 108/9-L</t>
  </si>
  <si>
    <t>108/9l</t>
  </si>
  <si>
    <t>5.85338e+006</t>
  </si>
  <si>
    <t>GGPS CHAK NO 412 JB CHEEMIAN WALA</t>
  </si>
  <si>
    <t>Chak NO #412JB Chak NO 412jb</t>
  </si>
  <si>
    <t>Chak NO 412jJB P/Office Shorkot Cantt Tehsil Shorkot District Jhang</t>
  </si>
  <si>
    <t>CHAK #412JB</t>
  </si>
  <si>
    <t>Chak No497jb</t>
  </si>
  <si>
    <t>GGPS CHAK 759 GB</t>
  </si>
  <si>
    <t>GGPS 759gb</t>
  </si>
  <si>
    <t>759 Khursheed Abad</t>
  </si>
  <si>
    <t>GPS BASTI FAZAL HUSAIN</t>
  </si>
  <si>
    <t>Fazal Husain</t>
  </si>
  <si>
    <t>chak thaman wala fazal husain,p/o dunga bunga</t>
  </si>
  <si>
    <t>Thaman Wala</t>
  </si>
  <si>
    <t>GPS QUTAB BANDI</t>
  </si>
  <si>
    <t>Dist attock Tehsil hazro p.o ghourghushti village QUTAB bandi</t>
  </si>
  <si>
    <t>GPS MEERAN WALA</t>
  </si>
  <si>
    <t>Gurmani Shrqi</t>
  </si>
  <si>
    <t>chah meeran wala muza gurmani Shrqi</t>
  </si>
  <si>
    <t>GMPS BASTI TALIB SHAH</t>
  </si>
  <si>
    <t>Peer basti taib shah moza akram abad</t>
  </si>
  <si>
    <t>Basti Talaib Shah</t>
  </si>
  <si>
    <t>GGPS MC KANAL COLONY SARGODHA</t>
  </si>
  <si>
    <t>kanal colony near Deplex polar</t>
  </si>
  <si>
    <t>Carporation</t>
  </si>
  <si>
    <t>Ruqia Mirzaman</t>
  </si>
  <si>
    <t>GES TURKO ADDA</t>
  </si>
  <si>
    <t>GES Tarku ada tehSil choubara district layyah</t>
  </si>
  <si>
    <t>sarfraz hussain</t>
  </si>
  <si>
    <t>GGPS DHOK REHMANIA</t>
  </si>
  <si>
    <t>VPO KISRAN</t>
  </si>
  <si>
    <t>GGPS WARD NO.16 KABIRWALA</t>
  </si>
  <si>
    <t>Basti mastan shah wali</t>
  </si>
  <si>
    <t>Basti Mastan Shah</t>
  </si>
  <si>
    <t>Kabirwala City Urban 2</t>
  </si>
  <si>
    <t>GGES BASTI MIAN</t>
  </si>
  <si>
    <t>Govt girls elementry school Basti Mian</t>
  </si>
  <si>
    <t>7871</t>
  </si>
  <si>
    <t>GPS DARI MERO</t>
  </si>
  <si>
    <t>nooria kooria gharbi</t>
  </si>
  <si>
    <t>GPS Dari meero. mouza nooria kooria gharbi . UC Ladan</t>
  </si>
  <si>
    <t>dari meero</t>
  </si>
  <si>
    <t>ladan</t>
  </si>
  <si>
    <t>Hammad Rahim Qureshi</t>
  </si>
  <si>
    <t>GMPS KHURRAY</t>
  </si>
  <si>
    <t>Khurray</t>
  </si>
  <si>
    <t>khurray p.o Kullawal tehsil sambrial dist Sialkot</t>
  </si>
  <si>
    <t>Abida Shahzadi</t>
  </si>
  <si>
    <t>41384</t>
  </si>
  <si>
    <t>GPS BILGARAN</t>
  </si>
  <si>
    <t>p.odhandavillagebilgrantehsilmurree</t>
  </si>
  <si>
    <t>Bilgran</t>
  </si>
  <si>
    <t>GPS BIRGRAN</t>
  </si>
  <si>
    <t>village birgran murree</t>
  </si>
  <si>
    <t>Haleema Kousar</t>
  </si>
  <si>
    <t>GGPS KHALAN WALA</t>
  </si>
  <si>
    <t>Khakan wala mouza peer wala</t>
  </si>
  <si>
    <t>Khalan Wala</t>
  </si>
  <si>
    <t>Anam Sial</t>
  </si>
  <si>
    <t>GGCMS 78/5-L</t>
  </si>
  <si>
    <t>GGCMS.78/5.L</t>
  </si>
  <si>
    <t>78/5 L</t>
  </si>
  <si>
    <t>GPS LADHAY WALI</t>
  </si>
  <si>
    <t>Qaim-pur</t>
  </si>
  <si>
    <t>Govt-p/sLadhay Wali</t>
  </si>
  <si>
    <t>Chack-jalandhrian</t>
  </si>
  <si>
    <t>GPS GOHI NO. 7</t>
  </si>
  <si>
    <t>village Gohi post office Sehr Bagla</t>
  </si>
  <si>
    <t>GPS DHOK WALIAN</t>
  </si>
  <si>
    <t>Dk wallian, vpo rangli, tehsil jand distt attock</t>
  </si>
  <si>
    <t>Dhok Wallian</t>
  </si>
  <si>
    <t>Mohammad Abdullah</t>
  </si>
  <si>
    <t>30748</t>
  </si>
  <si>
    <t>GGPS SANGHAR WALA MUZA SUJANPUR QADIRPUR LAR</t>
  </si>
  <si>
    <t>Faiz pur</t>
  </si>
  <si>
    <t>Sanghar wala multan</t>
  </si>
  <si>
    <t>Sanghar Wala</t>
  </si>
  <si>
    <t>Farida Khanum</t>
  </si>
  <si>
    <t>50830</t>
  </si>
  <si>
    <t>GPS FAZA AAM SAHIWAL</t>
  </si>
  <si>
    <t>mohallah Farid Gunj swl</t>
  </si>
  <si>
    <t>Sahiwal City 6</t>
  </si>
  <si>
    <t>23045</t>
  </si>
  <si>
    <t>GPS SULLAH</t>
  </si>
  <si>
    <t>Sullah</t>
  </si>
  <si>
    <t>village sullah post office Malki</t>
  </si>
  <si>
    <t>Dilawrpur</t>
  </si>
  <si>
    <t>Sidra Shamaz</t>
  </si>
  <si>
    <t>33644</t>
  </si>
  <si>
    <t>GGES SAMIJABAD NO.1 MULTAN</t>
  </si>
  <si>
    <t>mohaala Mughal Pura Near Union council office.Back of Dr.Nazar Clinic.Samijabd No.1</t>
  </si>
  <si>
    <t>Mughal Purra</t>
  </si>
  <si>
    <t>Piran Ghaib 1</t>
  </si>
  <si>
    <t>Farzana Hameed</t>
  </si>
  <si>
    <t>basti jooia baiir Band tensile Jatoi</t>
  </si>
  <si>
    <t>Basti Jooia</t>
  </si>
  <si>
    <t>Mansub Yasmin</t>
  </si>
  <si>
    <t>GGPS BANGLA SHEIKHAN</t>
  </si>
  <si>
    <t>Farida Bad</t>
  </si>
  <si>
    <t>bangla sheikhan teh khanpur distt rahim yar khan</t>
  </si>
  <si>
    <t>Bangla Sheikhan</t>
  </si>
  <si>
    <t>GGPS MOLVI HUSSAIN ALI WALA</t>
  </si>
  <si>
    <t>Dera Husain Ali</t>
  </si>
  <si>
    <t>GGPS Dera Molvi Hussain Ali Muzafar pur shumali</t>
  </si>
  <si>
    <t>Dera Hussain Ali</t>
  </si>
  <si>
    <t>GPS CHAK 17/1-AL</t>
  </si>
  <si>
    <t>G.P.S 17/1AL</t>
  </si>
  <si>
    <t>GES KACHA PACCA CHAK NO. 43</t>
  </si>
  <si>
    <t>Kacha Pacca 43</t>
  </si>
  <si>
    <t>Moza kacha pacca chak 43 pattoki kasur</t>
  </si>
  <si>
    <t>Zaheer Abbas Khan</t>
  </si>
  <si>
    <t>GGES CHAK NO.28</t>
  </si>
  <si>
    <t>Chak No 28</t>
  </si>
  <si>
    <t>Chak No 28 Tehsil Malakwal District M B Din</t>
  </si>
  <si>
    <t>CHAK NO 28</t>
  </si>
  <si>
    <t>34823</t>
  </si>
  <si>
    <t>GPS OBARA JNOOBI JALAL PUR PIR WALA</t>
  </si>
  <si>
    <t>Obara Janubi</t>
  </si>
  <si>
    <t>moza obara janobi uc nouraja bhutta no 172 tehsil jalal pur pir wala multan</t>
  </si>
  <si>
    <t>Nouraja bhutta</t>
  </si>
  <si>
    <t>141210</t>
  </si>
  <si>
    <t>GGPS KHAD ZARIAN</t>
  </si>
  <si>
    <t>Khad</t>
  </si>
  <si>
    <t>GGPS khad zarian</t>
  </si>
  <si>
    <t>Khad Zarian</t>
  </si>
  <si>
    <t>Sumaira Sabir</t>
  </si>
  <si>
    <t>10786</t>
  </si>
  <si>
    <t>vill. P/O Bhatta Teh. Jand District Attock</t>
  </si>
  <si>
    <t>28318</t>
  </si>
  <si>
    <t>GGPS CHAK 432 JB MULTIAN</t>
  </si>
  <si>
    <t>Multian</t>
  </si>
  <si>
    <t>chak 432 j.b multian gojra</t>
  </si>
  <si>
    <t>432 Jb</t>
  </si>
  <si>
    <t>Chak 438jb</t>
  </si>
  <si>
    <t>shama aftab</t>
  </si>
  <si>
    <t>17417</t>
  </si>
  <si>
    <t>GGPS SHAIKHANA</t>
  </si>
  <si>
    <t>Sheikhana</t>
  </si>
  <si>
    <t>moza shiekhana 9 mile chiniot road jhang</t>
  </si>
  <si>
    <t>Shiekhana</t>
  </si>
  <si>
    <t>GES RARYALA BIRAM</t>
  </si>
  <si>
    <t>Raryala Beeram</t>
  </si>
  <si>
    <t>village raryala beeram po kot basira teh and distt jhelum</t>
  </si>
  <si>
    <t>GGPS CHAK 736 GB KALIRA</t>
  </si>
  <si>
    <t>Klera</t>
  </si>
  <si>
    <t>736gb</t>
  </si>
  <si>
    <t>GPS CHAK NO.57/TDA</t>
  </si>
  <si>
    <t>chak 57/tda tehsile &amp; district bhakkar</t>
  </si>
  <si>
    <t>Chak 57</t>
  </si>
  <si>
    <t>GMPS CHAK 732 GB</t>
  </si>
  <si>
    <t>Dhal De Bhani</t>
  </si>
  <si>
    <t>Chak No.  732 GB</t>
  </si>
  <si>
    <t>Chak No 732 GB</t>
  </si>
  <si>
    <t>57/4 Tukra</t>
  </si>
  <si>
    <t>Shakila Sarwar</t>
  </si>
  <si>
    <t>GPS BUHLARIAN</t>
  </si>
  <si>
    <t>BhularIan</t>
  </si>
  <si>
    <t>Village Bhularian, P/O: Ellahabad ,Chunian, Kasur</t>
  </si>
  <si>
    <t>GGPS KANJOOR</t>
  </si>
  <si>
    <t>Kanjoor</t>
  </si>
  <si>
    <t>teh dist attock mari kanjoor</t>
  </si>
  <si>
    <t>Kashmiran Jan</t>
  </si>
  <si>
    <t>15272</t>
  </si>
  <si>
    <t>GGES CHAK 431 JB</t>
  </si>
  <si>
    <t>431jb</t>
  </si>
  <si>
    <t>GGE school 431jb omer pur</t>
  </si>
  <si>
    <t>431Omer Pur</t>
  </si>
  <si>
    <t>GGPS KALAIRA</t>
  </si>
  <si>
    <t>Kalaira</t>
  </si>
  <si>
    <t>mouza kalaira p/o same</t>
  </si>
  <si>
    <t>kalaira</t>
  </si>
  <si>
    <t>Nadia Tahira</t>
  </si>
  <si>
    <t>GPS MANIAN WALA</t>
  </si>
  <si>
    <t>G.P.S.Mannianwala</t>
  </si>
  <si>
    <t>Mannianwala</t>
  </si>
  <si>
    <t>GGES 35/12-L</t>
  </si>
  <si>
    <t>35/12L</t>
  </si>
  <si>
    <t>Tahira Khatoon</t>
  </si>
  <si>
    <t>GGPS BATIAN WALA, ABDUL HAKIM</t>
  </si>
  <si>
    <t>batianwala abdulhakim</t>
  </si>
  <si>
    <t>Shahadat Kandlah</t>
  </si>
  <si>
    <t>Shazia Nasim</t>
  </si>
  <si>
    <t>GGPS DHAIR</t>
  </si>
  <si>
    <t>DHAIR VILLAGE ATTOCK city</t>
  </si>
  <si>
    <t>Dhair VILLAGE</t>
  </si>
  <si>
    <t>Azra Ambreen</t>
  </si>
  <si>
    <t>GGES CHAK 715 GB</t>
  </si>
  <si>
    <t>chak 715 g.b kamslia</t>
  </si>
  <si>
    <t>Chak 715 Gb</t>
  </si>
  <si>
    <t>GMPS DHUNU WALA</t>
  </si>
  <si>
    <t>Dhunu Wala</t>
  </si>
  <si>
    <t>mouza dhunu wala tesil and district jhang</t>
  </si>
  <si>
    <t>Aasia Bano</t>
  </si>
  <si>
    <t>GGPS SHAKH MADINA, ABDUL HAKIM</t>
  </si>
  <si>
    <t>Shakh Marina</t>
  </si>
  <si>
    <t>Shakhmadina</t>
  </si>
  <si>
    <t>GGPS CHAK NO.39 DB</t>
  </si>
  <si>
    <t>39db</t>
  </si>
  <si>
    <t>ggps39dB</t>
  </si>
  <si>
    <t>Bundial</t>
  </si>
  <si>
    <t>GMPS DAFFAR</t>
  </si>
  <si>
    <t>GMPS  DAFFAR</t>
  </si>
  <si>
    <t>GPS AURA SYEDAN</t>
  </si>
  <si>
    <t>Aura Syedan tehsil Noorpur distt khushab</t>
  </si>
  <si>
    <t>Aura Syedan</t>
  </si>
  <si>
    <t>32687</t>
  </si>
  <si>
    <t>GES CHAK NO.15/67</t>
  </si>
  <si>
    <t>Chak no 15/67</t>
  </si>
  <si>
    <t>Chak no 15/67 markz Syedwala teh&amp;dist nankana sahib</t>
  </si>
  <si>
    <t>Chak no 12/68</t>
  </si>
  <si>
    <t>Muhammad Nasir Nadeem</t>
  </si>
  <si>
    <t>GGPS ADDA PAHRIAN WALI</t>
  </si>
  <si>
    <t>Dera Warraichan</t>
  </si>
  <si>
    <t>adda pahrianwali</t>
  </si>
  <si>
    <t>Tanveer Abid</t>
  </si>
  <si>
    <t>GGES BHOLA CHAK 178/RB</t>
  </si>
  <si>
    <t>Bhola Chak</t>
  </si>
  <si>
    <t>govt girls elementary school bhola Chak no 178</t>
  </si>
  <si>
    <t>Bhola Chak No 178</t>
  </si>
  <si>
    <t>Nodha</t>
  </si>
  <si>
    <t>Samiya Amjad</t>
  </si>
  <si>
    <t>GGPS KALYAN PUR ZEREEN</t>
  </si>
  <si>
    <t>Kalyan Pur Zereen</t>
  </si>
  <si>
    <t>Kalyan Pur Zereen no</t>
  </si>
  <si>
    <t>Kalyan Pur Bala</t>
  </si>
  <si>
    <t>Shamim  Zahraa</t>
  </si>
  <si>
    <t>GGCMS JHANGRA</t>
  </si>
  <si>
    <t>Basti jhangra mauza ghulab shah union council Ali Daha</t>
  </si>
  <si>
    <t>GGPS CHAK 704/46 GB</t>
  </si>
  <si>
    <t>GGPS chak no 704/46GB</t>
  </si>
  <si>
    <t>Chak No 704/46 GB</t>
  </si>
  <si>
    <t>Chak No 694/36</t>
  </si>
  <si>
    <t>GPS JHOK BALOCHAN</t>
  </si>
  <si>
    <t>Jhoke Balochan</t>
  </si>
  <si>
    <t>Tehsil  Pattoki District Kasure. post office  Halla</t>
  </si>
  <si>
    <t>Jhoke  Balochan</t>
  </si>
  <si>
    <t>Uc Meghah</t>
  </si>
  <si>
    <t>GPS CHAK NO 9/4L</t>
  </si>
  <si>
    <t>chak no 9/4L okara</t>
  </si>
  <si>
    <t>Muhammad Hasan Akhtar</t>
  </si>
  <si>
    <t>GGES CHAK NO. 149-A/TDA</t>
  </si>
  <si>
    <t>Hoot wala</t>
  </si>
  <si>
    <t>149A Hoot wala</t>
  </si>
  <si>
    <t>Jaman shah shah</t>
  </si>
  <si>
    <t>Muzaffar Toheed</t>
  </si>
  <si>
    <t>GPS CHAK 686/27 GB</t>
  </si>
  <si>
    <t>686/27 GB</t>
  </si>
  <si>
    <t>chak no 686/27 GB tehsil pirmahal district TOBA tel singh</t>
  </si>
  <si>
    <t>686/27gb</t>
  </si>
  <si>
    <t>khurasheed abad</t>
  </si>
  <si>
    <t>Muhammad saleem</t>
  </si>
  <si>
    <t>Dk Sar</t>
  </si>
  <si>
    <t>p/o dk  laham  village dk sar teh pindi gheb  attok</t>
  </si>
  <si>
    <t>GGPS Dhok Ghazi</t>
  </si>
  <si>
    <t>Najma Naz</t>
  </si>
  <si>
    <t>GES BHANGALI DAIRY FARM</t>
  </si>
  <si>
    <t>Bangali Dairy</t>
  </si>
  <si>
    <t>Bangali dairy farm lahore cantt</t>
  </si>
  <si>
    <t>40974</t>
  </si>
  <si>
    <t>GMPS DOYIAN</t>
  </si>
  <si>
    <t>Doiyan</t>
  </si>
  <si>
    <t>Doiyan Kalan</t>
  </si>
  <si>
    <t>Tayyeba Mukhbetah Bukhari</t>
  </si>
  <si>
    <t>GGPS BHOTTO COLONY</t>
  </si>
  <si>
    <t>Koralla</t>
  </si>
  <si>
    <t>ghazala tabbsum</t>
  </si>
  <si>
    <t>GMPS CHAK 436 JB</t>
  </si>
  <si>
    <t>436jb</t>
  </si>
  <si>
    <t>438jb</t>
  </si>
  <si>
    <t>Hina Jabeen</t>
  </si>
  <si>
    <t>50909</t>
  </si>
  <si>
    <t>44524</t>
  </si>
  <si>
    <t>GGPS CHRISTIAN COLONY</t>
  </si>
  <si>
    <t>34 B/TDA</t>
  </si>
  <si>
    <t>GGPS Christian colony bhakkar</t>
  </si>
  <si>
    <t>Christians Colony</t>
  </si>
  <si>
    <t>GGES ATTIA MAMYAN</t>
  </si>
  <si>
    <t>Mamyan</t>
  </si>
  <si>
    <t>VPO Mamyan Teh. and District Jhelum</t>
  </si>
  <si>
    <t>Afshan Arshad</t>
  </si>
  <si>
    <t>46757</t>
  </si>
  <si>
    <t>GPS IBRAHIM KHEL PO TRAGH ISA KHEL MIANWALI</t>
  </si>
  <si>
    <t>Sharki</t>
  </si>
  <si>
    <t>Mohalla ibrahimkhel Trag</t>
  </si>
  <si>
    <t>faiz rasool shah</t>
  </si>
  <si>
    <t>39005</t>
  </si>
  <si>
    <t>GPS DHOK DHALLU</t>
  </si>
  <si>
    <t>gps dhok dhullu village dhok dhullu po jangle</t>
  </si>
  <si>
    <t>Dhok Dhullu</t>
  </si>
  <si>
    <t>Rabnawaz Khan</t>
  </si>
  <si>
    <t>GGPS PATRAKI</t>
  </si>
  <si>
    <t>gg p/s patraki</t>
  </si>
  <si>
    <t>Harsa Sheikh</t>
  </si>
  <si>
    <t>35459</t>
  </si>
  <si>
    <t>GGPS MAJI JAMLARA</t>
  </si>
  <si>
    <t>Jamlara</t>
  </si>
  <si>
    <t>ban mod majhi jamlara district vehari</t>
  </si>
  <si>
    <t>Maji Jamlara</t>
  </si>
  <si>
    <t>Hafiza Lubna Rauf</t>
  </si>
  <si>
    <t>39008</t>
  </si>
  <si>
    <t>GPS DHOK GANDA</t>
  </si>
  <si>
    <t>GB Primary School Dhoke Ganda</t>
  </si>
  <si>
    <t>Arfana Kalsoom</t>
  </si>
  <si>
    <t>GGPS MUHALLAH RAAN</t>
  </si>
  <si>
    <t>Dulle wala</t>
  </si>
  <si>
    <t>girls ps mohalla rawn dulle wala</t>
  </si>
  <si>
    <t>M C Dulle Wala</t>
  </si>
  <si>
    <t>44744</t>
  </si>
  <si>
    <t>GGPS CHAK NO.59/TDA</t>
  </si>
  <si>
    <t>CHAK NO.59/T.D.A KHANPUR DISTRICT BHAKKAR</t>
  </si>
  <si>
    <t>CHAK NO 59/TDA</t>
  </si>
  <si>
    <t>57 Tda</t>
  </si>
  <si>
    <t>ZUBADA PERVEEN</t>
  </si>
  <si>
    <t>GMPS NO. 3 P.D KHAN</t>
  </si>
  <si>
    <t>PDKhan</t>
  </si>
  <si>
    <t>govt model primary school no 3, pind Dadan Khan Mohallah peer mustafa Pind Dadan khan District Jhelum</t>
  </si>
  <si>
    <t>Tahira sultana</t>
  </si>
  <si>
    <t>GPS CHAK 520 GB</t>
  </si>
  <si>
    <t>CHAK NO  520GB GB</t>
  </si>
  <si>
    <t>CHAK NO 520 GB T T SINGH</t>
  </si>
  <si>
    <t>CHAK NO  520</t>
  </si>
  <si>
    <t>CHAK NO  521 GB</t>
  </si>
  <si>
    <t>Basharat Ali Anjum</t>
  </si>
  <si>
    <t>GMPS WARHI PANAH KHAIL</t>
  </si>
  <si>
    <t>Post office Rang pur</t>
  </si>
  <si>
    <t>near by school</t>
  </si>
  <si>
    <t>GES 111/7-R</t>
  </si>
  <si>
    <t>Chak #111/7-R</t>
  </si>
  <si>
    <t>Chak #111/7-r chichawatni, Sahiwal</t>
  </si>
  <si>
    <t>111/7-R</t>
  </si>
  <si>
    <t>GGPS BASTI HUSSAIN SHAH</t>
  </si>
  <si>
    <t>Wandr Garbi</t>
  </si>
  <si>
    <t>Chowk  Sarwar Shaheed</t>
  </si>
  <si>
    <t>Basti hussan Shah</t>
  </si>
  <si>
    <t>Wandr</t>
  </si>
  <si>
    <t>GGES CHAK NO.85/ML</t>
  </si>
  <si>
    <t>GES Chak no 85/mL</t>
  </si>
  <si>
    <t>chak no 85/ML</t>
  </si>
  <si>
    <t>Venus tufail</t>
  </si>
  <si>
    <t>10264</t>
  </si>
  <si>
    <t>GMPS BASTI JHALARIAN</t>
  </si>
  <si>
    <t>BASTI JHALAREEN, TEHSIL KAROR LAL EASON DISTRICT LAYYAH</t>
  </si>
  <si>
    <t>BASTI JHALAREEN</t>
  </si>
  <si>
    <t>rukhsana bano</t>
  </si>
  <si>
    <t>51146</t>
  </si>
  <si>
    <t>GGES 53/5-L</t>
  </si>
  <si>
    <t>53/5 L</t>
  </si>
  <si>
    <t>Chak # 53/5 L dist Swl</t>
  </si>
  <si>
    <t>56/5 L</t>
  </si>
  <si>
    <t>Arifa Sadiqa</t>
  </si>
  <si>
    <t>GGPS CHAK NO 80 TDA</t>
  </si>
  <si>
    <t>80/TDA</t>
  </si>
  <si>
    <t>CHAK NO. 80/TDA, TEHSIL KAROR LAL EASON DISTRICT LAYYAH</t>
  </si>
  <si>
    <t>fazilat behum</t>
  </si>
  <si>
    <t>GGPS CHAK NO 214/9-R</t>
  </si>
  <si>
    <t>Chak No 214/9r</t>
  </si>
  <si>
    <t>chak no 214 / 9R tensile fort abbas district BWN</t>
  </si>
  <si>
    <t>Chak No214/ 9r</t>
  </si>
  <si>
    <t>Chak No213 / 9r</t>
  </si>
  <si>
    <t>GGPS CHAK NO 287 HR</t>
  </si>
  <si>
    <t>287/HR</t>
  </si>
  <si>
    <t>Chak No 287/HR</t>
  </si>
  <si>
    <t>289 Mir Garh</t>
  </si>
  <si>
    <t>Sobia Maher</t>
  </si>
  <si>
    <t>GGPS 56/4-R</t>
  </si>
  <si>
    <t>56/4r</t>
  </si>
  <si>
    <t>ggps 56/4r</t>
  </si>
  <si>
    <t>Nazia Amin</t>
  </si>
  <si>
    <t>GGPS CHAK 60 JB II AISA NAGRY</t>
  </si>
  <si>
    <t>60jb ll</t>
  </si>
  <si>
    <t>60jb-II,Aisa Nagri,Fsd.</t>
  </si>
  <si>
    <t>60jb-II Aisa Nagri</t>
  </si>
  <si>
    <t>Chaladay Wali</t>
  </si>
  <si>
    <t>Shamaila Murid</t>
  </si>
  <si>
    <t>GGPS MC NO.8 JAHAZ GROUND SAHIWAL</t>
  </si>
  <si>
    <t>GGPS MC NO 8</t>
  </si>
  <si>
    <t>Gahaz Ground</t>
  </si>
  <si>
    <t>Jahaz Grond</t>
  </si>
  <si>
    <t>bushra jabeen</t>
  </si>
  <si>
    <t>35382</t>
  </si>
  <si>
    <t>16259</t>
  </si>
  <si>
    <t>GGHSS CHAK 57 JB FSD</t>
  </si>
  <si>
    <t>CHAK NO 57 JB FSD</t>
  </si>
  <si>
    <t>CHAK NO 57 JB  GHAYALA KALAN FSD</t>
  </si>
  <si>
    <t>CHAK NO 57 JB GHAYALA KALAN</t>
  </si>
  <si>
    <t>MRS KHALIDA PERVEEN</t>
  </si>
  <si>
    <t>25018</t>
  </si>
  <si>
    <t>GGPS PINDI KHOKHAR</t>
  </si>
  <si>
    <t>Pindi Khokharan</t>
  </si>
  <si>
    <t>p.o kotli loharan west sialkot</t>
  </si>
  <si>
    <t>Pindi Khokhara</t>
  </si>
  <si>
    <t>Mogar</t>
  </si>
  <si>
    <t>Sidra Taskin</t>
  </si>
  <si>
    <t>GGPS CHITTA</t>
  </si>
  <si>
    <t>Chitta</t>
  </si>
  <si>
    <t>village and p/o Chitta tehsil noushera district khushab</t>
  </si>
  <si>
    <t>Nadia Yaqoob</t>
  </si>
  <si>
    <t>GPS JUGGIAN BAJA NAGAR</t>
  </si>
  <si>
    <t>26Km near bata factory Multan Road Lahore</t>
  </si>
  <si>
    <t>Ali Hussain Abad</t>
  </si>
  <si>
    <t>GGES CHAK 153 GB</t>
  </si>
  <si>
    <t>Chak No 153 Gb</t>
  </si>
  <si>
    <t>Chak no 153 gb</t>
  </si>
  <si>
    <t>Chak No 153 GB</t>
  </si>
  <si>
    <t>Chak No 151 Gb</t>
  </si>
  <si>
    <t>Robina Kahanam</t>
  </si>
  <si>
    <t>GGPS MALKANA MORE</t>
  </si>
  <si>
    <t>GGps malkana more tehsil 18 hzari district jhang</t>
  </si>
  <si>
    <t>Malkana More</t>
  </si>
  <si>
    <t>47967</t>
  </si>
  <si>
    <t>GGPS BAGIAN WALA</t>
  </si>
  <si>
    <t>bigianawala tehsil piplan district mianwali</t>
  </si>
  <si>
    <t>Bagianwala</t>
  </si>
  <si>
    <t>Chak Aziz Abad</t>
  </si>
  <si>
    <t>GGES MUSA WALI</t>
  </si>
  <si>
    <t>musawali</t>
  </si>
  <si>
    <t>Tibahmeherbanshah</t>
  </si>
  <si>
    <t>Fariha Naz</t>
  </si>
  <si>
    <t>GES DABURJI CHANDA SINGH</t>
  </si>
  <si>
    <t>Doburji Chanda Singh</t>
  </si>
  <si>
    <t>Doburji chanda singh Teh sambrial Distt Sialkot</t>
  </si>
  <si>
    <t>GPS BASTI KANAIRA P/O THATH GHALWAN</t>
  </si>
  <si>
    <t>That Ghalwan</t>
  </si>
  <si>
    <t>Basti Talai Wala moza thath ghalwan tehsil Shujabad p/o Matotli</t>
  </si>
  <si>
    <t>GPS CHAK NO 34 SB</t>
  </si>
  <si>
    <t>Chak No34 SB</t>
  </si>
  <si>
    <t>Chak No. 34 SB Sargodha</t>
  </si>
  <si>
    <t>Irfan Victor</t>
  </si>
  <si>
    <t>29802</t>
  </si>
  <si>
    <t>GPS THATHA BATH KHURD</t>
  </si>
  <si>
    <t>Rathe</t>
  </si>
  <si>
    <t>bath khurd</t>
  </si>
  <si>
    <t>Tariq Nazir</t>
  </si>
  <si>
    <t>28361</t>
  </si>
  <si>
    <t>GMPS THATTA NAIKE</t>
  </si>
  <si>
    <t>Thatha Naik</t>
  </si>
  <si>
    <t>P.o thatha alia village thatha naik thesil phalia district m.bdin</t>
  </si>
  <si>
    <t>Kiran Idrees</t>
  </si>
  <si>
    <t>9247</t>
  </si>
  <si>
    <t>33451</t>
  </si>
  <si>
    <t>GGPS PATHAN CHAK 51 RB</t>
  </si>
  <si>
    <t>g g p s pathan chak #51</t>
  </si>
  <si>
    <t>Kariwara</t>
  </si>
  <si>
    <t>Iqra Tabassum</t>
  </si>
  <si>
    <t>GES SARDAR KALAT</t>
  </si>
  <si>
    <t>Sardar kalat barthi trible area distt dgkhan</t>
  </si>
  <si>
    <t>Sardar Kalat</t>
  </si>
  <si>
    <t>GPS CHAK NO. 36 MB</t>
  </si>
  <si>
    <t>Chak No 36 Mb</t>
  </si>
  <si>
    <t>chak no 36mb</t>
  </si>
  <si>
    <t>GPS CHAK NO 483 JB NORTH</t>
  </si>
  <si>
    <t>Chak No 483 Jb</t>
  </si>
  <si>
    <t>chak no 483 jb Teh. Shorkot distance jhang</t>
  </si>
  <si>
    <t>Chak No 483</t>
  </si>
  <si>
    <t>45217</t>
  </si>
  <si>
    <t>GES JANJOON SHARIF</t>
  </si>
  <si>
    <t>Janjoon  sharif tehsil mankera bhakkar</t>
  </si>
  <si>
    <t>Janjoon  Sharif</t>
  </si>
  <si>
    <t>GGPS WINOTI WALA</t>
  </si>
  <si>
    <t>winoti wala moza peer wala tehsil shorkot district jhang</t>
  </si>
  <si>
    <t>Winoti Wala</t>
  </si>
  <si>
    <t>SHAHNAZ BEGUM</t>
  </si>
  <si>
    <t>GPS ATTOCK FORT</t>
  </si>
  <si>
    <t>Attock Fort</t>
  </si>
  <si>
    <t>near attock fort</t>
  </si>
  <si>
    <t>GGPS 16/8-R NO.1 TULAMBA</t>
  </si>
  <si>
    <t>63/8-R</t>
  </si>
  <si>
    <t>GGPS 16/8R No 1   Tulamba tehsil  Mian Channu  khanewal</t>
  </si>
  <si>
    <t>16/8-R</t>
  </si>
  <si>
    <t>GGPS 67/4-R ABADI GHULAM RASOOL</t>
  </si>
  <si>
    <t>Chak no 67/4r abadi ghulam rasool</t>
  </si>
  <si>
    <t>67/4r Abadi Ghulam Rasool</t>
  </si>
  <si>
    <t>GGPS AYUB ARAIN</t>
  </si>
  <si>
    <t>Ajab  Arain</t>
  </si>
  <si>
    <t>Tehsil &amp; District M Garh. Basti Ayoub Arain. post office Baseera</t>
  </si>
  <si>
    <t>Basti Ayoub Arain</t>
  </si>
  <si>
    <t>Binish Noreen</t>
  </si>
  <si>
    <t>GPS CHAK NO. 558/TDA</t>
  </si>
  <si>
    <t>Chak No 558</t>
  </si>
  <si>
    <t>chak no 558 tda</t>
  </si>
  <si>
    <t>Chak No 558 Tda</t>
  </si>
  <si>
    <t>GES BUN DHOLA</t>
  </si>
  <si>
    <t>Bun Dahola</t>
  </si>
  <si>
    <t>Basti bun dahola</t>
  </si>
  <si>
    <t>Fazala Kachh</t>
  </si>
  <si>
    <t>GGES KARWAL</t>
  </si>
  <si>
    <t>karwal</t>
  </si>
  <si>
    <t>Jlala Shreef</t>
  </si>
  <si>
    <t>FATIMA HAYAT</t>
  </si>
  <si>
    <t>GGCMES HAIDER ABAD</t>
  </si>
  <si>
    <t>moh muhajaar wala haiderabad thall Tehsile mankera district bhakkar</t>
  </si>
  <si>
    <t>GGPS WIRSALKAY</t>
  </si>
  <si>
    <t>Teh pasrur Dist sialkot P/O phlora &amp; village wersalkay</t>
  </si>
  <si>
    <t>Rizwana Zafar</t>
  </si>
  <si>
    <t>19568</t>
  </si>
  <si>
    <t>GPS BATARAY</t>
  </si>
  <si>
    <t>Batery</t>
  </si>
  <si>
    <t>Ali pur road battaray hfd</t>
  </si>
  <si>
    <t>Battaray</t>
  </si>
  <si>
    <t>Hafiz Bilal Haider</t>
  </si>
  <si>
    <t>33004</t>
  </si>
  <si>
    <t>GGPS CHAND PUR</t>
  </si>
  <si>
    <t>Chand Pur</t>
  </si>
  <si>
    <t>chand pur p/o morekhunda   nankana sahib</t>
  </si>
  <si>
    <t>Sleem Pur Paka</t>
  </si>
  <si>
    <t>GMPS MALIKPUR</t>
  </si>
  <si>
    <t>Village Malik Pur, P. O:Jalal Pur Sharif, Teh &amp; Distt: Jhelum</t>
  </si>
  <si>
    <t>GGPS MUSALIAN WALA NORTH II</t>
  </si>
  <si>
    <t>Maghiana</t>
  </si>
  <si>
    <t>ggps mustafa s.a.w campus near old biy pass</t>
  </si>
  <si>
    <t>Ismatzahra</t>
  </si>
  <si>
    <t>GGPS 91/10-R NASIR ABAD, KHANEWAL</t>
  </si>
  <si>
    <t>Chak No 91/10r Nasir Abad</t>
  </si>
  <si>
    <t>91/10 R nasir abad khanewal</t>
  </si>
  <si>
    <t>91/10 R Nasir Abad</t>
  </si>
  <si>
    <t>anila nurgiss</t>
  </si>
  <si>
    <t>GGPS ALAM ABAD NO.2</t>
  </si>
  <si>
    <t>alam Abad no.2 bhakkar</t>
  </si>
  <si>
    <t>Nishat Aslam</t>
  </si>
  <si>
    <t>45728</t>
  </si>
  <si>
    <t>GES CHAK NO 39 MB</t>
  </si>
  <si>
    <t>39 MB</t>
  </si>
  <si>
    <t>chak no 39 M B</t>
  </si>
  <si>
    <t>GMPS RAM PUR MAGHA, TULAMBA</t>
  </si>
  <si>
    <t>Ram Pur Magna</t>
  </si>
  <si>
    <t>ram pur magna misn channu khanewal</t>
  </si>
  <si>
    <t>Ram Pur Magha</t>
  </si>
  <si>
    <t>NooriSuhag</t>
  </si>
  <si>
    <t>Tahira Kouser</t>
  </si>
  <si>
    <t>GGPS DAGAR SHADA</t>
  </si>
  <si>
    <t>Dagarshada</t>
  </si>
  <si>
    <t>dagarshada</t>
  </si>
  <si>
    <t>Rukhsana parveen</t>
  </si>
  <si>
    <t>GPS 116 GB</t>
  </si>
  <si>
    <t>116GB</t>
  </si>
  <si>
    <t>GPS116GB</t>
  </si>
  <si>
    <t>GHS CHAK NO 96 RB FSD</t>
  </si>
  <si>
    <t>chak no 96 rb</t>
  </si>
  <si>
    <t>Chak No 96rb</t>
  </si>
  <si>
    <t>GPS CHAK NO 482 JB</t>
  </si>
  <si>
    <t>GGPS SATHIALI KHURD CHAK 25/RB</t>
  </si>
  <si>
    <t>Sathianli khurd</t>
  </si>
  <si>
    <t>sathiali khurd</t>
  </si>
  <si>
    <t>Sathiali Khurd</t>
  </si>
  <si>
    <t>fayyaz kausar</t>
  </si>
  <si>
    <t>GMPS MOHALLA ALAM SHER JOYIA</t>
  </si>
  <si>
    <t>GMPS MOHALLA ALAMSHER AINO</t>
  </si>
  <si>
    <t>Qumer un nisa</t>
  </si>
  <si>
    <t>GMPS DITTOWALI</t>
  </si>
  <si>
    <t>Dittowali</t>
  </si>
  <si>
    <t>village dittowali pobox channi gondal kulluwal tehsil sambrial district sialkot</t>
  </si>
  <si>
    <t>Samia Maqbool</t>
  </si>
  <si>
    <t>GGES MODEL CHAK 39 GB SATIANA</t>
  </si>
  <si>
    <t>39 GB Kator</t>
  </si>
  <si>
    <t>GGES 39GB SATIANA FSD</t>
  </si>
  <si>
    <t>Naghmi Tayyab</t>
  </si>
  <si>
    <t>53788</t>
  </si>
  <si>
    <t>GMPS 31/1-AL</t>
  </si>
  <si>
    <t>31/1AL</t>
  </si>
  <si>
    <t>25255</t>
  </si>
  <si>
    <t>46327</t>
  </si>
  <si>
    <t>GGPS CHAK NO. 53 DB</t>
  </si>
  <si>
    <t>Chak No 53DB</t>
  </si>
  <si>
    <t>village chak no 53DB p/o rangpur tehsil noor pur district khushab</t>
  </si>
  <si>
    <t>Mussrat Bibi</t>
  </si>
  <si>
    <t>24399</t>
  </si>
  <si>
    <t>GMPS KOUL PUR</t>
  </si>
  <si>
    <t>Koulpur</t>
  </si>
  <si>
    <t>koulpur</t>
  </si>
  <si>
    <t>FoziaAsif</t>
  </si>
  <si>
    <t>GPS CHAK 221 GB SAMUNDRI</t>
  </si>
  <si>
    <t>chak no 221gb</t>
  </si>
  <si>
    <t>221gb</t>
  </si>
  <si>
    <t>142gb</t>
  </si>
  <si>
    <t>Babar Taimoor</t>
  </si>
  <si>
    <t>GGPS NAWAN MANIKA KALAN</t>
  </si>
  <si>
    <t>Deewan Nager</t>
  </si>
  <si>
    <t>dewaan nagar nawan manika kaln p.o sukheki tehsil pindi bhattian dist hafizabad</t>
  </si>
  <si>
    <t>Nawan Manikakalan</t>
  </si>
  <si>
    <t>Laraib Ifthikhar</t>
  </si>
  <si>
    <t>GGPS DERA DAIM KA</t>
  </si>
  <si>
    <t>dera daimka</t>
  </si>
  <si>
    <t>mateela</t>
  </si>
  <si>
    <t>mustafa abad</t>
  </si>
  <si>
    <t>Iqra Nawaz</t>
  </si>
  <si>
    <t>15468</t>
  </si>
  <si>
    <t>GPS CHAK 48 GB II SAMUNDRI</t>
  </si>
  <si>
    <t>chak no 48 GB ll</t>
  </si>
  <si>
    <t>48Gb ll</t>
  </si>
  <si>
    <t>45 Gb</t>
  </si>
  <si>
    <t>GMPS CHOHDO BAHADARKE</t>
  </si>
  <si>
    <t>Chuhdo Bhadarke</t>
  </si>
  <si>
    <t>Chuhdo Bhadrake</t>
  </si>
  <si>
    <t>Bag Kona</t>
  </si>
  <si>
    <t>Ehsan Zahra</t>
  </si>
  <si>
    <t>GPS MASANDA VIRKAN</t>
  </si>
  <si>
    <t>Masanda Virkan</t>
  </si>
  <si>
    <t>vpo masanda virkan, tehsil nowshera virkan</t>
  </si>
  <si>
    <t>48585</t>
  </si>
  <si>
    <t>GGPS BEHAK LURKA</t>
  </si>
  <si>
    <t>Behak Ranjha</t>
  </si>
  <si>
    <t>Behak lurka kotmomin sargodha</t>
  </si>
  <si>
    <t>Ghullapur</t>
  </si>
  <si>
    <t>Aisha Saddiqa</t>
  </si>
  <si>
    <t>GPS 91/6R</t>
  </si>
  <si>
    <t>91/6-R</t>
  </si>
  <si>
    <t>Chack no. 91/6-R</t>
  </si>
  <si>
    <t>GMPS BUTTER DOGRAN</t>
  </si>
  <si>
    <t>Butter dogran</t>
  </si>
  <si>
    <t>Jassuran</t>
  </si>
  <si>
    <t>GGPS JIWANA BANGLA</t>
  </si>
  <si>
    <t>Chak Nmbar 44r</t>
  </si>
  <si>
    <t>chak nbar 4\4r jowana bangla</t>
  </si>
  <si>
    <t>Chak Nmbr 44r</t>
  </si>
  <si>
    <t>Sanobar Gul</t>
  </si>
  <si>
    <t>31692</t>
  </si>
  <si>
    <t>GPS JANUA</t>
  </si>
  <si>
    <t>JANUA</t>
  </si>
  <si>
    <t>village janua p /o box awan muslim tahseel muridkey dist. SKP</t>
  </si>
  <si>
    <t>KALAKHTAI</t>
  </si>
  <si>
    <t>45787</t>
  </si>
  <si>
    <t>GPS GHOSAR</t>
  </si>
  <si>
    <t>dokh gosar village and post office kufri tehsil naushera district khushab</t>
  </si>
  <si>
    <t>Dhok Gosar</t>
  </si>
  <si>
    <t>Muhammad Shehzad Mumtaz</t>
  </si>
  <si>
    <t>GMPS DOBURJI RAM CHAND</t>
  </si>
  <si>
    <t>Doburji Ram Chand</t>
  </si>
  <si>
    <t>village Doburji Ram Chand Pasrur</t>
  </si>
  <si>
    <t>41394</t>
  </si>
  <si>
    <t>GPS DANNA</t>
  </si>
  <si>
    <t>Danna Aliot. murree</t>
  </si>
  <si>
    <t>Muhammad Almas</t>
  </si>
  <si>
    <t>24373</t>
  </si>
  <si>
    <t>GGPS SABOKAY</t>
  </si>
  <si>
    <t>Sabokay</t>
  </si>
  <si>
    <t>sabokay</t>
  </si>
  <si>
    <t>Sidra Khalid</t>
  </si>
  <si>
    <t>GGPS CHAK NO.7/4-R</t>
  </si>
  <si>
    <t>Chak 7/4r</t>
  </si>
  <si>
    <t>chak 7/4r p/o rangpur teh/dist muzaffargarh</t>
  </si>
  <si>
    <t>Umbreen Kousar</t>
  </si>
  <si>
    <t>GGPS CHAK 291 JB GUMTALA</t>
  </si>
  <si>
    <t>chak 291 j.b</t>
  </si>
  <si>
    <t>291 JB</t>
  </si>
  <si>
    <t>Sadia Shafiq</t>
  </si>
  <si>
    <t>GGPS CHAK 416 GB TANDLIANWALA</t>
  </si>
  <si>
    <t>416 gB</t>
  </si>
  <si>
    <t>CHAK NO. 416 GB</t>
  </si>
  <si>
    <t>GGPS CHAK 43 GB SAMUNDRI</t>
  </si>
  <si>
    <t>chak no 43 gb</t>
  </si>
  <si>
    <t>Chak No 43 Gb</t>
  </si>
  <si>
    <t>GPS DACCA</t>
  </si>
  <si>
    <t>P/o Aliot teh. Murree  Distt. Rawal pindi</t>
  </si>
  <si>
    <t>Dacca</t>
  </si>
  <si>
    <t>Mirza Ishtiaq Baig</t>
  </si>
  <si>
    <t>basti Shah Muhammad lalani.dera dildar rojhan</t>
  </si>
  <si>
    <t>Basti Shah Muhammad lalani</t>
  </si>
  <si>
    <t>Hamad Khalil Pitafi</t>
  </si>
  <si>
    <t>45987</t>
  </si>
  <si>
    <t>GGPS KALIAL</t>
  </si>
  <si>
    <t>PO Khas Kalial Tehsil Naushera Distt Khushab</t>
  </si>
  <si>
    <t>Shazia Feroz</t>
  </si>
  <si>
    <t>GGES CHAK NO.66 SB</t>
  </si>
  <si>
    <t>66chak</t>
  </si>
  <si>
    <t>chak no 66sb</t>
  </si>
  <si>
    <t>66chakSB</t>
  </si>
  <si>
    <t>11chakSB</t>
  </si>
  <si>
    <t>Ghazala Kokab</t>
  </si>
  <si>
    <t>26763</t>
  </si>
  <si>
    <t>GPS MAHAL JALALPUR</t>
  </si>
  <si>
    <t>mahal jalal pur</t>
  </si>
  <si>
    <t>village MAHAL JALAL PUR P/O Zafarwal the.  Zafarwal Distt. Narowal</t>
  </si>
  <si>
    <t>mc zafarwal</t>
  </si>
  <si>
    <t>Mohammad Zaman Khan</t>
  </si>
  <si>
    <t>41375</t>
  </si>
  <si>
    <t>GPS BAJUTH</t>
  </si>
  <si>
    <t>post  officemohra syedaen tashail murree</t>
  </si>
  <si>
    <t>Bajuth</t>
  </si>
  <si>
    <t>SAJID HUSSAIN SHAH</t>
  </si>
  <si>
    <t>12633</t>
  </si>
  <si>
    <t>GPS NO. 1 JHAWARIAN</t>
  </si>
  <si>
    <t>Rab nawaz</t>
  </si>
  <si>
    <t>GES LANGIAN</t>
  </si>
  <si>
    <t>moza Langian p/o malik pur tehsil Shankar Gary district narowal</t>
  </si>
  <si>
    <t>GGPS NO 2 P.D KHAN</t>
  </si>
  <si>
    <t>mohallah kot kalan tehsil  pd khan district jhelum</t>
  </si>
  <si>
    <t>samina Mumtaz</t>
  </si>
  <si>
    <t>GMPS CHAK 477 JB I KASHMIRAN</t>
  </si>
  <si>
    <t>Kashmirian</t>
  </si>
  <si>
    <t>477 jb kashmirain</t>
  </si>
  <si>
    <t>477jb Kashmirian</t>
  </si>
  <si>
    <t>GPS LAR WALA SHUJA ABAD</t>
  </si>
  <si>
    <t>Luft pur</t>
  </si>
  <si>
    <t>CHAH LAR WALA MOUZA LUTF PUR, TEHSIL SHUJABAD, DISTRICT MULTAN</t>
  </si>
  <si>
    <t>LAR WALA</t>
  </si>
  <si>
    <t>GGES 58/5-L</t>
  </si>
  <si>
    <t>58/5L Sahiwal</t>
  </si>
  <si>
    <t>chak no. 58/5.l sahiwal</t>
  </si>
  <si>
    <t>58/5l Sahiwal</t>
  </si>
  <si>
    <t>Amna Anwar</t>
  </si>
  <si>
    <t>GPS KOT QUATAB</t>
  </si>
  <si>
    <t>Kot Qutub</t>
  </si>
  <si>
    <t>Kot Qutub post office Iqbalabad</t>
  </si>
  <si>
    <t>KOT QUTUB</t>
  </si>
  <si>
    <t>GGPS SARAY KHOLA</t>
  </si>
  <si>
    <t>Saray Khola</t>
  </si>
  <si>
    <t>Saray khola taxila</t>
  </si>
  <si>
    <t>28483</t>
  </si>
  <si>
    <t>GGES CHAK MITHA</t>
  </si>
  <si>
    <t>Chak Mitha</t>
  </si>
  <si>
    <t>village and Post office chak mitha teh.pahlia Dis.M.B.Din</t>
  </si>
  <si>
    <t>GGES PIND</t>
  </si>
  <si>
    <t>vpo pind Teh pindighab attock</t>
  </si>
  <si>
    <t>Ahmidal</t>
  </si>
  <si>
    <t>Mehnaz Ruhi</t>
  </si>
  <si>
    <t>GPS HAJI LAL BUX</t>
  </si>
  <si>
    <t>Meral wasa</t>
  </si>
  <si>
    <t>Lal Bux</t>
  </si>
  <si>
    <t>17644</t>
  </si>
  <si>
    <t>GMPS BASTI JANDIAN WALI</t>
  </si>
  <si>
    <t>Turk</t>
  </si>
  <si>
    <t>Primary school basi jandian wali</t>
  </si>
  <si>
    <t>Jandian Wali</t>
  </si>
  <si>
    <t>GPS AUSIA</t>
  </si>
  <si>
    <t>Ausia murree</t>
  </si>
  <si>
    <t>GPS CHAK NO. 8 RH</t>
  </si>
  <si>
    <t>Gps 8/Rh</t>
  </si>
  <si>
    <t>8Rh</t>
  </si>
  <si>
    <t>Mahmood Ijaz</t>
  </si>
  <si>
    <t>GGPS MAMKAN WALA</t>
  </si>
  <si>
    <t>Mamkanwala</t>
  </si>
  <si>
    <t>GGPS Mamkanwala</t>
  </si>
  <si>
    <t>Gulnaz  Akhtar</t>
  </si>
  <si>
    <t>GES MOHIB ALI</t>
  </si>
  <si>
    <t>basti mohib ali kotmithan</t>
  </si>
  <si>
    <t>Mohib ali</t>
  </si>
  <si>
    <t>MC Kotmithan</t>
  </si>
  <si>
    <t>Ghaus Bakhsh</t>
  </si>
  <si>
    <t>GGES UPPI</t>
  </si>
  <si>
    <t>uppi rawana</t>
  </si>
  <si>
    <t>Chak#19</t>
  </si>
  <si>
    <t>Mukhtar Akhtar</t>
  </si>
  <si>
    <t>GES DHAB SUCHA SINGH</t>
  </si>
  <si>
    <t>Hafiz Muhammad Muzamil Paracha</t>
  </si>
  <si>
    <t>GGPS KANJUAN WALA NO. 2</t>
  </si>
  <si>
    <t>NoorUllah</t>
  </si>
  <si>
    <t>Kanjuan Wala no. 2</t>
  </si>
  <si>
    <t>Kanjuan Wala</t>
  </si>
  <si>
    <t>Shehnaz Bukhari</t>
  </si>
  <si>
    <t>GPS LUDA MAHNI</t>
  </si>
  <si>
    <t>Luda mahni tehsil SHORKOT.</t>
  </si>
  <si>
    <t>Muhammad Akhtar Khan</t>
  </si>
  <si>
    <t>GGPS MASOO SHAH</t>
  </si>
  <si>
    <t>Kotla LAL Shah</t>
  </si>
  <si>
    <t>basti musso Shah tahsil jatoi district muzaffargarh</t>
  </si>
  <si>
    <t>Musso Shah</t>
  </si>
  <si>
    <t>Zeb Ilahi</t>
  </si>
  <si>
    <t>45521</t>
  </si>
  <si>
    <t>GGPS CHAH ALLAH WASAIA</t>
  </si>
  <si>
    <t>goda</t>
  </si>
  <si>
    <t>ggps chah allah wasaya</t>
  </si>
  <si>
    <t>basti awan wala</t>
  </si>
  <si>
    <t>baranga</t>
  </si>
  <si>
    <t>GMPS ZUBAIR ABAD</t>
  </si>
  <si>
    <t>bsti zubair abad</t>
  </si>
  <si>
    <t>Zubair Abad</t>
  </si>
  <si>
    <t>Bushra Qureshi</t>
  </si>
  <si>
    <t>GES CHAKKI</t>
  </si>
  <si>
    <t>ges chakki tehsil pindigheb district attock</t>
  </si>
  <si>
    <t>GPS KOT DARAN</t>
  </si>
  <si>
    <t>kot daran</t>
  </si>
  <si>
    <t>39402</t>
  </si>
  <si>
    <t>GGPS DHOK PAHAR PINDI GHEB</t>
  </si>
  <si>
    <t>pindigheb</t>
  </si>
  <si>
    <t>ggps dhokpahar mohalla haji ghulab khan pindigheb</t>
  </si>
  <si>
    <t>TMA pindigheb</t>
  </si>
  <si>
    <t>GPS KUTTI</t>
  </si>
  <si>
    <t>Kutti</t>
  </si>
  <si>
    <t>kutti</t>
  </si>
  <si>
    <t>Sarai Noshera</t>
  </si>
  <si>
    <t>39449</t>
  </si>
  <si>
    <t>GGPS Fatima Jinnah Pindi Gheb near Purani chouki police</t>
  </si>
  <si>
    <t>Afsheen Ansar</t>
  </si>
  <si>
    <t>GMPS SHAH BAHLOL</t>
  </si>
  <si>
    <t>Shahbehlol</t>
  </si>
  <si>
    <t>village shahbehlol</t>
  </si>
  <si>
    <t>Thatha Kreemdad</t>
  </si>
  <si>
    <t>GGPS CM NOSHERA KAKAY ZIAN</t>
  </si>
  <si>
    <t>nowshera kakay zaiyan</t>
  </si>
  <si>
    <t>village noshehra kakkay zian tehsil pasrur</t>
  </si>
  <si>
    <t>noshehra kaky zian</t>
  </si>
  <si>
    <t>talwandi inayat khan</t>
  </si>
  <si>
    <t>Amira Anwar</t>
  </si>
  <si>
    <t>Kooria</t>
  </si>
  <si>
    <t>Chah Gullay Bhatti Wala</t>
  </si>
  <si>
    <t>GGPS BAJJAR</t>
  </si>
  <si>
    <t>Bajjar</t>
  </si>
  <si>
    <t>bajjar post office pormiana</t>
  </si>
  <si>
    <t>GPS CHAK NO.51 NB</t>
  </si>
  <si>
    <t>Chak No 51 NB</t>
  </si>
  <si>
    <t>Masood Ahmad Gondal</t>
  </si>
  <si>
    <t>33875</t>
  </si>
  <si>
    <t>GGPS MC AHMED ABAD</t>
  </si>
  <si>
    <t>near mumtazaabad flyover muhala ahmad abad</t>
  </si>
  <si>
    <t>Ittafaq Pura</t>
  </si>
  <si>
    <t>Maghyana</t>
  </si>
  <si>
    <t>GES NANDRAK ABAD</t>
  </si>
  <si>
    <t>GBES NANDRAK ABAD, V.P.O NANDRAK ABAD, TEHSIL JAND, DISTRICT ATTOCK.</t>
  </si>
  <si>
    <t>NANDRAK ABAD</t>
  </si>
  <si>
    <t>GGES BAGGA</t>
  </si>
  <si>
    <t>village bagga p.o lehtrar teh. kotli sattian distt.rwp</t>
  </si>
  <si>
    <t>Shamsa Kiran</t>
  </si>
  <si>
    <t>muhammad shah</t>
  </si>
  <si>
    <t>Talat Hafeez</t>
  </si>
  <si>
    <t>GGPS KARULI GUJAR KHAN</t>
  </si>
  <si>
    <t>Karoli</t>
  </si>
  <si>
    <t>ward no 6 karoli tehsil gujar khan</t>
  </si>
  <si>
    <t>MC City Gujar Khan</t>
  </si>
  <si>
    <t>GMPS BIHARI COLONY</t>
  </si>
  <si>
    <t>Behari Colony  bkr</t>
  </si>
  <si>
    <t>Shamim akhtar</t>
  </si>
  <si>
    <t>Chah Mochi wala Mouza Saday wahin P/o Basti Drigh Tehsil &amp; District  Muzaffar Garh</t>
  </si>
  <si>
    <t>11693</t>
  </si>
  <si>
    <t>GPS JANNU MUSTAQIL</t>
  </si>
  <si>
    <t>Junoo Mustaqil</t>
  </si>
  <si>
    <t>daira din pannah kot adu</t>
  </si>
  <si>
    <t>34964</t>
  </si>
  <si>
    <t>GGPS KOTLI AADIL</t>
  </si>
  <si>
    <t>kotli Adil</t>
  </si>
  <si>
    <t>kotli adil p/o meer kot Tehsel  jalal pur pir wala</t>
  </si>
  <si>
    <t>kotli adil</t>
  </si>
  <si>
    <t>GMPS AHMAD KHAN WALA</t>
  </si>
  <si>
    <t>Ahmad khan wala p/o rodi teh k.kot dist bhakkar</t>
  </si>
  <si>
    <t>Gulaman No 1</t>
  </si>
  <si>
    <t>GULNAZ AZIZ</t>
  </si>
  <si>
    <t>10337</t>
  </si>
  <si>
    <t>GGES CHAK NO.86 ML</t>
  </si>
  <si>
    <t>CHAK NO. 86/ML TEHSIL KAROR LAL EASON DISTRICT LAYYAH</t>
  </si>
  <si>
    <t>GPS 28 GB</t>
  </si>
  <si>
    <t>GPS 28 gb</t>
  </si>
  <si>
    <t>Chak28 Gb</t>
  </si>
  <si>
    <t>24gb</t>
  </si>
  <si>
    <t>FOZIA NASIM</t>
  </si>
  <si>
    <t>GPS NEW JANDOWAL</t>
  </si>
  <si>
    <t>New Janduwall</t>
  </si>
  <si>
    <t>new janduwall</t>
  </si>
  <si>
    <t>Kanduwall</t>
  </si>
  <si>
    <t>GGPS CHAK NO 184 TDA</t>
  </si>
  <si>
    <t>184tda</t>
  </si>
  <si>
    <t>Chak no 184 tda bhakkar</t>
  </si>
  <si>
    <t>GGPS LULAR</t>
  </si>
  <si>
    <t>lallar</t>
  </si>
  <si>
    <t>Village lallar tehsil daska district sialkot</t>
  </si>
  <si>
    <t>Malo mahay</t>
  </si>
  <si>
    <t>Anila Gill</t>
  </si>
  <si>
    <t>GGPS CHAK NO 86 TDA</t>
  </si>
  <si>
    <t>86/Tda</t>
  </si>
  <si>
    <t>CHAK NO. 86/TDA, TEHSIL KAROR LAL EASON DISTRICT LAYYAH</t>
  </si>
  <si>
    <t>86/tDA</t>
  </si>
  <si>
    <t>kashifa naz</t>
  </si>
  <si>
    <t>36882</t>
  </si>
  <si>
    <t>GGPS SARAI SIDHU GHARBI, SARAI SIDHU</t>
  </si>
  <si>
    <t>GGPS SARAI SIDHU GHARBI</t>
  </si>
  <si>
    <t>GGES SHEINH WALA</t>
  </si>
  <si>
    <t>SHEINH WALA</t>
  </si>
  <si>
    <t>SHEINH WALA, MOZA SHEINH WALA, TEHSIL KAROR LAL EASON DISTRICT LAYYAH.</t>
  </si>
  <si>
    <t>Warasehran</t>
  </si>
  <si>
    <t>qummer qureshi</t>
  </si>
  <si>
    <t>GGES RATA BAJWA</t>
  </si>
  <si>
    <t>koreke</t>
  </si>
  <si>
    <t>30834</t>
  </si>
  <si>
    <t>GGPS BHALLOWAL</t>
  </si>
  <si>
    <t>Duffar</t>
  </si>
  <si>
    <t>saadia naureen</t>
  </si>
  <si>
    <t>GPS CHAK 738 GB WEST BAGHIWALA</t>
  </si>
  <si>
    <t>Chak 738</t>
  </si>
  <si>
    <t>chak no 738 GB west Baghiwala teh kamalia Distt Toba Tek singh</t>
  </si>
  <si>
    <t>Chak No 738 GB West Baghiwala</t>
  </si>
  <si>
    <t>GGPS KOTLI TARKHANI</t>
  </si>
  <si>
    <t>Kotli Tarkhani</t>
  </si>
  <si>
    <t>village kotli tarkhani p.o. chawinda tehsil pasrur district sialkot</t>
  </si>
  <si>
    <t>Sajida Amin</t>
  </si>
  <si>
    <t>GGPS DARBAR MOHAMMAD SIDDIQUE</t>
  </si>
  <si>
    <t>Darbar M Saddiq</t>
  </si>
  <si>
    <t>Darbar M. Saddiq Lalian District Chiniot</t>
  </si>
  <si>
    <t>Tanveer Rafee</t>
  </si>
  <si>
    <t>GGPS CHAK 270/JB  NORTH</t>
  </si>
  <si>
    <t>270 North</t>
  </si>
  <si>
    <t>Kausar Nasreen</t>
  </si>
  <si>
    <t>GGPS KOT ZAINDI</t>
  </si>
  <si>
    <t>Kot Zaindi</t>
  </si>
  <si>
    <t>zaindi p.o.box bahter tehsil fateh jang district attock</t>
  </si>
  <si>
    <t>Nousheen Akhter</t>
  </si>
  <si>
    <t>35598</t>
  </si>
  <si>
    <t>GPS DAIM WALA NO. 2 MULTAN</t>
  </si>
  <si>
    <t>Ayazabad</t>
  </si>
  <si>
    <t>chah dhodhy wala Qasba marral</t>
  </si>
  <si>
    <t>Chah Dhodhy wala</t>
  </si>
  <si>
    <t>9286</t>
  </si>
  <si>
    <t>GGPS NO. 7 TAUNSA SHARIF</t>
  </si>
  <si>
    <t>Taunsa North</t>
  </si>
  <si>
    <t>ggps No 7 near khosa  clinic mohala mochiyan wala</t>
  </si>
  <si>
    <t>kousar bashir</t>
  </si>
  <si>
    <t>GGPS DERA TALIB SHAH MUHAMMAD WALA</t>
  </si>
  <si>
    <t>GGPS Dera chah shah talib muhammad wala</t>
  </si>
  <si>
    <t>GGPS AHIR</t>
  </si>
  <si>
    <t>Village Aheer,p.o.missa kaswal,tehsil Gujar khan distt Rawalpindi</t>
  </si>
  <si>
    <t>Shawana Munir Malik</t>
  </si>
  <si>
    <t>Borehole</t>
  </si>
  <si>
    <t>GMPS CHAK 433 JB DEROKAY</t>
  </si>
  <si>
    <t>chak 433jb</t>
  </si>
  <si>
    <t>433jb</t>
  </si>
  <si>
    <t>GMPS YASMIN CANAL LODGE</t>
  </si>
  <si>
    <t>ESA Wala</t>
  </si>
  <si>
    <t>GGMPS yasmin Canal logde</t>
  </si>
  <si>
    <t>ESSA Wala</t>
  </si>
  <si>
    <t>GGPS KAMIANI NO1</t>
  </si>
  <si>
    <t>basti kamyani #1 gilmala</t>
  </si>
  <si>
    <t>Basti Kamyani #1</t>
  </si>
  <si>
    <t>45522</t>
  </si>
  <si>
    <t>GGPS JOIA MOZA GODA</t>
  </si>
  <si>
    <t>Joia moza goda</t>
  </si>
  <si>
    <t>Joia</t>
  </si>
  <si>
    <t>KOUSAR JAMIL</t>
  </si>
  <si>
    <t>GMPS HAMBOANA</t>
  </si>
  <si>
    <t>Moza hamboana tehsil lalian district chiniot</t>
  </si>
  <si>
    <t>GGPS BHAO GHASIT PUR</t>
  </si>
  <si>
    <t>Bhao ghaseet pur tehsil kharian district gujrat</t>
  </si>
  <si>
    <t>Habiba Khanam</t>
  </si>
  <si>
    <t>GGES AHMAD ABAD</t>
  </si>
  <si>
    <t>ggesahmedabad</t>
  </si>
  <si>
    <t>GGES 216/9-R</t>
  </si>
  <si>
    <t>216 /9 R</t>
  </si>
  <si>
    <t>chak no216 /9. r   FORT ABBS BAHAWAL  NAGAR</t>
  </si>
  <si>
    <t>216 /9r</t>
  </si>
  <si>
    <t>213/ 9r</t>
  </si>
  <si>
    <t>Samera Anwar</t>
  </si>
  <si>
    <t>GGES JABBOMAIL</t>
  </si>
  <si>
    <t>Jabbomail</t>
  </si>
  <si>
    <t>Muza Jabbomail p/o Rajajang kasur</t>
  </si>
  <si>
    <t>GPS MODEL KAMAL PUR MAYAN</t>
  </si>
  <si>
    <t>Kamal Pur Maiyan</t>
  </si>
  <si>
    <t>kamal pur maiyan</t>
  </si>
  <si>
    <t>ambreenshah</t>
  </si>
  <si>
    <t>GPS JAJANWALA</t>
  </si>
  <si>
    <t>Jajanwala</t>
  </si>
  <si>
    <t>p.o box nangal jumshaid village jajanwala teh &amp; distt narowal</t>
  </si>
  <si>
    <t>Muhammad Rashid Khan</t>
  </si>
  <si>
    <t>GGES BARKI BADHAL</t>
  </si>
  <si>
    <t>Barki Badhal</t>
  </si>
  <si>
    <t>Barki Badhal w.no 12</t>
  </si>
  <si>
    <t>ASIA TASLEEM KAUSAR</t>
  </si>
  <si>
    <t>GGPS AWANAN WALA SHUMALI</t>
  </si>
  <si>
    <t>Awana wali shumali</t>
  </si>
  <si>
    <t>Awana Wala Shumali</t>
  </si>
  <si>
    <t>Azra BiBi</t>
  </si>
  <si>
    <t>GGPS CHAK 269 GB JINNAH ABADI</t>
  </si>
  <si>
    <t>Chak no 269G B</t>
  </si>
  <si>
    <t>Chak no 269 Gb Jinnah Abadi tehsil,district toba tek Singh</t>
  </si>
  <si>
    <t>269 G B Jinnah Abadi</t>
  </si>
  <si>
    <t>Kot khitran</t>
  </si>
  <si>
    <t>Tahmina Sulaiman</t>
  </si>
  <si>
    <t>GGPS NO.2 GADAI</t>
  </si>
  <si>
    <t>Gaddi</t>
  </si>
  <si>
    <t>G.G.P.S no 2 Gaddai</t>
  </si>
  <si>
    <t>GMPS GODHLANWALI</t>
  </si>
  <si>
    <t>Gadhlanwali</t>
  </si>
  <si>
    <t>GMPS GADHLANWALI TEHSEEL LALIAN CHINIOT</t>
  </si>
  <si>
    <t>Lubna Liaquat</t>
  </si>
  <si>
    <t>GPS BASTI BHOON</t>
  </si>
  <si>
    <t>Moza Bhoon</t>
  </si>
  <si>
    <t>Kharal Nashaib</t>
  </si>
  <si>
    <t>EJAZ HUSSAIN</t>
  </si>
  <si>
    <t>44540</t>
  </si>
  <si>
    <t>GGPS BHILMANA DHOOL</t>
  </si>
  <si>
    <t>G GPS Bhilmana Dhool p / o notak uc mulan wali</t>
  </si>
  <si>
    <t>Bhilmana Dhool</t>
  </si>
  <si>
    <t>Mulan wali</t>
  </si>
  <si>
    <t>SHEZADHA MUHAMMAD ZEESHAN</t>
  </si>
  <si>
    <t>24117</t>
  </si>
  <si>
    <t>GGES GARAR BARYAR</t>
  </si>
  <si>
    <t>Garar baryar</t>
  </si>
  <si>
    <t>garar baryar p.o.kalaswala</t>
  </si>
  <si>
    <t>Anam Rani</t>
  </si>
  <si>
    <t>GPS RAFI ABAD</t>
  </si>
  <si>
    <t>Mancherian</t>
  </si>
  <si>
    <t>Moza Mancherian Tehsil Depalpur District Okara</t>
  </si>
  <si>
    <t>Rafiabad</t>
  </si>
  <si>
    <t>Shafqat Qadeer</t>
  </si>
  <si>
    <t>GGES CHAK 733 GB I</t>
  </si>
  <si>
    <t>JAKHAR-FEMALE</t>
  </si>
  <si>
    <t>Chak 733</t>
  </si>
  <si>
    <t>Chak no 733/1 GB KAMALIA</t>
  </si>
  <si>
    <t>Chak No 733/1 GB</t>
  </si>
  <si>
    <t>Chak No 57/4 Tukra</t>
  </si>
  <si>
    <t>Sidra Akram</t>
  </si>
  <si>
    <t>GGPS CHAK DAIDA</t>
  </si>
  <si>
    <t>Chak Daida</t>
  </si>
  <si>
    <t>Village Chak Deda, Tehsil and District Kasur.</t>
  </si>
  <si>
    <t>Afshan Kausar</t>
  </si>
  <si>
    <t>GGPS CHAK NO.75/TDA (IN 87/ML)</t>
  </si>
  <si>
    <t>87/ML</t>
  </si>
  <si>
    <t>87ML tehsil karor (Layyah)</t>
  </si>
  <si>
    <t>nasrin akhtar</t>
  </si>
  <si>
    <t>GGES SUHRAB KHURD</t>
  </si>
  <si>
    <t>Sohrab</t>
  </si>
  <si>
    <t>sohrab</t>
  </si>
  <si>
    <t>Sohrab Khurd</t>
  </si>
  <si>
    <t>Morrha</t>
  </si>
  <si>
    <t>GGPS 79-C TDA NEW</t>
  </si>
  <si>
    <t>GGPS 79-C TDA post office jharkil karor</t>
  </si>
  <si>
    <t>79-c TDA</t>
  </si>
  <si>
    <t>samtia</t>
  </si>
  <si>
    <t>sobia rasheed</t>
  </si>
  <si>
    <t>9054</t>
  </si>
  <si>
    <t>GPS RAJAY WALIA</t>
  </si>
  <si>
    <t>Rajay wali</t>
  </si>
  <si>
    <t>48934</t>
  </si>
  <si>
    <t>GGES MC ISTAQLAL ABAD SARGODHA</t>
  </si>
  <si>
    <t>Istaqlalabad Sargodha</t>
  </si>
  <si>
    <t>GPS HAMEED</t>
  </si>
  <si>
    <t>VILLAGE HAMEED  TEHSIL HAZRO DISTICT ATTOCK</t>
  </si>
  <si>
    <t>MUHAMMAD LIAQAT</t>
  </si>
  <si>
    <t>GGPS CHAH QAISER PULLI</t>
  </si>
  <si>
    <t>Kamal Thaheem</t>
  </si>
  <si>
    <t>GGPS  Chah Qaiser Pulli Jinah colony Jahan khan</t>
  </si>
  <si>
    <t>183/84 Tda</t>
  </si>
  <si>
    <t>36912</t>
  </si>
  <si>
    <t>GGPS BAQIR PUR NO.2 SARAI SIDHU</t>
  </si>
  <si>
    <t>Nazia Sultana</t>
  </si>
  <si>
    <t>GGPS TALWANDI INAYAT KHAN</t>
  </si>
  <si>
    <t>Talwandi Inyat Khan</t>
  </si>
  <si>
    <t>GMPS CHAK 711 GB</t>
  </si>
  <si>
    <t>Chak No 711 GB</t>
  </si>
  <si>
    <t>CHAK NO 711GB KAMALIA</t>
  </si>
  <si>
    <t>CHAK NO 711 GB</t>
  </si>
  <si>
    <t>CHAK NO 712 GN</t>
  </si>
  <si>
    <t>Ishrat Qamar</t>
  </si>
  <si>
    <t>GGPS SALAMAT PURA</t>
  </si>
  <si>
    <t>Kuriana</t>
  </si>
  <si>
    <t>10th mile chiniot road basti salamat pura</t>
  </si>
  <si>
    <t>Fouzia Qayyum</t>
  </si>
  <si>
    <t>44763</t>
  </si>
  <si>
    <t>GMPS CHAK NO. 195 TDA</t>
  </si>
  <si>
    <t>195 tda p/of khansar Bhakkar</t>
  </si>
  <si>
    <t>195 Tda</t>
  </si>
  <si>
    <t>24524</t>
  </si>
  <si>
    <t>GGPS DADU BAJWA</t>
  </si>
  <si>
    <t>Dadu bajwa</t>
  </si>
  <si>
    <t>Village Dadu bajwa  th pasrur</t>
  </si>
  <si>
    <t>Talwandi inayat</t>
  </si>
  <si>
    <t>GGES CHAPRAN WALA, NAWAN SHEHR</t>
  </si>
  <si>
    <t>chapranwala</t>
  </si>
  <si>
    <t>24517</t>
  </si>
  <si>
    <t>GGPS KAHLAN WALI</t>
  </si>
  <si>
    <t>KAHLAN WALI</t>
  </si>
  <si>
    <t>GGPS Kahlan wali.</t>
  </si>
  <si>
    <t>Seemab Jabeen</t>
  </si>
  <si>
    <t>49277</t>
  </si>
  <si>
    <t>GGES MC FACTORY AREA SARGODHA</t>
  </si>
  <si>
    <t>GGMCES factory area sgd</t>
  </si>
  <si>
    <t>GGES DANDI SARGANA, P/O SARDAR PUR, SARAI SIDHU</t>
  </si>
  <si>
    <t>Dhonay Wala</t>
  </si>
  <si>
    <t>moza dandi sargana</t>
  </si>
  <si>
    <t>Hasmat Merali</t>
  </si>
  <si>
    <t>GES CHAK 32 GB</t>
  </si>
  <si>
    <t>32 G B</t>
  </si>
  <si>
    <t>32 G. B Jaranwala</t>
  </si>
  <si>
    <t>GPS CHAK 739 GB GHULAM M.ABAD</t>
  </si>
  <si>
    <t>739 GB Ghulam Muhammad Abad Emissions code 33320177</t>
  </si>
  <si>
    <t>GGPS CHAK SHER SINGH</t>
  </si>
  <si>
    <t>GGPS chak sher singh</t>
  </si>
  <si>
    <t>Chak Sher Singh</t>
  </si>
  <si>
    <t>GGPS WACHOKAY</t>
  </si>
  <si>
    <t>Wachokay</t>
  </si>
  <si>
    <t>government girls primary school wachokay</t>
  </si>
  <si>
    <t>17929</t>
  </si>
  <si>
    <t>GGPS MADINA COLONY JHANG</t>
  </si>
  <si>
    <t>ggps madina colony</t>
  </si>
  <si>
    <t>Gulnaz Mushtaq</t>
  </si>
  <si>
    <t>52728</t>
  </si>
  <si>
    <t>GGES QADIR ABAD</t>
  </si>
  <si>
    <t>Qadir Abad teh.Depal pur distt Okara</t>
  </si>
  <si>
    <t>shahida pereen</t>
  </si>
  <si>
    <t>GGPS SAEED NIBBAY WALA</t>
  </si>
  <si>
    <t>saeed Nibbay wala</t>
  </si>
  <si>
    <t>Nibbay Wala</t>
  </si>
  <si>
    <t>184 Tda</t>
  </si>
  <si>
    <t>GMES QAZI PHARANG</t>
  </si>
  <si>
    <t>Qazi Paharang</t>
  </si>
  <si>
    <t>Govt model e/s Qazi paharang</t>
  </si>
  <si>
    <t>Talwandi Inayat   Khan</t>
  </si>
  <si>
    <t>GGPS 104/RB</t>
  </si>
  <si>
    <t>Pandianwala</t>
  </si>
  <si>
    <t>104/RB</t>
  </si>
  <si>
    <t>Kalgarh</t>
  </si>
  <si>
    <t>GGCMS JANDAN WALA</t>
  </si>
  <si>
    <t>p/o jandanwala  district  bhakkar  tehsil  kauri kot</t>
  </si>
  <si>
    <t>GGPS CHAK 439 JB</t>
  </si>
  <si>
    <t>chak 439jb Teh.Gojra dist.T.T.Singh</t>
  </si>
  <si>
    <t>439jb Virk</t>
  </si>
  <si>
    <t>438jb Bhawana</t>
  </si>
  <si>
    <t>Attiya Qayoom</t>
  </si>
  <si>
    <t>Government primary school kotmirza</t>
  </si>
  <si>
    <t>Abdul Satar</t>
  </si>
  <si>
    <t>GMMS HANJAN WAHI, P/O MANKOT, NAWAN SHEHR</t>
  </si>
  <si>
    <t>HANJAN WAHI</t>
  </si>
  <si>
    <t>mouza ehsan pur</t>
  </si>
  <si>
    <t>Hanjan Wahi</t>
  </si>
  <si>
    <t>Salarwahin Nau</t>
  </si>
  <si>
    <t>Shehla Gul</t>
  </si>
  <si>
    <t>44621</t>
  </si>
  <si>
    <t>GGES CHAK NO.62 -TDA</t>
  </si>
  <si>
    <t>73 Tda</t>
  </si>
  <si>
    <t>chak no 62 tda bhakkar</t>
  </si>
  <si>
    <t>62 Tda</t>
  </si>
  <si>
    <t>60 -61 ML</t>
  </si>
  <si>
    <t>Asma Tabassam</t>
  </si>
  <si>
    <t>GES HERSA SHEIKH</t>
  </si>
  <si>
    <t>Hersa Shiekh</t>
  </si>
  <si>
    <t>moza hersa Sheikh lhr road chiniot</t>
  </si>
  <si>
    <t>sarwar khan</t>
  </si>
  <si>
    <t>17754</t>
  </si>
  <si>
    <t>GGCMS CHAK NO. 174</t>
  </si>
  <si>
    <t>GGCMS chak 174</t>
  </si>
  <si>
    <t>Chak 174</t>
  </si>
  <si>
    <t>chak 175</t>
  </si>
  <si>
    <t>GGPS ABADI BAHADAR VIJHLANA</t>
  </si>
  <si>
    <t>chah lakhan wala</t>
  </si>
  <si>
    <t>GGPS PULL MUHAMMAD</t>
  </si>
  <si>
    <t>Dera Muhammad Ka</t>
  </si>
  <si>
    <t>Dera pull muhammad tahseel kotmomin district sargodha</t>
  </si>
  <si>
    <t>Pull Muhammad</t>
  </si>
  <si>
    <t>Rukhshna Perveen</t>
  </si>
  <si>
    <t>GGES CHAK 308 GB</t>
  </si>
  <si>
    <t>Chak No 333</t>
  </si>
  <si>
    <t>Rufhana Kalsoom</t>
  </si>
  <si>
    <t>GPS DHAKARI</t>
  </si>
  <si>
    <t>VPO Malhowali tehsil pindigheb district attock</t>
  </si>
  <si>
    <t>Dhakari</t>
  </si>
  <si>
    <t>GES GADI SOUTH</t>
  </si>
  <si>
    <t>25328</t>
  </si>
  <si>
    <t>GGES MC SHAHAB PURA</t>
  </si>
  <si>
    <t>Shahabpura</t>
  </si>
  <si>
    <t>Govt MC Girls Elementary School Shahabpura sialkot</t>
  </si>
  <si>
    <t>Shahbpura</t>
  </si>
  <si>
    <t>GGPS 131/9-L</t>
  </si>
  <si>
    <t>131/9L</t>
  </si>
  <si>
    <t>131/9Â£</t>
  </si>
  <si>
    <t>Asma Yousaf</t>
  </si>
  <si>
    <t>village tanween,p.o.mianwala</t>
  </si>
  <si>
    <t>GPS CHAK 40/2L</t>
  </si>
  <si>
    <t>chak no 40/2L okara</t>
  </si>
  <si>
    <t>27/4L Shahbhoor</t>
  </si>
  <si>
    <t>GGES KHAMBRAN WALA</t>
  </si>
  <si>
    <t>Khambranwala</t>
  </si>
  <si>
    <t>Sami Saiqa</t>
  </si>
  <si>
    <t>GPS MUBARAK PURA</t>
  </si>
  <si>
    <t>Mubarak Pura</t>
  </si>
  <si>
    <t>Mubarak pur sheikhupura road Muridke</t>
  </si>
  <si>
    <t>Mubarak Pura Muridke</t>
  </si>
  <si>
    <t>GGPS DARBAR AALIA</t>
  </si>
  <si>
    <t>Newal Ram</t>
  </si>
  <si>
    <t>Near railway station Darbar Aliya</t>
  </si>
  <si>
    <t>Darbar Aliya</t>
  </si>
  <si>
    <t>Behka Wala</t>
  </si>
  <si>
    <t>GES SANGRRAN WALA</t>
  </si>
  <si>
    <t>Sanegeran wala mouza patti balanda tehsil Mankera District Bhakkar</t>
  </si>
  <si>
    <t>Sanegerran Wala</t>
  </si>
  <si>
    <t>GGPS MC SHAREEF PURA</t>
  </si>
  <si>
    <t>t CHOWK usman PURA multan</t>
  </si>
  <si>
    <t>Usman Pura</t>
  </si>
  <si>
    <t>GMPS CHAK NO. 440 JB</t>
  </si>
  <si>
    <t>Chak#440</t>
  </si>
  <si>
    <t>chak#440</t>
  </si>
  <si>
    <t>Mubeshra Parveen</t>
  </si>
  <si>
    <t>GGPS KHICHIAN BHATIAN</t>
  </si>
  <si>
    <t>Khichian Bhattiyan</t>
  </si>
  <si>
    <t>Khichiyan Bhattiyan Pasrur</t>
  </si>
  <si>
    <t>Chak No599 Tda</t>
  </si>
  <si>
    <t>chak no.599 tda</t>
  </si>
  <si>
    <t>599 Tda</t>
  </si>
  <si>
    <t>Wandarr</t>
  </si>
  <si>
    <t>Sheeba Rasheed</t>
  </si>
  <si>
    <t>GGPS BEHLOOL</t>
  </si>
  <si>
    <t>Behlol Bahter</t>
  </si>
  <si>
    <t>Govt Girls Primary School Behlol</t>
  </si>
  <si>
    <t>GGPS CHAK NO 259 HEER DA AHATA</t>
  </si>
  <si>
    <t>chak259Heer DaHatta</t>
  </si>
  <si>
    <t>Heer Da Hatta</t>
  </si>
  <si>
    <t>GPS BURJ UMAR</t>
  </si>
  <si>
    <t>Burj Umar</t>
  </si>
  <si>
    <t>GGPS HERDO SAHARI</t>
  </si>
  <si>
    <t>herdo sahari otar</t>
  </si>
  <si>
    <t>Qaisara Parveen</t>
  </si>
  <si>
    <t>GGPS GAR</t>
  </si>
  <si>
    <t>p/O BHOI GAR VILLAGE GAR HASSANABDAL ATTOCK</t>
  </si>
  <si>
    <t>Mehnaz</t>
  </si>
  <si>
    <t>GGPS GHUKAL POST OFFICE GALOTIAN KALAN teh daska district sialkot</t>
  </si>
  <si>
    <t>Sumbal Aqsa</t>
  </si>
  <si>
    <t>hand pump + water pump</t>
  </si>
  <si>
    <t>GMPS  SHAREEN WALA</t>
  </si>
  <si>
    <t>shareen wala</t>
  </si>
  <si>
    <t>shareen wala jahania (khanewal)</t>
  </si>
  <si>
    <t>Ali sherwahin</t>
  </si>
  <si>
    <t>Shaista riaz</t>
  </si>
  <si>
    <t>GGPS BASTI AMEER BUX NO. 2</t>
  </si>
  <si>
    <t>Basti Ameer bux2 feroza</t>
  </si>
  <si>
    <t>Basti Kalo Khan Chak 70/A</t>
  </si>
  <si>
    <t>40115</t>
  </si>
  <si>
    <t>GPS JAGTA</t>
  </si>
  <si>
    <t>Jagta</t>
  </si>
  <si>
    <t>Village &amp; Post Office Jagta Jhelum</t>
  </si>
  <si>
    <t>GMES HAIBET PUR</t>
  </si>
  <si>
    <t>Haibetpur</t>
  </si>
  <si>
    <t>govt model elementary school haibetpur</t>
  </si>
  <si>
    <t>Tamsila Liaqat</t>
  </si>
  <si>
    <t>39147</t>
  </si>
  <si>
    <t>GGCMS KOT FATEH KHAN</t>
  </si>
  <si>
    <t>Kot fateh Khan</t>
  </si>
  <si>
    <t>ggcmskotfatehkhan</t>
  </si>
  <si>
    <t>Razia Shehnaz</t>
  </si>
  <si>
    <t>44493</t>
  </si>
  <si>
    <t>GPS RASEED PUR</t>
  </si>
  <si>
    <t>Raseed pur</t>
  </si>
  <si>
    <t>basti raseed pur p/o norang wali</t>
  </si>
  <si>
    <t>Nazar Mehdi</t>
  </si>
  <si>
    <t>24619</t>
  </si>
  <si>
    <t>GGPS SARVANEKAY</t>
  </si>
  <si>
    <t>Sarwanekey</t>
  </si>
  <si>
    <t>Po chobara village sarvanekay tehsil pasrur dist Sialkot</t>
  </si>
  <si>
    <t>Sarwanekay</t>
  </si>
  <si>
    <t>Sofia Iqbal</t>
  </si>
  <si>
    <t>19662</t>
  </si>
  <si>
    <t>GGPS CHAK 350 GB GAT WALA</t>
  </si>
  <si>
    <t>Gatt Wala</t>
  </si>
  <si>
    <t>Chak No 350 GB tehsil and district  T.T.Singh</t>
  </si>
  <si>
    <t>Najma Shaeen</t>
  </si>
  <si>
    <t>GGES CHAK 719 GB</t>
  </si>
  <si>
    <t>Chak No 719 GB</t>
  </si>
  <si>
    <t>Chak no 719 GB</t>
  </si>
  <si>
    <t>719 GB</t>
  </si>
  <si>
    <t>Darkhshanda Iqbal</t>
  </si>
  <si>
    <t>GGCMS JABBUANA</t>
  </si>
  <si>
    <t>moza jaboana</t>
  </si>
  <si>
    <t>Humaira Irshad</t>
  </si>
  <si>
    <t>35778</t>
  </si>
  <si>
    <t>46535</t>
  </si>
  <si>
    <t>GGPS CHAK NO.35 DB</t>
  </si>
  <si>
    <t>35db</t>
  </si>
  <si>
    <t>Ggps 35 db p/o 38 db quaidabad</t>
  </si>
  <si>
    <t>Shamim Abdul Latif</t>
  </si>
  <si>
    <t>GGPS DULMAN WALI</t>
  </si>
  <si>
    <t>vill-dulmanwali,p/0-chawinda,teh-pasrur,distt-sialkot</t>
  </si>
  <si>
    <t>Muqaddas Jabeen</t>
  </si>
  <si>
    <t>GGES SHORI MANIKA</t>
  </si>
  <si>
    <t>Shorimanika</t>
  </si>
  <si>
    <t>GGES Shorimanika</t>
  </si>
  <si>
    <t>Thatha Khero Matmal  Mathmal</t>
  </si>
  <si>
    <t>Farkhnda Kalsoom</t>
  </si>
  <si>
    <t>GPS MODEL GHURKI</t>
  </si>
  <si>
    <t>village ghurki lahore</t>
  </si>
  <si>
    <t>rabia qamar</t>
  </si>
  <si>
    <t>GGES 18-HAZARI</t>
  </si>
  <si>
    <t>Chokin Janpur</t>
  </si>
  <si>
    <t>chowk 18 hazari chokin janpur</t>
  </si>
  <si>
    <t>Rashda Perveen</t>
  </si>
  <si>
    <t>GMPS GARHI FATEH ULLAH NO. 2</t>
  </si>
  <si>
    <t>Garhi Fateh Ullah</t>
  </si>
  <si>
    <t>garhi fateh ullah</t>
  </si>
  <si>
    <t>GMPS LAWERAY</t>
  </si>
  <si>
    <t>laweray</t>
  </si>
  <si>
    <t>gmps laweray</t>
  </si>
  <si>
    <t>jodhala</t>
  </si>
  <si>
    <t>asifa shaheen</t>
  </si>
  <si>
    <t>GPS CHAK NO. 122/1-L</t>
  </si>
  <si>
    <t>GBPS Chak no 122 1.L</t>
  </si>
  <si>
    <t>122 1L</t>
  </si>
  <si>
    <t>GGPS CHAK NO.218-A/TDA</t>
  </si>
  <si>
    <t>Mojgarh</t>
  </si>
  <si>
    <t>Chak no.218a/tda  Fateh pur (Layah)</t>
  </si>
  <si>
    <t>Chak No 218a</t>
  </si>
  <si>
    <t>GGES HAIL BAJWAN</t>
  </si>
  <si>
    <t>village hail bajwan p/o phuklian tehsil and district sialkot</t>
  </si>
  <si>
    <t>Hail Bajwan</t>
  </si>
  <si>
    <t>Wadhgran</t>
  </si>
  <si>
    <t>GGPS HAVELI RAMIANA</t>
  </si>
  <si>
    <t>Havely Ramayana</t>
  </si>
  <si>
    <t>havali Ramayana p/o khas tehsil &amp; district kasur</t>
  </si>
  <si>
    <t>Ramyana</t>
  </si>
  <si>
    <t>Hardo Saharif</t>
  </si>
  <si>
    <t>GGPS CHAK 410 GB TANDLIANWALA</t>
  </si>
  <si>
    <t>chak no 410 gb</t>
  </si>
  <si>
    <t>chak no 410 gb tehsil tandlainwala</t>
  </si>
  <si>
    <t>kacha tandla</t>
  </si>
  <si>
    <t>GGPS DERA AMANULLA PAI KHEL</t>
  </si>
  <si>
    <t>moza mahota GGps Dera Aman ulhaa Pai khel</t>
  </si>
  <si>
    <t>Aman Ulhaa Pai Khel</t>
  </si>
  <si>
    <t>Imrana Sittar</t>
  </si>
  <si>
    <t>GES KOLIAN SHAH HUSSAIN</t>
  </si>
  <si>
    <t>Kolian Shah Hussain P.O. dinga</t>
  </si>
  <si>
    <t>Shahid Aslam</t>
  </si>
  <si>
    <t>53193</t>
  </si>
  <si>
    <t>GPS CHAK 39/GD</t>
  </si>
  <si>
    <t>39GD</t>
  </si>
  <si>
    <t>GPS 39GD</t>
  </si>
  <si>
    <t>GGPS MOZA PINDI EASSA LUNDIANWALA</t>
  </si>
  <si>
    <t>Pindi Eassa</t>
  </si>
  <si>
    <t>moza Pindi Eassa, jrw, Fsd.</t>
  </si>
  <si>
    <t>NA 102</t>
  </si>
  <si>
    <t>GPS KOTHAY NOOR MUHAMMAD</t>
  </si>
  <si>
    <t>kothay noor Muhammad 45/g.d</t>
  </si>
  <si>
    <t>Kothay Noor Muhamad 45/gd Muhammad 45 /gd</t>
  </si>
  <si>
    <t>45/gd</t>
  </si>
  <si>
    <t>GPS ABADI JANJUA</t>
  </si>
  <si>
    <t>abadi janjua</t>
  </si>
  <si>
    <t>Abadi Janjua</t>
  </si>
  <si>
    <t>Jamil Ahmad Khan</t>
  </si>
  <si>
    <t>GGES 378 GB</t>
  </si>
  <si>
    <t>378 gb hamad ka chak</t>
  </si>
  <si>
    <t>378gb</t>
  </si>
  <si>
    <t>RUKHSANA AKRAM</t>
  </si>
  <si>
    <t>GPS CHAK JEWAY KHAN</t>
  </si>
  <si>
    <t>chak jeway Khan okara</t>
  </si>
  <si>
    <t>Chak Jeway Khan</t>
  </si>
  <si>
    <t>GGPS KOTHAY 30/2-R</t>
  </si>
  <si>
    <t>30/2R kothay</t>
  </si>
  <si>
    <t>30/2R Kothay</t>
  </si>
  <si>
    <t>GGPS SAHARAN</t>
  </si>
  <si>
    <t>village saharan p/o saharan</t>
  </si>
  <si>
    <t>Samra Liaqat</t>
  </si>
  <si>
    <t>GGES 379 GB</t>
  </si>
  <si>
    <t>chak#379 gb budday ka chak post office 378 tehsil jaranwala district faisalabad</t>
  </si>
  <si>
    <t>Chak #379</t>
  </si>
  <si>
    <t>Chak# 378</t>
  </si>
  <si>
    <t>Nargis Bano Daughter Of Muhammad Ibrahim</t>
  </si>
  <si>
    <t>25779</t>
  </si>
  <si>
    <t>GGCMS KALA QADIR</t>
  </si>
  <si>
    <t>Kala Qader</t>
  </si>
  <si>
    <t>G.G.C.M School Kala Qader</t>
  </si>
  <si>
    <t>42105</t>
  </si>
  <si>
    <t>GGPS JHATLA HATIAL</t>
  </si>
  <si>
    <t>dhoke jhatla</t>
  </si>
  <si>
    <t>Jhatla Hatial</t>
  </si>
  <si>
    <t>Rehana Faizan</t>
  </si>
  <si>
    <t>35728</t>
  </si>
  <si>
    <t>53473</t>
  </si>
  <si>
    <t>GGES 46/3.R</t>
  </si>
  <si>
    <t>village 46/3R okara</t>
  </si>
  <si>
    <t>Huma Siddique</t>
  </si>
  <si>
    <t>GGES SOLEHRIAN</t>
  </si>
  <si>
    <t>Govt. Girls Elementary School, Solehrian</t>
  </si>
  <si>
    <t>Solehrian</t>
  </si>
  <si>
    <t>Chanderkey Rajputan</t>
  </si>
  <si>
    <t>Madiha Naqvi</t>
  </si>
  <si>
    <t>GGES WAZIR PUR</t>
  </si>
  <si>
    <t>Village Wazirpur Tehsil and District Narowal</t>
  </si>
  <si>
    <t>Sobia Salleh</t>
  </si>
  <si>
    <t>43840</t>
  </si>
  <si>
    <t>25777</t>
  </si>
  <si>
    <t>GGPS KHOSAR</t>
  </si>
  <si>
    <t>Khouser</t>
  </si>
  <si>
    <t>village khouser</t>
  </si>
  <si>
    <t>GGPS DHALA</t>
  </si>
  <si>
    <t>dhala</t>
  </si>
  <si>
    <t>Madoo Kahlawan</t>
  </si>
  <si>
    <t>Anam Shahzadi</t>
  </si>
  <si>
    <t>25774</t>
  </si>
  <si>
    <t>GGES MEYODATTA</t>
  </si>
  <si>
    <t>Govt.Girls.Elementary .School.Mayyodata.</t>
  </si>
  <si>
    <t>Thillay Kalawn</t>
  </si>
  <si>
    <t>25810</t>
  </si>
  <si>
    <t>GGPS NANGAL JAMSHAID</t>
  </si>
  <si>
    <t>Nangal jamshaid</t>
  </si>
  <si>
    <t>Thilley</t>
  </si>
  <si>
    <t>GPS KOTLA JUMAN SHAH</t>
  </si>
  <si>
    <t>Ø¨Ø³ØªÛŒ Ú©ÙˆÙ¹Ù„Û Ø¬Ù…Ù† Ø´Ø§ÛØŒ Ù…ÙˆØ¶Ø¹ Ù¾Ø§Ø¦ÛŒ Ø¢ÛÙ†ÛØŒ ØªØ­ØµÛŒÙ„ Ø®Ø§Ù†Ù¾ÙˆØ±ØŒ Ø¶Ù„Ø¹ Ø±Ø­ÛŒÙ… ÛŒØ§Ø± Ø®Ø§Ù†ØŒ Ù¾Ù†Ø¬Ø§Ø¨ØŒ Ù¾Ø§Ú©Ø³ØªØ§Ù†</t>
  </si>
  <si>
    <t>Kottla Juman Shah</t>
  </si>
  <si>
    <t>Master Muhammad Asghar Malik</t>
  </si>
  <si>
    <t>23904</t>
  </si>
  <si>
    <t>GGPSCM KOT BUKHRAN</t>
  </si>
  <si>
    <t>Kot Bhukran</t>
  </si>
  <si>
    <t>Ggscm kot bukhran</t>
  </si>
  <si>
    <t>Shakila Malik</t>
  </si>
  <si>
    <t>GMPS KOTLI FAREED</t>
  </si>
  <si>
    <t>Kotli Fareed</t>
  </si>
  <si>
    <t>kotli fareed p.o Beerh teh daska district sialkot</t>
  </si>
  <si>
    <t>GGPS SARI RAM PURA</t>
  </si>
  <si>
    <t>siri Ram pura</t>
  </si>
  <si>
    <t>Shebaz Pur</t>
  </si>
  <si>
    <t>GGCMS CHAK NAURAG</t>
  </si>
  <si>
    <t>chak naurang</t>
  </si>
  <si>
    <t>v.po chak naurang chakwal</t>
  </si>
  <si>
    <t>her chardhab</t>
  </si>
  <si>
    <t>Iffat naheed</t>
  </si>
  <si>
    <t>gifted water pump</t>
  </si>
  <si>
    <t>25579</t>
  </si>
  <si>
    <t>GGPS JUGGAT PUR</t>
  </si>
  <si>
    <t>Juggat Pur</t>
  </si>
  <si>
    <t>village juggat pur p.o box dhanawali</t>
  </si>
  <si>
    <t>Habiba Naureen</t>
  </si>
  <si>
    <t>GPS KANWAN WALI CHAK 166/RB</t>
  </si>
  <si>
    <t>KANWANWALI</t>
  </si>
  <si>
    <t>KANWANWALI CHAK NO.166/RB TEH: SHAHKOT DISTRICT NANKANA</t>
  </si>
  <si>
    <t>NODAH</t>
  </si>
  <si>
    <t>MIAN ANJUM LATIF</t>
  </si>
  <si>
    <t>14810</t>
  </si>
  <si>
    <t>GPS MODEL CHAK NO.7/BC</t>
  </si>
  <si>
    <t>Chak 7bc</t>
  </si>
  <si>
    <t>chak 7bc bahawalpur sadar</t>
  </si>
  <si>
    <t>Hafiza Bakhtawar</t>
  </si>
  <si>
    <t>GGMPS SHAKAR PUR</t>
  </si>
  <si>
    <t>Shakarpur</t>
  </si>
  <si>
    <t>GMPS Shakar pur v&amp;p/o Shakar pur Tehsil Pind Dadan Khan,District Jhelum</t>
  </si>
  <si>
    <t>Muneeba Kauser</t>
  </si>
  <si>
    <t>44627</t>
  </si>
  <si>
    <t>GPS NALKA CHADRAN WALA</t>
  </si>
  <si>
    <t>Nalka chadhran wala p/O Litten  Tehsail Mankera DissticBhakkar</t>
  </si>
  <si>
    <t>Nalka Chadhran wala</t>
  </si>
  <si>
    <t>GES GANGOHAR</t>
  </si>
  <si>
    <t>GGPS BONGA TAJEKA</t>
  </si>
  <si>
    <t>Bonga Tajeka</t>
  </si>
  <si>
    <t>GGPS BongaTajeka</t>
  </si>
  <si>
    <t>BongaTajeka</t>
  </si>
  <si>
    <t>LalaAmerSingh</t>
  </si>
  <si>
    <t>GES MAIKAN</t>
  </si>
  <si>
    <t>GES Maiken</t>
  </si>
  <si>
    <t>Muhammad Ziyad</t>
  </si>
  <si>
    <t>GMPS AJJOWAL</t>
  </si>
  <si>
    <t>Ajjowal</t>
  </si>
  <si>
    <t>Muhammad Asghar zia</t>
  </si>
  <si>
    <t>GPS CHAK 304 JB KATHOOR KHURD</t>
  </si>
  <si>
    <t>304 JB</t>
  </si>
  <si>
    <t>GPS Chak# 304 JB Kathore Khurd</t>
  </si>
  <si>
    <t>41025</t>
  </si>
  <si>
    <t>GGPS CHAH GUNJA</t>
  </si>
  <si>
    <t>Chah Gunja</t>
  </si>
  <si>
    <t>vill chah Gunja Po Garh Mahal teh Dina distt Jhelum</t>
  </si>
  <si>
    <t>Rozina</t>
  </si>
  <si>
    <t>37952</t>
  </si>
  <si>
    <t>GGPS BASTI GHULAM HAIDER NO. 1</t>
  </si>
  <si>
    <t>Firdous Kauser</t>
  </si>
  <si>
    <t>GGES CHAK NO. 109/WB</t>
  </si>
  <si>
    <t>chak no 109wb</t>
  </si>
  <si>
    <t>Sonia Naz</t>
  </si>
  <si>
    <t>37679</t>
  </si>
  <si>
    <t>GMPS FARID KAY KATHIA, TULAMBA</t>
  </si>
  <si>
    <t>Farid Kay Kathia</t>
  </si>
  <si>
    <t>Moza : Farid Kay Kathia Tehsil Mianchannu District Khanewal</t>
  </si>
  <si>
    <t>39716</t>
  </si>
  <si>
    <t>GGPS MUHAMMAD PUR MUQEEM, KABIRWALA</t>
  </si>
  <si>
    <t>GGPS M PUR MUQEEM NEAR GIRLS COLLEGE KBW</t>
  </si>
  <si>
    <t>In City</t>
  </si>
  <si>
    <t>GGPS GAGAN</t>
  </si>
  <si>
    <t>ggps gaggan tehsil fateh jang disst attock</t>
  </si>
  <si>
    <t>gaggan</t>
  </si>
  <si>
    <t>gulyal</t>
  </si>
  <si>
    <t>Ibrar Begum</t>
  </si>
  <si>
    <t>GPS CHAK 300 JB</t>
  </si>
  <si>
    <t>Chak 300 Jb</t>
  </si>
  <si>
    <t>chak no 300 jb</t>
  </si>
  <si>
    <t>Sajid Minhas</t>
  </si>
  <si>
    <t>27829</t>
  </si>
  <si>
    <t>GGES WARA ALAM SHAH</t>
  </si>
  <si>
    <t>Wara ALAM SHAH</t>
  </si>
  <si>
    <t>vpo wara alam shah</t>
  </si>
  <si>
    <t>GPS NANGAL BAJWA</t>
  </si>
  <si>
    <t>Nangli Bajwa</t>
  </si>
  <si>
    <t>nangli bajwaP/0Ali pur shareef</t>
  </si>
  <si>
    <t>GPS CHAK 296 JB I</t>
  </si>
  <si>
    <t>Chk 296</t>
  </si>
  <si>
    <t>chk #296 JB I Gojra</t>
  </si>
  <si>
    <t>Chk# 296 JB I</t>
  </si>
  <si>
    <t>Muncipal Cooperation Gojra</t>
  </si>
  <si>
    <t>15938</t>
  </si>
  <si>
    <t>17413</t>
  </si>
  <si>
    <t>GGPS BASTI DR. ABDUL AZIZ</t>
  </si>
  <si>
    <t>Koryana Janoobi</t>
  </si>
  <si>
    <t>colonyno4Koryana  Janoobi</t>
  </si>
  <si>
    <t>ColonyNo4</t>
  </si>
  <si>
    <t>Sheikh Chohr</t>
  </si>
  <si>
    <t>GPS BHOLA MUSA</t>
  </si>
  <si>
    <t>Bhola musa tehsil Sambrial district sialkot</t>
  </si>
  <si>
    <t>Bhola Musa</t>
  </si>
  <si>
    <t>Arfan Amanullah</t>
  </si>
  <si>
    <t>10583</t>
  </si>
  <si>
    <t>GGES CHAK NO.132/TDA</t>
  </si>
  <si>
    <t>132/TDA</t>
  </si>
  <si>
    <t>Chak No132/TDA</t>
  </si>
  <si>
    <t>Chowkazam Rural</t>
  </si>
  <si>
    <t>Nusrat  Parveen</t>
  </si>
  <si>
    <t>GES CHAK NO 142 JB</t>
  </si>
  <si>
    <t>chak no 142jb</t>
  </si>
  <si>
    <t>24356</t>
  </si>
  <si>
    <t>village tarar p/o kotli bawa fakir chand</t>
  </si>
  <si>
    <t>GPS SARFRAZ PUR, P/O HAJI PUR, NAWAN SHEHR</t>
  </si>
  <si>
    <t>Sarfraz Pur</t>
  </si>
  <si>
    <t>Basti Diwan wala</t>
  </si>
  <si>
    <t>Basti Diwan Wala</t>
  </si>
  <si>
    <t>Jafar Hassan  Shah</t>
  </si>
  <si>
    <t>GGPS CHAK 352 JB SARHAN</t>
  </si>
  <si>
    <t>352jb</t>
  </si>
  <si>
    <t>ggps352jb tehsil gojra</t>
  </si>
  <si>
    <t>349jb</t>
  </si>
  <si>
    <t>tehmina naz</t>
  </si>
  <si>
    <t>GPS NATHWALA</t>
  </si>
  <si>
    <t>VPO Nathwala Tehsil Dina Distt Jhelum</t>
  </si>
  <si>
    <t>Yasar Mehmood</t>
  </si>
  <si>
    <t>31471</t>
  </si>
  <si>
    <t>GGES KALA SHAH KAKU GAON</t>
  </si>
  <si>
    <t>kala gaon</t>
  </si>
  <si>
    <t>Amtul Qadoos</t>
  </si>
  <si>
    <t>GGES KHETRAN WALA</t>
  </si>
  <si>
    <t>Khetranwala</t>
  </si>
  <si>
    <t>Govt.Girls Elementry school khetranwala opposite Dera khuram maqbul jundwala road P/O Dunga Bunga BWN</t>
  </si>
  <si>
    <t>Zubaida Rafique</t>
  </si>
  <si>
    <t>GGES FATTO WALL</t>
  </si>
  <si>
    <t>Peer Fateh Darya</t>
  </si>
  <si>
    <t>basti fattowal jdw</t>
  </si>
  <si>
    <t>Fattowal</t>
  </si>
  <si>
    <t>Beenish Hameed</t>
  </si>
  <si>
    <t>GPS WANDHA NADIR SHAH</t>
  </si>
  <si>
    <t>Panjgirain Nasheeb</t>
  </si>
  <si>
    <t>VVandha Nadir shah</t>
  </si>
  <si>
    <t>VVandha Nadir Shah</t>
  </si>
  <si>
    <t>GGPS SIRGRAN</t>
  </si>
  <si>
    <t>VILLAGE SAIRGRAN PO GULEHRA GALI TEHSIL MURREE</t>
  </si>
  <si>
    <t>SAIRGRAN</t>
  </si>
  <si>
    <t>Spring</t>
  </si>
  <si>
    <t>GES CHAK NO 46 MB</t>
  </si>
  <si>
    <t>46 Mb</t>
  </si>
  <si>
    <t>chak no 46 mb teh &amp; district khushab</t>
  </si>
  <si>
    <t>Chak No 46 Mb</t>
  </si>
  <si>
    <t>Chak No 50</t>
  </si>
  <si>
    <t>rasheed ahmed</t>
  </si>
  <si>
    <t>GGCMS CHAHARI BINGIAL</t>
  </si>
  <si>
    <t>Pherwal Dolal</t>
  </si>
  <si>
    <t>Vill  Chehari bangial PO Chehari pherwal dolal teh gujar Khan distt rawalpindi</t>
  </si>
  <si>
    <t>Chehari Bangial</t>
  </si>
  <si>
    <t>Fazila Bibi</t>
  </si>
  <si>
    <t>23926</t>
  </si>
  <si>
    <t>sadh wala</t>
  </si>
  <si>
    <t>P/O GOHAR WALA MOZA SADH WALA</t>
  </si>
  <si>
    <t>Dera Deendar</t>
  </si>
  <si>
    <t>Azmat Sher</t>
  </si>
  <si>
    <t>village dhandal Tehsil Daska District Sialkot</t>
  </si>
  <si>
    <t>ATEEQA RAMZAN</t>
  </si>
  <si>
    <t>GPS BUNGA KHAN SINGH</t>
  </si>
  <si>
    <t>Bunga Khan  Singh</t>
  </si>
  <si>
    <t>Bunga Khan Singh</t>
  </si>
  <si>
    <t>Bunga Amir Singh</t>
  </si>
  <si>
    <t>Muhammad Sarwar Dogar</t>
  </si>
  <si>
    <t>GPS PIR DAD</t>
  </si>
  <si>
    <t>Pirdad</t>
  </si>
  <si>
    <t>Mohallah Pirdad, Tehsil Hazro, Distt Attock</t>
  </si>
  <si>
    <t>Hazro 2</t>
  </si>
  <si>
    <t>Muhammad Masood  Akhtar</t>
  </si>
  <si>
    <t>GGPS KACHA SHAMEERA</t>
  </si>
  <si>
    <t>Kacha Shamera</t>
  </si>
  <si>
    <t>kacha Shamera</t>
  </si>
  <si>
    <t>GPS GALARA GALI</t>
  </si>
  <si>
    <t>PO GULEHRA GALI TEHSIL MURREE DISTRICT RAWALPINDI</t>
  </si>
  <si>
    <t>GULEHRA GALI</t>
  </si>
  <si>
    <t>Muhammad YASIR</t>
  </si>
  <si>
    <t>Line water</t>
  </si>
  <si>
    <t>GPS CHAK NO 177/7-R</t>
  </si>
  <si>
    <t>Chak no 177-7-R</t>
  </si>
  <si>
    <t>chak no 177-7R</t>
  </si>
  <si>
    <t>Chak No 177-7-R</t>
  </si>
  <si>
    <t>176-7-R</t>
  </si>
  <si>
    <t>46322</t>
  </si>
  <si>
    <t>GGPS ABDUL REHMAN JASRA</t>
  </si>
  <si>
    <t>vpo peelowains teh noorpur thall dist khushab</t>
  </si>
  <si>
    <t>Aeshat Ul Rehman</t>
  </si>
  <si>
    <t>37455</t>
  </si>
  <si>
    <t>GPS JHALLAR NATHU SHAH</t>
  </si>
  <si>
    <t>Jhalar Natho Shah</t>
  </si>
  <si>
    <t>Moza jhalar natho Shah thesil laliyan  district chiniot</t>
  </si>
  <si>
    <t>GPS CHAK NO. 277 TDA</t>
  </si>
  <si>
    <t>277 TDA</t>
  </si>
  <si>
    <t>Chak No 277/TDA Tehsil &amp; District Layyah.</t>
  </si>
  <si>
    <t>Chak No 277</t>
  </si>
  <si>
    <t>45505</t>
  </si>
  <si>
    <t>GGPS CHAH HASTI WALA</t>
  </si>
  <si>
    <t>Hasti wala</t>
  </si>
  <si>
    <t>Hasti Walw</t>
  </si>
  <si>
    <t>Mc Duley Wala</t>
  </si>
  <si>
    <t>GGES 46/P</t>
  </si>
  <si>
    <t>ShahGarh</t>
  </si>
  <si>
    <t>chak46/pPoBoxNo47/p</t>
  </si>
  <si>
    <t>Chak46/P</t>
  </si>
  <si>
    <t>Bahshti</t>
  </si>
  <si>
    <t>Kousar Tasneem</t>
  </si>
  <si>
    <t>39709</t>
  </si>
  <si>
    <t>dhok sadqalvpo basal the hand district attock</t>
  </si>
  <si>
    <t>GPS SORASI</t>
  </si>
  <si>
    <t>Vpo sorasi teh murree rwp</t>
  </si>
  <si>
    <t>Sorasi</t>
  </si>
  <si>
    <t>SAJID MEHMOOD Raja</t>
  </si>
  <si>
    <t>GPS KALOO KHOKHAR</t>
  </si>
  <si>
    <t>Kaloo Khokhar</t>
  </si>
  <si>
    <t>jajja kalan p/o same via phool nagar teh pattoki kasur</t>
  </si>
  <si>
    <t>GGES CHAK 519 GB</t>
  </si>
  <si>
    <t>519GB</t>
  </si>
  <si>
    <t>GGES. 519GB</t>
  </si>
  <si>
    <t>Chak#519</t>
  </si>
  <si>
    <t>GGPS DHERI PADHRAR</t>
  </si>
  <si>
    <t>Dheri padhrar</t>
  </si>
  <si>
    <t>GMPS SHAHAB PURA</t>
  </si>
  <si>
    <t>GGPS SOGADATT</t>
  </si>
  <si>
    <t>Sogadatt</t>
  </si>
  <si>
    <t>vill and po sogadatt</t>
  </si>
  <si>
    <t>GMPS OKAAN WALA, P/O KUKKAR HATTA, KABIRWALA</t>
  </si>
  <si>
    <t>okaanwala</t>
  </si>
  <si>
    <t>okaanwala p/o kukerhata</t>
  </si>
  <si>
    <t>saima sharif</t>
  </si>
  <si>
    <t>GPS JHALLAR MUHAMMAD REHAN</t>
  </si>
  <si>
    <t>Budh Dakhli</t>
  </si>
  <si>
    <t>G P S JHALLAR M REHAN BUDH DAKHLI 111/7.R</t>
  </si>
  <si>
    <t>111/7R</t>
  </si>
  <si>
    <t>HAFEEZ ULLAH</t>
  </si>
  <si>
    <t>GPS HAZRO NO.3</t>
  </si>
  <si>
    <t>mohallah azeem khan  tehsil hazro moza hazro district attock</t>
  </si>
  <si>
    <t>Muhammad Saeed Khan</t>
  </si>
  <si>
    <t>39593</t>
  </si>
  <si>
    <t>GPS DHOK DOBA</t>
  </si>
  <si>
    <t>VPO TARAP DHOK DOBA TEH JAND DIST ATTOCK</t>
  </si>
  <si>
    <t>near railway colony dgkhan</t>
  </si>
  <si>
    <t>Dgkhan City</t>
  </si>
  <si>
    <t>GGPS 39/P</t>
  </si>
  <si>
    <t>bismilapur</t>
  </si>
  <si>
    <t>chak no. 39/p</t>
  </si>
  <si>
    <t>chak no 39</t>
  </si>
  <si>
    <t>Huma Kousar</t>
  </si>
  <si>
    <t>GPS NOONA WALI</t>
  </si>
  <si>
    <t>Shafia Tabassum</t>
  </si>
  <si>
    <t>GMPS  BASTI KANJAN MOUZA INYAT SHAH</t>
  </si>
  <si>
    <t>Inyat Shah</t>
  </si>
  <si>
    <t>chk no 660/1 basti kanjan moza inyat  shah kamalia</t>
  </si>
  <si>
    <t>660/1 Basti Kanjan</t>
  </si>
  <si>
    <t>661/2gb</t>
  </si>
  <si>
    <t>Faiza Rashid</t>
  </si>
  <si>
    <t>GGPS TOTEWALI</t>
  </si>
  <si>
    <t>Totewali</t>
  </si>
  <si>
    <t>Village Totewali, Narowal</t>
  </si>
  <si>
    <t>Village Totewali</t>
  </si>
  <si>
    <t>Saddowala Ucha</t>
  </si>
  <si>
    <t>M Nasam</t>
  </si>
  <si>
    <t>Kot Abdullah P/O Bucheki</t>
  </si>
  <si>
    <t>24388</t>
  </si>
  <si>
    <t>GGPS KRANGALI</t>
  </si>
  <si>
    <t>Karangali</t>
  </si>
  <si>
    <t>Village Karangali tehsil pasrur District sialkot</t>
  </si>
  <si>
    <t>GGPS CHAK 57/3 TUKRA</t>
  </si>
  <si>
    <t>57/3 Tukra</t>
  </si>
  <si>
    <t>g g p s 57/3 tukra</t>
  </si>
  <si>
    <t>Bushra Chand</t>
  </si>
  <si>
    <t>GGPS DHAKAR</t>
  </si>
  <si>
    <t>Dhakar</t>
  </si>
  <si>
    <t>v.p.o dhakar</t>
  </si>
  <si>
    <t>Sadaf Zaman</t>
  </si>
  <si>
    <t>GGPS AWAN BOBAK MRALI</t>
  </si>
  <si>
    <t>awan bobak mralie</t>
  </si>
  <si>
    <t>Awan Bonak Marali</t>
  </si>
  <si>
    <t>6643</t>
  </si>
  <si>
    <t>GGPS GUL MUHAMMAD PANWAR</t>
  </si>
  <si>
    <t>Patti Panwaran</t>
  </si>
  <si>
    <t>Daira Jam Kammu P/o Tarinda Saway Khan Tehsil &amp;District  Rahim  Yar Khan</t>
  </si>
  <si>
    <t>Daira Jam Kammu</t>
  </si>
  <si>
    <t>Chak No 100/p</t>
  </si>
  <si>
    <t>Syeda Gull Noreen</t>
  </si>
  <si>
    <t>GGPS DERA KHADIM SAHU</t>
  </si>
  <si>
    <t>Basti saho wali jam rid thal</t>
  </si>
  <si>
    <t>Shumila Malik</t>
  </si>
  <si>
    <t>GGES CHAK NO.93/ML</t>
  </si>
  <si>
    <t>rakh moj ghr</t>
  </si>
  <si>
    <t>chak  no.93 ml</t>
  </si>
  <si>
    <t>GGES CHAK 358 JB I</t>
  </si>
  <si>
    <t>GGES358jb1</t>
  </si>
  <si>
    <t>Chak 358jb l</t>
  </si>
  <si>
    <t>350 Jb</t>
  </si>
  <si>
    <t>GPS CHAK 318 GB</t>
  </si>
  <si>
    <t>Chak 318 GB</t>
  </si>
  <si>
    <t>chak 318 GB</t>
  </si>
  <si>
    <t>Chak 318 GbB</t>
  </si>
  <si>
    <t>23968</t>
  </si>
  <si>
    <t>GGES MIAN WALI BANGLA NO.1</t>
  </si>
  <si>
    <t>Mianwali Bangla</t>
  </si>
  <si>
    <t>GGES mianwali bangla no.1</t>
  </si>
  <si>
    <t>36792</t>
  </si>
  <si>
    <t>GPS MAAN KOT, NAWAN SHEHR</t>
  </si>
  <si>
    <t>mankot</t>
  </si>
  <si>
    <t>mankot kabirwala</t>
  </si>
  <si>
    <t>Sajjad Akbar</t>
  </si>
  <si>
    <t>GGPS KOTLI KHAWAJA</t>
  </si>
  <si>
    <t>Kotli Khawaja</t>
  </si>
  <si>
    <t>Kotli khawaja tehsil pasur district Sialkot post office klaswala</t>
  </si>
  <si>
    <t>Kousar Yasmeen</t>
  </si>
  <si>
    <t>33453</t>
  </si>
  <si>
    <t>GGPS TARE DA KOT</t>
  </si>
  <si>
    <t>Chak No 88 RB</t>
  </si>
  <si>
    <t>Chak No 88 r.b Tara da kot</t>
  </si>
  <si>
    <t>Tare Da Kot</t>
  </si>
  <si>
    <t>Abroo Habiba</t>
  </si>
  <si>
    <t>basti shah garh post office mondka m.garh</t>
  </si>
  <si>
    <t>shah garh</t>
  </si>
  <si>
    <t>GGPS CHAH AROOR SINGH</t>
  </si>
  <si>
    <t>CHah Aroor Singh</t>
  </si>
  <si>
    <t>chah Aroor singh</t>
  </si>
  <si>
    <t>Har Do Sahari</t>
  </si>
  <si>
    <t>Saima Yaqub</t>
  </si>
  <si>
    <t>GGPS KOT UMRANA</t>
  </si>
  <si>
    <t>Kot umrana</t>
  </si>
  <si>
    <t>kot umrana</t>
  </si>
  <si>
    <t>Buchakalan</t>
  </si>
  <si>
    <t>Zafar Bibi</t>
  </si>
  <si>
    <t>42102</t>
  </si>
  <si>
    <t>GGES PIND WOHTI</t>
  </si>
  <si>
    <t>bohti pind</t>
  </si>
  <si>
    <t>GGES Bohti Pind P/o Hasan abdal</t>
  </si>
  <si>
    <t>lub thathu</t>
  </si>
  <si>
    <t>Bibi Zainub</t>
  </si>
  <si>
    <t>GPS MC NO. 1 NANKANA</t>
  </si>
  <si>
    <t>GPS MC No.1 nankana sahib</t>
  </si>
  <si>
    <t>Farkhanda Bibi</t>
  </si>
  <si>
    <t>50817</t>
  </si>
  <si>
    <t>GGES 112/9-L BUOH DHAKOO</t>
  </si>
  <si>
    <t>government girls elementary school 112/9l budh dhakoo sahiwal</t>
  </si>
  <si>
    <t>112/9l Budh Dhakoo Sahiwal</t>
  </si>
  <si>
    <t>112/9l Budh Fhakoo</t>
  </si>
  <si>
    <t>Nadia Bashir</t>
  </si>
  <si>
    <t>GGMPS TAUNSA  NO. 2</t>
  </si>
  <si>
    <t>Mohala langah Walla taunsa</t>
  </si>
  <si>
    <t>Hameeda Bano</t>
  </si>
  <si>
    <t>39288</t>
  </si>
  <si>
    <t>GPS NAKA GHULAM SHAH</t>
  </si>
  <si>
    <t>POB sorag village Naka Ghulam Shah,Tehsil Pindigheb , District Attock</t>
  </si>
  <si>
    <t>Mehreen Nisa</t>
  </si>
  <si>
    <t>GGPS DHOK NOOR ABAD</t>
  </si>
  <si>
    <t>Hadsan Abdal</t>
  </si>
  <si>
    <t>Dhok noorabad Hassan abdal</t>
  </si>
  <si>
    <t>Dhok Noorabad</t>
  </si>
  <si>
    <t>Sundas Aziz</t>
  </si>
  <si>
    <t>GGCMS CHANU BHOJA</t>
  </si>
  <si>
    <t>channu bhoja</t>
  </si>
  <si>
    <t>channu bhoja p/o tehsil kharian district gujrat</t>
  </si>
  <si>
    <t>Sanam Muzaffar</t>
  </si>
  <si>
    <t>GGPS AMIR ALI SHAH</t>
  </si>
  <si>
    <t>Village Amir Ali Shah Kamalia</t>
  </si>
  <si>
    <t>Amir Ali Shah</t>
  </si>
  <si>
    <t>GGES CHAK NO 232 TDA</t>
  </si>
  <si>
    <t>Chak No. 232/TDA</t>
  </si>
  <si>
    <t>GGES Chak No. 232/TDA Tehsil Karor District Layyah</t>
  </si>
  <si>
    <t>Muqadas Batool</t>
  </si>
  <si>
    <t>GGPS NOTA</t>
  </si>
  <si>
    <t>nota</t>
  </si>
  <si>
    <t>village nota</t>
  </si>
  <si>
    <t>Fozia Saddique</t>
  </si>
  <si>
    <t>GGPS LOT NO 218</t>
  </si>
  <si>
    <t>chak no 4RMK p/O khansar Tehsil &amp; District Bhakkar</t>
  </si>
  <si>
    <t>4RMK</t>
  </si>
  <si>
    <t>39352</t>
  </si>
  <si>
    <t>GMPS MIANWALA</t>
  </si>
  <si>
    <t>village &amp; post office mianwala</t>
  </si>
  <si>
    <t>Robina Sadia</t>
  </si>
  <si>
    <t>GGPS ABADI RAJAB</t>
  </si>
  <si>
    <t>chah saday wala,  Tehsil  &amp; District Jhang</t>
  </si>
  <si>
    <t>Chah saday Wala</t>
  </si>
  <si>
    <t>Sarwat  Sultana</t>
  </si>
  <si>
    <t>GGPS MURSHAD ABAD</t>
  </si>
  <si>
    <t>Murshad Abad</t>
  </si>
  <si>
    <t>murshad abad tehsil pasrur district sialkot</t>
  </si>
  <si>
    <t>Sadia sarwar</t>
  </si>
  <si>
    <t>7268</t>
  </si>
  <si>
    <t>GGPS RANJHAI</t>
  </si>
  <si>
    <t>Ranjhai</t>
  </si>
  <si>
    <t>G G P/S RANJHAI Tehsil Daska Distt Sialkot</t>
  </si>
  <si>
    <t>QamerBatool</t>
  </si>
  <si>
    <t>GGPS GOLRA</t>
  </si>
  <si>
    <t>VPO Golra attock</t>
  </si>
  <si>
    <t>GGPS NAMAY WALA</t>
  </si>
  <si>
    <t>Ggps Namay Walla dagar shada</t>
  </si>
  <si>
    <t>Namay Walla</t>
  </si>
  <si>
    <t>Shagufta aziz</t>
  </si>
  <si>
    <t>GPS QAIM WALA</t>
  </si>
  <si>
    <t>gps qaim wala,markaz mamori dera ghazi khan</t>
  </si>
  <si>
    <t>GGES CHAK NO 191/7-R</t>
  </si>
  <si>
    <t>191/7r</t>
  </si>
  <si>
    <t>chak no 191/7r p/o faqirwali tehsilfortabas District BWN</t>
  </si>
  <si>
    <t>191/7r West</t>
  </si>
  <si>
    <t>Hina Tehreem</t>
  </si>
  <si>
    <t>GGMPS TRIMAN</t>
  </si>
  <si>
    <t>Triman</t>
  </si>
  <si>
    <t>union council jalu wali p/o triman</t>
  </si>
  <si>
    <t>GGES ESA WALA</t>
  </si>
  <si>
    <t>Bangla yasmeen moza essa wala ap sial</t>
  </si>
  <si>
    <t>Bngla Yasmeen</t>
  </si>
  <si>
    <t>Mahvish Batool</t>
  </si>
  <si>
    <t>GMPS CHAK NO 188 TDA</t>
  </si>
  <si>
    <t>Chak 188/tda</t>
  </si>
  <si>
    <t>ggps chak no 188/tda</t>
  </si>
  <si>
    <t>Chak No188/tda Bhakkar</t>
  </si>
  <si>
    <t>183-184 Tda</t>
  </si>
  <si>
    <t>Sumaira Yasmeen</t>
  </si>
  <si>
    <t>GMPS SHAH HUSSAIN</t>
  </si>
  <si>
    <t>Koriana</t>
  </si>
  <si>
    <t>basti shah Hussain</t>
  </si>
  <si>
    <t>GGES 114/12-L</t>
  </si>
  <si>
    <t>114/12-l</t>
  </si>
  <si>
    <t>chak no 14/12-l</t>
  </si>
  <si>
    <t>chak no 50/12-l</t>
  </si>
  <si>
    <t>Shagufta Ghaffar</t>
  </si>
  <si>
    <t>GGES CHAK 415 JB</t>
  </si>
  <si>
    <t>Chak no. 415 JB Tehsil Gojra</t>
  </si>
  <si>
    <t>Chak No 415 JB Tehsil Gojra</t>
  </si>
  <si>
    <t>349 JB Tehsil Gojra</t>
  </si>
  <si>
    <t>ANSA SARWAR</t>
  </si>
  <si>
    <t>GPS LAKHU MALKANA</t>
  </si>
  <si>
    <t>Lakhu malkana p/o Mandi Ahmad abad Okara</t>
  </si>
  <si>
    <t>GGPS CHAH BURANA</t>
  </si>
  <si>
    <t>185/tda chah burana</t>
  </si>
  <si>
    <t>185/tda</t>
  </si>
  <si>
    <t>183/184</t>
  </si>
  <si>
    <t>23524</t>
  </si>
  <si>
    <t>GES 17/D, P/O DARKHANA, ABDUL HAKIM</t>
  </si>
  <si>
    <t>17 D</t>
  </si>
  <si>
    <t>17 d Darkhana kabirwala</t>
  </si>
  <si>
    <t>Ejaz Hussain Siddiqui</t>
  </si>
  <si>
    <t>MC AERA</t>
  </si>
  <si>
    <t>Rao Colony Toba Road Jhang</t>
  </si>
  <si>
    <t>19151</t>
  </si>
  <si>
    <t>GGPS CHAK 733 GB II DARAY WALA</t>
  </si>
  <si>
    <t>733/2 daray wala</t>
  </si>
  <si>
    <t>Daray Wala</t>
  </si>
  <si>
    <t>GGPS BASTI NORANG</t>
  </si>
  <si>
    <t>basti norung u/c yousuf shah</t>
  </si>
  <si>
    <t>Basti Norung</t>
  </si>
  <si>
    <t>Yousuf Shah</t>
  </si>
  <si>
    <t>GGPS SHADAB COLONY</t>
  </si>
  <si>
    <t>shadab colony jhang</t>
  </si>
  <si>
    <t>36899</t>
  </si>
  <si>
    <t>GMPS TANGRA, SARAI SIDHU</t>
  </si>
  <si>
    <t>Govt model primary school Tangra</t>
  </si>
  <si>
    <t>Tanzila Riasat</t>
  </si>
  <si>
    <t>GMPS MC NO.7</t>
  </si>
  <si>
    <t>Mohallah Bulaq shah</t>
  </si>
  <si>
    <t>Qaisara Qamar</t>
  </si>
  <si>
    <t>GGES CHAK NO. 9/BC</t>
  </si>
  <si>
    <t>Chak No 9 Bc</t>
  </si>
  <si>
    <t>GGe/s chak no 9 bc bahawalpur</t>
  </si>
  <si>
    <t>Misbah Khawar</t>
  </si>
  <si>
    <t>GGES HAMBOKAY</t>
  </si>
  <si>
    <t>HAMBOKEY</t>
  </si>
  <si>
    <t>Electric Water Cooler and Hand Pump</t>
  </si>
  <si>
    <t>GGES CHAK NO. 87/P</t>
  </si>
  <si>
    <t>87/p</t>
  </si>
  <si>
    <t>GGES chak 87/p</t>
  </si>
  <si>
    <t>Chak 87/p</t>
  </si>
  <si>
    <t>Sadia  Perveen</t>
  </si>
  <si>
    <t>GGPS BAGHAT WALA</t>
  </si>
  <si>
    <t>Bhghat Wala</t>
  </si>
  <si>
    <t>bhghat wala ch no 35 rb tehsil shahkot</t>
  </si>
  <si>
    <t>Bhghat Wala Ch 35</t>
  </si>
  <si>
    <t>Amen Azeem</t>
  </si>
  <si>
    <t>GGES CHAK 706 GB</t>
  </si>
  <si>
    <t>Chak 706 GB Kamalia</t>
  </si>
  <si>
    <t>Chak no 706 GB kamalia</t>
  </si>
  <si>
    <t>Chak 661/2 GB</t>
  </si>
  <si>
    <t>Nida Bi Bi</t>
  </si>
  <si>
    <t>GGPS UMER PURA  KHURD</t>
  </si>
  <si>
    <t>Umer Pura</t>
  </si>
  <si>
    <t>umer pura khurd</t>
  </si>
  <si>
    <t>Umer Pura Khurd</t>
  </si>
  <si>
    <t>NABILA  ASGHAR</t>
  </si>
  <si>
    <t>GGES 75/5-R</t>
  </si>
  <si>
    <t>75 5r</t>
  </si>
  <si>
    <t>62 4 R</t>
  </si>
  <si>
    <t>Asia Naz</t>
  </si>
  <si>
    <t>43950</t>
  </si>
  <si>
    <t>19142</t>
  </si>
  <si>
    <t>GGCMS CHAK 713 GB I</t>
  </si>
  <si>
    <t>713gb</t>
  </si>
  <si>
    <t>chak 713gb kamalia t t singh</t>
  </si>
  <si>
    <t>713gb New Abadi</t>
  </si>
  <si>
    <t>Chak 712</t>
  </si>
  <si>
    <t>Razia Mumtaz</t>
  </si>
  <si>
    <t>GGES MUD HAJI IBRAHIM</t>
  </si>
  <si>
    <t>Kotla Ahmed</t>
  </si>
  <si>
    <t>Jafaria Colony RP</t>
  </si>
  <si>
    <t>Basti Mola Baksh Drishak</t>
  </si>
  <si>
    <t>GGPS KOT SAHIB DIN</t>
  </si>
  <si>
    <t>kacha shahi road basti adam sahaba</t>
  </si>
  <si>
    <t>AdamSahaba</t>
  </si>
  <si>
    <t>GGPS HAVELI LELIAN WALI</t>
  </si>
  <si>
    <t>haveli Lilian wali (wariyat)</t>
  </si>
  <si>
    <t>BUSHARA FATIMA</t>
  </si>
  <si>
    <t>24649</t>
  </si>
  <si>
    <t>Malika Sobia</t>
  </si>
  <si>
    <t>GMPS GIHITTAL</t>
  </si>
  <si>
    <t>Post office phagwari village Geathal tehsil Murree</t>
  </si>
  <si>
    <t>Geathal</t>
  </si>
  <si>
    <t>Amnah Bibi</t>
  </si>
  <si>
    <t>cooler system</t>
  </si>
  <si>
    <t>45735</t>
  </si>
  <si>
    <t>GGES DOURAN PUR</t>
  </si>
  <si>
    <t>gges, douran pur</t>
  </si>
  <si>
    <t>Douranpur</t>
  </si>
  <si>
    <t>Muddasra rubab</t>
  </si>
  <si>
    <t>GGPS SIRIS WALA P/O LAR</t>
  </si>
  <si>
    <t>2 F</t>
  </si>
  <si>
    <t>post office lar</t>
  </si>
  <si>
    <t>Chah Siriswala</t>
  </si>
  <si>
    <t>Mussarat Akhter</t>
  </si>
  <si>
    <t>GGES CHAK 399 JB</t>
  </si>
  <si>
    <t>chak no 399 jb ajram tehsil zila t t singh</t>
  </si>
  <si>
    <t>Chak No 399 Jb Ajram</t>
  </si>
  <si>
    <t>393 Jb</t>
  </si>
  <si>
    <t>shaista Latif</t>
  </si>
  <si>
    <t>GGES MALAKWAL</t>
  </si>
  <si>
    <t>dak khana road, Malakwal</t>
  </si>
  <si>
    <t>Malakwal ll</t>
  </si>
  <si>
    <t>Uzma Afzal</t>
  </si>
  <si>
    <t>GPS BUDHA DHOLA</t>
  </si>
  <si>
    <t>budha dhola</t>
  </si>
  <si>
    <t>Anjum Amin</t>
  </si>
  <si>
    <t>GPS GUJRAN WALA</t>
  </si>
  <si>
    <t>Rakh Mahni</t>
  </si>
  <si>
    <t>Gujran Wala Rakh Mahni Tehsil Mankera District Bhakkar</t>
  </si>
  <si>
    <t>Gujran Wala</t>
  </si>
  <si>
    <t>GMPS JAMAL PAHAR</t>
  </si>
  <si>
    <t>Jamalpahar</t>
  </si>
  <si>
    <t>mouza jamalpahar</t>
  </si>
  <si>
    <t>Chak No 712</t>
  </si>
  <si>
    <t>GGES BASTI ALLAH BAKHSH</t>
  </si>
  <si>
    <t>bassti allah bkhsh sandila near masu shah p o box shehr sultan</t>
  </si>
  <si>
    <t>Basti Allah Bukhsh Sandila</t>
  </si>
  <si>
    <t>GMPS AMIRAY KHEL</t>
  </si>
  <si>
    <t>G M P S Amiray khel</t>
  </si>
  <si>
    <t>36635</t>
  </si>
  <si>
    <t>GGES KARAM SHAH, SARAI SIDHU</t>
  </si>
  <si>
    <t>Karamshah</t>
  </si>
  <si>
    <t>govt girls middle school karamshah</t>
  </si>
  <si>
    <t>GPS AHLULAL VILL</t>
  </si>
  <si>
    <t>Ahlulal Narowal</t>
  </si>
  <si>
    <t>GPS DOGGI</t>
  </si>
  <si>
    <t>GPS doggi post office dullewala daryakhan bhakkar</t>
  </si>
  <si>
    <t>GGPS CHAK 279 GB SATIANA</t>
  </si>
  <si>
    <t>279 GB Wahga</t>
  </si>
  <si>
    <t>chak no279GB,jaranwala,faislabad</t>
  </si>
  <si>
    <t>279GB</t>
  </si>
  <si>
    <t>GPS CHAK NO.219/TDA</t>
  </si>
  <si>
    <t>Mooj Garh</t>
  </si>
  <si>
    <t>chak no 219/tda post office same tehsil karor district layyah</t>
  </si>
  <si>
    <t>Chak No 219/tda</t>
  </si>
  <si>
    <t>17692</t>
  </si>
  <si>
    <t>GMPS BUDHI THATTI</t>
  </si>
  <si>
    <t>Budhi Thathi</t>
  </si>
  <si>
    <t>village budhi  thatti p/o chund bharwana teh. and distt. jhang</t>
  </si>
  <si>
    <t>Budhi Thatti</t>
  </si>
  <si>
    <t>Faouzia Zahara</t>
  </si>
  <si>
    <t>GGPS MC MEDHI MOHALLAH GOJRA</t>
  </si>
  <si>
    <t>st#3 mehdi mohallah gojra</t>
  </si>
  <si>
    <t>Mehdi Mohallah Gojra</t>
  </si>
  <si>
    <t>Amina khatoon</t>
  </si>
  <si>
    <t>GGPS EID GHAH, KABIRWALA</t>
  </si>
  <si>
    <t>Jamil Colony</t>
  </si>
  <si>
    <t>near darul aloom jamil colony</t>
  </si>
  <si>
    <t>Aqeela Rubab</t>
  </si>
  <si>
    <t>GGPS MC CHURRIAN WALA</t>
  </si>
  <si>
    <t>mohallah Lahori Gate chiniot</t>
  </si>
  <si>
    <t>Garha</t>
  </si>
  <si>
    <t>GES NATHOO DHAKA</t>
  </si>
  <si>
    <t>maoza nathu Dhaka tehsil and district bahawalnagar</t>
  </si>
  <si>
    <t>GGES MC DEHLI GATE MULTAN</t>
  </si>
  <si>
    <t>Jamal Pura Pir Wala</t>
  </si>
  <si>
    <t>near imam bargah Hussain abad</t>
  </si>
  <si>
    <t>Gohar Sultan</t>
  </si>
  <si>
    <t>Musarrat Rehman Pasha</t>
  </si>
  <si>
    <t>GGPS CHUTALA</t>
  </si>
  <si>
    <t>Govt, gp/s chutala</t>
  </si>
  <si>
    <t>Shazia Yasin</t>
  </si>
  <si>
    <t>GES TOBA RAHMAN SHAH</t>
  </si>
  <si>
    <t>Toba Rahman SHAH</t>
  </si>
  <si>
    <t>Nilian wali p,o dunga bunga</t>
  </si>
  <si>
    <t>GGES SARWAR COLONY</t>
  </si>
  <si>
    <t>Aisha Sial</t>
  </si>
  <si>
    <t>R O plant</t>
  </si>
  <si>
    <t>GMPS MOHALLAH DABKRAN</t>
  </si>
  <si>
    <t>Mehboob Colony near Iqbal Garden Jhang Sadar</t>
  </si>
  <si>
    <t>18152</t>
  </si>
  <si>
    <t>GGPS CHAK NO. 701/596 SHORKOT CANTT</t>
  </si>
  <si>
    <t>Cant  Area</t>
  </si>
  <si>
    <t>base  road</t>
  </si>
  <si>
    <t>Chak  No  701/596</t>
  </si>
  <si>
    <t>Kaneez  Narjis  Khatoon</t>
  </si>
  <si>
    <t>GMPS CHAK 411 JB</t>
  </si>
  <si>
    <t>Changla</t>
  </si>
  <si>
    <t>chak no 411jb</t>
  </si>
  <si>
    <t>411jb</t>
  </si>
  <si>
    <t>Uzma Nisar</t>
  </si>
  <si>
    <t>GPS SAMAY WALA</t>
  </si>
  <si>
    <t>Punar</t>
  </si>
  <si>
    <t>GPS Samay Wala monza punar U/C Hazara Tehsil kot chutta district d g khan</t>
  </si>
  <si>
    <t>Samay Wala</t>
  </si>
  <si>
    <t>GPS CHAK 22/1-AL</t>
  </si>
  <si>
    <t>Chak no 22/1AL</t>
  </si>
  <si>
    <t>Zakir hussain</t>
  </si>
  <si>
    <t>GES CHAK 149 GB</t>
  </si>
  <si>
    <t>149 GB</t>
  </si>
  <si>
    <t>chak 149 GB toba tek singh</t>
  </si>
  <si>
    <t>chak 151 GB</t>
  </si>
  <si>
    <t>Mahmood Akhtar</t>
  </si>
  <si>
    <t>GPS NO. 2 KOT BHAI KHAN</t>
  </si>
  <si>
    <t>Shahid Murtaza</t>
  </si>
  <si>
    <t>GGMPS KOT CHUTTA NO. 2</t>
  </si>
  <si>
    <t>Chak#2 Kot Chutta</t>
  </si>
  <si>
    <t>ggps kot chutta no 2</t>
  </si>
  <si>
    <t>Kot Chutta N</t>
  </si>
  <si>
    <t>Shahnaz Gull</t>
  </si>
  <si>
    <t>GMMS AHMAD DIN BATWANI</t>
  </si>
  <si>
    <t>Chak 4 NP</t>
  </si>
  <si>
    <t>Basti chah kinni wala</t>
  </si>
  <si>
    <t>Basti Chah Kinni Wala</t>
  </si>
  <si>
    <t>Sajjad U Rehman</t>
  </si>
  <si>
    <t>GGES KORU MAGASI WALA</t>
  </si>
  <si>
    <t>Sumranashaib</t>
  </si>
  <si>
    <t>koromagassi wala layyah</t>
  </si>
  <si>
    <t>Koromajassi</t>
  </si>
  <si>
    <t>51225</t>
  </si>
  <si>
    <t>GGPS TIBI JAY SINGH</t>
  </si>
  <si>
    <t>tibi jay singh</t>
  </si>
  <si>
    <t>karyal</t>
  </si>
  <si>
    <t>GGPS ISLAMIA PUNJ PEER MUGHAL PURA</t>
  </si>
  <si>
    <t>ggps islamia punj peer mugal pura</t>
  </si>
  <si>
    <t>punj Peer</t>
  </si>
  <si>
    <t>Amra Sohail</t>
  </si>
  <si>
    <t>GGMES CHAK NO.4/RH</t>
  </si>
  <si>
    <t>Rakh Haitu</t>
  </si>
  <si>
    <t>chak no 4rh p/o box fazil tehsil kalur kot district bhakkar</t>
  </si>
  <si>
    <t>Chak No 4rh</t>
  </si>
  <si>
    <t>GGPS CHABBER SYEDAN</t>
  </si>
  <si>
    <t>CHABBER SYEDAN</t>
  </si>
  <si>
    <t>post office dhok Shah Arif village chabber syedan teh sohawa distt Jhelum</t>
  </si>
  <si>
    <t>Sumera Batool</t>
  </si>
  <si>
    <t>GPS CHAK 72/NP BASTI KUMHARAN</t>
  </si>
  <si>
    <t>Noor E WALI</t>
  </si>
  <si>
    <t>Chak 72 Np Basti Kumharan Rahim Yar khan</t>
  </si>
  <si>
    <t>Chak 72 Np</t>
  </si>
  <si>
    <t>Rahim Yar Khan Deh</t>
  </si>
  <si>
    <t>Muhammad Farhan Azam</t>
  </si>
  <si>
    <t>purchasing filtered water</t>
  </si>
  <si>
    <t>GPS PIND CHANBA</t>
  </si>
  <si>
    <t>vill pind Chanba teh kotli sattian distt rwp</t>
  </si>
  <si>
    <t>Pind Chanba</t>
  </si>
  <si>
    <t>YASIR SOHAIL NAWAZ</t>
  </si>
  <si>
    <t>30589</t>
  </si>
  <si>
    <t>GGPS CH MODEL MUSLIM ABAD</t>
  </si>
  <si>
    <t>Fatehgarh Garh</t>
  </si>
  <si>
    <t>muslimabad fatehgarh</t>
  </si>
  <si>
    <t>20911</t>
  </si>
  <si>
    <t>GHS KOT INAYAT KHAN</t>
  </si>
  <si>
    <t>vpo kot inayat khan tehsil wazirabad Gujranwala</t>
  </si>
  <si>
    <t>QaisarParvaiz Cheema</t>
  </si>
  <si>
    <t>GMES CHAK 45/3-R</t>
  </si>
  <si>
    <t>45/4R</t>
  </si>
  <si>
    <t>Chak No. 45/3.R Okara</t>
  </si>
  <si>
    <t>Ishrat Saeed</t>
  </si>
  <si>
    <t>GPS BASTI BEWAN MUSTAFA ABAD</t>
  </si>
  <si>
    <t>Beewan</t>
  </si>
  <si>
    <t>GPS basti beewan mustafabad kasur</t>
  </si>
  <si>
    <t>Basti Beewan</t>
  </si>
  <si>
    <t>Muatafabad</t>
  </si>
  <si>
    <t>Yasin Manzoor</t>
  </si>
  <si>
    <t>GGES JOYIAN WALA</t>
  </si>
  <si>
    <t>Joyanwala</t>
  </si>
  <si>
    <t>village joyanwala tehsil muridke district sheikhupura</t>
  </si>
  <si>
    <t>Saba Sarwar</t>
  </si>
  <si>
    <t>GPS MOUZA KALERA KHURD</t>
  </si>
  <si>
    <t>KALERA KHURD</t>
  </si>
  <si>
    <t>mouza kalera khurd kamalia</t>
  </si>
  <si>
    <t>Mouza Kalera khurd kamalia</t>
  </si>
  <si>
    <t>Qaiser Aziz</t>
  </si>
  <si>
    <t>GMPS CHAK NO.39 NB</t>
  </si>
  <si>
    <t>39nb</t>
  </si>
  <si>
    <t>chak 39 nb</t>
  </si>
  <si>
    <t>Chak 39nb</t>
  </si>
  <si>
    <t>Chak 36nb</t>
  </si>
  <si>
    <t>Lala Rukh Qureshi</t>
  </si>
  <si>
    <t>GGPS AHATA TERBALA</t>
  </si>
  <si>
    <t>Ahatta Terbela</t>
  </si>
  <si>
    <t>ahatta terbela HMC road taxila</t>
  </si>
  <si>
    <t>Ghari Sikandr</t>
  </si>
  <si>
    <t>Farkhanda Rana</t>
  </si>
  <si>
    <t>GGPS NOSHARA</t>
  </si>
  <si>
    <t>noshehra mailsi</t>
  </si>
  <si>
    <t>Farzana Mai</t>
  </si>
  <si>
    <t>GGES CHAK NO. 29</t>
  </si>
  <si>
    <t>Chak No 29</t>
  </si>
  <si>
    <t>chak no 29</t>
  </si>
  <si>
    <t>Mona Saidan</t>
  </si>
  <si>
    <t>GGES FATEH PUR MERA</t>
  </si>
  <si>
    <t>GGES Fateh Pur Mera Tehsil Quaidabad District Khushab</t>
  </si>
  <si>
    <t>GGPS LOHA BHIR</t>
  </si>
  <si>
    <t>Lohabhir</t>
  </si>
  <si>
    <t>p/omachiwal moza loha bhir</t>
  </si>
  <si>
    <t>Qayum Fatima</t>
  </si>
  <si>
    <t>GGPS QAMMER</t>
  </si>
  <si>
    <t>Qamar</t>
  </si>
  <si>
    <t>village qamar post office haranpur p.d.khan jhelum</t>
  </si>
  <si>
    <t>Farwa Zainab</t>
  </si>
  <si>
    <t>GMPS THAKRA MHAY</t>
  </si>
  <si>
    <t>THakra Mahy</t>
  </si>
  <si>
    <t>THakra mahy</t>
  </si>
  <si>
    <t>Vero Wala</t>
  </si>
  <si>
    <t>aisha Ali</t>
  </si>
  <si>
    <t>GMPS KOT SAJAN SINGH</t>
  </si>
  <si>
    <t>KOT SHam singh village haripur bhoe asal</t>
  </si>
  <si>
    <t>KOT SHAM SINGH</t>
  </si>
  <si>
    <t>mehwish Tariq</t>
  </si>
  <si>
    <t>19595</t>
  </si>
  <si>
    <t>GGPS CHAK 387 JB ALHAR</t>
  </si>
  <si>
    <t>387jb</t>
  </si>
  <si>
    <t>chak No387jb</t>
  </si>
  <si>
    <t>Chak No 387jb</t>
  </si>
  <si>
    <t>Musrrat Perveen</t>
  </si>
  <si>
    <t>40489</t>
  </si>
  <si>
    <t>GGES ISLAM GUNJI KHEWRA</t>
  </si>
  <si>
    <t>GGES Islam ganj Khewra tehsil Pind Dadan Khan Distt. Jhelum</t>
  </si>
  <si>
    <t>GPS BAHUDI PUR MACHIAN</t>
  </si>
  <si>
    <t>P/O Akramabad,Bahudi Pur Machian</t>
  </si>
  <si>
    <t>Bahudi Pur Machian</t>
  </si>
  <si>
    <t>Inam Akbar</t>
  </si>
  <si>
    <t>GES ZAFARWAL</t>
  </si>
  <si>
    <t>govt elemantry school zafarwal</t>
  </si>
  <si>
    <t>GGPS WAHLAY</t>
  </si>
  <si>
    <t>GPS BAIT SHAHIL KHAN</t>
  </si>
  <si>
    <t>P/O Mir Hazar,Tehsil Jatoi District Muzaffar Garh</t>
  </si>
  <si>
    <t>GGPS HEDRA</t>
  </si>
  <si>
    <t>Haidra</t>
  </si>
  <si>
    <t>g.g.p.s haidra tehsil hazro district Attock</t>
  </si>
  <si>
    <t>GPS CHAH RANJHA</t>
  </si>
  <si>
    <t>Abdurrehman</t>
  </si>
  <si>
    <t>basti chah ranjha p/o basti molviya</t>
  </si>
  <si>
    <t>Basti Chah Ranjha</t>
  </si>
  <si>
    <t>GMPS CHAK NO.46-DB</t>
  </si>
  <si>
    <t>Chak No 46db</t>
  </si>
  <si>
    <t>chak no 46db</t>
  </si>
  <si>
    <t>Chak No 63db</t>
  </si>
  <si>
    <t>45268</t>
  </si>
  <si>
    <t>GGPS MOHALLA CHEENA WALA HAIDER ABAD</t>
  </si>
  <si>
    <t>mohallah cheena wala haider abad</t>
  </si>
  <si>
    <t>Haider Abbad</t>
  </si>
  <si>
    <t>Tahira Shaukat</t>
  </si>
  <si>
    <t>GGPS 104/9-L</t>
  </si>
  <si>
    <t>Chak 104 9/L</t>
  </si>
  <si>
    <t>chak 104 9/L sahiwal</t>
  </si>
  <si>
    <t>Chak 104 9/ L</t>
  </si>
  <si>
    <t>Chak 133 9/L</t>
  </si>
  <si>
    <t>GGES MOCHI WAL</t>
  </si>
  <si>
    <t>Mochiwal Tehsil Shahpur  District Sargodha</t>
  </si>
  <si>
    <t>Iqra Zahoor</t>
  </si>
  <si>
    <t>19132</t>
  </si>
  <si>
    <t>GGPS CHAK 710 GB-I</t>
  </si>
  <si>
    <t>G GPS 710/1GB Kamalia</t>
  </si>
  <si>
    <t>Shahzadi Nighat Naseem</t>
  </si>
  <si>
    <t>GMPS CHAK NO 294 HR</t>
  </si>
  <si>
    <t>294hr</t>
  </si>
  <si>
    <t>294 Hr</t>
  </si>
  <si>
    <t>GULNAZ QAMAR</t>
  </si>
  <si>
    <t>GGES KOT  DAUD</t>
  </si>
  <si>
    <t>Miratha</t>
  </si>
  <si>
    <t>GGE/S Kot Daud near pull gajri wala</t>
  </si>
  <si>
    <t>Pull Gajri Wala</t>
  </si>
  <si>
    <t>34641</t>
  </si>
  <si>
    <t>GMPS RAO GARH</t>
  </si>
  <si>
    <t>Rana Whain</t>
  </si>
  <si>
    <t>gmps rao garh post office momin abad multan saddar multan</t>
  </si>
  <si>
    <t>Rao Garh</t>
  </si>
  <si>
    <t>Rana whain</t>
  </si>
  <si>
    <t>zulfqar ali</t>
  </si>
  <si>
    <t>40013</t>
  </si>
  <si>
    <t>GGPS BASIA</t>
  </si>
  <si>
    <t>G.G.P.S.Basia</t>
  </si>
  <si>
    <t>18434</t>
  </si>
  <si>
    <t>GGPS CHAK NOURANG SHAH</t>
  </si>
  <si>
    <t>Chak Nourang Shah</t>
  </si>
  <si>
    <t>GGPS chak nourang shah tehsil a.p sial district jhang</t>
  </si>
  <si>
    <t>Rabia Ismail</t>
  </si>
  <si>
    <t>GGPS GHULAM HUSSAIN VEROANA</t>
  </si>
  <si>
    <t>Ghulam Hussain Veroana</t>
  </si>
  <si>
    <t>moza ghulam hussain veroana post office mulfatyana kamalia</t>
  </si>
  <si>
    <t>15265</t>
  </si>
  <si>
    <t>GGPS 92 RB II</t>
  </si>
  <si>
    <t>92rb 2nd</t>
  </si>
  <si>
    <t>Chak #92rb || Tehsil Jaranwala District Faisalabad</t>
  </si>
  <si>
    <t>61 R B Bedianwala</t>
  </si>
  <si>
    <t>GPS RASHEED PATHAN WALA</t>
  </si>
  <si>
    <t>pati sami shumali turko adda markac choubara</t>
  </si>
  <si>
    <t>Rasheed Pathan</t>
  </si>
  <si>
    <t>muhammad zubair</t>
  </si>
  <si>
    <t>GGES CHAK NO. 213/FA</t>
  </si>
  <si>
    <t>213/FA</t>
  </si>
  <si>
    <t>Muslam Town Dahranwala</t>
  </si>
  <si>
    <t>Jattu Wala</t>
  </si>
  <si>
    <t>GPS Hussain abad bahawal Nagar</t>
  </si>
  <si>
    <t>Baste Hussain Abad</t>
  </si>
  <si>
    <t>Rab Nwaz Pura</t>
  </si>
  <si>
    <t>Naghmana zakria</t>
  </si>
  <si>
    <t>GPS BHOBHANGI</t>
  </si>
  <si>
    <t>village Bhobhangi PO perochak Teh Daska Disst Sialkot</t>
  </si>
  <si>
    <t>Babar Baig</t>
  </si>
  <si>
    <t>GGPS FAIZ ABAD NO 2</t>
  </si>
  <si>
    <t>Kot Sai  Sing</t>
  </si>
  <si>
    <t>Basti faiz abad  sattlite town jhang</t>
  </si>
  <si>
    <t>Misbah Ambreen</t>
  </si>
  <si>
    <t>GGPS 37 KB</t>
  </si>
  <si>
    <t>chak# 37 Kb Tehseel Burewala.</t>
  </si>
  <si>
    <t>Zile Huma</t>
  </si>
  <si>
    <t>GGPS WASIL SHAH</t>
  </si>
  <si>
    <t>Wasil Shah</t>
  </si>
  <si>
    <t>moza wasil shah saliyana.</t>
  </si>
  <si>
    <t>36655</t>
  </si>
  <si>
    <t>GGES SAHIB LANGRA</t>
  </si>
  <si>
    <t>Sahib Langra</t>
  </si>
  <si>
    <t>Givt.Girls Middle School Sahib langra</t>
  </si>
  <si>
    <t>Baqipur</t>
  </si>
  <si>
    <t>GMPS CHAK 453 ASHIANA MILLS (April-2016)</t>
  </si>
  <si>
    <t>Chak 453</t>
  </si>
  <si>
    <t>chak 453 khandawala</t>
  </si>
  <si>
    <t>Chak 446</t>
  </si>
  <si>
    <t>GGES 85/6-R</t>
  </si>
  <si>
    <t>chak 85/6r</t>
  </si>
  <si>
    <t>robina yasmin</t>
  </si>
  <si>
    <t>GGES Ghazi Abad</t>
  </si>
  <si>
    <t>Jhang Sadar</t>
  </si>
  <si>
    <t>GMPS RAJA DAHAR</t>
  </si>
  <si>
    <t>Raja Dahar</t>
  </si>
  <si>
    <t>GMPS Raja Dahar</t>
  </si>
  <si>
    <t>Raja Daha</t>
  </si>
  <si>
    <t>Jan M Wala</t>
  </si>
  <si>
    <t>GPS AUQAF PILOT MADHU LAL HUSSAIN</t>
  </si>
  <si>
    <t>Muhammad Din colony</t>
  </si>
  <si>
    <t>Guhlam Muhammad</t>
  </si>
  <si>
    <t>GPS KOT HABIB AHMAD KHAN</t>
  </si>
  <si>
    <t>GPS kot Habib Ahmad khan, bhuchuki, Raiwind</t>
  </si>
  <si>
    <t>GGES SHAHNAL STATION</t>
  </si>
  <si>
    <t>gges station shahnal lodhran</t>
  </si>
  <si>
    <t>Samina Rasheed</t>
  </si>
  <si>
    <t>GMPS CHAK 384 JB EIS PIR</t>
  </si>
  <si>
    <t>Chak No 384 Jb</t>
  </si>
  <si>
    <t>chak no 384 jb T.T.Singh</t>
  </si>
  <si>
    <t>RAHILA PERVEEN</t>
  </si>
  <si>
    <t>GGPS 93/P-A BASTI ASLAM MAHANDRA</t>
  </si>
  <si>
    <t>93p</t>
  </si>
  <si>
    <t>chak 93p A aslam mahandra</t>
  </si>
  <si>
    <t>Sobia Manzoor</t>
  </si>
  <si>
    <t>GGPS CHAPPA</t>
  </si>
  <si>
    <t>village chappa post office bata pur lahore</t>
  </si>
  <si>
    <t>Wajeeha Mehboob</t>
  </si>
  <si>
    <t>GGCMPS CHAK 385 JB</t>
  </si>
  <si>
    <t>385jb</t>
  </si>
  <si>
    <t>chak no 385 jbTtsingh</t>
  </si>
  <si>
    <t>Chak  No 385jb</t>
  </si>
  <si>
    <t>Chak No 383jb</t>
  </si>
  <si>
    <t>Farukh Ijaz</t>
  </si>
  <si>
    <t>GGPS Haji Abdul Raheem</t>
  </si>
  <si>
    <t>khrar buzdar</t>
  </si>
  <si>
    <t>Bastion Abdul Raheem</t>
  </si>
  <si>
    <t>Gulnaz Bi Bi</t>
  </si>
  <si>
    <t>52362</t>
  </si>
  <si>
    <t>GES MANDI AHMAD ABAD</t>
  </si>
  <si>
    <t>GOVT.ELEMENTARY SCHOOL MANDI AHMAD ABAD</t>
  </si>
  <si>
    <t>52837</t>
  </si>
  <si>
    <t>GMPS CHAK ASAD ULLAH PUR</t>
  </si>
  <si>
    <t>Village Asadullah Pur</t>
  </si>
  <si>
    <t>GMPS SHAHAMAND WALA</t>
  </si>
  <si>
    <t>Vijlana</t>
  </si>
  <si>
    <t>muhza vijlana dakhana aliabad gmps shahamand wala</t>
  </si>
  <si>
    <t>Najma Sitara</t>
  </si>
  <si>
    <t>17495</t>
  </si>
  <si>
    <t>GGPS PHALOWAL, BASTI NOOR PURA</t>
  </si>
  <si>
    <t>Govt.Girls Primary School Phalowal,Jhang</t>
  </si>
  <si>
    <t>Rubila Tabasam</t>
  </si>
  <si>
    <t>52762</t>
  </si>
  <si>
    <t>GGPS ISLAM NAGAR HAVELI</t>
  </si>
  <si>
    <t>Haveli city</t>
  </si>
  <si>
    <t>Ggps islam nagar</t>
  </si>
  <si>
    <t>Rafia paerveen</t>
  </si>
  <si>
    <t>GMPS MC NO.6 Sadar</t>
  </si>
  <si>
    <t>gmps mc no 6 sadar jhang bazar</t>
  </si>
  <si>
    <t>yaray Wali</t>
  </si>
  <si>
    <t>48281</t>
  </si>
  <si>
    <t>GPS DERA RANGLA</t>
  </si>
  <si>
    <t>gps dera rangla lilliani</t>
  </si>
  <si>
    <t>GGPS MALYAR</t>
  </si>
  <si>
    <t>Malyar</t>
  </si>
  <si>
    <t>VPO Malyar Tehsil P.D Khan Distt. Jhelum</t>
  </si>
  <si>
    <t>Salma Noreen</t>
  </si>
  <si>
    <t>33475</t>
  </si>
  <si>
    <t>GGPS GULISTAN COLONY SHAHKOT</t>
  </si>
  <si>
    <t>govt girls primary  school gilistan colony shahkaot</t>
  </si>
  <si>
    <t>Umar Pur Chak No 50</t>
  </si>
  <si>
    <t>Sanam Naz</t>
  </si>
  <si>
    <t>33468</t>
  </si>
  <si>
    <t>GGES CHAYLAY WALA CHAK NO. 38/RB</t>
  </si>
  <si>
    <t>Nizampura Chalian wala Chack 38 R B</t>
  </si>
  <si>
    <t>Nizampura Chalian Wala</t>
  </si>
  <si>
    <t>Tajammul Fatima</t>
  </si>
  <si>
    <t>GPS QILA GIYAN SINGH</t>
  </si>
  <si>
    <t>Qila Gian Sing</t>
  </si>
  <si>
    <t>Qila gian sing skp</t>
  </si>
  <si>
    <t>Qila Gian Singh</t>
  </si>
  <si>
    <t>GGPS BASTI EHSAN</t>
  </si>
  <si>
    <t>G G p s basti ehsan darbar jandi moza mehram sial</t>
  </si>
  <si>
    <t>Darbar Jandi</t>
  </si>
  <si>
    <t>Mubshra Tanveer</t>
  </si>
  <si>
    <t>40433</t>
  </si>
  <si>
    <t>GGMPS CHAK MUJAHID</t>
  </si>
  <si>
    <t>Chak Mujahid</t>
  </si>
  <si>
    <t>gmps chakmujahid,p.o dharyala jalip</t>
  </si>
  <si>
    <t>Shama Andleeb</t>
  </si>
  <si>
    <t>GGPS KANTRILA</t>
  </si>
  <si>
    <t>village kantrila po kala gujran tehsil Jhelum.</t>
  </si>
  <si>
    <t>GPS CHAK HUSSAIN ALI SHAH</t>
  </si>
  <si>
    <t>Chak Hussain Ali Shah</t>
  </si>
  <si>
    <t>chak hussain ali shah, tehsil renala khurd district okara</t>
  </si>
  <si>
    <t>Hafiz Saif ur Rehman</t>
  </si>
  <si>
    <t>39464</t>
  </si>
  <si>
    <t>GGPS AMRATI</t>
  </si>
  <si>
    <t>Amrati</t>
  </si>
  <si>
    <t>Amrati Malhowali Pindi Gheb Dist Attock</t>
  </si>
  <si>
    <t>GGES CHAK 196 RB EAST FAISALABAD</t>
  </si>
  <si>
    <t>Ghona Sharqi</t>
  </si>
  <si>
    <t>govt.girls elementary school 196RB east</t>
  </si>
  <si>
    <t>196RB East Ghona</t>
  </si>
  <si>
    <t>Union Council Ghona</t>
  </si>
  <si>
    <t>Umber Saoud</t>
  </si>
  <si>
    <t>GGPS HAVELI PANNAY KHAN</t>
  </si>
  <si>
    <t>havaily pannay Khan baroon raja jang</t>
  </si>
  <si>
    <t>Havaily Pannay  Khan</t>
  </si>
  <si>
    <t>Zaib U Nisa</t>
  </si>
  <si>
    <t>GPS 60 GB JARANWALA</t>
  </si>
  <si>
    <t>60 Gb Gubind Garh</t>
  </si>
  <si>
    <t>chak no 60 gb gubind garh tehsil jaranwala distt faisal abad</t>
  </si>
  <si>
    <t>58 Gb Kotli</t>
  </si>
  <si>
    <t>GGPS MIRPUR</t>
  </si>
  <si>
    <t>Mirpur</t>
  </si>
  <si>
    <t>village mirpur teh HassanAbdal dist Attock</t>
  </si>
  <si>
    <t>Bhallar jogi</t>
  </si>
  <si>
    <t>Naheed  Akhter</t>
  </si>
  <si>
    <t>44753</t>
  </si>
  <si>
    <t>GPS CHAK NO.70/F</t>
  </si>
  <si>
    <t>chak no 70/F thesil hasilpur</t>
  </si>
  <si>
    <t>Chak 70/F</t>
  </si>
  <si>
    <t>Umair Afzal</t>
  </si>
  <si>
    <t>Chakra Koriana</t>
  </si>
  <si>
    <t>mujahid colony</t>
  </si>
  <si>
    <t>GGCMS DHUPSARI</t>
  </si>
  <si>
    <t>Chak 1/p</t>
  </si>
  <si>
    <t>GGCMS basti doup sari</t>
  </si>
  <si>
    <t>Basti Coup Sari</t>
  </si>
  <si>
    <t>GPS DERA GUNADHA KATHA SAGHRAL</t>
  </si>
  <si>
    <t>Dera Gunadha</t>
  </si>
  <si>
    <t>dera gunadha post office katha saghral</t>
  </si>
  <si>
    <t>Hafiz Nazar Hussain</t>
  </si>
  <si>
    <t>GGES CHAK NO. 211/FA</t>
  </si>
  <si>
    <t>211 FA</t>
  </si>
  <si>
    <t>chak 211 FA TEHSIL CTN, P/O 95 F</t>
  </si>
  <si>
    <t>95 F</t>
  </si>
  <si>
    <t>GGMPS NANGAL SHAHU</t>
  </si>
  <si>
    <t>Nangal Shau</t>
  </si>
  <si>
    <t>Nangal Shahu p/o Khokhar Wali</t>
  </si>
  <si>
    <t>Nangal Shahu</t>
  </si>
  <si>
    <t>Gaddian</t>
  </si>
  <si>
    <t>Shazia Karamat</t>
  </si>
  <si>
    <t>41727</t>
  </si>
  <si>
    <t>GPS MILLAT ISLAMIA DHOK RAHEEM BAKHSH RAWALPINDI</t>
  </si>
  <si>
    <t>Dhok Raheem Bakhsh Rawalpindi</t>
  </si>
  <si>
    <t>TAHIR MEHMOOD KIANI</t>
  </si>
  <si>
    <t>GES THATHA KHOKHARN</t>
  </si>
  <si>
    <t>Thata Khokaran</t>
  </si>
  <si>
    <t>thata khokaran</t>
  </si>
  <si>
    <t>Thata Khokara</t>
  </si>
  <si>
    <t>GGPS CHAK 661/2 GB</t>
  </si>
  <si>
    <t>661/2</t>
  </si>
  <si>
    <t>GGPS 661/2 gb</t>
  </si>
  <si>
    <t>Chak no661/2 gb</t>
  </si>
  <si>
    <t>661/2 gb</t>
  </si>
  <si>
    <t>GGPS HAVELI TALIAN WALI</t>
  </si>
  <si>
    <t>haveli telian wali Raja Jung,Distt. Kasur.</t>
  </si>
  <si>
    <t>Haveli Telian Wali</t>
  </si>
  <si>
    <t>Azra Malik</t>
  </si>
  <si>
    <t>GMPS BASTI GHAUSIA</t>
  </si>
  <si>
    <t>Kot Sai Sngh</t>
  </si>
  <si>
    <t>chha sark wala near fsd road jhang</t>
  </si>
  <si>
    <t>Chah Samondr Wala</t>
  </si>
  <si>
    <t>33027</t>
  </si>
  <si>
    <t>GGES CHAK MIAN MUHAMMAD SIDDIQUE</t>
  </si>
  <si>
    <t>Chak Siddique</t>
  </si>
  <si>
    <t>GGES Chak Mian Muhammad siddique</t>
  </si>
  <si>
    <t>Dharmewala</t>
  </si>
  <si>
    <t>Ayesha Saddiqa</t>
  </si>
  <si>
    <t>10331</t>
  </si>
  <si>
    <t>GGPS CHAK NO 304 TDA</t>
  </si>
  <si>
    <t>304/TDA</t>
  </si>
  <si>
    <t>GGPS Chak No. 304/TDA, Tehsil Karor District Layyah</t>
  </si>
  <si>
    <t>Chak No. 304/TDA</t>
  </si>
  <si>
    <t>GES 73/15-L KHANEWAL</t>
  </si>
  <si>
    <t>72-73</t>
  </si>
  <si>
    <t>chak no 73/15 l</t>
  </si>
  <si>
    <t>Chak No 73/15 L</t>
  </si>
  <si>
    <t>GGPS HAJI PUR NORTH, KABIRWALA</t>
  </si>
  <si>
    <t>G.G.P.S HAJI PUR SHOMALI</t>
  </si>
  <si>
    <t>Attia Rabbani</t>
  </si>
  <si>
    <t>GGPS SAIDAN WALA</t>
  </si>
  <si>
    <t>Khasorianwala</t>
  </si>
  <si>
    <t>nawani shahani road khasorianwala</t>
  </si>
  <si>
    <t>Munzza Tahir</t>
  </si>
  <si>
    <t>GES LAL PIR</t>
  </si>
  <si>
    <t>Verar Sipra</t>
  </si>
  <si>
    <t>basti sapray wala teh.kot addu distt.m.garh</t>
  </si>
  <si>
    <t>Sapray Wala</t>
  </si>
  <si>
    <t>GPS DHOULKA COLONY</t>
  </si>
  <si>
    <t>Dhoulka</t>
  </si>
  <si>
    <t>g p s dhoulka colony</t>
  </si>
  <si>
    <t>Mouza Dholka</t>
  </si>
  <si>
    <t>GMPS CHINA SHUMALI BHAKKAR</t>
  </si>
  <si>
    <t>Chah Hassan Wala thal p/o chhina teh/distt bhakkar</t>
  </si>
  <si>
    <t>Chah Hassan Wala thal</t>
  </si>
  <si>
    <t>Peer ashab</t>
  </si>
  <si>
    <t>GPS KOT ISA SHAH</t>
  </si>
  <si>
    <t>kot ESA shah</t>
  </si>
  <si>
    <t>Kot Essa Shsh</t>
  </si>
  <si>
    <t>44954</t>
  </si>
  <si>
    <t>44681</t>
  </si>
  <si>
    <t>GMPS CHAK NO 187 TDA</t>
  </si>
  <si>
    <t>Royal</t>
  </si>
  <si>
    <t>chak no 187 TDA</t>
  </si>
  <si>
    <t>Chak 187 TDA</t>
  </si>
  <si>
    <t>183 -184 TDA</t>
  </si>
  <si>
    <t>Arooj Fathma</t>
  </si>
  <si>
    <t>15372</t>
  </si>
  <si>
    <t>GGES CHAK 199/TDA</t>
  </si>
  <si>
    <t>GGES199 TDA</t>
  </si>
  <si>
    <t>199 TDA</t>
  </si>
  <si>
    <t>Humaira Yasmeen</t>
  </si>
  <si>
    <t>GHS KOT ADU NO. 1</t>
  </si>
  <si>
    <t>ward no. 3 near sarafa bazar kot adu</t>
  </si>
  <si>
    <t>ward no 3 kot adu</t>
  </si>
  <si>
    <t>kot adu</t>
  </si>
  <si>
    <t>GGPS CHAK 380 GB LUNDIANWALA</t>
  </si>
  <si>
    <t>Barhana</t>
  </si>
  <si>
    <t>chak 380 gb</t>
  </si>
  <si>
    <t>Chak #380 Gb</t>
  </si>
  <si>
    <t>Sehar Iqbal</t>
  </si>
  <si>
    <t>GGES MUSLIM NAGAR</t>
  </si>
  <si>
    <t>Muslim Nagar jhang</t>
  </si>
  <si>
    <t>Muslim Nagar</t>
  </si>
  <si>
    <t>Abida Tehseen</t>
  </si>
  <si>
    <t>GGPS BHAKKAR CITY WARD NO 2</t>
  </si>
  <si>
    <t>G G P/S Ward No2 Bhakkar</t>
  </si>
  <si>
    <t>Suraya Parveen</t>
  </si>
  <si>
    <t>unchi poli chinioat road Jhang</t>
  </si>
  <si>
    <t>Unchi Poli</t>
  </si>
  <si>
    <t>35681</t>
  </si>
  <si>
    <t>GGPS CHAK NO 160 BUNGSI SIAL</t>
  </si>
  <si>
    <t>Bungsi Sial</t>
  </si>
  <si>
    <t>chak no 160 Bangsi sial jhang</t>
  </si>
  <si>
    <t>Chak no 160 Bangsi sial</t>
  </si>
  <si>
    <t>Samina Ahmad</t>
  </si>
  <si>
    <t>Ali abad Jhang</t>
  </si>
  <si>
    <t>GES CHAK 232 GB</t>
  </si>
  <si>
    <t>Chak no 232 GB, Tehsil Jarawalan, Disst. Faisalabad</t>
  </si>
  <si>
    <t>Chak no 232 GB</t>
  </si>
  <si>
    <t>39 GB Satiana</t>
  </si>
  <si>
    <t>46281</t>
  </si>
  <si>
    <t>GPS BURHAN</t>
  </si>
  <si>
    <t>Village Burhan P/O Majoka Tehsil Noorpur Thal District Khushab</t>
  </si>
  <si>
    <t>Khaikhurd</t>
  </si>
  <si>
    <t>Umar Daraz</t>
  </si>
  <si>
    <t>17362</t>
  </si>
  <si>
    <t>GGPS HAVELI MOHINGIR</t>
  </si>
  <si>
    <t>Pharh Pur</t>
  </si>
  <si>
    <t>mouza pharh pur basti dharhan wali thesil 18 hazari district jhang</t>
  </si>
  <si>
    <t>Dharan Wala</t>
  </si>
  <si>
    <t>Madiha Zafar Khan</t>
  </si>
  <si>
    <t>GGPS JAMALI KALAN</t>
  </si>
  <si>
    <t>Jamali Kalan</t>
  </si>
  <si>
    <t>mouza jamali kalan teh 18 hazari distt.jhang</t>
  </si>
  <si>
    <t>Gps hafizwala teh piplan distt mianwali</t>
  </si>
  <si>
    <t>Chak No 7ml</t>
  </si>
  <si>
    <t>Qamar Subhani</t>
  </si>
  <si>
    <t>GPS  KACHERY BHATTIAN</t>
  </si>
  <si>
    <t>Moza kot sultan p/o same katchery bhattian</t>
  </si>
  <si>
    <t>Katchery Bhattian</t>
  </si>
  <si>
    <t>20367</t>
  </si>
  <si>
    <t>GGPS BHATIAN WALA</t>
  </si>
  <si>
    <t>district chiniot tehsil lalian post office Langer Makhdoom village bhatianwala</t>
  </si>
  <si>
    <t>Bhatianwala</t>
  </si>
  <si>
    <t>Rahila Iram</t>
  </si>
  <si>
    <t>46499</t>
  </si>
  <si>
    <t>GPS CHAK NO. 24 MB</t>
  </si>
  <si>
    <t>Chak No 24 Mb</t>
  </si>
  <si>
    <t>24 mb p/o 24 mb quaidabad khushab</t>
  </si>
  <si>
    <t>MUHAMMAD Akbar</t>
  </si>
  <si>
    <t>47756</t>
  </si>
  <si>
    <t>GGES KILAY KHEL</t>
  </si>
  <si>
    <t>GGES killeykhail Piplan</t>
  </si>
  <si>
    <t>GGPS CDG JEVEN HANA</t>
  </si>
  <si>
    <t>Jeevan Hana</t>
  </si>
  <si>
    <t>194 Garden Block. Garden Town</t>
  </si>
  <si>
    <t>Jeven Hana Lahore</t>
  </si>
  <si>
    <t>Afshan Safdar</t>
  </si>
  <si>
    <t>Basti Malana, U / C Makwal Kalan, Tehsil Taunsa Sharif, District D.G.Khan.</t>
  </si>
  <si>
    <t>Khalid Saif Ullah</t>
  </si>
  <si>
    <t>GES MC KIRRI AFGHANAN MULTAN</t>
  </si>
  <si>
    <t>Mohallah Baghban Nawan Shehar Chowk ,Multan</t>
  </si>
  <si>
    <t>BAGHBAN</t>
  </si>
  <si>
    <t>Masood Ahmad Gujar</t>
  </si>
  <si>
    <t>GMPS CHAK NO. 27</t>
  </si>
  <si>
    <t>gmps chak 27 tehsil malakwal district mandi bahauddin</t>
  </si>
  <si>
    <t>Wariyait</t>
  </si>
  <si>
    <t>Seemab Mazhar</t>
  </si>
  <si>
    <t>GGES CHAK NO. 9/P</t>
  </si>
  <si>
    <t>Mudbhora</t>
  </si>
  <si>
    <t>GGES9P</t>
  </si>
  <si>
    <t>Chalk9p</t>
  </si>
  <si>
    <t>Mhdbhora</t>
  </si>
  <si>
    <t>Zeba Iqbal</t>
  </si>
  <si>
    <t>GPS JOGE</t>
  </si>
  <si>
    <t>JOGE</t>
  </si>
  <si>
    <t>joge</t>
  </si>
  <si>
    <t>Joge</t>
  </si>
  <si>
    <t>Ward Gran</t>
  </si>
  <si>
    <t>GGPS DHOK NOOR MUHAMMAD JAHANGIR</t>
  </si>
  <si>
    <t>vpo dhadhar tehsil noshehra district khushab</t>
  </si>
  <si>
    <t>GGPS 88/P NEW</t>
  </si>
  <si>
    <t>88p</t>
  </si>
  <si>
    <t>88\pnew</t>
  </si>
  <si>
    <t>88p New</t>
  </si>
  <si>
    <t>Tabinda Ramzan</t>
  </si>
  <si>
    <t>GMPS CHAK NO. 25</t>
  </si>
  <si>
    <t>Chak No 25</t>
  </si>
  <si>
    <t>village chak no 25 post office Rukken</t>
  </si>
  <si>
    <t>Daffer</t>
  </si>
  <si>
    <t>Ateka Parveen</t>
  </si>
  <si>
    <t>GPS CHAK 749 GB</t>
  </si>
  <si>
    <t>Chak 749 GB</t>
  </si>
  <si>
    <t>Chak No 749GB</t>
  </si>
  <si>
    <t>Chak 760 GB Nasir Nagar</t>
  </si>
  <si>
    <t>40585</t>
  </si>
  <si>
    <t>GGES PADHARI</t>
  </si>
  <si>
    <t>vpo Padhri teh Sohawa jhelum</t>
  </si>
  <si>
    <t>Nosheen Anjam</t>
  </si>
  <si>
    <t>GPS KHALAN WALA</t>
  </si>
  <si>
    <t>Near dera sayyed Farhat shah moza peer wala</t>
  </si>
  <si>
    <t>Khalan wala</t>
  </si>
  <si>
    <t>Ali Haider s/O zafar ali shah</t>
  </si>
  <si>
    <t>GGPS BHOTH NO.2</t>
  </si>
  <si>
    <t>Bhoth</t>
  </si>
  <si>
    <t>bhoth sialkot</t>
  </si>
  <si>
    <t>Noor Safia</t>
  </si>
  <si>
    <t>33448</t>
  </si>
  <si>
    <t>GGPS CHOKERIAN CHAK NO.51/RB</t>
  </si>
  <si>
    <t>Chokrian</t>
  </si>
  <si>
    <t>chokrian chak no 51rb</t>
  </si>
  <si>
    <t>Nasira Begum</t>
  </si>
  <si>
    <t>31777</t>
  </si>
  <si>
    <t>GGPS DAVI DAS PURA</t>
  </si>
  <si>
    <t>davidas pura</t>
  </si>
  <si>
    <t>mustfa abad</t>
  </si>
  <si>
    <t>GPS CHAK 684/25 GB</t>
  </si>
  <si>
    <t>chak no 684/25 Gb</t>
  </si>
  <si>
    <t>684/25 Gb</t>
  </si>
  <si>
    <t>26105</t>
  </si>
  <si>
    <t>GPS AFZALPURA</t>
  </si>
  <si>
    <t>gps Afzalpura skg</t>
  </si>
  <si>
    <t>Muhammad yousaf</t>
  </si>
  <si>
    <t>12893</t>
  </si>
  <si>
    <t>Saday Waen</t>
  </si>
  <si>
    <t>jhandeer wala moza saday waen</t>
  </si>
  <si>
    <t>Jhandeer Wala</t>
  </si>
  <si>
    <t>Rehmanabad Abad</t>
  </si>
  <si>
    <t>village Rehmanabad Abad post office surag</t>
  </si>
  <si>
    <t>GGPS DHOK MIANA</t>
  </si>
  <si>
    <t>Raeka Maira</t>
  </si>
  <si>
    <t>Village Raeka maira pÃ³ chack beli Khan tehsil dist RWP</t>
  </si>
  <si>
    <t>Asmat Yasmin</t>
  </si>
  <si>
    <t>GPS AMIN PUR</t>
  </si>
  <si>
    <t>Ameenpur</t>
  </si>
  <si>
    <t>Gps ameenpur p/o karampur</t>
  </si>
  <si>
    <t>GPS HAJI SARFARAZ</t>
  </si>
  <si>
    <t>GPS dera hajisarfraz</t>
  </si>
  <si>
    <t>Haji Sarfraz</t>
  </si>
  <si>
    <t>GMPS TIKKA</t>
  </si>
  <si>
    <t>Tikka</t>
  </si>
  <si>
    <t>GMPS Tikka</t>
  </si>
  <si>
    <t>GPS DHAT LAK</t>
  </si>
  <si>
    <t>dhat lak</t>
  </si>
  <si>
    <t>govt primary school dhat lak</t>
  </si>
  <si>
    <t>46208</t>
  </si>
  <si>
    <t>GPS DERA GUJRAN WALA</t>
  </si>
  <si>
    <t>govt p/s dera gujranwalla</t>
  </si>
  <si>
    <t>dera gujranwalla</t>
  </si>
  <si>
    <t>noorpur rural</t>
  </si>
  <si>
    <t>GPS MUSLIM SHEIKHANWALA</t>
  </si>
  <si>
    <t>wandha Muslim sheikhanwala via harnoli tehsil piplan district Mianwali</t>
  </si>
  <si>
    <t>Muslim Sheikhanwala</t>
  </si>
  <si>
    <t>GGES CHAK 34</t>
  </si>
  <si>
    <t>chek34</t>
  </si>
  <si>
    <t>Check 34</t>
  </si>
  <si>
    <t>Iqra Saeed</t>
  </si>
  <si>
    <t>GGPS WALI SERAI</t>
  </si>
  <si>
    <t>Dullo Nashaib</t>
  </si>
  <si>
    <t>Government primary school wali sirai</t>
  </si>
  <si>
    <t>Lohanch Nashain</t>
  </si>
  <si>
    <t>shagufta naz</t>
  </si>
  <si>
    <t>GPS RONAQ PURA</t>
  </si>
  <si>
    <t>Mohallah Ronaq Pura khushab</t>
  </si>
  <si>
    <t>Naeem Akhtar Amin</t>
  </si>
  <si>
    <t>GGPS OTHEE</t>
  </si>
  <si>
    <t>Othee</t>
  </si>
  <si>
    <t>g.g.p.s othee</t>
  </si>
  <si>
    <t>Sarghana</t>
  </si>
  <si>
    <t>GPS MAJOKAN WALA</t>
  </si>
  <si>
    <t>KALLUR KOT DAGER</t>
  </si>
  <si>
    <t>MAJOKAN WALA, P/O SAEED WALA , TEHSIL KALLUR KOT DISTT BHAKKAR</t>
  </si>
  <si>
    <t>MAJOKAN WALA</t>
  </si>
  <si>
    <t>NOON DAGGER</t>
  </si>
  <si>
    <t>GHULAM HAKIM</t>
  </si>
  <si>
    <t>24402</t>
  </si>
  <si>
    <t>GGPS CHAK RANDHAWA</t>
  </si>
  <si>
    <t>Chak Randhawa</t>
  </si>
  <si>
    <t>chak randhawa p/o badiana tehsil pasrur distt. Sialkot</t>
  </si>
  <si>
    <t>39957</t>
  </si>
  <si>
    <t>shahpur vpo shamasabad</t>
  </si>
  <si>
    <t>GPS CHAK NO. 98/L</t>
  </si>
  <si>
    <t>Chak No 98 /1-L</t>
  </si>
  <si>
    <t>chak no 98/-L</t>
  </si>
  <si>
    <t>Chak No /98-L</t>
  </si>
  <si>
    <t>Bagho O Bahar</t>
  </si>
  <si>
    <t>GPS BASHIR SINAWAN WALA</t>
  </si>
  <si>
    <t>Bashir Sinawan P/o Bashir sinawan  Tehsil&amp;Disstrict  M.Garh</t>
  </si>
  <si>
    <t>Bashir Sinawan</t>
  </si>
  <si>
    <t>GPS MAKAL</t>
  </si>
  <si>
    <t>basti makal moza dolatwala post office kotlajam bhakkar</t>
  </si>
  <si>
    <t>Basti makal</t>
  </si>
  <si>
    <t>Irfan Majeed</t>
  </si>
  <si>
    <t>52314</t>
  </si>
  <si>
    <t>GGES DHULYIANA (Under NGO)</t>
  </si>
  <si>
    <t>Dhulyiana</t>
  </si>
  <si>
    <t>GGES dhulyiana</t>
  </si>
  <si>
    <t>Asifa Rehman</t>
  </si>
  <si>
    <t>39387</t>
  </si>
  <si>
    <t>GMPS BAWRA</t>
  </si>
  <si>
    <t>Bawra</t>
  </si>
  <si>
    <t>gmps bawra</t>
  </si>
  <si>
    <t>Aziz Un Nisa</t>
  </si>
  <si>
    <t>GPS CHAK NO 51 MB</t>
  </si>
  <si>
    <t>Abdul wahid malik</t>
  </si>
  <si>
    <t>GGPS GULHAR</t>
  </si>
  <si>
    <t>PO rind jadda tehsil kehror pacca district lodhran</t>
  </si>
  <si>
    <t>Rind Jadda</t>
  </si>
  <si>
    <t>Saba Taskeen</t>
  </si>
  <si>
    <t>29832</t>
  </si>
  <si>
    <t>GMPS GHUINKE NO.2</t>
  </si>
  <si>
    <t>VPO GHUINKE  TEH. DASKA  DISTRICT  SIALKOT</t>
  </si>
  <si>
    <t>water pump  hand pump</t>
  </si>
  <si>
    <t>GGES SABA RAJGAN</t>
  </si>
  <si>
    <t>Sabarajgan</t>
  </si>
  <si>
    <t>Ggessabarajgan village and post office Saba rajgan tehsil and district Chakwal</t>
  </si>
  <si>
    <t>41975</t>
  </si>
  <si>
    <t>GGPS NO.4 NEW PLOT GOJRA</t>
  </si>
  <si>
    <t>g g p s no 4 new plot gojra</t>
  </si>
  <si>
    <t>Misbah tabussum</t>
  </si>
  <si>
    <t>GGES JATRIA KALAN</t>
  </si>
  <si>
    <t>Jatrian Kalan</t>
  </si>
  <si>
    <t>gges jatrian kalan daak khan</t>
  </si>
  <si>
    <t>Jatria Kalan</t>
  </si>
  <si>
    <t>GGPS PEROANA SHUMALI</t>
  </si>
  <si>
    <t>p/o jaboana moza Perwana Shumali , 18-hazari , jhang</t>
  </si>
  <si>
    <t>GPS NO. 2 SHAHKOT</t>
  </si>
  <si>
    <t>Ward 13</t>
  </si>
  <si>
    <t>ward 13 shahkot</t>
  </si>
  <si>
    <t>Ward 13 Shahkot</t>
  </si>
  <si>
    <t>Mc Shahkot</t>
  </si>
  <si>
    <t>MAQSOOD KHALID MUDASSAR</t>
  </si>
  <si>
    <t>GGPS 65/4-R</t>
  </si>
  <si>
    <t>65/4R</t>
  </si>
  <si>
    <t>chak no 65/4r teh&amp;disstt sahiwal</t>
  </si>
  <si>
    <t>GGPS KOT NODAN</t>
  </si>
  <si>
    <t>NOKHAR</t>
  </si>
  <si>
    <t>GGPS KOT NADHAN PO BOX NOKAR TEH NOSHARA VIRKAN</t>
  </si>
  <si>
    <t>KOT NADHAN</t>
  </si>
  <si>
    <t>23911</t>
  </si>
  <si>
    <t>GMPS HAPU GARHA</t>
  </si>
  <si>
    <t>Happu Garha</t>
  </si>
  <si>
    <t>Village p\o Beerh Teh Daska Distt Sialkot</t>
  </si>
  <si>
    <t>Fouzia Tasleem</t>
  </si>
  <si>
    <t>GGPS KALU KOTHA</t>
  </si>
  <si>
    <t>Kalu Kotha</t>
  </si>
  <si>
    <t>Village kotha kalan po kalu khurd tehsil hazro distt attock.</t>
  </si>
  <si>
    <t>Qamar-un-nisa</t>
  </si>
  <si>
    <t>3443</t>
  </si>
  <si>
    <t>30332</t>
  </si>
  <si>
    <t>GPS GOPAL PURA</t>
  </si>
  <si>
    <t>GOPAL Pura</t>
  </si>
  <si>
    <t>GOPAL Pura BATA pur Lahore</t>
  </si>
  <si>
    <t>Muhammad Asif Habib</t>
  </si>
  <si>
    <t>GPS THIMKA</t>
  </si>
  <si>
    <t>Village Thimka district &amp; tehsil Gujrat</t>
  </si>
  <si>
    <t>Thimka Nafriyan</t>
  </si>
  <si>
    <t>Usama Safdar</t>
  </si>
  <si>
    <t>GPMS KOTLA NARANJEN</t>
  </si>
  <si>
    <t>kotla narunjen</t>
  </si>
  <si>
    <t>basti kotla narunjen  tehsil kehror pacca district  lodhran</t>
  </si>
  <si>
    <t>Amir pur sadaat</t>
  </si>
  <si>
    <t>GGPS MIANI</t>
  </si>
  <si>
    <t>GGPS Miani</t>
  </si>
  <si>
    <t>Afshan Naseem</t>
  </si>
  <si>
    <t>GPS WACHOKE KHURD</t>
  </si>
  <si>
    <t>WACHOKE KHURD</t>
  </si>
  <si>
    <t>VILLAGE WACHOKE KHURD.P/O JURIAN.TEH &amp; DISTT.HAFIZABAD</t>
  </si>
  <si>
    <t>Ehsan ul Haq</t>
  </si>
  <si>
    <t>GPS MAQSOODA</t>
  </si>
  <si>
    <t>Maqsooda teh mailsi Distt Vehari</t>
  </si>
  <si>
    <t>GGPS MOZA BAHA UD DIN HUSSAIN KHAN</t>
  </si>
  <si>
    <t>Baha-ud-Din Wal</t>
  </si>
  <si>
    <t>Baha-ud-Din hussain khan</t>
  </si>
  <si>
    <t>AFSHAN AKRAM</t>
  </si>
  <si>
    <t>GGPS SOHAY WALA</t>
  </si>
  <si>
    <t>muhammad Bilal mohala jhroli kallur kot</t>
  </si>
  <si>
    <t>Sohay Wala</t>
  </si>
  <si>
    <t>Basti Machher wala Ali pur</t>
  </si>
  <si>
    <t>Machher wala</t>
  </si>
  <si>
    <t>Asifa Khursheed</t>
  </si>
  <si>
    <t>GPS CHAK NO.168/7-R (M)</t>
  </si>
  <si>
    <t>chak 168/7R(M)</t>
  </si>
  <si>
    <t>Qasim Zia</t>
  </si>
  <si>
    <t>GGPS CHAK NO 243 JB WEST</t>
  </si>
  <si>
    <t>Chak 243</t>
  </si>
  <si>
    <t>GGPS 243 JB west , tehsil bhowana</t>
  </si>
  <si>
    <t>243 Channad</t>
  </si>
  <si>
    <t>GMPS CHAH JOIAN WALA</t>
  </si>
  <si>
    <t>chah joyean wala</t>
  </si>
  <si>
    <t>Chah Joyean Wala</t>
  </si>
  <si>
    <t>zargull bibi</t>
  </si>
  <si>
    <t>GPS KALLUR KOT NO. 2</t>
  </si>
  <si>
    <t>kallur kot city</t>
  </si>
  <si>
    <t>Mc Kallur Kot</t>
  </si>
  <si>
    <t>Muhammad Noman</t>
  </si>
  <si>
    <t>GGPS HAYAT WALA</t>
  </si>
  <si>
    <t>karmon wali</t>
  </si>
  <si>
    <t>ggps hyat wala mouza hasil pur</t>
  </si>
  <si>
    <t>Hasil wala</t>
  </si>
  <si>
    <t>Madeeha Tabassum</t>
  </si>
  <si>
    <t>GPS 141 RB II</t>
  </si>
  <si>
    <t>Sadarwala</t>
  </si>
  <si>
    <t>Chak no 141rb II</t>
  </si>
  <si>
    <t>Dair</t>
  </si>
  <si>
    <t>Sufyan Ashiq</t>
  </si>
  <si>
    <t>GGPS CHAK 420 JB</t>
  </si>
  <si>
    <t>chk no 420 jb</t>
  </si>
  <si>
    <t>423 Ada</t>
  </si>
  <si>
    <t>Mussrat shazadi</t>
  </si>
  <si>
    <t>16937</t>
  </si>
  <si>
    <t>GES BHOON</t>
  </si>
  <si>
    <t>Bhone</t>
  </si>
  <si>
    <t>p/o khas tehsil and district Jhang</t>
  </si>
  <si>
    <t>Kot Issa Shah</t>
  </si>
  <si>
    <t>GPS MARRAL WALA</t>
  </si>
  <si>
    <t>Moza Salman,Maral wala Tehsil Bhowana</t>
  </si>
  <si>
    <t>Marral Wala</t>
  </si>
  <si>
    <t>Bilal Akbar</t>
  </si>
  <si>
    <t>GGPS CHAK NO 171/7-R SOUTH</t>
  </si>
  <si>
    <t>171/7r South</t>
  </si>
  <si>
    <t>171/7r south</t>
  </si>
  <si>
    <t>GES MAHMOOD SHAH</t>
  </si>
  <si>
    <t>GOVT ELEMENTRY SCHOOL MEHMOOD SHAH, P/O GARH MAHARAJA</t>
  </si>
  <si>
    <t>GMPS RASOOL ABAD</t>
  </si>
  <si>
    <t>GMPS Rasoolabd gojira road jhang</t>
  </si>
  <si>
    <t>GGHS CHAK 301/HR</t>
  </si>
  <si>
    <t>301/HR</t>
  </si>
  <si>
    <t>301/HR P/O 302/HR Tehsil Fortabbas District Bahawalnagar</t>
  </si>
  <si>
    <t>GGES 52/12-L</t>
  </si>
  <si>
    <t>Chak no 52/12L</t>
  </si>
  <si>
    <t>ChakNo 52/12L</t>
  </si>
  <si>
    <t>Kousar  Parveen</t>
  </si>
  <si>
    <t>GHS FAZIL GUMANI</t>
  </si>
  <si>
    <t>Moza Gumani</t>
  </si>
  <si>
    <t>moza gumani tehsil ahmad pur east</t>
  </si>
  <si>
    <t>Gumani</t>
  </si>
  <si>
    <t>SadiqAbad</t>
  </si>
  <si>
    <t>MUHAMMAD AMJAD RAHI</t>
  </si>
  <si>
    <t>GMPS CHAK NO. 210/F (A)</t>
  </si>
  <si>
    <t>210/F</t>
  </si>
  <si>
    <t>chak number 210/F (A)</t>
  </si>
  <si>
    <t>GPS MC 224 RB ABADI HAKIM DIN FSD</t>
  </si>
  <si>
    <t>abadi meher hakim din maqbool road faisalabad</t>
  </si>
  <si>
    <t>Abadi Mehr Hakim Din</t>
  </si>
  <si>
    <t>GHS 248/RB</t>
  </si>
  <si>
    <t>248rb Bismillah Pur</t>
  </si>
  <si>
    <t>chak no 248/RB,fsd</t>
  </si>
  <si>
    <t>248/RB</t>
  </si>
  <si>
    <t>DR SHAUKAT ALI SHAUKAT</t>
  </si>
  <si>
    <t>GES JANDIALA</t>
  </si>
  <si>
    <t>jandiala</t>
  </si>
  <si>
    <t>govt.elemetry school jandiala</t>
  </si>
  <si>
    <t>jaadiala</t>
  </si>
  <si>
    <t>Qamar Ali</t>
  </si>
  <si>
    <t>GGPS DOBURJI</t>
  </si>
  <si>
    <t>Doburgi</t>
  </si>
  <si>
    <t>ggps doburgi baggah</t>
  </si>
  <si>
    <t>Nadala Sindhwan</t>
  </si>
  <si>
    <t>Saima Sodager</t>
  </si>
  <si>
    <t>GPS DARAS BARY MIAN</t>
  </si>
  <si>
    <t>Dars Barey Mian</t>
  </si>
  <si>
    <t>dars chotay mian mughalpura lahore</t>
  </si>
  <si>
    <t>dars Chotay Mian Mughalpura Lahore</t>
  </si>
  <si>
    <t>dars Chotay Mian</t>
  </si>
  <si>
    <t>Muhammad Zaheer Saleem</t>
  </si>
  <si>
    <t>GMPS CHAH RANJHIAN WALA</t>
  </si>
  <si>
    <t>chah ranjhain wala muzzamabad tecel kotmomen dist sargodha</t>
  </si>
  <si>
    <t>GGPS Dhok Tahli</t>
  </si>
  <si>
    <t>Shazia Javaid</t>
  </si>
  <si>
    <t>18196</t>
  </si>
  <si>
    <t>GGPS CHAK NO 484/JB JANOBI</t>
  </si>
  <si>
    <t>Chak no 484 janoobi</t>
  </si>
  <si>
    <t>Chak No 484 Janoobi</t>
  </si>
  <si>
    <t>Sabahat Jabbar</t>
  </si>
  <si>
    <t>GGES CHAK NO.9 SB</t>
  </si>
  <si>
    <t>Chak 9 Sb</t>
  </si>
  <si>
    <t>GGES chak 9 sb kotmomin</t>
  </si>
  <si>
    <t>24334</t>
  </si>
  <si>
    <t>GGMPS SAYEDAN WALA</t>
  </si>
  <si>
    <t>Syedanwala</t>
  </si>
  <si>
    <t>vpo Syedanwala Teh. P.D.Khan district Jhelum</t>
  </si>
  <si>
    <t>Pindi Said Por</t>
  </si>
  <si>
    <t>24418</t>
  </si>
  <si>
    <t>GGPS KULIAN GUJRAN</t>
  </si>
  <si>
    <t>Kulian  Gujran</t>
  </si>
  <si>
    <t>kulian  gujran  teh  pasrur distt sialkot</t>
  </si>
  <si>
    <t>GPS BUGHI PO HALLA</t>
  </si>
  <si>
    <t>Bughii</t>
  </si>
  <si>
    <t>gov p/s bughii halla</t>
  </si>
  <si>
    <t>GGES THILL</t>
  </si>
  <si>
    <t>vill &amp;p.o thill teh p.d.khan distt jhelum</t>
  </si>
  <si>
    <t>Sidra Shaheen</t>
  </si>
  <si>
    <t>GPS CHAK 28/1-AL</t>
  </si>
  <si>
    <t>28/1-AL</t>
  </si>
  <si>
    <t>chak no. 28/1-AL</t>
  </si>
  <si>
    <t>25/1-AL</t>
  </si>
  <si>
    <t>Sohail Akram</t>
  </si>
  <si>
    <t>15091</t>
  </si>
  <si>
    <t>GMPS PIR GHAR CHISHTI</t>
  </si>
  <si>
    <t>Peer Ghar ChIshti</t>
  </si>
  <si>
    <t>peer ghar chishti</t>
  </si>
  <si>
    <t>Peer Ghar Chishti</t>
  </si>
  <si>
    <t>Riffat Mahmood</t>
  </si>
  <si>
    <t>GGPS DHOK CHAKIAN DAKHLI NILHAD</t>
  </si>
  <si>
    <t>vpo nilhad tehsil pindigheb.distt attock</t>
  </si>
  <si>
    <t>25402</t>
  </si>
  <si>
    <t>GPS BHOPAL WALA NO.2</t>
  </si>
  <si>
    <t>P/o Bhopalwala</t>
  </si>
  <si>
    <t>Aleem Ullah Cheema</t>
  </si>
  <si>
    <t>village Jandala post office potha teh murree dis  Rawalpindi</t>
  </si>
  <si>
    <t>Rahat Bano Abbasi</t>
  </si>
  <si>
    <t>53926</t>
  </si>
  <si>
    <t>GES NATH DUFF</t>
  </si>
  <si>
    <t>Raij</t>
  </si>
  <si>
    <t>Basti nath duff moza raij manjhvail uc therkar</t>
  </si>
  <si>
    <t>Nath duff</t>
  </si>
  <si>
    <t>tauqeer abbass shah</t>
  </si>
  <si>
    <t>GGPS ORARA KHURD</t>
  </si>
  <si>
    <t>Tahira Anwar</t>
  </si>
  <si>
    <t>GGPS ANGRA SOUTH</t>
  </si>
  <si>
    <t>angra south</t>
  </si>
  <si>
    <t>noora shreef</t>
  </si>
  <si>
    <t>noora shref</t>
  </si>
  <si>
    <t>amna laal</t>
  </si>
  <si>
    <t>13298</t>
  </si>
  <si>
    <t>GGES ALI SHAH</t>
  </si>
  <si>
    <t>KOTLA LALSHAH</t>
  </si>
  <si>
    <t>GGES ALI SHAH KOTLA LAL SHAH BASTI ALI SHAH</t>
  </si>
  <si>
    <t>BASTI ALISHAH</t>
  </si>
  <si>
    <t>GES HANGLOON KUCH</t>
  </si>
  <si>
    <t>hangloonkach tribal area DGKhan</t>
  </si>
  <si>
    <t>Theker</t>
  </si>
  <si>
    <t>sulaman lakhi</t>
  </si>
  <si>
    <t>23341</t>
  </si>
  <si>
    <t>GGPS KHUNI CHAK (CHAK MURTAZA)</t>
  </si>
  <si>
    <t>Chak Murtaza</t>
  </si>
  <si>
    <t>chak murtaza</t>
  </si>
  <si>
    <t>Kulewal</t>
  </si>
  <si>
    <t>GGES CHAK NO. 38 SHARQI</t>
  </si>
  <si>
    <t>Chak No 38 sharqi</t>
  </si>
  <si>
    <t>Chak no 38 sharqi</t>
  </si>
  <si>
    <t>Chak No 38 Sharqi</t>
  </si>
  <si>
    <t>Asma Shahnaz</t>
  </si>
  <si>
    <t>GGES CHAK 322 JB</t>
  </si>
  <si>
    <t>322 jb tehsil &amp; district t.t.singh</t>
  </si>
  <si>
    <t>Tahsin Qamar</t>
  </si>
  <si>
    <t>GGES ALLAH BUX BALI</t>
  </si>
  <si>
    <t>basti allah bux bali</t>
  </si>
  <si>
    <t>Allah Bux Bali</t>
  </si>
  <si>
    <t>Mah Rukh</t>
  </si>
  <si>
    <t>GGPS MURAD PUR SHUMALI</t>
  </si>
  <si>
    <t>government  girl p/s Murad pur shumali</t>
  </si>
  <si>
    <t>Baste Bana Roya</t>
  </si>
  <si>
    <t>GGES ZULFIQAR ABAD</t>
  </si>
  <si>
    <t>jam rid thal</t>
  </si>
  <si>
    <t>near police station</t>
  </si>
  <si>
    <t>kot sultan urban</t>
  </si>
  <si>
    <t>BANO QUDSIA</t>
  </si>
  <si>
    <t>39731</t>
  </si>
  <si>
    <t>GGPS KOT WALI</t>
  </si>
  <si>
    <t>g.gps kotewali tehsil jand District attock</t>
  </si>
  <si>
    <t>Shazia Maryam</t>
  </si>
  <si>
    <t>GGPS CHAK 459 SAYED WALA</t>
  </si>
  <si>
    <t>chak 459jb sayed wala</t>
  </si>
  <si>
    <t>Chak 459jb Sayed Wala</t>
  </si>
  <si>
    <t>GGPS CHAK 438 JB</t>
  </si>
  <si>
    <t>Bowana 438jb</t>
  </si>
  <si>
    <t>chak no. 438jb teh. Gojra dist.T.T.Singh</t>
  </si>
  <si>
    <t>GGPS SADDO WALA</t>
  </si>
  <si>
    <t>Sadowala Newaan</t>
  </si>
  <si>
    <t>GGPS Sadowala Newaan</t>
  </si>
  <si>
    <t>Sadowala Nevan</t>
  </si>
  <si>
    <t>Sadwala Uncha</t>
  </si>
  <si>
    <t>GGES CHAK NO. 132/M</t>
  </si>
  <si>
    <t>132/M</t>
  </si>
  <si>
    <t>132/M post office 134/M T.H Chishtion</t>
  </si>
  <si>
    <t>Kalsoom Yousaf</t>
  </si>
  <si>
    <t>GGPS RANGEELA SHAH HASILPUR</t>
  </si>
  <si>
    <t>GGPS Rangeela Shah</t>
  </si>
  <si>
    <t>Hasilpur III</t>
  </si>
  <si>
    <t>Shahida Mukhtar</t>
  </si>
  <si>
    <t>GGPS CHAK NO 165/7-R</t>
  </si>
  <si>
    <t>165/7-r</t>
  </si>
  <si>
    <t>Chak no 165/7-r teh:fts distt :bwn</t>
  </si>
  <si>
    <t>167/7-r</t>
  </si>
  <si>
    <t>GGES 97/12-L</t>
  </si>
  <si>
    <t>97/12-L</t>
  </si>
  <si>
    <t>97/12-L chichawatni</t>
  </si>
  <si>
    <t>99/12-L</t>
  </si>
  <si>
    <t>GMPS CHAK 346 JB KODHAN</t>
  </si>
  <si>
    <t>Kodhan</t>
  </si>
  <si>
    <t>chak#346JB,Kodhan, Tehsil Gojra,District T.T Singh</t>
  </si>
  <si>
    <t>346JB</t>
  </si>
  <si>
    <t>348JB</t>
  </si>
  <si>
    <t>Kousar Rehana</t>
  </si>
  <si>
    <t>GGPS THATTA KORAYA</t>
  </si>
  <si>
    <t>Thatta Koryana</t>
  </si>
  <si>
    <t>Post office alipur moza thatta Koryana</t>
  </si>
  <si>
    <t>Kousar Parveen Rai</t>
  </si>
  <si>
    <t>GGES BAIT WASAWA SHUMALI</t>
  </si>
  <si>
    <t>GGE/S baitwasava shumali</t>
  </si>
  <si>
    <t>Baitwasava Shumali</t>
  </si>
  <si>
    <t>7887</t>
  </si>
  <si>
    <t>GPS BASTI MARASI</t>
  </si>
  <si>
    <t>Samina Sherqi</t>
  </si>
  <si>
    <t>Qasba  Samina  Sadaat</t>
  </si>
  <si>
    <t>Samina  Sadaat</t>
  </si>
  <si>
    <t>Syed  Muhammad  Naseem  Raza</t>
  </si>
  <si>
    <t>GGES CHAK NO. 95/12-L</t>
  </si>
  <si>
    <t>95/12L</t>
  </si>
  <si>
    <t>chak # 95/12.l chichawatni</t>
  </si>
  <si>
    <t>95/12l</t>
  </si>
  <si>
    <t>93/12l</t>
  </si>
  <si>
    <t>GMES ALLAH HOO, ABDUL HAKIM</t>
  </si>
  <si>
    <t>Hussain abad Awal</t>
  </si>
  <si>
    <t>Moza Allah Hoo</t>
  </si>
  <si>
    <t>Allah Hoo</t>
  </si>
  <si>
    <t>Laila Roman</t>
  </si>
  <si>
    <t>GGPS 5/11-L QUARTI</t>
  </si>
  <si>
    <t>5/11-L</t>
  </si>
  <si>
    <t>Munawer Begum</t>
  </si>
  <si>
    <t>GGHS CHAK NO 60-61 M L</t>
  </si>
  <si>
    <t>Chak no 60-61ML P/O Chak no 60-61ML Bhakkar</t>
  </si>
  <si>
    <t>Chak No 60-61ML</t>
  </si>
  <si>
    <t>Mamoona zia</t>
  </si>
  <si>
    <t>33152</t>
  </si>
  <si>
    <t>GGPS CHAK NO. 1 UCC</t>
  </si>
  <si>
    <t>Chak No 1ucc</t>
  </si>
  <si>
    <t>chak no 1ucc,markaz mangtawala</t>
  </si>
  <si>
    <t>Bushra Manzoor</t>
  </si>
  <si>
    <t>GMPS BASTI BHAYA</t>
  </si>
  <si>
    <t>Mud Ghsora</t>
  </si>
  <si>
    <t>Basti bhaya</t>
  </si>
  <si>
    <t>Basti Bhaya</t>
  </si>
  <si>
    <t>Noureen Hussain</t>
  </si>
  <si>
    <t>26099</t>
  </si>
  <si>
    <t>GPS RASHID PURA</t>
  </si>
  <si>
    <t>Rashid Pura</t>
  </si>
  <si>
    <t>rashidpura</t>
  </si>
  <si>
    <t>GPS PAK MASKEEN PURA</t>
  </si>
  <si>
    <t>Maskeen Pura</t>
  </si>
  <si>
    <t>Nabipura Mughalpura</t>
  </si>
  <si>
    <t>Maskeen</t>
  </si>
  <si>
    <t>GPS SHAH ALAM BINGI</t>
  </si>
  <si>
    <t>Pw</t>
  </si>
  <si>
    <t>Fida Muhammad</t>
  </si>
  <si>
    <t>GGES ROHANA</t>
  </si>
  <si>
    <t>Roahana</t>
  </si>
  <si>
    <t>basti rohana tehsil minchinabad</t>
  </si>
  <si>
    <t>Sumaira Ambreen</t>
  </si>
  <si>
    <t>17657</t>
  </si>
  <si>
    <t>GGPS SHEHAN WALA</t>
  </si>
  <si>
    <t>Mari shahsakhira</t>
  </si>
  <si>
    <t>Mari Shahsakhira</t>
  </si>
  <si>
    <t>Rukhsana Asif</t>
  </si>
  <si>
    <t>GMES 21/8-R, TULAMBA</t>
  </si>
  <si>
    <t>21/8R</t>
  </si>
  <si>
    <t>chak 21/8R  Tulamba TEHSIL mian channu district khanewal</t>
  </si>
  <si>
    <t>Chughtta Punjuana</t>
  </si>
  <si>
    <t>GES THERI</t>
  </si>
  <si>
    <t>p/o sultanpur</t>
  </si>
  <si>
    <t>Basti Qaim Wala</t>
  </si>
  <si>
    <t>GES TOPA USMAN</t>
  </si>
  <si>
    <t>Topa Usman</t>
  </si>
  <si>
    <t>vpo Topa Usman Teh. Kharian, Distt Gujrat</t>
  </si>
  <si>
    <t>GPS CHAK NO. 119/M</t>
  </si>
  <si>
    <t>119/m</t>
  </si>
  <si>
    <t>Govt p/S 119/M chak no 119/m tehsil chishtian District bahawalnager</t>
  </si>
  <si>
    <t>119/muraad</t>
  </si>
  <si>
    <t>118/muraad</t>
  </si>
  <si>
    <t>17325</t>
  </si>
  <si>
    <t>Bhero</t>
  </si>
  <si>
    <t>chah sherwala moza bhero</t>
  </si>
  <si>
    <t>AHSAN ULLAH</t>
  </si>
  <si>
    <t>GPS CHAK NO.580 TDA</t>
  </si>
  <si>
    <t>580 TDA</t>
  </si>
  <si>
    <t>Asim Ali</t>
  </si>
  <si>
    <t>GGES DHEENDA</t>
  </si>
  <si>
    <t>dheenda.  p/o...lalamusa gujrat kharian</t>
  </si>
  <si>
    <t>11933</t>
  </si>
  <si>
    <t>GGCMS ASEER WALA</t>
  </si>
  <si>
    <t>Sanwan</t>
  </si>
  <si>
    <t>p\o Sanawan Chah mehry wala</t>
  </si>
  <si>
    <t>Chah Mehery Wala</t>
  </si>
  <si>
    <t>Sanawan</t>
  </si>
  <si>
    <t>GGPS SAEED SUKHERA ABAD</t>
  </si>
  <si>
    <t>Bait Zaini</t>
  </si>
  <si>
    <t>Moza bait zaini</t>
  </si>
  <si>
    <t>Ruqia fatima</t>
  </si>
  <si>
    <t>GGES CHANGA</t>
  </si>
  <si>
    <t>VPO Changa</t>
  </si>
  <si>
    <t>GPS DHOK TANDI</t>
  </si>
  <si>
    <t>v&amp;p.o pichnand</t>
  </si>
  <si>
    <t>Malik Muhammad Asim</t>
  </si>
  <si>
    <t>GGPS BASTI SYEDAN WALI</t>
  </si>
  <si>
    <t>Basti Syedan wali p/o machiwal tehsil 18 hazari district jhang</t>
  </si>
  <si>
    <t>Basti Syedan Wali</t>
  </si>
  <si>
    <t>7/2 Thal Janubi</t>
  </si>
  <si>
    <t>Shakeela Muhammad Hussain</t>
  </si>
  <si>
    <t>GPS CITY BAJA LINE</t>
  </si>
  <si>
    <t>Gps city baja line garhi shahu mughalpura rd lhr</t>
  </si>
  <si>
    <t>Syeda Faiza Kazmi</t>
  </si>
  <si>
    <t>GGES WAZIDI</t>
  </si>
  <si>
    <t>WAZIDI</t>
  </si>
  <si>
    <t>CHAK MUBARAK</t>
  </si>
  <si>
    <t>Mehvish Rehman</t>
  </si>
  <si>
    <t>GGPS DERA MASTER ISMAIL</t>
  </si>
  <si>
    <t>Jatri Khna</t>
  </si>
  <si>
    <t>Dera Master Ismail Jatri Kohna</t>
  </si>
  <si>
    <t>Jatri  Kohna</t>
  </si>
  <si>
    <t>GGCMS SHAH SAFIR</t>
  </si>
  <si>
    <t>vpo.shah safeer, tehsil.sohawa, district. jhelum</t>
  </si>
  <si>
    <t>GGPS MAHMOOD KHAN WALA</t>
  </si>
  <si>
    <t>chah pory Wala ahsan pur</t>
  </si>
  <si>
    <t>40733</t>
  </si>
  <si>
    <t>GGPS GUJAR KATARIAN</t>
  </si>
  <si>
    <t>GUJJAR Katarian KATARIAN</t>
  </si>
  <si>
    <t>Village gujjar katarian P.O.kadlot teh sohawa district jhelum</t>
  </si>
  <si>
    <t>GUJJAR KATARIAN</t>
  </si>
  <si>
    <t>NASIM BANO</t>
  </si>
  <si>
    <t>32286</t>
  </si>
  <si>
    <t>GGPS SARKARI KHURD</t>
  </si>
  <si>
    <t>Sarkari Khurd</t>
  </si>
  <si>
    <t>sarkari khurd district sheikhupura</t>
  </si>
  <si>
    <t>Kubra Anjum</t>
  </si>
  <si>
    <t>49688</t>
  </si>
  <si>
    <t>GGES CHAK NO.137/138 NB</t>
  </si>
  <si>
    <t>137/138 Nb</t>
  </si>
  <si>
    <t>chak 137/138nb</t>
  </si>
  <si>
    <t>Saman Mushtaq</t>
  </si>
  <si>
    <t>GGCMS BASRA JALA</t>
  </si>
  <si>
    <t>Shazia Beghum</t>
  </si>
  <si>
    <t>GMPS Rukan Abad</t>
  </si>
  <si>
    <t>24401</t>
  </si>
  <si>
    <t>GGPS DHENGRAN WALI KALAN</t>
  </si>
  <si>
    <t>Dhingranwali Kalan</t>
  </si>
  <si>
    <t>village Dhingranwali Kalan, p/o kot kalal,  tehsil pasrur, district sialkot.</t>
  </si>
  <si>
    <t>GGPS CHAK NO. 1/1-L</t>
  </si>
  <si>
    <t>1/1-L</t>
  </si>
  <si>
    <t>1/1-L Tehsil Renala Khurd District Okara</t>
  </si>
  <si>
    <t>Zahida Khaliq</t>
  </si>
  <si>
    <t>GPS CHAK 338 GB</t>
  </si>
  <si>
    <t>Chak338 GB</t>
  </si>
  <si>
    <t>Chak 338 GB</t>
  </si>
  <si>
    <t>Chao 517 GB</t>
  </si>
  <si>
    <t>GGES DUSSRI</t>
  </si>
  <si>
    <t>Dussri</t>
  </si>
  <si>
    <t>Bushra Anwar</t>
  </si>
  <si>
    <t>khawaja abad</t>
  </si>
  <si>
    <t>GES CHAK 25/1-AL</t>
  </si>
  <si>
    <t>Chak No 25/1Al</t>
  </si>
  <si>
    <t>chak no 25/1Al tehsil renala khurd distt okara</t>
  </si>
  <si>
    <t>GGCMS BURALLA CHAK NO.182/RB</t>
  </si>
  <si>
    <t>GGCMS Buralla 182/RB</t>
  </si>
  <si>
    <t>bURALLA 182/RB</t>
  </si>
  <si>
    <t>GGPS BAB-E-FARID</t>
  </si>
  <si>
    <t>new Abaadi 5 Marla scheme kot mithan</t>
  </si>
  <si>
    <t>Farooq Nai Abaadi</t>
  </si>
  <si>
    <t>MC kot Mithan</t>
  </si>
  <si>
    <t>Jamela Anwar</t>
  </si>
  <si>
    <t>Village Jajjay Post office kulluwal tehsil sambrial distt sialkot</t>
  </si>
  <si>
    <t>Sammrah Saddique</t>
  </si>
  <si>
    <t>GGES CHAK NO 413 GB</t>
  </si>
  <si>
    <t>Shameer Wali</t>
  </si>
  <si>
    <t>Check no 413 GB.</t>
  </si>
  <si>
    <t>Saima Tanveer</t>
  </si>
  <si>
    <t>GMES CHAK 389 JB</t>
  </si>
  <si>
    <t>Chak No389jb</t>
  </si>
  <si>
    <t>Chak no 389jb Teh &amp; District Toba Tek singh</t>
  </si>
  <si>
    <t>Chak No 389jb</t>
  </si>
  <si>
    <t>Chak No384jb</t>
  </si>
  <si>
    <t>kausar malik</t>
  </si>
  <si>
    <t>10802</t>
  </si>
  <si>
    <t>GGPS CHAK NO.458/TDA</t>
  </si>
  <si>
    <t>chak no 458/t.d.a dhorri adda.layyah</t>
  </si>
  <si>
    <t>Attiqa Naz</t>
  </si>
  <si>
    <t>GGPS APUTH JANJIAN</t>
  </si>
  <si>
    <t>APUTH JANJIANA</t>
  </si>
  <si>
    <t>Muza APUTH Janjiana Tehsil Shorkot Distt. JHANG</t>
  </si>
  <si>
    <t>Mehram  Sial</t>
  </si>
  <si>
    <t>Nilofar Batool</t>
  </si>
  <si>
    <t>GPS CHHIKAH</t>
  </si>
  <si>
    <t>Chhiken moza patti bilanda teh mankera bhakkar</t>
  </si>
  <si>
    <t>Chhiken</t>
  </si>
  <si>
    <t>GGES CHUCHAK</t>
  </si>
  <si>
    <t>chichak</t>
  </si>
  <si>
    <t>GGESChuchak</t>
  </si>
  <si>
    <t>chuchak</t>
  </si>
  <si>
    <t>GGES CHAK NO.457/TDA</t>
  </si>
  <si>
    <t>Chack No 457/TDA Layyah</t>
  </si>
  <si>
    <t>Chack No 457/TDA</t>
  </si>
  <si>
    <t>Nuzhat Naheed</t>
  </si>
  <si>
    <t>GGCMPS CHAK 392 JB</t>
  </si>
  <si>
    <t>Chak 392 JB</t>
  </si>
  <si>
    <t>GGCMS 392 Garh</t>
  </si>
  <si>
    <t>Chaka 392 Jb</t>
  </si>
  <si>
    <t>Chak No391JBKainthah</t>
  </si>
  <si>
    <t>Rafia Rehman</t>
  </si>
  <si>
    <t>GGCMS DHOKRI</t>
  </si>
  <si>
    <t>village post office Dhokri</t>
  </si>
  <si>
    <t>GMPS KHARORA</t>
  </si>
  <si>
    <t>po qaim bharwana teh. shorkot distt. jhang</t>
  </si>
  <si>
    <t>Kharora</t>
  </si>
  <si>
    <t>Qaim Bharwaba</t>
  </si>
  <si>
    <t>Sosan Zahra</t>
  </si>
  <si>
    <t>GGPS PATTAY WALA</t>
  </si>
  <si>
    <t>basti paty wala</t>
  </si>
  <si>
    <t>Paty Wala</t>
  </si>
  <si>
    <t>20309</t>
  </si>
  <si>
    <t>GGPS KHOKHARAN WALA</t>
  </si>
  <si>
    <t>moza khokhranwala</t>
  </si>
  <si>
    <t>Kawaenwala</t>
  </si>
  <si>
    <t>Shumaila</t>
  </si>
  <si>
    <t>GGES NOOR MUZAMIL WALA</t>
  </si>
  <si>
    <t>Pati  Sultan Mahmood</t>
  </si>
  <si>
    <t>Noor muzammil Wala</t>
  </si>
  <si>
    <t>Noor Muzammil Wala</t>
  </si>
  <si>
    <t>45294</t>
  </si>
  <si>
    <t>GMPS LAL KHAN BHATI WALA</t>
  </si>
  <si>
    <t>chah lal khan bhatti wala, mankera</t>
  </si>
  <si>
    <t>Gmps lal khan bhatti wala</t>
  </si>
  <si>
    <t>pattibulanda</t>
  </si>
  <si>
    <t>Shagufta Kanwal</t>
  </si>
  <si>
    <t>GGES CHAK 54/2 TUKRA NAI ABADI</t>
  </si>
  <si>
    <t>54/2 tukra</t>
  </si>
  <si>
    <t>GGES 54/2 Tukra NAI ABADI</t>
  </si>
  <si>
    <t>42652</t>
  </si>
  <si>
    <t>GGPS CHAK PATAKA</t>
  </si>
  <si>
    <t>Chak pattaka</t>
  </si>
  <si>
    <t>Hasil saru</t>
  </si>
  <si>
    <t>Shagufta Mushtaq</t>
  </si>
  <si>
    <t>33069</t>
  </si>
  <si>
    <t>GMPS AHATA KHUSHI RAM</t>
  </si>
  <si>
    <t>Ahata Khushi Ra</t>
  </si>
  <si>
    <t>ahata Khushi ram</t>
  </si>
  <si>
    <t>Ahata Khushi Ram</t>
  </si>
  <si>
    <t>Warburton 575</t>
  </si>
  <si>
    <t>Mamuna Asghar</t>
  </si>
  <si>
    <t>24283</t>
  </si>
  <si>
    <t>GGPS HINJRA ABAD</t>
  </si>
  <si>
    <t>Hunjrai mustakil sharqi</t>
  </si>
  <si>
    <t>maoza hunjrai mustaqil sharqi</t>
  </si>
  <si>
    <t>isran wala</t>
  </si>
  <si>
    <t>Rida fatima</t>
  </si>
  <si>
    <t>GPS CHAK NO 52 MB</t>
  </si>
  <si>
    <t>52 Mb</t>
  </si>
  <si>
    <t>Chak no 52mb</t>
  </si>
  <si>
    <t>12032</t>
  </si>
  <si>
    <t>GMPS DALLOWAL PO BHIKHI SHARIF</t>
  </si>
  <si>
    <t>Dalowal p/o Bhikhi shareef</t>
  </si>
  <si>
    <t>Rizwana Tabbsam</t>
  </si>
  <si>
    <t>GGPS KOTLI BEHRAM</t>
  </si>
  <si>
    <t>Kotli behram po mehsian teh dina distt jhelum</t>
  </si>
  <si>
    <t>Iram Nafeesa</t>
  </si>
  <si>
    <t>GGPS TODAY PUR</t>
  </si>
  <si>
    <t>Today Pur</t>
  </si>
  <si>
    <t>Bheela Roshan</t>
  </si>
  <si>
    <t>MUNAZZA RAZZAQ</t>
  </si>
  <si>
    <t>GPS 379 GB</t>
  </si>
  <si>
    <t>Chak No 379 G B</t>
  </si>
  <si>
    <t>Chak No 379 GB,Jaranwala District Faisalabad</t>
  </si>
  <si>
    <t>Budhyka</t>
  </si>
  <si>
    <t>Chak Hamand</t>
  </si>
  <si>
    <t>Amir Ali</t>
  </si>
  <si>
    <t>GGES RAJU BHAND</t>
  </si>
  <si>
    <t>Raju Bhand</t>
  </si>
  <si>
    <t>GG E,S Raju Bhand</t>
  </si>
  <si>
    <t>Fatteh Bhand</t>
  </si>
  <si>
    <t>GES HAITU</t>
  </si>
  <si>
    <t>ges haitu</t>
  </si>
  <si>
    <t>39159</t>
  </si>
  <si>
    <t>GGPS DHOK MOND</t>
  </si>
  <si>
    <t>SHAH RAY Bhadur BAHADUR</t>
  </si>
  <si>
    <t>P/O MAKI DHOK VILAGE DHOK MOND TEH FATEH JANG 
DIST ATTOCK</t>
  </si>
  <si>
    <t>DHOK MOND</t>
  </si>
  <si>
    <t>GALI GAGEER</t>
  </si>
  <si>
    <t>Saima Safdar</t>
  </si>
  <si>
    <t>GPS CHAK NO 15 SAHMSHA</t>
  </si>
  <si>
    <t>15gb</t>
  </si>
  <si>
    <t>chak no 15 gb tah&amp;diss nankana sahib</t>
  </si>
  <si>
    <t>CHAK No 13</t>
  </si>
  <si>
    <t>GMPS CHAK NO. 341 HR</t>
  </si>
  <si>
    <t>Chak no 341/HR</t>
  </si>
  <si>
    <t>chak no. 341/HR Tehsil Fortabas District BWN</t>
  </si>
  <si>
    <t>341/HR</t>
  </si>
  <si>
    <t>GGPS SAHIB KHAN</t>
  </si>
  <si>
    <t>sahib khan p/o bahter tehsil fateh jang distt attock</t>
  </si>
  <si>
    <t>Dharek</t>
  </si>
  <si>
    <t>GGES KOT KHAN</t>
  </si>
  <si>
    <t>Kot khan</t>
  </si>
  <si>
    <t>mouza kot khan p/o same</t>
  </si>
  <si>
    <t>Mauza Kotkhan</t>
  </si>
  <si>
    <t>11908</t>
  </si>
  <si>
    <t>39704</t>
  </si>
  <si>
    <t>GGES SAGHRI NO.1</t>
  </si>
  <si>
    <t>vpo saghri</t>
  </si>
  <si>
    <t>GPS ISHAQ ABAD</t>
  </si>
  <si>
    <t>Trag gharbi</t>
  </si>
  <si>
    <t>Mohallah Ishaq Abad Trag</t>
  </si>
  <si>
    <t>GGPS CHAK NO 6 RMK</t>
  </si>
  <si>
    <t>6 RMK</t>
  </si>
  <si>
    <t>Chak no 6 RMk</t>
  </si>
  <si>
    <t>6RMK</t>
  </si>
  <si>
    <t>Anila Shafique</t>
  </si>
  <si>
    <t>GGPS BAKNA WALA</t>
  </si>
  <si>
    <t>Baknanwala</t>
  </si>
  <si>
    <t>Baknanwala po Chak jani teh kharian district gujrat</t>
  </si>
  <si>
    <t>Chak jani</t>
  </si>
  <si>
    <t>52390</t>
  </si>
  <si>
    <t>GGPS GARHI MATTANI</t>
  </si>
  <si>
    <t>garhi mattani hazro Attock</t>
  </si>
  <si>
    <t>Maryam irshad</t>
  </si>
  <si>
    <t>GGES SHAH JHANDA</t>
  </si>
  <si>
    <t>Usman Dona</t>
  </si>
  <si>
    <t>Shah Jhanda,Darri Meero ,P/O Sarwar Wali D.G.K.</t>
  </si>
  <si>
    <t>Shah Jhanda</t>
  </si>
  <si>
    <t>Najma Kulsoom</t>
  </si>
  <si>
    <t>GGPS BAHAR KHAN GOPANG</t>
  </si>
  <si>
    <t>Bait Mula Wali</t>
  </si>
  <si>
    <t>Basti bahar khan mouza bait mulan wali</t>
  </si>
  <si>
    <t>Bahar Khan Gopang</t>
  </si>
  <si>
    <t>Samina Iram</t>
  </si>
  <si>
    <t>GMPS KARMON WALI JALALPUR PIRWALA</t>
  </si>
  <si>
    <t>Karmon wali</t>
  </si>
  <si>
    <t>karmon wali p /o Khan bela tehsil jalal pur pir wala district multan</t>
  </si>
  <si>
    <t>Halima Mai</t>
  </si>
  <si>
    <t>GMPS WITHOEY WALA</t>
  </si>
  <si>
    <t>withoey wala</t>
  </si>
  <si>
    <t>Romana Andleeb</t>
  </si>
  <si>
    <t>43611</t>
  </si>
  <si>
    <t>GPS DHOK SARU</t>
  </si>
  <si>
    <t>Vpo warwal Tehsil &amp; District  Chakwal</t>
  </si>
  <si>
    <t>32678</t>
  </si>
  <si>
    <t>GPS BEHARI COLONY NEAR G.D.C SHORKOT CITY</t>
  </si>
  <si>
    <t>Kotla Z Khan</t>
  </si>
  <si>
    <t>Atta Ur Rahman Khalid</t>
  </si>
  <si>
    <t>GGMPS ESSAWAL</t>
  </si>
  <si>
    <t>Essawal</t>
  </si>
  <si>
    <t>Village Essawal P.O. Malyar Tehsil Pind Dadan Khan District Jhelum</t>
  </si>
  <si>
    <t>pipe line conection</t>
  </si>
  <si>
    <t>36496</t>
  </si>
  <si>
    <t>GPS MOUZA MOHAL</t>
  </si>
  <si>
    <t>Mouza Mohal P/O Luddan Vehari</t>
  </si>
  <si>
    <t>GPS MOHALLAH QURESHAN USMAN ABAD</t>
  </si>
  <si>
    <t>Usmanabad,Mughalpura, Lahore.</t>
  </si>
  <si>
    <t>Dars Chotay Mian</t>
  </si>
  <si>
    <t>GMPS DHOK SOBA</t>
  </si>
  <si>
    <t>Dhangri Dheroo</t>
  </si>
  <si>
    <t>dhok Suba p.o bangial the sohawa district jhelum</t>
  </si>
  <si>
    <t>Dhok Suba</t>
  </si>
  <si>
    <t>Nagina kausar</t>
  </si>
  <si>
    <t>GPS GULISTAN JUNIOR MODEL MUGHALPURA (JAMIL ABAD)</t>
  </si>
  <si>
    <t>Jamil Abad</t>
  </si>
  <si>
    <t>Jamil Abad mughalpura lahore</t>
  </si>
  <si>
    <t>Kurar tehsil nowshara virkan disst Gujranwala</t>
  </si>
  <si>
    <t>Ather Nazir</t>
  </si>
  <si>
    <t>GMPS CHAK NO 8 ML PIPLAN</t>
  </si>
  <si>
    <t>jinah colony 8 ml</t>
  </si>
  <si>
    <t>Seed Form 8ml</t>
  </si>
  <si>
    <t>Hafiz Wals</t>
  </si>
  <si>
    <t>RIAZ BIBI</t>
  </si>
  <si>
    <t>Banbajwa</t>
  </si>
  <si>
    <t>Afshan Naheed</t>
  </si>
  <si>
    <t>GGPS BAGHIARI MUSTAFA ABAD</t>
  </si>
  <si>
    <t>Mustafa-abad</t>
  </si>
  <si>
    <t>Post office street Warburton</t>
  </si>
  <si>
    <t>Jaslanikalan</t>
  </si>
  <si>
    <t>GES CHAK NO. 5/1-AL</t>
  </si>
  <si>
    <t>5/1-AL</t>
  </si>
  <si>
    <t>CHAK NO 5/1AL</t>
  </si>
  <si>
    <t>CHAK NO 61AL</t>
  </si>
  <si>
    <t>GPS BATH KHURD</t>
  </si>
  <si>
    <t>Bath Khurd</t>
  </si>
  <si>
    <t>Bath khurd p/o padhana chck nsw.45 teheran.pattoki.kasur.</t>
  </si>
  <si>
    <t>GGCMS CHAK 481 GB MAMUNKANJAN</t>
  </si>
  <si>
    <t>Chak no 481 gb</t>
  </si>
  <si>
    <t>Chak No 481 Gb</t>
  </si>
  <si>
    <t>Chak No 484 Gb</t>
  </si>
  <si>
    <t>Kirn Saba</t>
  </si>
  <si>
    <t>jatoiwala tehsil nur pur thal khb</t>
  </si>
  <si>
    <t>Afsana Ilyas</t>
  </si>
  <si>
    <t>GMPS KOTLA SHEIKH NATHA</t>
  </si>
  <si>
    <t>Kotla Sheikh Natha Natha</t>
  </si>
  <si>
    <t>kotla sheikh natha</t>
  </si>
  <si>
    <t>Kotla Sheikh Natha</t>
  </si>
  <si>
    <t>Munaza Begum</t>
  </si>
  <si>
    <t>GPS SONKAN KHALAS KHEL</t>
  </si>
  <si>
    <t>Moza Bazar</t>
  </si>
  <si>
    <t>dhak chabeel musa khel mianwali</t>
  </si>
  <si>
    <t>Dhak Chabeel</t>
  </si>
  <si>
    <t>36034</t>
  </si>
  <si>
    <t>GGPS CHAK NO. 184/WB WEST</t>
  </si>
  <si>
    <t>184 Wb</t>
  </si>
  <si>
    <t>chak number 184 wb west</t>
  </si>
  <si>
    <t>184 Wb West</t>
  </si>
  <si>
    <t>88 Wb</t>
  </si>
  <si>
    <t>Shaista Siddique</t>
  </si>
  <si>
    <t>GGPS SORRAY</t>
  </si>
  <si>
    <t>Sorray</t>
  </si>
  <si>
    <t>moza sora</t>
  </si>
  <si>
    <t>Naseem Perveen</t>
  </si>
  <si>
    <t>GPS CHAK NO. 379 TDA</t>
  </si>
  <si>
    <t>396/tda gola ada layyah</t>
  </si>
  <si>
    <t>396/tda</t>
  </si>
  <si>
    <t>393/tda</t>
  </si>
  <si>
    <t>Muahid Hussain</t>
  </si>
  <si>
    <t>GPS DERA MOLADAD</t>
  </si>
  <si>
    <t>Hamoka More  .Dera Mola Dad .</t>
  </si>
  <si>
    <t>Dera Mola Dad</t>
  </si>
  <si>
    <t>GGPS PUNJ AHATA</t>
  </si>
  <si>
    <t>Village Punj ahata Warburton</t>
  </si>
  <si>
    <t>Kousar Sultana</t>
  </si>
  <si>
    <t>GGES UDDO FATAH</t>
  </si>
  <si>
    <t>village Uddo Fatah tehsil pasrur district sialkot</t>
  </si>
  <si>
    <t>41211</t>
  </si>
  <si>
    <t>GGPS SAROT</t>
  </si>
  <si>
    <t>Sarot</t>
  </si>
  <si>
    <t>village sarot. tehsil kahuta. distt Rawalpindi</t>
  </si>
  <si>
    <t>Umaira Hanif</t>
  </si>
  <si>
    <t>take water from neighbors</t>
  </si>
  <si>
    <t>GGPS CHAK NO 171/7-R N</t>
  </si>
  <si>
    <t>171/7r</t>
  </si>
  <si>
    <t>chalk 426/6r  dist bwn</t>
  </si>
  <si>
    <t>Type 171/7r N</t>
  </si>
  <si>
    <t>Rahila Tabassum</t>
  </si>
  <si>
    <t>GPS DULKA</t>
  </si>
  <si>
    <t>g p s dhoulka</t>
  </si>
  <si>
    <t>Akrainwala</t>
  </si>
  <si>
    <t>54251</t>
  </si>
  <si>
    <t>GGPS WARD NO. 4 SAMANDOANA</t>
  </si>
  <si>
    <t>ggp/s ward no 4 hidat wala samandoana tehsil ahmad pur sial. jhang</t>
  </si>
  <si>
    <t>Rabia Shahin</t>
  </si>
  <si>
    <t>18593</t>
  </si>
  <si>
    <t>GPS CHAK 365 JB KACHA GOJRA</t>
  </si>
  <si>
    <t>GPS 365 jb kacha gojra</t>
  </si>
  <si>
    <t>ch 365jb</t>
  </si>
  <si>
    <t>ch 365 jb</t>
  </si>
  <si>
    <t>village Dhariwal post office bhagowal kalan tehsil district Gujrat</t>
  </si>
  <si>
    <t>GPS DHOK SAGHAL</t>
  </si>
  <si>
    <t>Pind Banso</t>
  </si>
  <si>
    <t>village dhoke sagal P/O pind banso Tehsil kallar syedan dist Rawalpindi</t>
  </si>
  <si>
    <t>Dhok Saghal</t>
  </si>
  <si>
    <t>Rizwan Qamar</t>
  </si>
  <si>
    <t>GPS 259 WB</t>
  </si>
  <si>
    <t>CHAK NO 259/W.B P/O TIBBA TEHSIL MAILSI DISTT VEHARI</t>
  </si>
  <si>
    <t>CHAK NO 259/WB</t>
  </si>
  <si>
    <t>SANDA</t>
  </si>
  <si>
    <t>GGES 61/4-R</t>
  </si>
  <si>
    <t>Chak No 61/4r</t>
  </si>
  <si>
    <t>GES SALEH PUR</t>
  </si>
  <si>
    <t>Salehpur Tehsil &amp; p/o Kamoke Distt. Gujranwala</t>
  </si>
  <si>
    <t>Shahid Iqbal Nayyar</t>
  </si>
  <si>
    <t>GGPS KOT QASIM</t>
  </si>
  <si>
    <t>kot qasim t/d hafizabad</t>
  </si>
  <si>
    <t>GPS PAINDA</t>
  </si>
  <si>
    <t>GBPS.Painda</t>
  </si>
  <si>
    <t>GGPS DUMIALI</t>
  </si>
  <si>
    <t>Village Dumiali Post Office Mandra, Gujar Khan</t>
  </si>
  <si>
    <t>Dumiali</t>
  </si>
  <si>
    <t>Anam Mushtaq</t>
  </si>
  <si>
    <t>32456</t>
  </si>
  <si>
    <t>GGCMS CHAK NO.136/TDA P/O HERAINER</t>
  </si>
  <si>
    <t>chak no. 136 TDA</t>
  </si>
  <si>
    <t>Chak No 136</t>
  </si>
  <si>
    <t>MandiTown</t>
  </si>
  <si>
    <t>Abida Khatoon</t>
  </si>
  <si>
    <t>GMPS SOHAL NO.1</t>
  </si>
  <si>
    <t>village sohal, p/o badiana, thesil pasrur,  district sialkot</t>
  </si>
  <si>
    <t>Sumara Naik</t>
  </si>
  <si>
    <t>GMPS 46/M</t>
  </si>
  <si>
    <t>46/m</t>
  </si>
  <si>
    <t>Chuck no 46/m p/o jallah arain</t>
  </si>
  <si>
    <t>Tanveer Iqbal</t>
  </si>
  <si>
    <t>34872</t>
  </si>
  <si>
    <t>GGPS CHAK NO. 83/M</t>
  </si>
  <si>
    <t>Chak83m</t>
  </si>
  <si>
    <t>islam pura colony chak 83m</t>
  </si>
  <si>
    <t>Islam Pura Colony</t>
  </si>
  <si>
    <t>Jalal Pur City</t>
  </si>
  <si>
    <t>Zarina Batool</t>
  </si>
  <si>
    <t>GGES SAIN</t>
  </si>
  <si>
    <t>viilage sain, po Murree</t>
  </si>
  <si>
    <t>Saba Khalil</t>
  </si>
  <si>
    <t>water spring</t>
  </si>
  <si>
    <t>GPS DARBAR LUKHI SHAH</t>
  </si>
  <si>
    <t>Mouza Bhon p/o khas T/D jhang</t>
  </si>
  <si>
    <t>Kot Esa Shah</t>
  </si>
  <si>
    <t>AAMIR NISAR</t>
  </si>
  <si>
    <t>GMPS KOTLA P.O KARNALI</t>
  </si>
  <si>
    <t>Vill kotla post office mohri tehsil gujarkhan dist Rawalpindi</t>
  </si>
  <si>
    <t>Shazana Noreen</t>
  </si>
  <si>
    <t>48347</t>
  </si>
  <si>
    <t>GGPS JAUND</t>
  </si>
  <si>
    <t>Jound</t>
  </si>
  <si>
    <t>village jound</t>
  </si>
  <si>
    <t>GGES CHAK CHOOPA</t>
  </si>
  <si>
    <t>Chak choopa</t>
  </si>
  <si>
    <t>GGES Chak Choopa</t>
  </si>
  <si>
    <t>Chak Choopa</t>
  </si>
  <si>
    <t>Mari Shok Alhi</t>
  </si>
  <si>
    <t>GPS PATAI ALLAN WALI</t>
  </si>
  <si>
    <t>Pattie Allah Wala</t>
  </si>
  <si>
    <t>Mouza pattie allah wala p/o lot issa shah jhang</t>
  </si>
  <si>
    <t>GGPS HAIDER ABAD LEYYAH</t>
  </si>
  <si>
    <t>GGPS HAIDER ABAD NEAR ZILA COUNCIL LAYYAH</t>
  </si>
  <si>
    <t>Shouqat Perveen</t>
  </si>
  <si>
    <t>Electric Motor and Hand pump.</t>
  </si>
  <si>
    <t>GES THEEKRIAN</t>
  </si>
  <si>
    <t>PO Dina Thesil Dina District Jhelum</t>
  </si>
  <si>
    <t>DINA II</t>
  </si>
  <si>
    <t>Akhlaq Shabbir Akhtar</t>
  </si>
  <si>
    <t>GPS MODEL DHOK SHAMS</t>
  </si>
  <si>
    <t>Dhoke Shamas</t>
  </si>
  <si>
    <t>village dhoke shamas p0stoffic kanyal bajrana</t>
  </si>
  <si>
    <t>Bushra Rehma</t>
  </si>
  <si>
    <t>GGPS PATHANAY WALA</t>
  </si>
  <si>
    <t>Pathany Wala</t>
  </si>
  <si>
    <t>Pathany wala near Ahmed Nagar</t>
  </si>
  <si>
    <t>Majeeda Raza</t>
  </si>
  <si>
    <t>GPS CHAK JANI KHURD</t>
  </si>
  <si>
    <t>Chak Jani Khurd</t>
  </si>
  <si>
    <t>Village chak jani khurd p/o dhakranwali</t>
  </si>
  <si>
    <t>Chakori bhelowal</t>
  </si>
  <si>
    <t>46014</t>
  </si>
  <si>
    <t>GGPS CHHAB</t>
  </si>
  <si>
    <t>padhrar district khushab</t>
  </si>
  <si>
    <t>GES 101/12-L</t>
  </si>
  <si>
    <t>101/12-l</t>
  </si>
  <si>
    <t>Hafiz Muhammad Nawaz</t>
  </si>
  <si>
    <t>GGCMPS CHAK 95 JB I GILL</t>
  </si>
  <si>
    <t>Chack No95jbgill</t>
  </si>
  <si>
    <t>chack no 95jb gill</t>
  </si>
  <si>
    <t>Chack No95jb Gill</t>
  </si>
  <si>
    <t>Chack No97 Jb</t>
  </si>
  <si>
    <t>GGPS JHOK HAFIZ WALI</t>
  </si>
  <si>
    <t>Jhoke Hafiz Wali Bhakkar</t>
  </si>
  <si>
    <t>Hummwali</t>
  </si>
  <si>
    <t>34803</t>
  </si>
  <si>
    <t>GES CHAK 84 / M</t>
  </si>
  <si>
    <t>Chak 84 M</t>
  </si>
  <si>
    <t>chak 84-m,multan road,jppw</t>
  </si>
  <si>
    <t>Municipal Committee JPPW</t>
  </si>
  <si>
    <t>GGPS MC PUBLIC CHINIOT</t>
  </si>
  <si>
    <t>mc public school chiniot,near library park</t>
  </si>
  <si>
    <t>Naila Aslam</t>
  </si>
  <si>
    <t>39031</t>
  </si>
  <si>
    <t>GPS MIAN ACCHA</t>
  </si>
  <si>
    <t>KANIAL</t>
  </si>
  <si>
    <t>GPS MIAN  ACCHA</t>
  </si>
  <si>
    <t>MIAN ACCHA</t>
  </si>
  <si>
    <t>Azmat Hayyat Khan</t>
  </si>
  <si>
    <t>GPS CHAK NO.225/75-C/TDA</t>
  </si>
  <si>
    <t>Chack no.75c/tda,teh.Karor,Dist.Layyah</t>
  </si>
  <si>
    <t>75c/tda</t>
  </si>
  <si>
    <t>M AKRAM</t>
  </si>
  <si>
    <t>43583</t>
  </si>
  <si>
    <t>GGPS DHOK CHUACH</t>
  </si>
  <si>
    <t>Dhoke Chauch</t>
  </si>
  <si>
    <t>Dhoke Chauch VPO Bheen, Tehsil and Distric Chakwal</t>
  </si>
  <si>
    <t>Tayyaba Ali</t>
  </si>
  <si>
    <t>44938</t>
  </si>
  <si>
    <t>GPS MOONDI WALA</t>
  </si>
  <si>
    <t>GPS MOONDI WALA TEHSIL KALLUR KOT</t>
  </si>
  <si>
    <t>Moondi Wala</t>
  </si>
  <si>
    <t>GGPS CHAK NO.95/ML</t>
  </si>
  <si>
    <t>meam</t>
  </si>
  <si>
    <t>Chak nmbr 95ml p/o 90ml  Karor Layyah</t>
  </si>
  <si>
    <t>95ml</t>
  </si>
  <si>
    <t>NOREEN MEHMOOD</t>
  </si>
  <si>
    <t>GGPS 8/11-L</t>
  </si>
  <si>
    <t>chak# 8/11 L</t>
  </si>
  <si>
    <t>Chak# 8/11 L</t>
  </si>
  <si>
    <t>Uc 8/11 L</t>
  </si>
  <si>
    <t>Sana Kanwal</t>
  </si>
  <si>
    <t>GGES CHAH GHORCHA</t>
  </si>
  <si>
    <t>Kmalthem</t>
  </si>
  <si>
    <t>gges Chahgorchha</t>
  </si>
  <si>
    <t>GES TRAROWALA</t>
  </si>
  <si>
    <t>Trerwanwala</t>
  </si>
  <si>
    <t>Trerwanwala kharian District Gujrat</t>
  </si>
  <si>
    <t>Muhammad Shoaib Aslam</t>
  </si>
  <si>
    <t>GPS MODEL KNATT LEHDU</t>
  </si>
  <si>
    <t>Kanyat Ladhu</t>
  </si>
  <si>
    <t>vilg Kanyat ladhu p/o Kanyat Khalil tehsil gujar khan distt Rawalpindi</t>
  </si>
  <si>
    <t>Noshaba Jamil</t>
  </si>
  <si>
    <t>GGPS CHAK 360 JB II</t>
  </si>
  <si>
    <t>ggps360JB 2</t>
  </si>
  <si>
    <t>360JB2</t>
  </si>
  <si>
    <t>360JB1</t>
  </si>
  <si>
    <t>GGES SAMINA WALA</t>
  </si>
  <si>
    <t>samina wala jandanwala</t>
  </si>
  <si>
    <t>Samina Wala</t>
  </si>
  <si>
    <t>Ali Khail no 44</t>
  </si>
  <si>
    <t>Fozia Yasin</t>
  </si>
  <si>
    <t>GGPS GLOTIAN KHURD (MOH. BUTRAN WALI)</t>
  </si>
  <si>
    <t>Moh Butranwali</t>
  </si>
  <si>
    <t>galotian khurd moh butranwali teh.daska district sialkot</t>
  </si>
  <si>
    <t>Galotian Khurd  Moh Butranwali</t>
  </si>
  <si>
    <t>Sarwat Yousaf</t>
  </si>
  <si>
    <t>GGES MODEL HAVELI MUBARAK SHAH, SARAI SIDHU</t>
  </si>
  <si>
    <t>Haveli Mubarak Shah</t>
  </si>
  <si>
    <t>chah garham wala moza haveli mubarak shah</t>
  </si>
  <si>
    <t>Barjh Sargana</t>
  </si>
  <si>
    <t>GES RANDHEER</t>
  </si>
  <si>
    <t>Vpo randheer</t>
  </si>
  <si>
    <t>Nadeem Ajmal</t>
  </si>
  <si>
    <t>GMPS CHAK NO.206 TDA</t>
  </si>
  <si>
    <t>206/Tda</t>
  </si>
  <si>
    <t>chak no 206</t>
  </si>
  <si>
    <t>Chak No 206</t>
  </si>
  <si>
    <t>Chak No 205/Tda</t>
  </si>
  <si>
    <t>Khanam Batool</t>
  </si>
  <si>
    <t>GPS RANIAN</t>
  </si>
  <si>
    <t>Ranian</t>
  </si>
  <si>
    <t>village ranian p/o chakori bhelowal tehsil kharian district gujrat</t>
  </si>
  <si>
    <t>Mohammed Idrees</t>
  </si>
  <si>
    <t>GGPS WATOWAN WALI</t>
  </si>
  <si>
    <t>wattowan wali</t>
  </si>
  <si>
    <t>Wattowan Wali</t>
  </si>
  <si>
    <t>Tahira Ayub</t>
  </si>
  <si>
    <t>GMPS RAI PUR, KABIRWALA</t>
  </si>
  <si>
    <t>chah namdar wala</t>
  </si>
  <si>
    <t>Namdar Wala</t>
  </si>
  <si>
    <t>Quyoom Bibi</t>
  </si>
  <si>
    <t>GGPS DERA HAJI MUHAMMAD KHAN</t>
  </si>
  <si>
    <t>Dera Haji Mohammad Khan warcha</t>
  </si>
  <si>
    <t>GGPS DHOOL BAJWA</t>
  </si>
  <si>
    <t>Dahul Bajwa</t>
  </si>
  <si>
    <t>Village Dahul Bajwa P/ O kotli Syedan Tehsil Pasrur District Sialkot</t>
  </si>
  <si>
    <t>31641</t>
  </si>
  <si>
    <t>GPS MANJ GHAGGAR</t>
  </si>
  <si>
    <t>Manj Gaghar</t>
  </si>
  <si>
    <t>GPS manj ghagar tehsil muridke districts sheikhupura</t>
  </si>
  <si>
    <t>Guhchli</t>
  </si>
  <si>
    <t>muhammad altaf hussain</t>
  </si>
  <si>
    <t>government P/S islampura</t>
  </si>
  <si>
    <t>Aziz Ara</t>
  </si>
  <si>
    <t>GGPS AURA</t>
  </si>
  <si>
    <t>village aura muza aura p/o shehwala teh. 18hazari dist jhang</t>
  </si>
  <si>
    <t>Kot  Shakir</t>
  </si>
  <si>
    <t>GMPS CHAK 755 GB</t>
  </si>
  <si>
    <t>GMPS755GB</t>
  </si>
  <si>
    <t>755GB</t>
  </si>
  <si>
    <t>GGPS NOON SANGRA MOUZA NOON SANGRA</t>
  </si>
  <si>
    <t>Anser  Feroz</t>
  </si>
  <si>
    <t>GGES 194 EB</t>
  </si>
  <si>
    <t>g. g. e/s194/eb. vehari</t>
  </si>
  <si>
    <t>Shakeela Manzoor</t>
  </si>
  <si>
    <t>44369</t>
  </si>
  <si>
    <t>GGPS JAMALI BALOCHAN</t>
  </si>
  <si>
    <t>jamali balochan district khushab</t>
  </si>
  <si>
    <t>GPS CHAK 43/2-L</t>
  </si>
  <si>
    <t>43/2L</t>
  </si>
  <si>
    <t>chak no. 43/2.L tensil &amp; District Okara</t>
  </si>
  <si>
    <t>43947</t>
  </si>
  <si>
    <t>GGCMPS CHAK 335 GB BANGLA BAGHAT</t>
  </si>
  <si>
    <t>Chak #335GB</t>
  </si>
  <si>
    <t>335gb TTsingh</t>
  </si>
  <si>
    <t>335gb</t>
  </si>
  <si>
    <t>Summar Bano</t>
  </si>
  <si>
    <t>46374</t>
  </si>
  <si>
    <t>GES DRAVI</t>
  </si>
  <si>
    <t>own arrangment</t>
  </si>
  <si>
    <t>GMPS GHAREEB ABAD</t>
  </si>
  <si>
    <t>mohalla ghareebabad</t>
  </si>
  <si>
    <t>Ghareebabad</t>
  </si>
  <si>
    <t>Farzana Raees</t>
  </si>
  <si>
    <t>GPS CHAK NO 334 TDA</t>
  </si>
  <si>
    <t>chak no 334/tda</t>
  </si>
  <si>
    <t>GPS 334/Tda</t>
  </si>
  <si>
    <t>GGCMES RAKH DAMA</t>
  </si>
  <si>
    <t>Head Hamid  RAKH DAMA RAJAN PUR</t>
  </si>
  <si>
    <t>Rakhdama</t>
  </si>
  <si>
    <t>RAKH DAMA</t>
  </si>
  <si>
    <t>GPS MANKOOR</t>
  </si>
  <si>
    <t>MANKOOR</t>
  </si>
  <si>
    <t>VILL,MANKOOR. TEH,JAND.DISTTATTOCK.</t>
  </si>
  <si>
    <t>GES CHAK NO. 47/ML</t>
  </si>
  <si>
    <t>Chak 47 Ml</t>
  </si>
  <si>
    <t>Chak no. 47 ml</t>
  </si>
  <si>
    <t>Degar Qureshi</t>
  </si>
  <si>
    <t>Muhammad Rafique Sajid</t>
  </si>
  <si>
    <t>GMPS KALRI</t>
  </si>
  <si>
    <t>village kalri po box baragran teh dina district jhelum</t>
  </si>
  <si>
    <t>Nazish Aftab</t>
  </si>
  <si>
    <t>GGPS HAWALLIAN</t>
  </si>
  <si>
    <t>tensile kallar syedan district Rawalpindi.. p.o box banahal pattan</t>
  </si>
  <si>
    <t>Hwailian</t>
  </si>
  <si>
    <t>sabiha tabraiz</t>
  </si>
  <si>
    <t>18736</t>
  </si>
  <si>
    <t>GGPS CHAK 350 JB LAHORAIN WALA</t>
  </si>
  <si>
    <t>Chak no 350 jb Gojra</t>
  </si>
  <si>
    <t>ROBINA PARVEEN</t>
  </si>
  <si>
    <t>GPS MAGHER NO. 1</t>
  </si>
  <si>
    <t>Maghar 1</t>
  </si>
  <si>
    <t>Gps maghar1, markaz qaboola 2 tehsil Arifwala</t>
  </si>
  <si>
    <t>Muhammad Maqbool Ahmad</t>
  </si>
  <si>
    <t>GGES BOHAT KALIA KAMALIA</t>
  </si>
  <si>
    <t>Bohat Kalia</t>
  </si>
  <si>
    <t>MOZA BOHAT KALIA</t>
  </si>
  <si>
    <t>AZMAT SHAH QADIR BUX</t>
  </si>
  <si>
    <t>Yusra Tabeer</t>
  </si>
  <si>
    <t>GGES SHAIKH CHOHAR</t>
  </si>
  <si>
    <t>Sheikh Johar</t>
  </si>
  <si>
    <t>Sheikh johar</t>
  </si>
  <si>
    <t>Bilqis Begum</t>
  </si>
  <si>
    <t>GHS A.D. MODEL</t>
  </si>
  <si>
    <t>Nian chowk Hafizabad road grw</t>
  </si>
  <si>
    <t>Gulshanabad</t>
  </si>
  <si>
    <t>GGPS MOZA MITHU</t>
  </si>
  <si>
    <t>Hamu Wala</t>
  </si>
  <si>
    <t>moza mitho</t>
  </si>
  <si>
    <t>Mitho</t>
  </si>
  <si>
    <t>Mehnaz Kosar</t>
  </si>
  <si>
    <t>GPS AWAMI MODEL SANAT NAGAR</t>
  </si>
  <si>
    <t>street no 49 Govt Awami  Model School Sant  Nager Lahore</t>
  </si>
  <si>
    <t>Chohaan Road</t>
  </si>
  <si>
    <t>KHALIDA SANA ULLAH</t>
  </si>
  <si>
    <t>30931</t>
  </si>
  <si>
    <t>GGHS CHAMRA MANDI FAIZ BAGH</t>
  </si>
  <si>
    <t>near Gujja Peer darbar G.T.Road Faiz bagh Lahore</t>
  </si>
  <si>
    <t>Faiz bagh</t>
  </si>
  <si>
    <t>sakina shahnaz</t>
  </si>
  <si>
    <t>GGES CHAKI SHEIKH JEE P/O LAWA</t>
  </si>
  <si>
    <t>Chaki Shiekh Jee</t>
  </si>
  <si>
    <t>Muza chaki sheikh jee vpo lawa</t>
  </si>
  <si>
    <t>GMPS JAHAN PUR</t>
  </si>
  <si>
    <t>jahan pur teh bhera district sargodha</t>
  </si>
  <si>
    <t>rakh charagah</t>
  </si>
  <si>
    <t>GES CHAK  65 KB</t>
  </si>
  <si>
    <t>65/kb</t>
  </si>
  <si>
    <t>chak #65/kb p/o luddan tehsil and district vehari</t>
  </si>
  <si>
    <t>Muhammad Ikram Hussain</t>
  </si>
  <si>
    <t>43848</t>
  </si>
  <si>
    <t>village &amp; post office bhilomar dhow nagri</t>
  </si>
  <si>
    <t>Razia Niaz</t>
  </si>
  <si>
    <t>21034</t>
  </si>
  <si>
    <t>GPS KAKKA</t>
  </si>
  <si>
    <t>kakka</t>
  </si>
  <si>
    <t>Ali Hasan</t>
  </si>
  <si>
    <t>GES CHAK NO. 64/KB</t>
  </si>
  <si>
    <t>Chak 64 KB</t>
  </si>
  <si>
    <t>chak 64 KB</t>
  </si>
  <si>
    <t>GGPS DHANGRI DHERO</t>
  </si>
  <si>
    <t>Dhangri Dheru</t>
  </si>
  <si>
    <t>Dhok Dheru</t>
  </si>
  <si>
    <t>SHABIA Parveen</t>
  </si>
  <si>
    <t>28447</t>
  </si>
  <si>
    <t>29778</t>
  </si>
  <si>
    <t>GPS TAWARIAN P.O SARAI MUGHAL PATTOKI</t>
  </si>
  <si>
    <t>tawarian</t>
  </si>
  <si>
    <t>gps tawarian</t>
  </si>
  <si>
    <t>sarai nashera</t>
  </si>
  <si>
    <t>GGPS NARI SHOMALI NO.1</t>
  </si>
  <si>
    <t>bastinarishumali dak khana nari janubi</t>
  </si>
  <si>
    <t>Asma Dilshad</t>
  </si>
  <si>
    <t>GGPS MARI BANGAIL</t>
  </si>
  <si>
    <t>tehsil district rawalpindi village post office mari bangail</t>
  </si>
  <si>
    <t>Mari Bangail</t>
  </si>
  <si>
    <t>40739</t>
  </si>
  <si>
    <t>GGPS BANGIAL</t>
  </si>
  <si>
    <t>village and post office bangial tehsil sohawa district Jhelum</t>
  </si>
  <si>
    <t>GMPS CHAK NO.164 NB PURANI ABADI</t>
  </si>
  <si>
    <t>Chak No 164</t>
  </si>
  <si>
    <t>chak no 164 n b</t>
  </si>
  <si>
    <t>Iffat Hafeez</t>
  </si>
  <si>
    <t>33426</t>
  </si>
  <si>
    <t>GPS DALLA JERMIAN CHAK NO. 83/RB</t>
  </si>
  <si>
    <t>DALLA JERMIAN</t>
  </si>
  <si>
    <t>DALLA JERMIAN CHAK NO.83/RB</t>
  </si>
  <si>
    <t>CHAK NO 82</t>
  </si>
  <si>
    <t>MOHAMMAD TARIQ MEHMOOD</t>
  </si>
  <si>
    <t>GPS RTA DLA THEHRI CHAK NO 81</t>
  </si>
  <si>
    <t>Rata Dalla Thehri</t>
  </si>
  <si>
    <t>Gps rata dalla thehri chak # 81</t>
  </si>
  <si>
    <t>46527</t>
  </si>
  <si>
    <t>GGCMS DERA HAKEEM KHILAN WALA</t>
  </si>
  <si>
    <t>dera hakeem khel</t>
  </si>
  <si>
    <t>Hakeem Khel</t>
  </si>
  <si>
    <t>Gunjyal Janoobi</t>
  </si>
  <si>
    <t>Nafisa Tahira</t>
  </si>
  <si>
    <t>GMES CHAK 401 JB I</t>
  </si>
  <si>
    <t>Chak No 401JB</t>
  </si>
  <si>
    <t>chak no 401 jb 1</t>
  </si>
  <si>
    <t>Chak 401 Jb 1</t>
  </si>
  <si>
    <t>Chak 393 Jb Khanpur</t>
  </si>
  <si>
    <t>Tahira yaqoob</t>
  </si>
  <si>
    <t>GPS CHAK NO 481 NORTH</t>
  </si>
  <si>
    <t>Chak 481</t>
  </si>
  <si>
    <t>GPS Chak no 481 In  North The short Dusty Jhang</t>
  </si>
  <si>
    <t>Chak 481jb</t>
  </si>
  <si>
    <t>47895</t>
  </si>
  <si>
    <t>GGPS YASIN ABAD</t>
  </si>
  <si>
    <t>moh.yaseenabad</t>
  </si>
  <si>
    <t>GGPS ATTARI CHAKER</t>
  </si>
  <si>
    <t>Attari Chakar</t>
  </si>
  <si>
    <t>village attari chakar</t>
  </si>
  <si>
    <t>Firdous Anwar</t>
  </si>
  <si>
    <t>filter water from village</t>
  </si>
  <si>
    <t>33398</t>
  </si>
  <si>
    <t>GGES KIRI BAHATT CHAK NO.181/RB</t>
  </si>
  <si>
    <t>kiri bahatt</t>
  </si>
  <si>
    <t>Sobia Chaudry</t>
  </si>
  <si>
    <t>GGPS LASHARIAN L PLOT</t>
  </si>
  <si>
    <t>LPLOT  Fojian</t>
  </si>
  <si>
    <t>GGPS L PLOT LASHARIAN</t>
  </si>
  <si>
    <t>L PLOT LASHARIAN</t>
  </si>
  <si>
    <t>LPLOT Fojian</t>
  </si>
  <si>
    <t>Shakira Parveen</t>
  </si>
  <si>
    <t>GGPS KOT GHULAM RASOOL</t>
  </si>
  <si>
    <t>Kot Ghulam Rasool</t>
  </si>
  <si>
    <t>kot ghualm rasool</t>
  </si>
  <si>
    <t>Kalsoom Shazadi</t>
  </si>
  <si>
    <t>GGES THOTHIAN KHURD CHAK 10/RB</t>
  </si>
  <si>
    <t>Thothian Khurd</t>
  </si>
  <si>
    <t>GGES Thothian Khurd Chak no 10</t>
  </si>
  <si>
    <t>Sadaf Latif</t>
  </si>
  <si>
    <t>46319</t>
  </si>
  <si>
    <t>GGPS GUJRAN WALA SHUMALI</t>
  </si>
  <si>
    <t>ggps dera Gujranwala shumali teh noorpur distt khushab</t>
  </si>
  <si>
    <t>Noor Pur Thal Rural</t>
  </si>
  <si>
    <t>GGPS MALKAY SHARAF DIN</t>
  </si>
  <si>
    <t>Malkay sharfdin</t>
  </si>
  <si>
    <t>malkaysharaf din</t>
  </si>
  <si>
    <t>Malkay Sharaf Din</t>
  </si>
  <si>
    <t>32949</t>
  </si>
  <si>
    <t>GMPS GUNJI PIRAN</t>
  </si>
  <si>
    <t>Gunjipiran</t>
  </si>
  <si>
    <t>govt model primary school gunji piran</t>
  </si>
  <si>
    <t>Gmpsgunji Piran</t>
  </si>
  <si>
    <t>Kotnamdar</t>
  </si>
  <si>
    <t>Nasreenakhtar</t>
  </si>
  <si>
    <t>49601</t>
  </si>
  <si>
    <t>GGPS DERA FATEH MUHAMMAD JARA</t>
  </si>
  <si>
    <t>Dera Fateh Muhammad Juraa</t>
  </si>
  <si>
    <t>P/O: Khawajabad, Tehsil: Shah Pur, Distt: Sargodha</t>
  </si>
  <si>
    <t>Khawahabad</t>
  </si>
  <si>
    <t>Shazia anjum</t>
  </si>
  <si>
    <t>51004</t>
  </si>
  <si>
    <t>GMPS PRAIL</t>
  </si>
  <si>
    <t>Prail, Po kingra pasrur  sialkot</t>
  </si>
  <si>
    <t>38556</t>
  </si>
  <si>
    <t>GPS AHMED BAKHSH DAMRA</t>
  </si>
  <si>
    <t>Chakk Hulwani</t>
  </si>
  <si>
    <t>mud ahmad Bakhsh Damrah muaza chakk hulwani tehseel and District rajan pur</t>
  </si>
  <si>
    <t>Basti Dumra</t>
  </si>
  <si>
    <t>Nafees-Ur-Rehman</t>
  </si>
  <si>
    <t>GPS CHAK NO 214 TDA</t>
  </si>
  <si>
    <t>214 Tda</t>
  </si>
  <si>
    <t>Chack n0 214 tda</t>
  </si>
  <si>
    <t>GGCMES CHAK 13/65</t>
  </si>
  <si>
    <t>Chak13/65</t>
  </si>
  <si>
    <t>chak 13/65,syedwala district Nankana sahib</t>
  </si>
  <si>
    <t>Chak 13/65</t>
  </si>
  <si>
    <t>40440</t>
  </si>
  <si>
    <t>GGPS CHITTI</t>
  </si>
  <si>
    <t>Chitti</t>
  </si>
  <si>
    <t>Village chitti post-office jalalpur sharif</t>
  </si>
  <si>
    <t>Umara Yasmin</t>
  </si>
  <si>
    <t>31766</t>
  </si>
  <si>
    <t>GGES CHOHAY WALI KALAN</t>
  </si>
  <si>
    <t>Chohay Wali Kalan</t>
  </si>
  <si>
    <t>chohay wali kalan</t>
  </si>
  <si>
    <t>Nousheen Shoaib</t>
  </si>
  <si>
    <t>GGES CHAK 4/1-AL KALAN</t>
  </si>
  <si>
    <t>4/1al Kalan</t>
  </si>
  <si>
    <t>4/1al kalan</t>
  </si>
  <si>
    <t>4/1Al Kalan</t>
  </si>
  <si>
    <t>4/1AL</t>
  </si>
  <si>
    <t>Musrat Nazeer</t>
  </si>
  <si>
    <t>GGPS ZAKHERA BERANWALA</t>
  </si>
  <si>
    <t>chak no2 zakheera  beranwala</t>
  </si>
  <si>
    <t>Chak No 2 Zakheera</t>
  </si>
  <si>
    <t>GPS BAGHOON WALA</t>
  </si>
  <si>
    <t>basti Taj mohammad soomro</t>
  </si>
  <si>
    <t>Basti Taj Mohammad Soomro</t>
  </si>
  <si>
    <t>Shah WALI</t>
  </si>
  <si>
    <t>Fayaz Ahmed</t>
  </si>
  <si>
    <t>GGPS KHALL</t>
  </si>
  <si>
    <t>Khall</t>
  </si>
  <si>
    <t>vill khall p.o bhagnagar teh.s.a.gir distt gujrat</t>
  </si>
  <si>
    <t>JAMEELA BI BI</t>
  </si>
  <si>
    <t>GGPS CHAK NO 474</t>
  </si>
  <si>
    <t>Chak 474</t>
  </si>
  <si>
    <t>30341</t>
  </si>
  <si>
    <t>GPS DERA PIR MANADYNA</t>
  </si>
  <si>
    <t>Pirmandyana</t>
  </si>
  <si>
    <t>GPS pirmandyan bhasin bata pur lahore</t>
  </si>
  <si>
    <t>Pir Mandyana</t>
  </si>
  <si>
    <t>22026</t>
  </si>
  <si>
    <t>GMPS NOKERIAN</t>
  </si>
  <si>
    <t>Nokerian</t>
  </si>
  <si>
    <t>p.o chahal kalan, village naukarin</t>
  </si>
  <si>
    <t>GGES THATHA ALI</t>
  </si>
  <si>
    <t>Thatha Ali</t>
  </si>
  <si>
    <t>check vahi p.o.box 522 village thatha ali tehsil and distric sheikhupura</t>
  </si>
  <si>
    <t>GGES 364/WB</t>
  </si>
  <si>
    <t>364wb</t>
  </si>
  <si>
    <t>chack no 364wb</t>
  </si>
  <si>
    <t>lrshad begum</t>
  </si>
  <si>
    <t>GGPS DOHDAY</t>
  </si>
  <si>
    <t>dodha</t>
  </si>
  <si>
    <t>Kotly Bary Khan</t>
  </si>
  <si>
    <t>Sofia Ilyas</t>
  </si>
  <si>
    <t>GGPS BASTI PARI</t>
  </si>
  <si>
    <t>KOTLA AYZAD YAR KHAN</t>
  </si>
  <si>
    <t>Head hamid near abbasi petrol pump rajan pur</t>
  </si>
  <si>
    <t>kotla ayzad yar abbasi</t>
  </si>
  <si>
    <t>GPS THATHI KODA</t>
  </si>
  <si>
    <t>Thathi Koda</t>
  </si>
  <si>
    <t>village Thathi Koda p/o Bata  pur</t>
  </si>
  <si>
    <t>Adeel Hussain</t>
  </si>
  <si>
    <t>GGPS DERA NAZAR MUHAMMAD</t>
  </si>
  <si>
    <t>Dera Nazar Muhammad</t>
  </si>
  <si>
    <t>village Dera Nazar Muhammad</t>
  </si>
  <si>
    <t>Munazza Sarfraz</t>
  </si>
  <si>
    <t>19113</t>
  </si>
  <si>
    <t>GGPS NO.2 ISLAM PURA KAMALIA</t>
  </si>
  <si>
    <t>Bilal gunj kamalia</t>
  </si>
  <si>
    <t>Municipal council</t>
  </si>
  <si>
    <t>Nabila Anees</t>
  </si>
  <si>
    <t>GGCMS KARRI</t>
  </si>
  <si>
    <t>Karri</t>
  </si>
  <si>
    <t>vpo sanghoi teh&amp; Disst jehlum</t>
  </si>
  <si>
    <t>Tehmina Ajaib</t>
  </si>
  <si>
    <t>40236</t>
  </si>
  <si>
    <t>GGMES CHAK NO.79/ML</t>
  </si>
  <si>
    <t>East Bhakkar</t>
  </si>
  <si>
    <t>chk no 79ml</t>
  </si>
  <si>
    <t>79ML</t>
  </si>
  <si>
    <t>GGPS BHOCHEKE PAR</t>
  </si>
  <si>
    <t>Bhuchokepar</t>
  </si>
  <si>
    <t>Bhuchoke par</t>
  </si>
  <si>
    <t>Asra Khalil</t>
  </si>
  <si>
    <t>GGPS CHABIL PUR</t>
  </si>
  <si>
    <t>Chabilpur</t>
  </si>
  <si>
    <t>chabilpur</t>
  </si>
  <si>
    <t>GPS JANDILA</t>
  </si>
  <si>
    <t>village jandiala batapur lahore</t>
  </si>
  <si>
    <t>Awan Dhai Wala</t>
  </si>
  <si>
    <t>GGPS SAID MUSSA</t>
  </si>
  <si>
    <t>Said Mussa</t>
  </si>
  <si>
    <t>Noor un nisa</t>
  </si>
  <si>
    <t>36863</t>
  </si>
  <si>
    <t>GGES MUBARAK PUR, KABIRWALA</t>
  </si>
  <si>
    <t>makhdoom Pur Road kabirwala</t>
  </si>
  <si>
    <t>Aisha Parveen</t>
  </si>
  <si>
    <t>30718</t>
  </si>
  <si>
    <t>GPS JHUGIAN LAKHODHER</t>
  </si>
  <si>
    <t>gps jhuggian lakhodair</t>
  </si>
  <si>
    <t>Jhuggian Lakhodair</t>
  </si>
  <si>
    <t>Samina Safdar Ali</t>
  </si>
  <si>
    <t>GGPS CHAK NO.19 NB</t>
  </si>
  <si>
    <t>19  Nb</t>
  </si>
  <si>
    <t>chak no. 19 nb sargodhs</t>
  </si>
  <si>
    <t>Chak No19nb</t>
  </si>
  <si>
    <t>Chak No 19 Nb</t>
  </si>
  <si>
    <t>GGES CHAK 662/3 GB</t>
  </si>
  <si>
    <t>chak no 662/3Gb</t>
  </si>
  <si>
    <t>662/3</t>
  </si>
  <si>
    <t>Nusrat Mazhar</t>
  </si>
  <si>
    <t>GPS TEJ GARH</t>
  </si>
  <si>
    <t>Tej Garh</t>
  </si>
  <si>
    <t>Village Teij Garh PO Batapur Lahore</t>
  </si>
  <si>
    <t>Attokay Awan</t>
  </si>
  <si>
    <t>Shabbir Hussein</t>
  </si>
  <si>
    <t>27399</t>
  </si>
  <si>
    <t>GGES KISHAN GARH</t>
  </si>
  <si>
    <t>Kishn Grrh</t>
  </si>
  <si>
    <t>kishn garh</t>
  </si>
  <si>
    <t>Talat Riaz</t>
  </si>
  <si>
    <t>GGPS AURANG ABAD NO.1</t>
  </si>
  <si>
    <t>aurangabad chowk</t>
  </si>
  <si>
    <t>Mahnoor</t>
  </si>
  <si>
    <t>GPS KOTLI KHUDAI</t>
  </si>
  <si>
    <t>54151</t>
  </si>
  <si>
    <t>GGES MOHSIN HABIB ULLAH ROAD GHARHI SHAHO</t>
  </si>
  <si>
    <t>GHARHI Shahu</t>
  </si>
  <si>
    <t>gges mohsin habibullah road gharhi shahu Lahore</t>
  </si>
  <si>
    <t>Habibullah Rd</t>
  </si>
  <si>
    <t>Zaman park</t>
  </si>
  <si>
    <t>Sobia Khurshid</t>
  </si>
  <si>
    <t>GGPS SAMUNDARI WALA</t>
  </si>
  <si>
    <t>GGPS SAMUNDRI WALA Basti Zain pur Bahawalpur road</t>
  </si>
  <si>
    <t>Shumaila Parveen</t>
  </si>
  <si>
    <t>GGPS AHMAD ABAD KAMRIAL</t>
  </si>
  <si>
    <t>Mehwish Zamurad</t>
  </si>
  <si>
    <t>GGPS RANG PUR SHUMALI</t>
  </si>
  <si>
    <t>GGMPS JHOKE KHUBAR</t>
  </si>
  <si>
    <t>Ggmp/s jhok khubar</t>
  </si>
  <si>
    <t>Jhoke Khubar</t>
  </si>
  <si>
    <t>sadia tabasum</t>
  </si>
  <si>
    <t>mouza bait Qaim Shah uc danreen</t>
  </si>
  <si>
    <t>Nosheen Aleem</t>
  </si>
  <si>
    <t>GMPS RAJI NAARA</t>
  </si>
  <si>
    <t>Rajinara</t>
  </si>
  <si>
    <t>village Rajinara tehsil Dina district jhelum</t>
  </si>
  <si>
    <t>HUMAIRA NASIM</t>
  </si>
  <si>
    <t>190425</t>
  </si>
  <si>
    <t>private tank</t>
  </si>
  <si>
    <t>GGPS NAKKA KHURD</t>
  </si>
  <si>
    <t>Samina Khan</t>
  </si>
  <si>
    <t>GGPS FATEH DERYA</t>
  </si>
  <si>
    <t>Fateh Derya</t>
  </si>
  <si>
    <t>fateh derya</t>
  </si>
  <si>
    <t>Meranpur</t>
  </si>
  <si>
    <t>GGPS ROSHAN WALA</t>
  </si>
  <si>
    <t>Roshanwala near waryamwala</t>
  </si>
  <si>
    <t>Roshanwala</t>
  </si>
  <si>
    <t>Tamnna Irshad</t>
  </si>
  <si>
    <t>GGPS SAWAN SINGH WALA, KABIRWALA</t>
  </si>
  <si>
    <t>5 Kasi</t>
  </si>
  <si>
    <t>ps sawan sing wala</t>
  </si>
  <si>
    <t>Sawan Sing</t>
  </si>
  <si>
    <t>40096</t>
  </si>
  <si>
    <t>GGPS LAR MULTAN</t>
  </si>
  <si>
    <t>Ggps lar adda lar bahawalpur road</t>
  </si>
  <si>
    <t>Rubina Khanum</t>
  </si>
  <si>
    <t>54525</t>
  </si>
  <si>
    <t>GGPS ISLAM WALA (De-consolidated April-2016)</t>
  </si>
  <si>
    <t>Bahadur Town</t>
  </si>
  <si>
    <t>GGPS Islam wala jhang</t>
  </si>
  <si>
    <t>Chah Dinar Wala</t>
  </si>
  <si>
    <t>Farhat Nawaz</t>
  </si>
  <si>
    <t>GES SAID WALA</t>
  </si>
  <si>
    <t>Haito</t>
  </si>
  <si>
    <t>Saeed Wala Tehsil Kallur Kot District Bhakkar</t>
  </si>
  <si>
    <t>Malik Ziaullah</t>
  </si>
  <si>
    <t>GMPS SHAH JAHNI</t>
  </si>
  <si>
    <t>Shahjahani</t>
  </si>
  <si>
    <t>SUMAIRA ASHRAF</t>
  </si>
  <si>
    <t>basti chandia Moza Bait Zaini P/O Gujrat Tehsil Kotaddu District Muzaffargarh</t>
  </si>
  <si>
    <t>GGPS AHMEDAL</t>
  </si>
  <si>
    <t>G.G.P.S.Ahmedal P.o ahmedal</t>
  </si>
  <si>
    <t>Gonjial Shomali</t>
  </si>
  <si>
    <t>Yasmeen Khatoon</t>
  </si>
  <si>
    <t>GPS KHAIP WALI</t>
  </si>
  <si>
    <t>Khaipwali</t>
  </si>
  <si>
    <t>GPS khaipwali disstrict Nankana sahib</t>
  </si>
  <si>
    <t>Ayesha Nawaz</t>
  </si>
  <si>
    <t>GGPS KOTLA BEHLOL</t>
  </si>
  <si>
    <t>Kotla Behlol</t>
  </si>
  <si>
    <t>ggp/s kotla behlol</t>
  </si>
  <si>
    <t>Chah Jund Wala</t>
  </si>
  <si>
    <t>Iqbal Mai</t>
  </si>
  <si>
    <t>shahi wala district bhakkar tehsil darya khan</t>
  </si>
  <si>
    <t>Bharanga</t>
  </si>
  <si>
    <t>GGPS CHAK NO 191/7-R NO. 2</t>
  </si>
  <si>
    <t>191/7R m</t>
  </si>
  <si>
    <t>Amtul Alia</t>
  </si>
  <si>
    <t>GGPS SHEIKH UMED KOHNA</t>
  </si>
  <si>
    <t>village sheikh umad kohna</t>
  </si>
  <si>
    <t>Seikh Umad Kohna</t>
  </si>
  <si>
    <t>Rabia Karamat</t>
  </si>
  <si>
    <t>GGPS SAMBLAH</t>
  </si>
  <si>
    <t>GGPS Samblah,moza sung  dokh samblah p/o khas  tehsil kahuta district rawalpindi</t>
  </si>
  <si>
    <t>Samblah</t>
  </si>
  <si>
    <t>Faiza Shaheen</t>
  </si>
  <si>
    <t>GGPS CHAH ALLAH DITTA</t>
  </si>
  <si>
    <t>chah Allah dita post office jhamat shumali</t>
  </si>
  <si>
    <t>jhamat shumali</t>
  </si>
  <si>
    <t>GGPS BAN KALAS</t>
  </si>
  <si>
    <t>Ban Kalas</t>
  </si>
  <si>
    <t>ggps ban kalas</t>
  </si>
  <si>
    <t>Bankalas</t>
  </si>
  <si>
    <t>Fazia Shaheen</t>
  </si>
  <si>
    <t>35919</t>
  </si>
  <si>
    <t>GGPS CHAK NO. 184/WB EAST</t>
  </si>
  <si>
    <t>chak number 184/w.b east dak khana mitru tehsile mailsi district vehari</t>
  </si>
  <si>
    <t>31483</t>
  </si>
  <si>
    <t>GGPS GHAZI KAKA</t>
  </si>
  <si>
    <t>Ghazi Kaka</t>
  </si>
  <si>
    <t>GGPS Ghazi Kaka Kala Khatai Road Ferozwala Sheikhupura.</t>
  </si>
  <si>
    <t>GHAZI KAKA</t>
  </si>
  <si>
    <t>LUBAN WALA</t>
  </si>
  <si>
    <t>Farah Mukhtar</t>
  </si>
  <si>
    <t>GGPS BHAN BARRY KHAIL</t>
  </si>
  <si>
    <t>Government girls PS barray khail</t>
  </si>
  <si>
    <t>20005</t>
  </si>
  <si>
    <t>GES SHORKOT CITY</t>
  </si>
  <si>
    <t>mohallah saithian shorkot City</t>
  </si>
  <si>
    <t>MC SHORKOT</t>
  </si>
  <si>
    <t>Muhammad Jamshed</t>
  </si>
  <si>
    <t>29390</t>
  </si>
  <si>
    <t>GGPS 14/V, KABIRWALA</t>
  </si>
  <si>
    <t>14 V</t>
  </si>
  <si>
    <t>chak no 14_v kabirwala</t>
  </si>
  <si>
    <t>Chak No 14v</t>
  </si>
  <si>
    <t>Kot Bahadur</t>
  </si>
  <si>
    <t>Seema Jamil</t>
  </si>
  <si>
    <t>35592</t>
  </si>
  <si>
    <t>GGES SHAH SATTAR</t>
  </si>
  <si>
    <t>Shah sattar</t>
  </si>
  <si>
    <t>Ume  Rubab</t>
  </si>
  <si>
    <t>36875</t>
  </si>
  <si>
    <t>GGPS SHAM KOT FACTORY, KABIRWALA</t>
  </si>
  <si>
    <t>Basti Shamkot</t>
  </si>
  <si>
    <t>G.G.P.S SHAMKOT FACTORY,KABIRWALA</t>
  </si>
  <si>
    <t>Shamkot Station</t>
  </si>
  <si>
    <t>GPS CHAK 55 GB JARANWALA FSD</t>
  </si>
  <si>
    <t>Khiowala</t>
  </si>
  <si>
    <t>CHAK NO 55 gb jaranwala faisalbad</t>
  </si>
  <si>
    <t>55 Gb</t>
  </si>
  <si>
    <t>CHAK 55 Gb</t>
  </si>
  <si>
    <t>Muhammad  Saqib Raaza</t>
  </si>
  <si>
    <t>GGPS SHER GARH</t>
  </si>
  <si>
    <t>Moza sher garh</t>
  </si>
  <si>
    <t>Surrayya Ghulam Muhammad</t>
  </si>
  <si>
    <t>36874</t>
  </si>
  <si>
    <t>GGPS KARI WALA, KABIRWALA</t>
  </si>
  <si>
    <t>Sham kot</t>
  </si>
  <si>
    <t>UMM E SLAMA ASLAM</t>
  </si>
  <si>
    <t>GGCMES NOTAK NO. 1</t>
  </si>
  <si>
    <t>Umm e Laila Naqvi</t>
  </si>
  <si>
    <t>GMPS ISLAM NAGAR</t>
  </si>
  <si>
    <t>mohalla islam nagar</t>
  </si>
  <si>
    <t>GMPS CHAK GHUMNANA SHARQI</t>
  </si>
  <si>
    <t>Chak Ghumanana Sharqi</t>
  </si>
  <si>
    <t>Chak Ghumanan Sharqi Tehsil and District Jhang</t>
  </si>
  <si>
    <t>15189</t>
  </si>
  <si>
    <t>GGES CHAK 273 GB SATIANA</t>
  </si>
  <si>
    <t>chak no 273gb</t>
  </si>
  <si>
    <t>Ainoana</t>
  </si>
  <si>
    <t>Jhok Samide</t>
  </si>
  <si>
    <t>Riffat Sardar</t>
  </si>
  <si>
    <t>GGPS MC BLOCK NO.16 SARGODHA</t>
  </si>
  <si>
    <t>16 block gujar  mohallah sgd</t>
  </si>
  <si>
    <t>MC Sgd</t>
  </si>
  <si>
    <t>Mubarrah Kiran</t>
  </si>
  <si>
    <t>GGES CHOKER</t>
  </si>
  <si>
    <t>post office and village Chokar tehsil Taxila dist Rwp</t>
  </si>
  <si>
    <t>Rozi Shabnam</t>
  </si>
  <si>
    <t>GPS DHOKE DARAL</t>
  </si>
  <si>
    <t>dhoke drall</t>
  </si>
  <si>
    <t>Dhoke Drall</t>
  </si>
  <si>
    <t>GPS ENGINEERING UNIVERSITY LHR</t>
  </si>
  <si>
    <t>Co-operative Store</t>
  </si>
  <si>
    <t>Engineering university Lahore.</t>
  </si>
  <si>
    <t>Hazrat Makhdom  Bahaudin Shah</t>
  </si>
  <si>
    <t>Sadia Sheraz</t>
  </si>
  <si>
    <t>GGPS CHAK NAO</t>
  </si>
  <si>
    <t>chk nao</t>
  </si>
  <si>
    <t>Kachimand</t>
  </si>
  <si>
    <t>43731</t>
  </si>
  <si>
    <t>GPS DHOK CHATHA</t>
  </si>
  <si>
    <t>Dk Chatha</t>
  </si>
  <si>
    <t>dk chatha p.o larrian</t>
  </si>
  <si>
    <t>Kot Gulla</t>
  </si>
  <si>
    <t>Sher Khan</t>
  </si>
  <si>
    <t>45527</t>
  </si>
  <si>
    <t>GES DAULAT ABAD</t>
  </si>
  <si>
    <t>DOULAT ABAD</t>
  </si>
  <si>
    <t>ges doulat abad (boys)</t>
  </si>
  <si>
    <t>KOT GHULAM QADIR</t>
  </si>
  <si>
    <t>40449</t>
  </si>
  <si>
    <t>GGPS GHOWRA</t>
  </si>
  <si>
    <t>Gahora</t>
  </si>
  <si>
    <t>village Gahora p/o Thill Teh.Pind Dadan Khan District Jhelum</t>
  </si>
  <si>
    <t>GMPS AHMAD NAGAR</t>
  </si>
  <si>
    <t>V Block Satellite Town Jhang</t>
  </si>
  <si>
    <t>GGPS SHAHEEDAN JANUBI</t>
  </si>
  <si>
    <t>ggps shaheedan janubi</t>
  </si>
  <si>
    <t>Shaheedan Janubi</t>
  </si>
  <si>
    <t>GPS MODEL KOREY WALA, KABIRWALA</t>
  </si>
  <si>
    <t>chah shareen wals mouza koreywala</t>
  </si>
  <si>
    <t>Koat Bahadar</t>
  </si>
  <si>
    <t>Fauzia Parveen</t>
  </si>
  <si>
    <t>mohallah jalalpur</t>
  </si>
  <si>
    <t>GPS KHURD</t>
  </si>
  <si>
    <t>vpo khurd teh &amp; distt jhelum</t>
  </si>
  <si>
    <t>Sajjad Ul Hassan</t>
  </si>
  <si>
    <t>GMPS LAKHAN WAL NO.2</t>
  </si>
  <si>
    <t>Lakhanwal Kalan</t>
  </si>
  <si>
    <t>Lakhanwal kalan tehsil and dist. Gujrat</t>
  </si>
  <si>
    <t>Hina Kalsoom</t>
  </si>
  <si>
    <t>GMPS HASSAN PUR, KABIRWALA</t>
  </si>
  <si>
    <t>GOVT MODEL PRIMARY SCHOOL HASSAN PUR</t>
  </si>
  <si>
    <t>GGES CHAK 423 JB</t>
  </si>
  <si>
    <t>Chak no 423jb</t>
  </si>
  <si>
    <t>GGES 423jb</t>
  </si>
  <si>
    <t>Chak No 423jb</t>
  </si>
  <si>
    <t>423jb</t>
  </si>
  <si>
    <t>uzma anwar</t>
  </si>
  <si>
    <t>GGCMS 106/FA</t>
  </si>
  <si>
    <t>106/FA</t>
  </si>
  <si>
    <t>Chak 106/FA</t>
  </si>
  <si>
    <t>152640</t>
  </si>
  <si>
    <t>GMPS HAKIM PUR</t>
  </si>
  <si>
    <t>Hakim pur</t>
  </si>
  <si>
    <t>P/O lakhanwal khurd village hakim pur tahseel o district gujrat</t>
  </si>
  <si>
    <t>Lakhanwal khurd</t>
  </si>
  <si>
    <t>36639</t>
  </si>
  <si>
    <t>GGES PLOT PARIAN WALA, SARAI SIDHU</t>
  </si>
  <si>
    <t>basti plot paryan bagar sargana</t>
  </si>
  <si>
    <t>Plot Paryan</t>
  </si>
  <si>
    <t>Chan khan walakot chutta no 1 u/c basti jam</t>
  </si>
  <si>
    <t>GGPS LUMBAY</t>
  </si>
  <si>
    <t>Lumbay</t>
  </si>
  <si>
    <t>GGPS  lumbay</t>
  </si>
  <si>
    <t>Misbah Liaquat</t>
  </si>
  <si>
    <t>GMPS GADIALA GHARBI</t>
  </si>
  <si>
    <t>Gadiala</t>
  </si>
  <si>
    <t>gadiala gharbi, tehsil sambrial, district Sialkot</t>
  </si>
  <si>
    <t>Gadiala Gharbi</t>
  </si>
  <si>
    <t>25234</t>
  </si>
  <si>
    <t>village  Chak Qazi</t>
  </si>
  <si>
    <t>Subia Ashraf  Cheema</t>
  </si>
  <si>
    <t>GMPS RALIOKAY</t>
  </si>
  <si>
    <t>Raliokey</t>
  </si>
  <si>
    <t>Badokey</t>
  </si>
  <si>
    <t>41301</t>
  </si>
  <si>
    <t>GGES MOHRA SYEDAN</t>
  </si>
  <si>
    <t>Paharana</t>
  </si>
  <si>
    <t>Po mohrasyedan thsil murree district rawalpindi</t>
  </si>
  <si>
    <t>Zakhira Bibi</t>
  </si>
  <si>
    <t>41468</t>
  </si>
  <si>
    <t>GGPS DHOK BEHK</t>
  </si>
  <si>
    <t>Jama</t>
  </si>
  <si>
    <t>G G P S  Dhok Behk</t>
  </si>
  <si>
    <t>Behk</t>
  </si>
  <si>
    <t>Shaista Naz</t>
  </si>
  <si>
    <t>Moza Islampura P/O Nawab Pur Tehseel Shah Pur District Sargodha</t>
  </si>
  <si>
    <t>Muhammad Saleem  Mukhtar</t>
  </si>
  <si>
    <t>34926</t>
  </si>
  <si>
    <t>GGPS CHAH KAMAL WALA</t>
  </si>
  <si>
    <t>Basti Bagh wala/Bahaderpur Tehsil Jalalpur pirwala</t>
  </si>
  <si>
    <t>Basti Bagh Wala/Bahaderpur</t>
  </si>
  <si>
    <t>Kanhoon Shumali</t>
  </si>
  <si>
    <t>Saima Ibrahim</t>
  </si>
  <si>
    <t>GPS SAMTIA NASHEB</t>
  </si>
  <si>
    <t>Samtia Nashaib</t>
  </si>
  <si>
    <t>GPS Samtia Nashaib Moza Samtia Nashaib</t>
  </si>
  <si>
    <t>GMPS UTHWAL KHALSA</t>
  </si>
  <si>
    <t>Uthwal Khalsa</t>
  </si>
  <si>
    <t>Mouza Uthwal Khalsa PO sadar Gogera</t>
  </si>
  <si>
    <t>GGPS QAYYUM WALA JALALPUR PIRWALA</t>
  </si>
  <si>
    <t>basti  hakim  wala  moza  sabra</t>
  </si>
  <si>
    <t>Hakim   Wala</t>
  </si>
  <si>
    <t>Kanhoon  Shumali</t>
  </si>
  <si>
    <t>Safia Sharif</t>
  </si>
  <si>
    <t>GPS CHAK 28/GD</t>
  </si>
  <si>
    <t>Chak 28GD</t>
  </si>
  <si>
    <t>chak no 28GD</t>
  </si>
  <si>
    <t>Rai Muhammad Azasm</t>
  </si>
  <si>
    <t>GPS CHAK NO. 101/6-R</t>
  </si>
  <si>
    <t>chak no.101/6.r p/o 100/6.r tech haroonabad dist. bahawalnagar</t>
  </si>
  <si>
    <t>kashif ali zahid</t>
  </si>
  <si>
    <t>GGPS SUGAR MILLS COLONY</t>
  </si>
  <si>
    <t>GGPS sugar mills colony toba road jhang</t>
  </si>
  <si>
    <t>Miss Samina Tufail</t>
  </si>
  <si>
    <t>GPS SHIENH MAR</t>
  </si>
  <si>
    <t>Kunnal</t>
  </si>
  <si>
    <t>GPS SHEINH MAR KUNNAL NASHAIB JAMAN SHAH LAYYAH</t>
  </si>
  <si>
    <t>Chah Merasi Wala</t>
  </si>
  <si>
    <t>Mohsin Sajjad</t>
  </si>
  <si>
    <t>GMPS DHOOL KALAN</t>
  </si>
  <si>
    <t>Dhool Kalan</t>
  </si>
  <si>
    <t>village p /o dhool kalan</t>
  </si>
  <si>
    <t>Chopla</t>
  </si>
  <si>
    <t>Khadija Amjad</t>
  </si>
  <si>
    <t>GPS SHARIF DEH</t>
  </si>
  <si>
    <t>Sharifdeh</t>
  </si>
  <si>
    <t>sharifdeh</t>
  </si>
  <si>
    <t>Mehta Jhedo</t>
  </si>
  <si>
    <t>GGPS MURDANI</t>
  </si>
  <si>
    <t>34 GD same via sadar gofgera</t>
  </si>
  <si>
    <t>Nadia Kousar</t>
  </si>
  <si>
    <t>9824</t>
  </si>
  <si>
    <t>GES CHAK NO. 109/6-R</t>
  </si>
  <si>
    <t>chak no 109-6/r</t>
  </si>
  <si>
    <t>Chak# 109 -6/R</t>
  </si>
  <si>
    <t>Ghulam Hasan</t>
  </si>
  <si>
    <t>GGPS KOANKH</t>
  </si>
  <si>
    <t>Kowankh</t>
  </si>
  <si>
    <t>Vpo kowankh</t>
  </si>
  <si>
    <t>GES BASTI SODA</t>
  </si>
  <si>
    <t>govt elementary school basti soda</t>
  </si>
  <si>
    <t>GGPS 185/7-R SOUTH</t>
  </si>
  <si>
    <t>185 7r S</t>
  </si>
  <si>
    <t>185 7 R S</t>
  </si>
  <si>
    <t>GGPS KOUR PUR</t>
  </si>
  <si>
    <t>kour pur</t>
  </si>
  <si>
    <t>Bado Kay</t>
  </si>
  <si>
    <t>18827</t>
  </si>
  <si>
    <t>GPS BASTI KANDH</t>
  </si>
  <si>
    <t>Basti kandh moza nohan wali muzaffar garh</t>
  </si>
  <si>
    <t>Kandh</t>
  </si>
  <si>
    <t>Village Bagla post office Gulehra Gali Teh Murree District Rawalpindi</t>
  </si>
  <si>
    <t>Kausar yasmeen</t>
  </si>
  <si>
    <t>GPS MAKREEL</t>
  </si>
  <si>
    <t>Chijjana</t>
  </si>
  <si>
    <t>Village waghal, p/o Dhanda, Teh. kotli sattian, Rawalpindi</t>
  </si>
  <si>
    <t>Makreel Waghal</t>
  </si>
  <si>
    <t>Raja Zafar-ul-haq</t>
  </si>
  <si>
    <t>22518</t>
  </si>
  <si>
    <t>GMPS ADALAT GARH</t>
  </si>
  <si>
    <t>Adalt Garh</t>
  </si>
  <si>
    <t>gmps adalt garh</t>
  </si>
  <si>
    <t>Nusrat Yasmin</t>
  </si>
  <si>
    <t>GGES SIKANDARY</t>
  </si>
  <si>
    <t>Naseer udine wahin</t>
  </si>
  <si>
    <t>Govt.model E/S SIKANDRI KHARAK</t>
  </si>
  <si>
    <t>Basti kharkain</t>
  </si>
  <si>
    <t>Naseer udine Wahin</t>
  </si>
  <si>
    <t>Musarrat Hafeez</t>
  </si>
  <si>
    <t>GGPS KAMAL PUR ALAM</t>
  </si>
  <si>
    <t>Kamalpur Aalam</t>
  </si>
  <si>
    <t>village kamalpur ALAM tehsil hazro district attock</t>
  </si>
  <si>
    <t>Kamalpur Alam</t>
  </si>
  <si>
    <t>Shaheen</t>
  </si>
  <si>
    <t>41397</t>
  </si>
  <si>
    <t>GPS CHAK NO 379 TDA</t>
  </si>
  <si>
    <t>379 Tda</t>
  </si>
  <si>
    <t>GPS 379 Chak no 379 TDA</t>
  </si>
  <si>
    <t>379 TDA</t>
  </si>
  <si>
    <t>Qalib abbas</t>
  </si>
  <si>
    <t>GGPS BAHADAR WALA</t>
  </si>
  <si>
    <t>GGPS BAHADAR WALA MOHALLAH NOORABAD LAYYAH</t>
  </si>
  <si>
    <t>MOHALLAH NOORABAD</t>
  </si>
  <si>
    <t>Rubina Nazli</t>
  </si>
  <si>
    <t>GGPS CHAK JANI KALAN</t>
  </si>
  <si>
    <t>chak jani</t>
  </si>
  <si>
    <t>38403</t>
  </si>
  <si>
    <t>GPS CHAH JAWAIDAAN WALA MOZO ALI PUR KANJOO</t>
  </si>
  <si>
    <t>Alipur Kanjo</t>
  </si>
  <si>
    <t>chah javedan wala alipur kanjo teh kahror pakka Lodhran</t>
  </si>
  <si>
    <t>Chah Javedan Wala</t>
  </si>
  <si>
    <t>GGPS CHAK NO. 20/1-RB</t>
  </si>
  <si>
    <t>chak 20 1.r.b</t>
  </si>
  <si>
    <t>20 1rb20 1rb</t>
  </si>
  <si>
    <t>Surrya Jabeen</t>
  </si>
  <si>
    <t>Basti Hassan Wala, McLeod Gunj, Tehsil Minchinabad, District Bahawalnagar</t>
  </si>
  <si>
    <t>GGPS MUD GADOLA</t>
  </si>
  <si>
    <t>Fareda Abad</t>
  </si>
  <si>
    <t>basti mudgadola</t>
  </si>
  <si>
    <t>Mudgadola</t>
  </si>
  <si>
    <t>41842</t>
  </si>
  <si>
    <t>GMPS SALMOON</t>
  </si>
  <si>
    <t>Salmoon</t>
  </si>
  <si>
    <t>Post Office Adhwal,Tehsil &amp;District RWP</t>
  </si>
  <si>
    <t>39006</t>
  </si>
  <si>
    <t>GES PASWAL</t>
  </si>
  <si>
    <t>village Paswal post office moorat tehsil Fateh jang district attock</t>
  </si>
  <si>
    <t>GGPS MEHMOOD ABAD NO. 2</t>
  </si>
  <si>
    <t>Dawlat Abad</t>
  </si>
  <si>
    <t>Fatima Saghir</t>
  </si>
  <si>
    <t>GPS MURAD PUR JANUBI</t>
  </si>
  <si>
    <t>tehsil alipur district m garh</t>
  </si>
  <si>
    <t>Cheelan Wali</t>
  </si>
  <si>
    <t>Gabar Arain</t>
  </si>
  <si>
    <t>GPS KHALID ABAD NO 2</t>
  </si>
  <si>
    <t>Chemroo Wali</t>
  </si>
  <si>
    <t>chemroo wali</t>
  </si>
  <si>
    <t>GGES CHAK NO 153-A TDA</t>
  </si>
  <si>
    <t>chkno153A TDA LAYYAH</t>
  </si>
  <si>
    <t>153A</t>
  </si>
  <si>
    <t>Roqia Bano</t>
  </si>
  <si>
    <t>GMPS CHANI KARIM DAD</t>
  </si>
  <si>
    <t>Channi Karimdad</t>
  </si>
  <si>
    <t>channi karimdad</t>
  </si>
  <si>
    <t>GGPS GHAZI CHAK</t>
  </si>
  <si>
    <t>Khadija Aslam</t>
  </si>
  <si>
    <t>GGPS CHAK 651 GB II LUNDIANWALA</t>
  </si>
  <si>
    <t>Sahibzadi Bashir</t>
  </si>
  <si>
    <t>34942</t>
  </si>
  <si>
    <t>GGES BASTI DEWALA MUZA BAIT MUGHAL</t>
  </si>
  <si>
    <t>Bait mughal</t>
  </si>
  <si>
    <t>GGE/S basti dewala</t>
  </si>
  <si>
    <t>SUMAIRA MAJEED</t>
  </si>
  <si>
    <t>GPS LIAQAT ABAD BASTI SHAH MUHAMMAD WALA</t>
  </si>
  <si>
    <t>hardo theam</t>
  </si>
  <si>
    <t>basti shah muhammad wali moza hardo theam ameer pur sadat</t>
  </si>
  <si>
    <t>shah muhammad wala</t>
  </si>
  <si>
    <t>ameer pur saddat</t>
  </si>
  <si>
    <t>GGPS KARYALI</t>
  </si>
  <si>
    <t>karyalli</t>
  </si>
  <si>
    <t>Karyali</t>
  </si>
  <si>
    <t>Anam Jamil</t>
  </si>
  <si>
    <t>GGPS DOGRAN WALI</t>
  </si>
  <si>
    <t>zafarwal road village dogranwali p/o chawinda</t>
  </si>
  <si>
    <t>Dugri Haryan</t>
  </si>
  <si>
    <t>31072</t>
  </si>
  <si>
    <t>GES CHAK NO. 221/9-R</t>
  </si>
  <si>
    <t>221/9R</t>
  </si>
  <si>
    <t>Shahid Islam</t>
  </si>
  <si>
    <t>GGPS CHAK 93 JB II PACCA ANNA</t>
  </si>
  <si>
    <t>Pacca Ana</t>
  </si>
  <si>
    <t>ggps 93 jb 2</t>
  </si>
  <si>
    <t>GES BHENI PAR</t>
  </si>
  <si>
    <t>Bhaini Par</t>
  </si>
  <si>
    <t>village bhaini par</t>
  </si>
  <si>
    <t>Bhani Par</t>
  </si>
  <si>
    <t>Bhirth</t>
  </si>
  <si>
    <t>23283</t>
  </si>
  <si>
    <t>GMPS MALHU</t>
  </si>
  <si>
    <t>GMPS Mallhu P.O. Bhau Ghaseetpur</t>
  </si>
  <si>
    <t>GPS Jandi Wala. Mouza. Chowki Masti Khan. Teh Kahrore Pakka. Distt. Lodhran</t>
  </si>
  <si>
    <t>Jandi Wala</t>
  </si>
  <si>
    <t>GGPS DESHTIAN</t>
  </si>
  <si>
    <t>basti dashtian</t>
  </si>
  <si>
    <t>Dashtian</t>
  </si>
  <si>
    <t>Moneba Qamer</t>
  </si>
  <si>
    <t>GGES 183/9-L</t>
  </si>
  <si>
    <t>chak no 183/9L tehsil chichawatni Dist sahiwal</t>
  </si>
  <si>
    <t>GGPS ZAHID NAGAR</t>
  </si>
  <si>
    <t>ggps zahid nagar</t>
  </si>
  <si>
    <t>Zahid Wala</t>
  </si>
  <si>
    <t>Zubada Bibi</t>
  </si>
  <si>
    <t>GPS MUHAMMAD WALI</t>
  </si>
  <si>
    <t>Khairlursadat</t>
  </si>
  <si>
    <t>Gps Muhammad wali</t>
  </si>
  <si>
    <t>Mahbub Alam</t>
  </si>
  <si>
    <t>GPS KOTLA HUSNAIN SHAH</t>
  </si>
  <si>
    <t>Nala kotla Hussain shah mauza dhanote</t>
  </si>
  <si>
    <t>Nala Kotla Hussain Shah</t>
  </si>
  <si>
    <t>GGES CHAK NO.176/7-R</t>
  </si>
  <si>
    <t>176/7r fortsbbas</t>
  </si>
  <si>
    <t>GPS RAPPER</t>
  </si>
  <si>
    <t>Basti Rapper, moza Rapper</t>
  </si>
  <si>
    <t>Tariq Khurshid Tabassum</t>
  </si>
  <si>
    <t>44702</t>
  </si>
  <si>
    <t>GGPS KHICHI KHURD</t>
  </si>
  <si>
    <t>ggps Khichi KHURD</t>
  </si>
  <si>
    <t>Yasmeen Abdul Rehman</t>
  </si>
  <si>
    <t>GGES KHANAM HUSAINABAD</t>
  </si>
  <si>
    <t>Hussnain Abad</t>
  </si>
  <si>
    <t>st #5 hussnain abad lhr cantt</t>
  </si>
  <si>
    <t>Rehana Ashraf</t>
  </si>
  <si>
    <t>GPS CHAK NO.167/7-R SHARQI</t>
  </si>
  <si>
    <t>167/7R East</t>
  </si>
  <si>
    <t>chek#167/7.R(E)tehsil fortabbas dist bahawalnagar</t>
  </si>
  <si>
    <t>167/7R E</t>
  </si>
  <si>
    <t>Abdul Hammad Ahsan</t>
  </si>
  <si>
    <t>36646</t>
  </si>
  <si>
    <t>GGES MANZAR ABAD, SARAI SIDHU</t>
  </si>
  <si>
    <t>barjh sargana</t>
  </si>
  <si>
    <t>chak manzarabad p/o sarai sidhu</t>
  </si>
  <si>
    <t>manzarabad</t>
  </si>
  <si>
    <t>atia naseer</t>
  </si>
  <si>
    <t>Musabhota</t>
  </si>
  <si>
    <t>besti meeran shah musabhota</t>
  </si>
  <si>
    <t>Razzia Sultana</t>
  </si>
  <si>
    <t>GGES CHAK NO 170/7-R</t>
  </si>
  <si>
    <t>Chack # 170/7R</t>
  </si>
  <si>
    <t>Chack # 170 7/R Khichiwala</t>
  </si>
  <si>
    <t>Chack # 167/7R</t>
  </si>
  <si>
    <t>GGES WADHEY WALI</t>
  </si>
  <si>
    <t>e s wadhay wali</t>
  </si>
  <si>
    <t>Ghazala Zia</t>
  </si>
  <si>
    <t>GGPS MOCHI WALI</t>
  </si>
  <si>
    <t>moza Mochi Wali  Markiz Rohilan wali  District  Muzaffargarh</t>
  </si>
  <si>
    <t>GGPS BASTI GHULAM ALI WALA</t>
  </si>
  <si>
    <t>Mouza Bait Shahil Khan P/O Mir Hazar Khan Tehsil jatoi District Muzaffar Garh</t>
  </si>
  <si>
    <t>Basti Saleem Laghari</t>
  </si>
  <si>
    <t>Shazia Saleem</t>
  </si>
  <si>
    <t>GMPS 153/2-L</t>
  </si>
  <si>
    <t>153/2L</t>
  </si>
  <si>
    <t>chak 153/2L</t>
  </si>
  <si>
    <t>Chak 150/2L</t>
  </si>
  <si>
    <t>GPS JHUGIN GILLAN</t>
  </si>
  <si>
    <t>Jhugian Gillan</t>
  </si>
  <si>
    <t>Jhugian Gillan p/o more khunda</t>
  </si>
  <si>
    <t>Abdul Aziz Rashid</t>
  </si>
  <si>
    <t>GGES DHARI RAI DITTA</t>
  </si>
  <si>
    <t>Dhari Ray Ditta</t>
  </si>
  <si>
    <t>vpo dhari Ray ditta tehsil Fatehjang jang distt attock</t>
  </si>
  <si>
    <t>GMPS SAMAIALA</t>
  </si>
  <si>
    <t>Samaila</t>
  </si>
  <si>
    <t>vill Samaila post office Channan, Teh kharian , Distt Gujrat</t>
  </si>
  <si>
    <t>GPS CHAK NO 364 TDA</t>
  </si>
  <si>
    <t>364/TDA</t>
  </si>
  <si>
    <t>Chak no 364/tda</t>
  </si>
  <si>
    <t>32294</t>
  </si>
  <si>
    <t>GGPS KOT DIA RAM</t>
  </si>
  <si>
    <t>kot Diya ram</t>
  </si>
  <si>
    <t>GPS CHAK 57 GB I</t>
  </si>
  <si>
    <t>57 Gb</t>
  </si>
  <si>
    <t>chak no 57 gb</t>
  </si>
  <si>
    <t>Muhammad Faqeer</t>
  </si>
  <si>
    <t>39213</t>
  </si>
  <si>
    <t>GGPS SABOO WALI</t>
  </si>
  <si>
    <t>Village Sabu wali P/OFFICE Gali Jagir Teh. Fateh Jang District Attock.</t>
  </si>
  <si>
    <t>Dhok Sabu Wali</t>
  </si>
  <si>
    <t>Saiqa Afzal</t>
  </si>
  <si>
    <t>GES CHAK NADAR SHAH</t>
  </si>
  <si>
    <t>Nadar Shah</t>
  </si>
  <si>
    <t>Chak Nadar Shah</t>
  </si>
  <si>
    <t>Ghulam Shabbir Khan</t>
  </si>
  <si>
    <t>GPS CHAK NO 129/351 TDA</t>
  </si>
  <si>
    <t>Chak No351 Tda</t>
  </si>
  <si>
    <t>chak no.351 tda Tehsil choubara district Layyah</t>
  </si>
  <si>
    <t>Chak No 351 Tda</t>
  </si>
  <si>
    <t>GES WALGON SOHAIL NANKANA</t>
  </si>
  <si>
    <t>WALGON SOHAIL</t>
  </si>
  <si>
    <t>WALGON SOHAIL P / O SAME TEH &amp; DISTT NNS</t>
  </si>
  <si>
    <t>Allah Tawakkul</t>
  </si>
  <si>
    <t>GMPS HAJI CHAK</t>
  </si>
  <si>
    <t>Haji Chak</t>
  </si>
  <si>
    <t>haji chak</t>
  </si>
  <si>
    <t>Asiya Shahbaz</t>
  </si>
  <si>
    <t>GGES CHAK 169 EB</t>
  </si>
  <si>
    <t>169 Eb</t>
  </si>
  <si>
    <t>Chak  169 eb</t>
  </si>
  <si>
    <t>169eb</t>
  </si>
  <si>
    <t>Bismellah Yameen</t>
  </si>
  <si>
    <t>GPS CHAK NO 380 TDA</t>
  </si>
  <si>
    <t>380/Tda</t>
  </si>
  <si>
    <t>chak no 380/tda tesh choubara dist lya</t>
  </si>
  <si>
    <t>380/tda</t>
  </si>
  <si>
    <t>rafqbdbad</t>
  </si>
  <si>
    <t>22609</t>
  </si>
  <si>
    <t>GGPS KUNJAH NO.3</t>
  </si>
  <si>
    <t>ggps kunjah no 3 near fezane madina kunjah</t>
  </si>
  <si>
    <t>Uc Kunjah</t>
  </si>
  <si>
    <t>23155</t>
  </si>
  <si>
    <t>GGPS BERONE COMMITTEE KHARIAN NO.6</t>
  </si>
  <si>
    <t>berone committee Ggps kharian  no..6</t>
  </si>
  <si>
    <t>Berone Committee Ggps Kharian no6</t>
  </si>
  <si>
    <t>Sana Bashir</t>
  </si>
  <si>
    <t>Mazail</t>
  </si>
  <si>
    <t>22581</t>
  </si>
  <si>
    <t>GGPS HASSAN DHEENDA</t>
  </si>
  <si>
    <t>Hassan dheenda</t>
  </si>
  <si>
    <t>hassan dhenda,tanda,gujrat</t>
  </si>
  <si>
    <t>hassan dhenda</t>
  </si>
  <si>
    <t>kamala chak</t>
  </si>
  <si>
    <t>Uzma Moazam</t>
  </si>
  <si>
    <t>GPS 117 GB W</t>
  </si>
  <si>
    <t>117gb</t>
  </si>
  <si>
    <t>117 gb west</t>
  </si>
  <si>
    <t>117gb West</t>
  </si>
  <si>
    <t>115 Gb</t>
  </si>
  <si>
    <t>GGPS GHURAL</t>
  </si>
  <si>
    <t>Ghural</t>
  </si>
  <si>
    <t>P.O  KOWANKH TEH&amp; Dist gujrat</t>
  </si>
  <si>
    <t>Sonia zareef</t>
  </si>
  <si>
    <t>GGPS CHAK 364 GB SATIANA</t>
  </si>
  <si>
    <t>chak no 364 g.b</t>
  </si>
  <si>
    <t>GGPS GUJGRAN</t>
  </si>
  <si>
    <t>village Gujgran p/o tanda teh / distt gujrat</t>
  </si>
  <si>
    <t>34102</t>
  </si>
  <si>
    <t>22799</t>
  </si>
  <si>
    <t>GGES DHEERKAY KALAN</t>
  </si>
  <si>
    <t>Dheerkay kalan</t>
  </si>
  <si>
    <t>GGES Dheerkay kalan gujrat</t>
  </si>
  <si>
    <t>Dheerky kalan</t>
  </si>
  <si>
    <t>Mashal Shahzadi</t>
  </si>
  <si>
    <t>GMPS GEGIAN</t>
  </si>
  <si>
    <t>Gegian</t>
  </si>
  <si>
    <t>village Gagian post office Tanda Tehsil and District Gujrat</t>
  </si>
  <si>
    <t>Barila Shareef</t>
  </si>
  <si>
    <t>GES CHAK 115 GB I</t>
  </si>
  <si>
    <t>Goband Pura</t>
  </si>
  <si>
    <t>Govt. E/ S 115 gb, Teh. Jaranwala. Distt. Faisalabad</t>
  </si>
  <si>
    <t>Faizan Chaudhary</t>
  </si>
  <si>
    <t>42001</t>
  </si>
  <si>
    <t>GGPS CHAK 657/8 GB JARANWALA</t>
  </si>
  <si>
    <t>Chak 657/8 G</t>
  </si>
  <si>
    <t>chak no 657/8 gb</t>
  </si>
  <si>
    <t>Chak 657/8GB</t>
  </si>
  <si>
    <t>Sana Afsheen</t>
  </si>
  <si>
    <t>GPS CHAK 114 GB</t>
  </si>
  <si>
    <t>chak no. 114 GB</t>
  </si>
  <si>
    <t>114GB MANGOOR</t>
  </si>
  <si>
    <t>GGPS CHAK 93 GB JARANWALA</t>
  </si>
  <si>
    <t>ggps 93gb</t>
  </si>
  <si>
    <t>Kandoana</t>
  </si>
  <si>
    <t>Kung Miraj</t>
  </si>
  <si>
    <t>GHS CHAK 29 GB SATIANA FSD</t>
  </si>
  <si>
    <t>Chak No. 29 G.B.</t>
  </si>
  <si>
    <t>29 gb</t>
  </si>
  <si>
    <t>35 Gb</t>
  </si>
  <si>
    <t>GGES 133/9-L</t>
  </si>
  <si>
    <t>133 9/l</t>
  </si>
  <si>
    <t>GGE/S 133/9-L swl</t>
  </si>
  <si>
    <t>133/9-L</t>
  </si>
  <si>
    <t>GPS KOT NOSHEER</t>
  </si>
  <si>
    <t>Kot Noshair</t>
  </si>
  <si>
    <t>Kot Noshair near Mora Kalan p/o More Khunda Teh &amp; Distt Nankana Sahib</t>
  </si>
  <si>
    <t>Allah Tawakkal</t>
  </si>
  <si>
    <t>deep water pump</t>
  </si>
  <si>
    <t>7729</t>
  </si>
  <si>
    <t>GES SHAH ALI</t>
  </si>
  <si>
    <t>Shah Ali</t>
  </si>
  <si>
    <t>ges shah ali</t>
  </si>
  <si>
    <t>GPS PANCHNAD NO.1</t>
  </si>
  <si>
    <t>vpo pichnand Tehsil Lawa Distt Chakwal</t>
  </si>
  <si>
    <t>Raheem Dad</t>
  </si>
  <si>
    <t>GPS DHOK MASTAL</t>
  </si>
  <si>
    <t>wandhi bhamjhaira wali</t>
  </si>
  <si>
    <t>p/o dhoke mustal teh &amp; dist mianwali</t>
  </si>
  <si>
    <t>dhoke mustal</t>
  </si>
  <si>
    <t>ban hafiz jee</t>
  </si>
  <si>
    <t>49718</t>
  </si>
  <si>
    <t>GGES CHAK NO.147/148 NB</t>
  </si>
  <si>
    <t>147/148 Nb</t>
  </si>
  <si>
    <t>Chak No 147/148NB</t>
  </si>
  <si>
    <t>147/148NB</t>
  </si>
  <si>
    <t>Javeria Mehnaz</t>
  </si>
  <si>
    <t>33403</t>
  </si>
  <si>
    <t>GGES NIZAM PURA CHAK NO.38</t>
  </si>
  <si>
    <t>Nizampura Devasingh</t>
  </si>
  <si>
    <t>Nizampura Devasingh Chak No. 38</t>
  </si>
  <si>
    <t>Nizampura Devasingh Chak No38</t>
  </si>
  <si>
    <t>Nizampura Mulasingh Chak No 38</t>
  </si>
  <si>
    <t>Asia Razzaq</t>
  </si>
  <si>
    <t>GPS BARA PIND</t>
  </si>
  <si>
    <t>GPS KURMAN SING</t>
  </si>
  <si>
    <t>Kurh Man Singh</t>
  </si>
  <si>
    <t>basti Kurh Man Singh post office hassan abad</t>
  </si>
  <si>
    <t>Murtaza abad</t>
  </si>
  <si>
    <t>Darshan Ram</t>
  </si>
  <si>
    <t>GPS JAMKE CHATTA</t>
  </si>
  <si>
    <t>jamke chatta</t>
  </si>
  <si>
    <t>jamke chatta tehsil wazirabad dist. gujranwala</t>
  </si>
  <si>
    <t>RAKh Kotla</t>
  </si>
  <si>
    <t>ggps Abbas nagar</t>
  </si>
  <si>
    <t>ghulam hafeez</t>
  </si>
  <si>
    <t>40729</t>
  </si>
  <si>
    <t>GGPS DHOK KHUDA BUKHSH</t>
  </si>
  <si>
    <t>Dhok Shear Khan</t>
  </si>
  <si>
    <t>vill kanattie p o ghaziout  teh sohawa  dis Jhelum</t>
  </si>
  <si>
    <t>Kanattie</t>
  </si>
  <si>
    <t>GGHS LADHAY WALA CHEEMA</t>
  </si>
  <si>
    <t>ladhewala cheema</t>
  </si>
  <si>
    <t>GGHS Ladhewala cheema</t>
  </si>
  <si>
    <t>Ladhewala cheema</t>
  </si>
  <si>
    <t>Tousef Iqbal chema</t>
  </si>
  <si>
    <t>GGPS 188 EB</t>
  </si>
  <si>
    <t>Main Pakhi</t>
  </si>
  <si>
    <t>chak No. 188/EB Tehsil Vehari</t>
  </si>
  <si>
    <t>Chak no. 204/EB</t>
  </si>
  <si>
    <t>GGPS GURRHA CHOUDRIAN</t>
  </si>
  <si>
    <t>vpo gurrah chaudrian</t>
  </si>
  <si>
    <t>gurrah chaudrian</t>
  </si>
  <si>
    <t>Farhatmunir</t>
  </si>
  <si>
    <t>GES KURI KHUDA BUKSH</t>
  </si>
  <si>
    <t>Kuri Khuda Bakhsh</t>
  </si>
  <si>
    <t>VPO KURI KHUDA BAKHSH RWP</t>
  </si>
  <si>
    <t>kuri khuda bakhsh</t>
  </si>
  <si>
    <t>banda</t>
  </si>
  <si>
    <t>SYED ABID HUSSAIN SHAH</t>
  </si>
  <si>
    <t>GMPS KHURSHID ABAD</t>
  </si>
  <si>
    <t>nawan shehr, tehsil shorkot, jhang</t>
  </si>
  <si>
    <t>Khurshid Abad</t>
  </si>
  <si>
    <t>45247</t>
  </si>
  <si>
    <t>GPS CHEEMAY WALA</t>
  </si>
  <si>
    <t>Dakar Kotli</t>
  </si>
  <si>
    <t>cheemay Wala, p/o 69/ML,Tehsil Mankera,District Bhakkar</t>
  </si>
  <si>
    <t>Cheemay Wala</t>
  </si>
  <si>
    <t>Muhammad Waseem Rana</t>
  </si>
  <si>
    <t>GGPS CHOOR MUGHLIAN CHAK NO. 117/RB</t>
  </si>
  <si>
    <t>Chahoor Mughlian</t>
  </si>
  <si>
    <t>chahoor Mughlian 117</t>
  </si>
  <si>
    <t>Chahoor Mughlian 117</t>
  </si>
  <si>
    <t>Shakila  Noor</t>
  </si>
  <si>
    <t>village and p.o jawa Teh &amp; Distt.Rwp</t>
  </si>
  <si>
    <t>E</t>
  </si>
  <si>
    <t>14451</t>
  </si>
  <si>
    <t>GMPS GHULAM NABI GOLA</t>
  </si>
  <si>
    <t>basti Ghulam Nabi gola</t>
  </si>
  <si>
    <t>Gyamial</t>
  </si>
  <si>
    <t>GGPS HAKIMAY WALA</t>
  </si>
  <si>
    <t>Hakmay Wala, Rustam Sargana</t>
  </si>
  <si>
    <t>Hakmay Wala</t>
  </si>
  <si>
    <t>Sofia  Riaz</t>
  </si>
  <si>
    <t>GPS MC NO. 5 KHUSHAB</t>
  </si>
  <si>
    <t>muhalla aheeranwala khuushab city</t>
  </si>
  <si>
    <t>GGPS 64/15-L MIAN CHANNU</t>
  </si>
  <si>
    <t>64/15 L</t>
  </si>
  <si>
    <t>64/15L</t>
  </si>
  <si>
    <t>61A15L</t>
  </si>
  <si>
    <t>33526</t>
  </si>
  <si>
    <t>GGPS MOHALLAH SHARIF PURA</t>
  </si>
  <si>
    <t>City  Mohala Sharif Pura</t>
  </si>
  <si>
    <t>Mohallah Sharif pura</t>
  </si>
  <si>
    <t>Municipal Cameety</t>
  </si>
  <si>
    <t>Shazia Imran</t>
  </si>
  <si>
    <t>41744</t>
  </si>
  <si>
    <t>GPS SHEIKH ZADA</t>
  </si>
  <si>
    <t>Sheikh Zada</t>
  </si>
  <si>
    <t>Village Sheikh Zada Rwp</t>
  </si>
  <si>
    <t>45161</t>
  </si>
  <si>
    <t>GGES CHAK NO 68 ML</t>
  </si>
  <si>
    <t>Chak No 68ml</t>
  </si>
  <si>
    <t>chak no.68ml p/o 75ml</t>
  </si>
  <si>
    <t>68ml</t>
  </si>
  <si>
    <t>PARVEEN  AKHTAR</t>
  </si>
  <si>
    <t>GPS KOT AHMED KHAN</t>
  </si>
  <si>
    <t>Kot ahmed khan</t>
  </si>
  <si>
    <t>Muhammad Saleem Akhtar</t>
  </si>
  <si>
    <t>GGPS FATEH PUR NO. 2</t>
  </si>
  <si>
    <t>sajjadabad colony near girls college rajanpur</t>
  </si>
  <si>
    <t>Municipal Commettie</t>
  </si>
  <si>
    <t>Nisar Fatima</t>
  </si>
  <si>
    <t>GGPS BEHLAD PUR</t>
  </si>
  <si>
    <t>Bhelad Pur</t>
  </si>
  <si>
    <t>BEHLAD pur</t>
  </si>
  <si>
    <t>BEHLAD Pur</t>
  </si>
  <si>
    <t>Muqadas Akhtar</t>
  </si>
  <si>
    <t>GES MIRZEKA</t>
  </si>
  <si>
    <t>Moza Khola Mirzeka Tehsil Minchinabad</t>
  </si>
  <si>
    <t>Zahoor Ahmad Awaisi</t>
  </si>
  <si>
    <t>chah danchar wala, Ehsan pur</t>
  </si>
  <si>
    <t>Chah Danchar Wala</t>
  </si>
  <si>
    <t>Asma Almas</t>
  </si>
  <si>
    <t>GES MISSAN</t>
  </si>
  <si>
    <t>GES Missan</t>
  </si>
  <si>
    <t>Mindiali</t>
  </si>
  <si>
    <t>GES CHAK 734 GB</t>
  </si>
  <si>
    <t>Chak 734 GB kamalia</t>
  </si>
  <si>
    <t>Chak 734 G B</t>
  </si>
  <si>
    <t>GGES 105/9-L</t>
  </si>
  <si>
    <t>chak # 105/9l sahiwa</t>
  </si>
  <si>
    <t>105/9l</t>
  </si>
  <si>
    <t>Chak# 105/9l</t>
  </si>
  <si>
    <t>SHABANA JAMIL</t>
  </si>
  <si>
    <t>GGPS CHAK NO 34 ML</t>
  </si>
  <si>
    <t>34ml</t>
  </si>
  <si>
    <t>34ml dakh khana 33ml</t>
  </si>
  <si>
    <t>Ruby Arshad</t>
  </si>
  <si>
    <t>35883</t>
  </si>
  <si>
    <t>GGPS ARY WAHIN</t>
  </si>
  <si>
    <t>aray wahin mailsi</t>
  </si>
  <si>
    <t>Zahida Noor</t>
  </si>
  <si>
    <t>GMPS CHAK 161 GB II</t>
  </si>
  <si>
    <t>chakno161g.b2nd</t>
  </si>
  <si>
    <t>chakno161gb2ndno161gb2nd</t>
  </si>
  <si>
    <t>chakno161 gb ist</t>
  </si>
  <si>
    <t>GGES CHAK NO.431/TDA</t>
  </si>
  <si>
    <t>Chack No 431 T D A</t>
  </si>
  <si>
    <t>RahmataAbad</t>
  </si>
  <si>
    <t>Raffat Naheed</t>
  </si>
  <si>
    <t>38823</t>
  </si>
  <si>
    <t>GPS PIND SULEMAN MAKHAN</t>
  </si>
  <si>
    <t>Pind Suleman Makhan</t>
  </si>
  <si>
    <t>pind suleman makhan teh and distt attock</t>
  </si>
  <si>
    <t>GGPS MANJHA GHUNDI</t>
  </si>
  <si>
    <t>village Manja Ghundi P. O Injra R. S Tehsil Jand Attock</t>
  </si>
  <si>
    <t>GPS MANJHI KHEL TRAGH TEH. ISA KHEL</t>
  </si>
  <si>
    <t>Trag Gharbe</t>
  </si>
  <si>
    <t>mohallah Manjhi khel V&amp;P.O Trag Tehsil Isakhel distrect Mianwali</t>
  </si>
  <si>
    <t>Manzoor Ahmad Khan</t>
  </si>
  <si>
    <t>Khichiwala</t>
  </si>
  <si>
    <t>faisal colony khichiwala</t>
  </si>
  <si>
    <t>Shaheena Sattar</t>
  </si>
  <si>
    <t>40891</t>
  </si>
  <si>
    <t>GES KARRI</t>
  </si>
  <si>
    <t>Govt.Elementary school karri.</t>
  </si>
  <si>
    <t>ZahidFarooq</t>
  </si>
  <si>
    <t>GPS MUNDAKE BUBAK</t>
  </si>
  <si>
    <t>MUNDAKEY BUBAK</t>
  </si>
  <si>
    <t>VILLAGE MUNDAKEY BUBAK POST OFFICE NONAR TEHSIL NAROWAL</t>
  </si>
  <si>
    <t>BUBAK MARALI</t>
  </si>
  <si>
    <t>GMPS NASEER ABAD</t>
  </si>
  <si>
    <t>gmps naseer abad 9 meal chack koriana north jhang</t>
  </si>
  <si>
    <t>Basti Naseer Abad</t>
  </si>
  <si>
    <t>Rabia Hanif</t>
  </si>
  <si>
    <t>GGPS KOTLA THATTA</t>
  </si>
  <si>
    <t>v.p.o Thatta, Teh.Jand, District Attock</t>
  </si>
  <si>
    <t>water supplie</t>
  </si>
  <si>
    <t>GGPS BASTI QURESHIAN WALI</t>
  </si>
  <si>
    <t>Daggar Gadola</t>
  </si>
  <si>
    <t>GGPS basti qureshianwali po gadola</t>
  </si>
  <si>
    <t>Qureshianwali</t>
  </si>
  <si>
    <t>36872</t>
  </si>
  <si>
    <t>GGPS NAI BASTI ALLAH ABAD</t>
  </si>
  <si>
    <t>new basti Allah bad kabirwala</t>
  </si>
  <si>
    <t>Nabi Pour</t>
  </si>
  <si>
    <t>Manzoor Begum</t>
  </si>
  <si>
    <t>GMPS CHAK NO 229 JB</t>
  </si>
  <si>
    <t>Keemay Ka</t>
  </si>
  <si>
    <t>Chak No. 229/JB Tehsil Bhowana District Chiniot</t>
  </si>
  <si>
    <t>Chak No 229JB</t>
  </si>
  <si>
    <t>195 Bhalo</t>
  </si>
  <si>
    <t>GGES 111 WB</t>
  </si>
  <si>
    <t>111 w. b. Pobox surgana mailsi vehari</t>
  </si>
  <si>
    <t>111w B</t>
  </si>
  <si>
    <t>Alvina Mumtaz</t>
  </si>
  <si>
    <t>22396</t>
  </si>
  <si>
    <t>GPS TANDA</t>
  </si>
  <si>
    <t>TANDA DISTRICT GUJRAT</t>
  </si>
  <si>
    <t>45188</t>
  </si>
  <si>
    <t>GES PEENG LAR</t>
  </si>
  <si>
    <t>peenglar</t>
  </si>
  <si>
    <t>Peenglar</t>
  </si>
  <si>
    <t>GES CHAK NO 6 GB RAM NAGAR</t>
  </si>
  <si>
    <t>Chak  No 6</t>
  </si>
  <si>
    <t>Chak No 6</t>
  </si>
  <si>
    <t>Chak  No 4</t>
  </si>
  <si>
    <t>GPS CHAH DHUDDI</t>
  </si>
  <si>
    <t>Tindda</t>
  </si>
  <si>
    <t>chah dhuddi</t>
  </si>
  <si>
    <t>Chah Dhuddi</t>
  </si>
  <si>
    <t>Muhammad nawaz</t>
  </si>
  <si>
    <t>GMPS SYED WALA</t>
  </si>
  <si>
    <t>chah syed wala</t>
  </si>
  <si>
    <t>Gulshad Ghani</t>
  </si>
  <si>
    <t>GPS SARKI</t>
  </si>
  <si>
    <t>Sarki Teh. Mankera Distt.  Bhakkar</t>
  </si>
  <si>
    <t>SARKI</t>
  </si>
  <si>
    <t>GGPS DERA JAT JABBI</t>
  </si>
  <si>
    <t>ggps dera jaat jabbi</t>
  </si>
  <si>
    <t>private ngo water sply</t>
  </si>
  <si>
    <t>GMPS SAYEDAN WALI</t>
  </si>
  <si>
    <t>g m p/s saydan wali</t>
  </si>
  <si>
    <t>Saydan Wali</t>
  </si>
  <si>
    <t>Kausar Batool</t>
  </si>
  <si>
    <t>GPS SUGGUAN WALA</t>
  </si>
  <si>
    <t>Yara Sullah</t>
  </si>
  <si>
    <t>GPS Sugguan wala</t>
  </si>
  <si>
    <t>Sugguan Wala</t>
  </si>
  <si>
    <t>Hassan Abbas</t>
  </si>
  <si>
    <t>GES CHAK NO 245 JB WEST</t>
  </si>
  <si>
    <t>Chak No 245</t>
  </si>
  <si>
    <t>Chak No 245 JB Tehsil Bhowana</t>
  </si>
  <si>
    <t>Chak No 245 JB</t>
  </si>
  <si>
    <t>PARVEZ AHMED</t>
  </si>
  <si>
    <t>Norangwala</t>
  </si>
  <si>
    <t>GGPS Norangwala Chak No #13</t>
  </si>
  <si>
    <t>Yasmin Hayat</t>
  </si>
  <si>
    <t>GGCMS 99/12-L</t>
  </si>
  <si>
    <t>Ggcm primary school 99/12L</t>
  </si>
  <si>
    <t>Hamida Begum malik</t>
  </si>
  <si>
    <t>GES 77 GB</t>
  </si>
  <si>
    <t>77Gb</t>
  </si>
  <si>
    <t>Chak  no 77 Gb Faisalabad</t>
  </si>
  <si>
    <t>Chak No 77 Gb</t>
  </si>
  <si>
    <t>32Gb</t>
  </si>
  <si>
    <t>muhammad afzal shakir</t>
  </si>
  <si>
    <t>GMPS CHAK 336 JB RANI WALA</t>
  </si>
  <si>
    <t>336jb Rani Chak</t>
  </si>
  <si>
    <t>336jb Rani Chak Gojra Dist T T SINGH</t>
  </si>
  <si>
    <t>334jjb</t>
  </si>
  <si>
    <t>Muhammad Nasir Javid</t>
  </si>
  <si>
    <t>GGPS KOTHIAN WALA</t>
  </si>
  <si>
    <t>kothian wala</t>
  </si>
  <si>
    <t>Kothianwala</t>
  </si>
  <si>
    <t>Hafiza Humaira Akbar</t>
  </si>
  <si>
    <t>36827</t>
  </si>
  <si>
    <t>GGPS SOLGI, KABIRWALA</t>
  </si>
  <si>
    <t>Solgi</t>
  </si>
  <si>
    <t>ggps solgi</t>
  </si>
  <si>
    <t>5kassi</t>
  </si>
  <si>
    <t>37029</t>
  </si>
  <si>
    <t>GGES PUL GAMOON WALI NO. 2</t>
  </si>
  <si>
    <t>Pul Gamon Wali</t>
  </si>
  <si>
    <t>Pull Gamon Wali Tehsil Kabirwala</t>
  </si>
  <si>
    <t>Nosheen  Fatima</t>
  </si>
  <si>
    <t>GGPS MATOKI</t>
  </si>
  <si>
    <t>Matoki</t>
  </si>
  <si>
    <t>matoki vpo Kotgullah tehsil lawa district chakwal</t>
  </si>
  <si>
    <t>51615</t>
  </si>
  <si>
    <t>GGPS 12 SP</t>
  </si>
  <si>
    <t>12sp koria farm</t>
  </si>
  <si>
    <t>Korea farm 12sp</t>
  </si>
  <si>
    <t>Hafiza Nadia Bibi</t>
  </si>
  <si>
    <t>30522</t>
  </si>
  <si>
    <t>GGPS OPEL BARKI ROAD</t>
  </si>
  <si>
    <t>village Opal</t>
  </si>
  <si>
    <t>GGPS CHAK NO.25 NB NEW ABADI</t>
  </si>
  <si>
    <t>25nb</t>
  </si>
  <si>
    <t>G.M.P.S chak no 25nb new abadi</t>
  </si>
  <si>
    <t>Chak No 25nb</t>
  </si>
  <si>
    <t>Chak No 19nb</t>
  </si>
  <si>
    <t>Madeeha Ijaz</t>
  </si>
  <si>
    <t>GPS TALAGANG NO. 2</t>
  </si>
  <si>
    <t>GPS No.2 Talagang</t>
  </si>
  <si>
    <t>Gharab</t>
  </si>
  <si>
    <t>30771</t>
  </si>
  <si>
    <t>GPS CDG JUNIOR MODEL CHANDIAN</t>
  </si>
  <si>
    <t>Chandian</t>
  </si>
  <si>
    <t>Gps cdg junior model chandian</t>
  </si>
  <si>
    <t>Harbancepura</t>
  </si>
  <si>
    <t>Sobia Tariq</t>
  </si>
  <si>
    <t>41981</t>
  </si>
  <si>
    <t>GGES BODIAL</t>
  </si>
  <si>
    <t>Chawriaan</t>
  </si>
  <si>
    <t>village chawriaan barasta Adyala road post office dhalla tehsil and district rawalpindi</t>
  </si>
  <si>
    <t>GGPS REKRA</t>
  </si>
  <si>
    <t>Basti Rekra</t>
  </si>
  <si>
    <t>GGMPS MEERAY</t>
  </si>
  <si>
    <t>Meeray P.O. Malyar Tehsil P.D Khan Distt. Jhelum</t>
  </si>
  <si>
    <t>GGES 64/4-R KHURD</t>
  </si>
  <si>
    <t>64/4R Khurd</t>
  </si>
  <si>
    <t>64/4r khurd</t>
  </si>
  <si>
    <t>64/4r Khurd</t>
  </si>
  <si>
    <t>Kalsoom Babu Khan</t>
  </si>
  <si>
    <t>GPS ZARYAB BAGHBANPURA LAHORE</t>
  </si>
  <si>
    <t>govt zaryab primary school main Muhammad seen colony baghbanpura lahore</t>
  </si>
  <si>
    <t>GPS BUKHARI SHARIF</t>
  </si>
  <si>
    <t>basti Wahid bux awan chak shaheed</t>
  </si>
  <si>
    <t>Basti Wahid Bux Awan</t>
  </si>
  <si>
    <t>39355</t>
  </si>
  <si>
    <t>GMPS DHOK MOND</t>
  </si>
  <si>
    <t>Dkmond</t>
  </si>
  <si>
    <t>GMPS DK.MOND teh pindi gheb dist Attock</t>
  </si>
  <si>
    <t>Bibi Haseena</t>
  </si>
  <si>
    <t>GMPS SOHAVI</t>
  </si>
  <si>
    <t>Sohavi</t>
  </si>
  <si>
    <t>tazkia idrees</t>
  </si>
  <si>
    <t>GES CHAK NO 1/1-AL</t>
  </si>
  <si>
    <t>Chak No 1/1AL</t>
  </si>
  <si>
    <t>4/1AL KALAN</t>
  </si>
  <si>
    <t>45253</t>
  </si>
  <si>
    <t>GPS CHAK NO 70 ML</t>
  </si>
  <si>
    <t>73/ML</t>
  </si>
  <si>
    <t>Chak No 70/ML Teh Mankera Dist Bhakkar</t>
  </si>
  <si>
    <t>Chak No 70/ML</t>
  </si>
  <si>
    <t>39446</t>
  </si>
  <si>
    <t>GGPS LARRA DAKHLI NOSHEHRA</t>
  </si>
  <si>
    <t>dhoke larra noshehra</t>
  </si>
  <si>
    <t>Dhoke Larra</t>
  </si>
  <si>
    <t>Asma Mehmood</t>
  </si>
  <si>
    <t>51285</t>
  </si>
  <si>
    <t>GGPS 66/4-R KHAN KAMAL (Newly Established)</t>
  </si>
  <si>
    <t>Khankamal</t>
  </si>
  <si>
    <t>66/4r khankamal</t>
  </si>
  <si>
    <t>Samina  Perveen</t>
  </si>
  <si>
    <t>GGPS JAGR WALI</t>
  </si>
  <si>
    <t>Ameena Abad</t>
  </si>
  <si>
    <t>GGPS Jagar wali</t>
  </si>
  <si>
    <t>JAGAR Wali</t>
  </si>
  <si>
    <t>Shahnila Suleman</t>
  </si>
  <si>
    <t>44823</t>
  </si>
  <si>
    <t>GGPS GANJ BALOCH</t>
  </si>
  <si>
    <t>Bhakkar Nasheeb</t>
  </si>
  <si>
    <t>chah ganj baloch bhakkar nasheeb</t>
  </si>
  <si>
    <t>Chah Ganja Balocha</t>
  </si>
  <si>
    <t>Gadola Daggar</t>
  </si>
  <si>
    <t>GGES HASNANA</t>
  </si>
  <si>
    <t>Ali abad moza hasnana jhang</t>
  </si>
  <si>
    <t>GPS CDG JUNIOR MODEL BHUMA BUND ROAD LAHORE</t>
  </si>
  <si>
    <t>BHAMMAN bund road lahore</t>
  </si>
  <si>
    <t>Bhamma Judha</t>
  </si>
  <si>
    <t>water,pump, Govt water, Filter water</t>
  </si>
  <si>
    <t>GGPS CHAH BHATTIAN WALA</t>
  </si>
  <si>
    <t>CHAH HANSAN  WALA</t>
  </si>
  <si>
    <t>chahbhattinawala</t>
  </si>
  <si>
    <t>Chahbhattinawala</t>
  </si>
  <si>
    <t>GODOLA</t>
  </si>
  <si>
    <t>GGPS CHAK 145 GB JARANWALA</t>
  </si>
  <si>
    <t>Mathlay Di Jhok</t>
  </si>
  <si>
    <t>chak no 145gb</t>
  </si>
  <si>
    <t>145gb</t>
  </si>
  <si>
    <t>648gb</t>
  </si>
  <si>
    <t>Abida Ramzan</t>
  </si>
  <si>
    <t>GGMES KOT BAHADUR, KABIRWALA</t>
  </si>
  <si>
    <t>makhdoom pur road nazd pull vanoi kabirwala muza kotbahadur</t>
  </si>
  <si>
    <t>Farida Ishrat</t>
  </si>
  <si>
    <t>38482</t>
  </si>
  <si>
    <t>GMES HUSSAIN ABAD</t>
  </si>
  <si>
    <t>p/O &amp; moza Hussain abad tehsil &amp; district bhakkar</t>
  </si>
  <si>
    <t>Zainab Sultana</t>
  </si>
  <si>
    <t>GPS 71 GB W JARANWALA FSD</t>
  </si>
  <si>
    <t>71 Gb W</t>
  </si>
  <si>
    <t>71 gb w</t>
  </si>
  <si>
    <t>72gb Fsd</t>
  </si>
  <si>
    <t>35259</t>
  </si>
  <si>
    <t>GGPS BASTI HUSSAIN KHAN WALA</t>
  </si>
  <si>
    <t>GPS 71 GB E JARANWALA FSD</t>
  </si>
  <si>
    <t>71 East Garbana</t>
  </si>
  <si>
    <t>chak #71 GB east</t>
  </si>
  <si>
    <t>71 GB East</t>
  </si>
  <si>
    <t>73GB</t>
  </si>
  <si>
    <t>GMPS KADOO WALI</t>
  </si>
  <si>
    <t>Kaneri</t>
  </si>
  <si>
    <t>kadoo Wali</t>
  </si>
  <si>
    <t>Kadoo Wali</t>
  </si>
  <si>
    <t>Syeda Shagufta Zameer</t>
  </si>
  <si>
    <t>GPS 72 GB I</t>
  </si>
  <si>
    <t>Shani Tikka</t>
  </si>
  <si>
    <t>GPS 72 GB</t>
  </si>
  <si>
    <t>Chak # 72GB</t>
  </si>
  <si>
    <t>GGPS CHAK 231 RB RISALE WALA</t>
  </si>
  <si>
    <t>Risale Wala</t>
  </si>
  <si>
    <t>chak no 231 Rb risale wala</t>
  </si>
  <si>
    <t>Chak 231 rb</t>
  </si>
  <si>
    <t>Shabana Younas</t>
  </si>
  <si>
    <t>GGPS KACHI SHHAANI</t>
  </si>
  <si>
    <t>ggps kachi shahani</t>
  </si>
  <si>
    <t>Ghilkin</t>
  </si>
  <si>
    <t>Ghulam Zohra Sial</t>
  </si>
  <si>
    <t>Sikandarpur</t>
  </si>
  <si>
    <t>vill Sikander pur P o Gurrah choudrian Tehsil sohawa District jhelum</t>
  </si>
  <si>
    <t>Tania Ejaz</t>
  </si>
  <si>
    <t>GGES MACHYANA</t>
  </si>
  <si>
    <t>Govt.Girls Elementary school Machiana markaz kot shakir</t>
  </si>
  <si>
    <t>7/1Thal Janobi</t>
  </si>
  <si>
    <t>40737</t>
  </si>
  <si>
    <t>GGPS BHOGGI CHAK</t>
  </si>
  <si>
    <t>Boghi Chak</t>
  </si>
  <si>
    <t>village and post office Boghi Chak</t>
  </si>
  <si>
    <t>GPS GUJJAR P/O MUHAMMAD SHAH</t>
  </si>
  <si>
    <t>Gojjer</t>
  </si>
  <si>
    <t>mouza gujjer p/o Muhammad shah</t>
  </si>
  <si>
    <t>Lubna Yasin</t>
  </si>
  <si>
    <t>18137</t>
  </si>
  <si>
    <t>GGPS CHAK NO 7 GHAGH  BANGLA DESH</t>
  </si>
  <si>
    <t>7Ghagh</t>
  </si>
  <si>
    <t>Colony bangladesh, 7Ghag</t>
  </si>
  <si>
    <t>Bangadesh</t>
  </si>
  <si>
    <t>Kotla zareef khan</t>
  </si>
  <si>
    <t>Shabana majeed</t>
  </si>
  <si>
    <t>GPS DHOK JHODAL</t>
  </si>
  <si>
    <t>dhok jhodal</t>
  </si>
  <si>
    <t>dhok jhodal P.O Kotgulla</t>
  </si>
  <si>
    <t>kotgulla</t>
  </si>
  <si>
    <t>Waseem Iqbal</t>
  </si>
  <si>
    <t>GMPS CHAK NO 18 GHAGH</t>
  </si>
  <si>
    <t>18 Ghagh</t>
  </si>
  <si>
    <t>chack no 18 ghagh theh shorkot dist jhangh</t>
  </si>
  <si>
    <t>Chack No 18 Ghagh</t>
  </si>
  <si>
    <t>36368</t>
  </si>
  <si>
    <t>GGPS CHAK NO 226 EB</t>
  </si>
  <si>
    <t>Chak no 226EB vehari</t>
  </si>
  <si>
    <t>226/EB</t>
  </si>
  <si>
    <t>Hafsa Niaz</t>
  </si>
  <si>
    <t>GGPS 190 EB</t>
  </si>
  <si>
    <t>Chak No. 190/EB tehsil Vehari</t>
  </si>
  <si>
    <t>Tasnim Akhtar</t>
  </si>
  <si>
    <t>basti rasoolabad madoki road</t>
  </si>
  <si>
    <t>GES CHAK NO 110/F</t>
  </si>
  <si>
    <t>110/F</t>
  </si>
  <si>
    <t>chak no 110/F</t>
  </si>
  <si>
    <t>22699</t>
  </si>
  <si>
    <t>GMPS CHODO WAL</t>
  </si>
  <si>
    <t>gmps chodowal teh distt gujrat</t>
  </si>
  <si>
    <t>chodowal</t>
  </si>
  <si>
    <t>chachian</t>
  </si>
  <si>
    <t>Rafia Akhtar</t>
  </si>
  <si>
    <t>GGPS CHAK NO167/7-R (w)</t>
  </si>
  <si>
    <t>167/7rw</t>
  </si>
  <si>
    <t>chak no 167/7rw</t>
  </si>
  <si>
    <t>Irshad Beggum</t>
  </si>
  <si>
    <t>GGPS MEHBOODB KOT</t>
  </si>
  <si>
    <t>chak zaman</t>
  </si>
  <si>
    <t>mehboob kot</t>
  </si>
  <si>
    <t>kapoora</t>
  </si>
  <si>
    <t>18435</t>
  </si>
  <si>
    <t>GGPS CHAK NO 4/4-L  NO.2</t>
  </si>
  <si>
    <t>chak 4/4L Ahmad pur sial Jhang</t>
  </si>
  <si>
    <t>Chak 4/4L</t>
  </si>
  <si>
    <t>Samandawana</t>
  </si>
  <si>
    <t>Shakela Khanam</t>
  </si>
  <si>
    <t>GMPS CHAK GHULAM MUHAMMAD</t>
  </si>
  <si>
    <t>Chak Ghulam Muhammad</t>
  </si>
  <si>
    <t>Govt model primary school chak Ghulam Muhammad</t>
  </si>
  <si>
    <t>Chak Ghulam Muhammad Muhammad</t>
  </si>
  <si>
    <t>GMPS REHAN CHEEMA</t>
  </si>
  <si>
    <t>Rehancheema</t>
  </si>
  <si>
    <t>rehancheema</t>
  </si>
  <si>
    <t>D hillman Blugun</t>
  </si>
  <si>
    <t>GGPS KHAS KHAROLIAN</t>
  </si>
  <si>
    <t>Khas Kharolian</t>
  </si>
  <si>
    <t>village and PO khas kharolian</t>
  </si>
  <si>
    <t>GPS BAIT WALI DAD KHULANG</t>
  </si>
  <si>
    <t>Bait Walidad</t>
  </si>
  <si>
    <t>p/0 kram dad qureshi teh dis m.garh</t>
  </si>
  <si>
    <t>Mohammad Zohaib Shah</t>
  </si>
  <si>
    <t>GGPS CHAK NO.118/TDA</t>
  </si>
  <si>
    <t>NOSHARA THAL JUNDI</t>
  </si>
  <si>
    <t>GGPS CHAK NO 118 TDA</t>
  </si>
  <si>
    <t>CHAK NO 118 TDA</t>
  </si>
  <si>
    <t>Sumia Perveen</t>
  </si>
  <si>
    <t>GGPS DAO WALA NEAR BASTI PIR JEEVAN</t>
  </si>
  <si>
    <t>Jamrine Wha</t>
  </si>
  <si>
    <t>basti dao wala</t>
  </si>
  <si>
    <t>Basti Dao Wala</t>
  </si>
  <si>
    <t>Jamrine Wah</t>
  </si>
  <si>
    <t>GMPS CHAK NO 448 JB</t>
  </si>
  <si>
    <t>Chak 448</t>
  </si>
  <si>
    <t>chak 448</t>
  </si>
  <si>
    <t>18333</t>
  </si>
  <si>
    <t>GMPS SABQI MOZA SABQI</t>
  </si>
  <si>
    <t>Sabqi</t>
  </si>
  <si>
    <t>GMPS Sabqi</t>
  </si>
  <si>
    <t>Muhammad Iqbal khan</t>
  </si>
  <si>
    <t>GGPS ABADI AHMAD KHAN BALOCH</t>
  </si>
  <si>
    <t>Abadi Ahmed  Khan Baloach</t>
  </si>
  <si>
    <t>chak 216 abadi ahamad khan bloch</t>
  </si>
  <si>
    <t>Chak No 216</t>
  </si>
  <si>
    <t>Chak 215</t>
  </si>
  <si>
    <t>GGPS AMIR ABAD</t>
  </si>
  <si>
    <t>basti amir abad meer muhammad ahmad pur sial jhang</t>
  </si>
  <si>
    <t>Amir Abad</t>
  </si>
  <si>
    <t>Rubeena Afzal</t>
  </si>
  <si>
    <t>Ggps dhay</t>
  </si>
  <si>
    <t>Badokay</t>
  </si>
  <si>
    <t>BADAR UN NISA</t>
  </si>
  <si>
    <t>GMPS GADIALA SHARQI</t>
  </si>
  <si>
    <t>Gadiala Sharqi</t>
  </si>
  <si>
    <t>gmps gadiala sharqi</t>
  </si>
  <si>
    <t>Baddoky Cheema</t>
  </si>
  <si>
    <t>GGPS JAID WALI</t>
  </si>
  <si>
    <t>village jaidwali teh  pasrur dist sialkot</t>
  </si>
  <si>
    <t>Jaidwali</t>
  </si>
  <si>
    <t>GGPS CHAK LOHARAN</t>
  </si>
  <si>
    <t>Chak Loharan</t>
  </si>
  <si>
    <t>village Chak loharan post office wadianwala tehsil and district Sialkot</t>
  </si>
  <si>
    <t>25476</t>
  </si>
  <si>
    <t>GMPS PRANAKAY</t>
  </si>
  <si>
    <t>Puranay Kay</t>
  </si>
  <si>
    <t>Shabana Ali</t>
  </si>
  <si>
    <t>GPS HAJI DEI KHOUI</t>
  </si>
  <si>
    <t>Haji Di Khoi</t>
  </si>
  <si>
    <t>haji Di Khoi Feroze pur road lahore</t>
  </si>
  <si>
    <t>Imran Talib</t>
  </si>
  <si>
    <t>GPS WAN LAKHA NO 1</t>
  </si>
  <si>
    <t>wan lakha post office sadar gogera tehsil and didtrict okara</t>
  </si>
  <si>
    <t>40 GD Rai Pur</t>
  </si>
  <si>
    <t>GGPS MOZA DANA BAD</t>
  </si>
  <si>
    <t>moza dana abad</t>
  </si>
  <si>
    <t>Moza Danabad</t>
  </si>
  <si>
    <t>Fahmida Bibi</t>
  </si>
  <si>
    <t>GPS CHAK BUZRAG</t>
  </si>
  <si>
    <t>chkbuzarag</t>
  </si>
  <si>
    <t>vlg chkbuzarag post office saggar</t>
  </si>
  <si>
    <t>chak bazurag</t>
  </si>
  <si>
    <t>barru</t>
  </si>
  <si>
    <t>Muhammad Naem Baig</t>
  </si>
  <si>
    <t>GGES BHEEM KAY JUND</t>
  </si>
  <si>
    <t>gges bheem kay</t>
  </si>
  <si>
    <t>Bheem Kay</t>
  </si>
  <si>
    <t>Zahida Niaz</t>
  </si>
  <si>
    <t>41734</t>
  </si>
  <si>
    <t>GGPS MULA PUR</t>
  </si>
  <si>
    <t>Ggps mula pur tehsil chunian district kasur</t>
  </si>
  <si>
    <t>Nabeela Parveen</t>
  </si>
  <si>
    <t>GGES PACHNAND NO 2</t>
  </si>
  <si>
    <t>vpo pachnand</t>
  </si>
  <si>
    <t>GHS SATGARHA</t>
  </si>
  <si>
    <t>Satghara, Tehsil &amp; District Okara</t>
  </si>
  <si>
    <t>GGCMS PEHARAH</t>
  </si>
  <si>
    <t>p/o retra teh taunsa distt d.g.khan</t>
  </si>
  <si>
    <t>Morjhangi</t>
  </si>
  <si>
    <t>Lubna Rehman</t>
  </si>
  <si>
    <t>GGPS KANWAL JATTAN</t>
  </si>
  <si>
    <t>Ganwal jattan kot  nainan</t>
  </si>
  <si>
    <t>Ganwal Jattan</t>
  </si>
  <si>
    <t>Kot  Nainan</t>
  </si>
  <si>
    <t>Samra Hayat</t>
  </si>
  <si>
    <t>GPS DHOK HAYAT MUHAMMAD JARGAR</t>
  </si>
  <si>
    <t>Dhok jarger  HM</t>
  </si>
  <si>
    <t>Gps Dhk jarger  Hayyat Muhammad</t>
  </si>
  <si>
    <t>Malhowli</t>
  </si>
  <si>
    <t>GGPS MANGO KAMA</t>
  </si>
  <si>
    <t>Mangokma</t>
  </si>
  <si>
    <t>mangokma post office thakra mahy tehsil sambrial district Sialkot</t>
  </si>
  <si>
    <t>Saeeda Nayyab Fatima</t>
  </si>
  <si>
    <t>GGEMS SHEIKH PUR DAKHLI</t>
  </si>
  <si>
    <t>Sheikhpur Dakhli</t>
  </si>
  <si>
    <t>GGCME/S Sheikhpur dakhli tehsil sarai alamgir dist gujrat</t>
  </si>
  <si>
    <t>GGPS MODEL GHANI SHAM</t>
  </si>
  <si>
    <t>Ghani Sham</t>
  </si>
  <si>
    <t>Govt model primary school ghani sham chak # 7rb</t>
  </si>
  <si>
    <t>19612</t>
  </si>
  <si>
    <t>GMPS CHAK 392 JB CHUTALA</t>
  </si>
  <si>
    <t>Chak No 392 JB</t>
  </si>
  <si>
    <t>CHAK No 392 JB Chutala</t>
  </si>
  <si>
    <t>Chak No 391 JB</t>
  </si>
  <si>
    <t>GGES BHILOWAL</t>
  </si>
  <si>
    <t>VPO Bhelowal Tehsil P.D Khan Distt. Jhelum</t>
  </si>
  <si>
    <t>GGPS CHAK KHEENA</t>
  </si>
  <si>
    <t>Chak Kheena p/o BhopalwalaTeh Sambrial Dist Sialkot</t>
  </si>
  <si>
    <t>Khafsa Aziz</t>
  </si>
  <si>
    <t>GGES DAK JATAN</t>
  </si>
  <si>
    <t>Dak Jattan</t>
  </si>
  <si>
    <t>dakjattan sagir</t>
  </si>
  <si>
    <t>Syeda Ayesha Yousaf</t>
  </si>
  <si>
    <t>GES MANKEY WALA</t>
  </si>
  <si>
    <t>Mankeywala</t>
  </si>
  <si>
    <t>pindi stop jhawarian sargodha road</t>
  </si>
  <si>
    <t>Muhammad Farhat Ullah</t>
  </si>
  <si>
    <t>23525</t>
  </si>
  <si>
    <t>GGPS RANIAN</t>
  </si>
  <si>
    <t>vil.ranian p.o.sadat pur teh.sari aamgir distt.gurat</t>
  </si>
  <si>
    <t>Bhag Nagr</t>
  </si>
  <si>
    <t>Ali pur janubi</t>
  </si>
  <si>
    <t>gps khokhar wala moza ali pur janubi muzaffar garh</t>
  </si>
  <si>
    <t>basti khokhar wala</t>
  </si>
  <si>
    <t>murad abad</t>
  </si>
  <si>
    <t>GMPS DERA AGRAL  NALLI</t>
  </si>
  <si>
    <t>NALLI</t>
  </si>
  <si>
    <t>WAHEER(Shumali)</t>
  </si>
  <si>
    <t>DERA AGRAL</t>
  </si>
  <si>
    <t>19627</t>
  </si>
  <si>
    <t>GGPS NO.7 CHAK 327 JB</t>
  </si>
  <si>
    <t>327jb</t>
  </si>
  <si>
    <t>ggps 327jb toba tek Singh</t>
  </si>
  <si>
    <t>327 Jb Bhalar</t>
  </si>
  <si>
    <t>324jb</t>
  </si>
  <si>
    <t>21057</t>
  </si>
  <si>
    <t>GPS PINDORI KHURD</t>
  </si>
  <si>
    <t>Pindori Khurd</t>
  </si>
  <si>
    <t>pindori khurd p o pindori kalan Tehsil WAZIRABAD district gujranwala</t>
  </si>
  <si>
    <t>Izeb Shahzad Ahmad</t>
  </si>
  <si>
    <t>GMPS BAIR WALA</t>
  </si>
  <si>
    <t>Iram Rasool</t>
  </si>
  <si>
    <t>GGPS KUNDIAN STATION</t>
  </si>
  <si>
    <t>Mohallah Islamabad Kundian</t>
  </si>
  <si>
    <t>25681</t>
  </si>
  <si>
    <t>GES QAYAMPUR</t>
  </si>
  <si>
    <t>Sadhay Madhay</t>
  </si>
  <si>
    <t>Qayampur P/O Jassar Teh and District Narowal</t>
  </si>
  <si>
    <t>Qayampur</t>
  </si>
  <si>
    <t>GGPS DERA KARAM HAIDER SHAH PIPLAN</t>
  </si>
  <si>
    <t>Gernali Road Piplan</t>
  </si>
  <si>
    <t>Tibba Meherban Shah</t>
  </si>
  <si>
    <t>GPS PINDI CHANIAN</t>
  </si>
  <si>
    <t>village pindi Chaniani, p.o marjal,tehsil zafarwal, district narowal</t>
  </si>
  <si>
    <t>GPS KHOKHARAN</t>
  </si>
  <si>
    <t>basti bair wali moza khokhran UC choki masti khan kahror pakka district lodhran</t>
  </si>
  <si>
    <t>Basti Bair Wali</t>
  </si>
  <si>
    <t>Tanveer Asim</t>
  </si>
  <si>
    <t>GMPS BHARTH</t>
  </si>
  <si>
    <t>Shahzadi Qamar</t>
  </si>
  <si>
    <t>GGES KOT MURAD</t>
  </si>
  <si>
    <t>Kot murad</t>
  </si>
  <si>
    <t>REHANA KAUSAR</t>
  </si>
  <si>
    <t>GPS DUDIAL</t>
  </si>
  <si>
    <t>vpo dudial</t>
  </si>
  <si>
    <t>Naeem Afzal</t>
  </si>
  <si>
    <t>GGPS KACHI RANG PUR</t>
  </si>
  <si>
    <t>Chak Dim</t>
  </si>
  <si>
    <t>GGPS Kachi Rang Pur Rojhan</t>
  </si>
  <si>
    <t>GGPS GILL CHAK 114/RB</t>
  </si>
  <si>
    <t>Gill Chak No 114</t>
  </si>
  <si>
    <t>gill chak no 114 p/o baddo malhi 113 teh sangla dist NNS</t>
  </si>
  <si>
    <t>Baddo Malhi 113</t>
  </si>
  <si>
    <t>GGPS WANNI</t>
  </si>
  <si>
    <t>Wanni</t>
  </si>
  <si>
    <t>village wannii teh txla rwp</t>
  </si>
  <si>
    <t>That ha Khalil</t>
  </si>
  <si>
    <t>Farhana  Kousar</t>
  </si>
  <si>
    <t>GGES DALLA NANGAL CHAK NO. 83/RB</t>
  </si>
  <si>
    <t>Dalla Nangal</t>
  </si>
  <si>
    <t>dalla nangal chak83 tehsil shahkot distt nankana sahib</t>
  </si>
  <si>
    <t>Dalla Nangal Chak83</t>
  </si>
  <si>
    <t>Rasool Pur Chak82</t>
  </si>
  <si>
    <t>GGPS FARASH</t>
  </si>
  <si>
    <t>Frash</t>
  </si>
  <si>
    <t>ward no.9 sohawa station teh sohawa distt jhelum</t>
  </si>
  <si>
    <t>Farkhanda Fatima</t>
  </si>
  <si>
    <t>25074</t>
  </si>
  <si>
    <t>GGPS KAKWAL</t>
  </si>
  <si>
    <t>Kakwal</t>
  </si>
  <si>
    <t>Village kakwal</t>
  </si>
  <si>
    <t>Yasmin Salma</t>
  </si>
  <si>
    <t>GGES HANSO WALA</t>
  </si>
  <si>
    <t>hansowala</t>
  </si>
  <si>
    <t>GPS MUHAMAD WALA</t>
  </si>
  <si>
    <t>amar ditty wala mirzy ka bagh kahror pacca</t>
  </si>
  <si>
    <t>Amar Ditty Wala</t>
  </si>
  <si>
    <t>GGPS MEHBOOB NANGA</t>
  </si>
  <si>
    <t>Chak Mat No1</t>
  </si>
  <si>
    <t>Basti Mehboob Nanga</t>
  </si>
  <si>
    <t>Mussart Naeem</t>
  </si>
  <si>
    <t>GGCMS GHULE BAJWA</t>
  </si>
  <si>
    <t>Ghullsy Bajway</t>
  </si>
  <si>
    <t>GGCMS Ghullay bajway 116</t>
  </si>
  <si>
    <t>Ghullay Bajway</t>
  </si>
  <si>
    <t>Afzal Tahira</t>
  </si>
  <si>
    <t>GPS ROHILLA GHARBI</t>
  </si>
  <si>
    <t>Rohilla Gharbi</t>
  </si>
  <si>
    <t>GPS rohilla Gharbi</t>
  </si>
  <si>
    <t>New Karachi</t>
  </si>
  <si>
    <t>muhammad waqar azeem</t>
  </si>
  <si>
    <t>20321</t>
  </si>
  <si>
    <t>GGPS KOTHA SHAH BAHLOL</t>
  </si>
  <si>
    <t>Bahauddin</t>
  </si>
  <si>
    <t>kotha Shah Behlol</t>
  </si>
  <si>
    <t>MUMTAZ Butt</t>
  </si>
  <si>
    <t>39338</t>
  </si>
  <si>
    <t>GPS CHAK NO 69 P</t>
  </si>
  <si>
    <t>Chak 69 P PO BOX KOT SAMABA</t>
  </si>
  <si>
    <t>Nisar Ul Haq Saddique</t>
  </si>
  <si>
    <t>GPS NATLA KHURD</t>
  </si>
  <si>
    <t>Natlah Khurd</t>
  </si>
  <si>
    <t>Village Natlah khurd P/O Tarkhana Murida Tehsil Shakargarh District Narowal.</t>
  </si>
  <si>
    <t>Pubar Wala</t>
  </si>
  <si>
    <t>bhumb road iqbal nagar</t>
  </si>
  <si>
    <t>Muhammad Abdullah Abid</t>
  </si>
  <si>
    <t>46701</t>
  </si>
  <si>
    <t>GPS ALAM KHANWALA</t>
  </si>
  <si>
    <t>CHEENA PORDHA</t>
  </si>
  <si>
    <t>Dist:Mianwali,Tehsil,Isakhel,CHEENA PORDHA,Village Alan Khan Wala.</t>
  </si>
  <si>
    <t>ALAM KHAN WALA</t>
  </si>
  <si>
    <t>KALOOR SHARIF</t>
  </si>
  <si>
    <t>SHAHZAD NASEER SHAH</t>
  </si>
  <si>
    <t>GGPS ALLAH BAKHSH WALA</t>
  </si>
  <si>
    <t>Ihsan Pur</t>
  </si>
  <si>
    <t>chah khatwan P/O ihsan pur , tehsil kot adu,district muzaffer garh</t>
  </si>
  <si>
    <t>Chah Khatwan</t>
  </si>
  <si>
    <t>Sara Shaheen</t>
  </si>
  <si>
    <t>GPS RAVI</t>
  </si>
  <si>
    <t>opposite Kallurkot stadium</t>
  </si>
  <si>
    <t>Rana Abdul Samad Khan</t>
  </si>
  <si>
    <t>GGPS CHAK NO 171/7-R (COLONY)</t>
  </si>
  <si>
    <t>171/7r colony tehsil fort Abbas  district bahawalnagar</t>
  </si>
  <si>
    <t>171/7r Colony</t>
  </si>
  <si>
    <t>RAZIA BAGAM</t>
  </si>
  <si>
    <t>41726</t>
  </si>
  <si>
    <t>GPS MANZOOR MUSLIM</t>
  </si>
  <si>
    <t>GPS Manzoor Muslim Kashmir colony Rawalpindi</t>
  </si>
  <si>
    <t>Kaneez Maryam</t>
  </si>
  <si>
    <t>GPS PATTI JUMMA ARAIN</t>
  </si>
  <si>
    <t>PATTI JUMMA ARAIN</t>
  </si>
  <si>
    <t>CHACK BURAH MOZA PATTI JUMMA ARIAN</t>
  </si>
  <si>
    <t>CHACK BURAH</t>
  </si>
  <si>
    <t>SIDDIQUE AHMAD</t>
  </si>
  <si>
    <t>GGPS CHAK 347 JB CHETHA</t>
  </si>
  <si>
    <t>chak no 347 jb</t>
  </si>
  <si>
    <t>Chattha 347jb</t>
  </si>
  <si>
    <t>348jb Maqbool Pur</t>
  </si>
  <si>
    <t>SADAF BASHIR</t>
  </si>
  <si>
    <t>GMPS CHAH BAVI WALA</t>
  </si>
  <si>
    <t>Chah Bavi Wala</t>
  </si>
  <si>
    <t>chah bavi wala</t>
  </si>
  <si>
    <t>Shabana Sharif</t>
  </si>
  <si>
    <t>GPS MUSU KHAN</t>
  </si>
  <si>
    <t>Chak 69/p tehsil khan pur district rahim yar khan</t>
  </si>
  <si>
    <t>GGES UGGO WAL</t>
  </si>
  <si>
    <t>Uggowal</t>
  </si>
  <si>
    <t>Vill. Uggowal P.O.Box Dolatnagar</t>
  </si>
  <si>
    <t>Qaisra Shaheen</t>
  </si>
  <si>
    <t>GPS KHANDORE</t>
  </si>
  <si>
    <t>Banahel</t>
  </si>
  <si>
    <t>khandor banahel teh,kallar syedan distt,rwp</t>
  </si>
  <si>
    <t>Khandor</t>
  </si>
  <si>
    <t>Zaheer Uddin Baber</t>
  </si>
  <si>
    <t>GHS CHAK NO. 261 TDA</t>
  </si>
  <si>
    <t>Noshera Thal Kalaan</t>
  </si>
  <si>
    <t>CHAK NO . 261/TDA, TEHSIL KAROR, DISTRICT LAYYAH</t>
  </si>
  <si>
    <t>CHAK NI261/TDA</t>
  </si>
  <si>
    <t>Ameer Hussain Khan</t>
  </si>
  <si>
    <t>GGPS KHARIAN NO.3</t>
  </si>
  <si>
    <t>Muhallah Rafiq Pura Kharian</t>
  </si>
  <si>
    <t>Dhok Mohri</t>
  </si>
  <si>
    <t>Dhok Mohri Dakhli Bikhari kalan Distt &amp; Teh CHAKWAL</t>
  </si>
  <si>
    <t>Adeela Saman</t>
  </si>
  <si>
    <t>38312</t>
  </si>
  <si>
    <t>GGPS NANGI</t>
  </si>
  <si>
    <t>Thali</t>
  </si>
  <si>
    <t>roqia bibi ggps nagni moza thali tehsil kerorh pkka zila lodhran</t>
  </si>
  <si>
    <t>Nagni</t>
  </si>
  <si>
    <t>Naseerdiwahin</t>
  </si>
  <si>
    <t>GGPS PHAMRA KHLSA</t>
  </si>
  <si>
    <t>Phamra Khalsa</t>
  </si>
  <si>
    <t>GGPS Phamra Khalsa</t>
  </si>
  <si>
    <t>Ruksana bibi</t>
  </si>
  <si>
    <t>GES GABBER ARAIN</t>
  </si>
  <si>
    <t>Hussain Ahmed</t>
  </si>
  <si>
    <t>GPS DUNIA PUR</t>
  </si>
  <si>
    <t>DUNIA PUR</t>
  </si>
  <si>
    <t>Basti Dunia pur Post Office Sahja Tehsil Khan Pur District Rahim Yar Khan</t>
  </si>
  <si>
    <t>GGES CHAK NO. 339/HR</t>
  </si>
  <si>
    <t>chak 339 HR</t>
  </si>
  <si>
    <t>Maqssud Anjum</t>
  </si>
  <si>
    <t>GPS CHAK NO 215 TDA</t>
  </si>
  <si>
    <t>Chack no 215Tda Teh.Mankera (Bk)..</t>
  </si>
  <si>
    <t>Chack No 215 Tda</t>
  </si>
  <si>
    <t>GGPS CHAK 110 JB II</t>
  </si>
  <si>
    <t>110 JB II Mujhy Wala</t>
  </si>
  <si>
    <t>Mujhy Wala</t>
  </si>
  <si>
    <t>106 Khichean</t>
  </si>
  <si>
    <t>GGCMS NOOR PUR, KABIRWALA</t>
  </si>
  <si>
    <t>govt.girls community model school Noor pur</t>
  </si>
  <si>
    <t>GES RAFIQUE ABAD</t>
  </si>
  <si>
    <t>Adda Rafiq Abad tehsil choubara dist. Layyah</t>
  </si>
  <si>
    <t>35445</t>
  </si>
  <si>
    <t>GGPS 495 EB</t>
  </si>
  <si>
    <t>Chak 495 EB</t>
  </si>
  <si>
    <t>495/EB burewala</t>
  </si>
  <si>
    <t>Rukhsana Mushtaq</t>
  </si>
  <si>
    <t>GGPS BAIT CHAJRAY WALA</t>
  </si>
  <si>
    <t>Darbar Hashim Shah</t>
  </si>
  <si>
    <t>GGPS SHAH KAMIR</t>
  </si>
  <si>
    <t>SHAHKAMIR</t>
  </si>
  <si>
    <t>VPO SHAHKAMIR,TEHSIL JHELUM,DISTT JHELUM</t>
  </si>
  <si>
    <t>Shahkamir</t>
  </si>
  <si>
    <t>nazia yaseen</t>
  </si>
  <si>
    <t>GGES RANIKE MINARA</t>
  </si>
  <si>
    <t>Ranike Minara Sheikhupura</t>
  </si>
  <si>
    <t>Govt. Girls Elementary school Ranike Minara Sheikhupura</t>
  </si>
  <si>
    <t>Kurlkay Minara</t>
  </si>
  <si>
    <t>PARVEEN CHAND</t>
  </si>
  <si>
    <t>GES BASTI PURSAN</t>
  </si>
  <si>
    <t>Khukharan</t>
  </si>
  <si>
    <t>basti pursan ryk</t>
  </si>
  <si>
    <t>Basti Pursan</t>
  </si>
  <si>
    <t>Kot Kumoo Shah</t>
  </si>
  <si>
    <t>GGPS AKBAR NAGAR</t>
  </si>
  <si>
    <t>Perhar Sherqi</t>
  </si>
  <si>
    <t>Near Nory Wala Phatak, Mashori Street  Akbar Nagar Kot Addu</t>
  </si>
  <si>
    <t>Khu Jamal Wala</t>
  </si>
  <si>
    <t>M C Kotadu</t>
  </si>
  <si>
    <t>38835</t>
  </si>
  <si>
    <t>GPS TAJA BAJA</t>
  </si>
  <si>
    <t>Taja Baja</t>
  </si>
  <si>
    <t>Village taja baja  Tehsil Hazro Dist. Attock</t>
  </si>
  <si>
    <t>Mir Afsar Khan</t>
  </si>
  <si>
    <t>23633</t>
  </si>
  <si>
    <t>GGPS SANGER WALI</t>
  </si>
  <si>
    <t>Sangerwali</t>
  </si>
  <si>
    <t>sangerwali p/o kassowala daska sialkot</t>
  </si>
  <si>
    <t>Naila Mansha</t>
  </si>
  <si>
    <t>GGPS MC MARZI PURA</t>
  </si>
  <si>
    <t>gali no 7 mrzipura Burewala</t>
  </si>
  <si>
    <t>gulshan e rehman</t>
  </si>
  <si>
    <t>Nafeesa Ejaz</t>
  </si>
  <si>
    <t>GGES MC KUMHARAN WALA MULTAN</t>
  </si>
  <si>
    <t>Kumharanwala</t>
  </si>
  <si>
    <t>near nyaz petrol pump kumharanwala</t>
  </si>
  <si>
    <t>Peer Manzoor Colony</t>
  </si>
  <si>
    <t>Mariam Saeed</t>
  </si>
  <si>
    <t>GGPS KASSOANA JANOBI</t>
  </si>
  <si>
    <t>Kasoana</t>
  </si>
  <si>
    <t>, g g p/s kasoana janobi,p/o peer abdul rehman</t>
  </si>
  <si>
    <t>Kundal Khokran</t>
  </si>
  <si>
    <t>Nighat Saeed</t>
  </si>
  <si>
    <t>39965</t>
  </si>
  <si>
    <t>GES SIRKA</t>
  </si>
  <si>
    <t>Sirka</t>
  </si>
  <si>
    <t>vpo sirka tehsil hazro district attock</t>
  </si>
  <si>
    <t>GMPS 157/HB</t>
  </si>
  <si>
    <t>157/3L</t>
  </si>
  <si>
    <t>chak no.157/3L</t>
  </si>
  <si>
    <t>Shugfta Qadir</t>
  </si>
  <si>
    <t>GGES ASHABA</t>
  </si>
  <si>
    <t>GGES Ashaba</t>
  </si>
  <si>
    <t>Chanda Mehtab</t>
  </si>
  <si>
    <t>GGES 38/12-L</t>
  </si>
  <si>
    <t>38/12L</t>
  </si>
  <si>
    <t>38/12 L</t>
  </si>
  <si>
    <t>36 /12 L</t>
  </si>
  <si>
    <t>Rahila Fatima</t>
  </si>
  <si>
    <t>GGES CHAK NO. 125 MURAD</t>
  </si>
  <si>
    <t>125/m</t>
  </si>
  <si>
    <t>G.G.E/S.Chak No.125/m</t>
  </si>
  <si>
    <t>GG E/SChak 125/m</t>
  </si>
  <si>
    <t>128/m</t>
  </si>
  <si>
    <t>GES KOT RANJAH</t>
  </si>
  <si>
    <t>vill&amp;p/o kot Ranjha</t>
  </si>
  <si>
    <t>Bheraj</t>
  </si>
  <si>
    <t>GHS CDG FACTORY AREA SHAHDARA</t>
  </si>
  <si>
    <t>main g.t road shahdara</t>
  </si>
  <si>
    <t>GGPS THATA BERAN</t>
  </si>
  <si>
    <t>Thatta Beran</t>
  </si>
  <si>
    <t>ggps thatta beran</t>
  </si>
  <si>
    <t>Nasser Pur Kalan</t>
  </si>
  <si>
    <t>GGES CHAK NO. 111/DNB</t>
  </si>
  <si>
    <t>111DNB</t>
  </si>
  <si>
    <t>GGES111/DNB</t>
  </si>
  <si>
    <t>36DNB</t>
  </si>
  <si>
    <t>Rafia Manazer</t>
  </si>
  <si>
    <t>GMPS GHUGHIAT</t>
  </si>
  <si>
    <t>Ghoghiat</t>
  </si>
  <si>
    <t>G M P S Ghoghiat</t>
  </si>
  <si>
    <t>Fazilat Perveen</t>
  </si>
  <si>
    <t>GMPS HOKRA</t>
  </si>
  <si>
    <t>Hokra Ker</t>
  </si>
  <si>
    <t>Village Hokra Ker Post office Gulehra Gali Tehsil Murree District Rawalpindi</t>
  </si>
  <si>
    <t>36125</t>
  </si>
  <si>
    <t>GGES 206 EB</t>
  </si>
  <si>
    <t>206/EB</t>
  </si>
  <si>
    <t>Chak No. 206/EB Tehsil Vehari</t>
  </si>
  <si>
    <t>GPS HUMWALA</t>
  </si>
  <si>
    <t>Humwala</t>
  </si>
  <si>
    <t>village humwala  p/o hoon</t>
  </si>
  <si>
    <t>GGPS DEWAL NO.2</t>
  </si>
  <si>
    <t>Chatti</t>
  </si>
  <si>
    <t>village and post office dewal Tehsil Murree District Rawalpindi</t>
  </si>
  <si>
    <t>Dewal Shareef</t>
  </si>
  <si>
    <t>Sania Almas</t>
  </si>
  <si>
    <t>GPS KAMAL ABAD</t>
  </si>
  <si>
    <t>villages kamalabad Post office gulehre Gali teh murree dist. RWP</t>
  </si>
  <si>
    <t>GPS HUSSAIN KOT</t>
  </si>
  <si>
    <t>HUSSAIN KOT</t>
  </si>
  <si>
    <t>HUSSAIN KOT p/o bonga hyat Pakpattan</t>
  </si>
  <si>
    <t>Zeeshan Farid</t>
  </si>
  <si>
    <t>44993</t>
  </si>
  <si>
    <t>GGPS SHUTIAN</t>
  </si>
  <si>
    <t>Dakhli Maibal Shareef Shutian</t>
  </si>
  <si>
    <t>Shutian</t>
  </si>
  <si>
    <t>Sarwary Begum</t>
  </si>
  <si>
    <t>GPS JHOKE KUMHAR WALI NO. 2</t>
  </si>
  <si>
    <t>Basti Jhoke Kumhar Wali P/O Chadhar Tehsil &amp; District Multan</t>
  </si>
  <si>
    <t>Jhoke Kumhar Wali</t>
  </si>
  <si>
    <t>GES BUREKAY</t>
  </si>
  <si>
    <t>Bhureke</t>
  </si>
  <si>
    <t>Bhureke p\o talwandi bhindran teh.. pasrur</t>
  </si>
  <si>
    <t>Syed Mukhtar Hussain</t>
  </si>
  <si>
    <t>GES BASTI YAR MUHAMMAD</t>
  </si>
  <si>
    <t>Nauabad</t>
  </si>
  <si>
    <t>Basti Yar Muhammad</t>
  </si>
  <si>
    <t>GHS JAJJA ABBASIAN</t>
  </si>
  <si>
    <t>Jajjah Abbasian P/O Jajjah Abbasian Tehsil Khanpur District Rahim Yar Khan</t>
  </si>
  <si>
    <t>Hashmat Ali Khan</t>
  </si>
  <si>
    <t>GGES CHAK NO.110/F (A)</t>
  </si>
  <si>
    <t>110F/A</t>
  </si>
  <si>
    <t>Chak#110F/A p.O 110F</t>
  </si>
  <si>
    <t>Shehla Yasmeen</t>
  </si>
  <si>
    <t>GHSS CHAK NO.82 NB</t>
  </si>
  <si>
    <t>Chak No 82</t>
  </si>
  <si>
    <t>Chak No 82 NB sargodha</t>
  </si>
  <si>
    <t>Chak No 82 NB</t>
  </si>
  <si>
    <t>Chak 82nb</t>
  </si>
  <si>
    <t>Naeem Sabir</t>
  </si>
  <si>
    <t>GGPS NARAH</t>
  </si>
  <si>
    <t>Charhn</t>
  </si>
  <si>
    <t>Nasra Khatoon</t>
  </si>
  <si>
    <t>Darkhast jamal khan no 2</t>
  </si>
  <si>
    <t>darkhast Jamal khan Janobi no2</t>
  </si>
  <si>
    <t>Aasia Noureen</t>
  </si>
  <si>
    <t>GPS 145 RB I</t>
  </si>
  <si>
    <t>Chak No 145 RB</t>
  </si>
  <si>
    <t>GPS 145 RB</t>
  </si>
  <si>
    <t>Chak No 146 RB</t>
  </si>
  <si>
    <t>GMPS CHAK NO 127 JB</t>
  </si>
  <si>
    <t>BHATTI Wala</t>
  </si>
  <si>
    <t>chack no127jb BHATTI wala chiniot</t>
  </si>
  <si>
    <t>Chack No127jb</t>
  </si>
  <si>
    <t>125 Japay</t>
  </si>
  <si>
    <t>GPS CHAK NO 160 JB NORTH</t>
  </si>
  <si>
    <t>chak no.160N JB</t>
  </si>
  <si>
    <t>Chak 160N JB</t>
  </si>
  <si>
    <t>Chak 159JB</t>
  </si>
  <si>
    <t>GPS 18/14-L</t>
  </si>
  <si>
    <t>chak no. 18/14L Tehsil chichawatni district Sahiwal</t>
  </si>
  <si>
    <t>GMPS CHAK NO. 129 JB KAURAY</t>
  </si>
  <si>
    <t>Kauray</t>
  </si>
  <si>
    <t>cha#129/jb kauray near tyyab mill Faisalabad road choniot</t>
  </si>
  <si>
    <t>Chak#129/jb</t>
  </si>
  <si>
    <t>Chak#125/jb</t>
  </si>
  <si>
    <t>Rubina Riaz</t>
  </si>
  <si>
    <t>GGPS CHAK 96 GB JARANWALA</t>
  </si>
  <si>
    <t>Dufer-k</t>
  </si>
  <si>
    <t>96 G.B</t>
  </si>
  <si>
    <t>Safina Gulnaz</t>
  </si>
  <si>
    <t>GGES RAJANA NO. 2</t>
  </si>
  <si>
    <t>samundary road rajana t t singh</t>
  </si>
  <si>
    <t>Chak No 285 Gb</t>
  </si>
  <si>
    <t>GGPS 132/M PUL ARIAN MINER B</t>
  </si>
  <si>
    <t>Chk No 132m Pul Arien Miner</t>
  </si>
  <si>
    <t>chk no 132m p/o 134m thseil chishtian zila bhawalnagar</t>
  </si>
  <si>
    <t>Chk No 134m</t>
  </si>
  <si>
    <t>GPS MANGIAL</t>
  </si>
  <si>
    <t>village &amp;post office Qutbal</t>
  </si>
  <si>
    <t>Saima  Bi Bi</t>
  </si>
  <si>
    <t>GPS CHAK 207/9-R</t>
  </si>
  <si>
    <t>207/9r</t>
  </si>
  <si>
    <t>Chak no. 207/9.r Tehsil Fortabbas District Bahawalnagar</t>
  </si>
  <si>
    <t>GGPS QILLA KOHNIA</t>
  </si>
  <si>
    <t>Qila Kohnia</t>
  </si>
  <si>
    <t>qila kohnia</t>
  </si>
  <si>
    <t>Qila kohnia</t>
  </si>
  <si>
    <t>Noukhar</t>
  </si>
  <si>
    <t>Mamoona Aamra</t>
  </si>
  <si>
    <t>GGPS CHAK NO 232/9-R S</t>
  </si>
  <si>
    <t>Chak 232/9r S</t>
  </si>
  <si>
    <t>chak no 232/9r(s)tahsil fort Abbas distic bwn</t>
  </si>
  <si>
    <t>232/9r</t>
  </si>
  <si>
    <t>30943</t>
  </si>
  <si>
    <t>GGHS MODEL ELAHI PARK WASSAN PURA LHR</t>
  </si>
  <si>
    <t>Elahi Park Wassan Pura Lahore</t>
  </si>
  <si>
    <t>Elahi Park</t>
  </si>
  <si>
    <t>wassan pura</t>
  </si>
  <si>
    <t>Eram Agha</t>
  </si>
  <si>
    <t>GES 17/8-BR TULAMBA</t>
  </si>
  <si>
    <t>chak no. 17/8BR mian channu khanewal</t>
  </si>
  <si>
    <t>17/8BR</t>
  </si>
  <si>
    <t>Syed Wajid Hussain</t>
  </si>
  <si>
    <t>GPS MODEL 113/15-L, P/O 116/15-L, MIAN CHANNU</t>
  </si>
  <si>
    <t>113/15-L</t>
  </si>
  <si>
    <t>Chak No 113/15-L post Office 116/15-L</t>
  </si>
  <si>
    <t>Shakeela Niaz</t>
  </si>
  <si>
    <t>GGPS HADYATA ABAD</t>
  </si>
  <si>
    <t>Hadayatabad</t>
  </si>
  <si>
    <t>c block ,LDA avenue 1, riwind road,lahore</t>
  </si>
  <si>
    <t>SHUKRIA BANO</t>
  </si>
  <si>
    <t>GGPS TANI CHAK 524 CHACHI KOTHI</t>
  </si>
  <si>
    <t>Tani Chak 524</t>
  </si>
  <si>
    <t>Tani chak 524</t>
  </si>
  <si>
    <t>Zainab Yaqoob</t>
  </si>
  <si>
    <t>GGCMES ATTO KAY AWAN BATA PUR</t>
  </si>
  <si>
    <t>Atto Ki Awan Lhr</t>
  </si>
  <si>
    <t>gcmms atto ki awan batapur lahore</t>
  </si>
  <si>
    <t>Atto Ki Awan</t>
  </si>
  <si>
    <t>Atto Ki Awan Batapur Lahore</t>
  </si>
  <si>
    <t>GPS SHER SHAH COLONY B-BLOCK</t>
  </si>
  <si>
    <t>GGPS FAZAL PURA</t>
  </si>
  <si>
    <t>Fazalpura</t>
  </si>
  <si>
    <t>ggpsfazalpura</t>
  </si>
  <si>
    <t>Dar Ui Islam</t>
  </si>
  <si>
    <t>GGPS DOLET PURA</t>
  </si>
  <si>
    <t>dollat pura</t>
  </si>
  <si>
    <t>doulat Pura</t>
  </si>
  <si>
    <t>Fakhra Nazeer</t>
  </si>
  <si>
    <t>GPS MODEL AMIR PUR JHUGGIAN</t>
  </si>
  <si>
    <t>Ameer Pur Jhuggian</t>
  </si>
  <si>
    <t>Bhobhtian</t>
  </si>
  <si>
    <t>KOUSAR AMMAD MALIK</t>
  </si>
  <si>
    <t>GGES VEROWAL</t>
  </si>
  <si>
    <t>gges verowal</t>
  </si>
  <si>
    <t>GMPS SAGRI</t>
  </si>
  <si>
    <t>village and Post office Sagri,Tehsil and District Rawalpindi</t>
  </si>
  <si>
    <t>25281</t>
  </si>
  <si>
    <t>GGES KALA KHAMBRA</t>
  </si>
  <si>
    <t>Kala Khambra</t>
  </si>
  <si>
    <t>village kala khambra post office Gohadpur Sialkot.</t>
  </si>
  <si>
    <t>GGES CHANDNA</t>
  </si>
  <si>
    <t>chandna p/o kot shakir teh. 18 hazari district jhang.</t>
  </si>
  <si>
    <t>GGPS KHURD PUR</t>
  </si>
  <si>
    <t>Khurdpur</t>
  </si>
  <si>
    <t>Samra Shahzadi</t>
  </si>
  <si>
    <t>GPS CHAK NO 19 UCC</t>
  </si>
  <si>
    <t>Chak 19ucc PO 17ucc tehsil sharaqpur District sheikhupura</t>
  </si>
  <si>
    <t>19 Ucc</t>
  </si>
  <si>
    <t>Shajat Ali</t>
  </si>
  <si>
    <t>GMPS CHAK 284 GB II</t>
  </si>
  <si>
    <t>chak no 284 gb</t>
  </si>
  <si>
    <t>Chak 284 Gb</t>
  </si>
  <si>
    <t>Sharifa Begum</t>
  </si>
  <si>
    <t>GMPS TANKI WALA</t>
  </si>
  <si>
    <t>Tankiwala</t>
  </si>
  <si>
    <t>Uzma Abbas</t>
  </si>
  <si>
    <t>18037</t>
  </si>
  <si>
    <t>GGCMES BHALWAL GHARBI</t>
  </si>
  <si>
    <t>Bhalwalgharbi</t>
  </si>
  <si>
    <t>bhalwalgharbi</t>
  </si>
  <si>
    <t>Asma Noureen</t>
  </si>
  <si>
    <t>GGPS CHAK 331 GB SALEEM PUR</t>
  </si>
  <si>
    <t>331GB Salem pur</t>
  </si>
  <si>
    <t>chak no 331 GB Salem pur</t>
  </si>
  <si>
    <t>330 GB kotli</t>
  </si>
  <si>
    <t>Rafia Rashid</t>
  </si>
  <si>
    <t>GMPS DHOK DHULIAL</t>
  </si>
  <si>
    <t>Dk Dhulial</t>
  </si>
  <si>
    <t>Dk Dhulial VPO Miawala</t>
  </si>
  <si>
    <t>Tahira Iram</t>
  </si>
  <si>
    <t>GPS RAMOON WALA</t>
  </si>
  <si>
    <t>ramoo wala riaz abad qadir pur ran multan</t>
  </si>
  <si>
    <t>Ramo Wala</t>
  </si>
  <si>
    <t>Qadir Pur Ran East</t>
  </si>
  <si>
    <t>GPS GOTH JOORA</t>
  </si>
  <si>
    <t>Basti Masorian Goth Jura Sadiqabad</t>
  </si>
  <si>
    <t>Shahid Mahmood Kokab</t>
  </si>
  <si>
    <t>GGES CHAK 264 GB</t>
  </si>
  <si>
    <t>264 Gb</t>
  </si>
  <si>
    <t>chak # 264 g.b</t>
  </si>
  <si>
    <t>Chak #264 GB</t>
  </si>
  <si>
    <t>Chak#264 GB TTS</t>
  </si>
  <si>
    <t>Farzana Yaseen</t>
  </si>
  <si>
    <t>37554</t>
  </si>
  <si>
    <t>GES 16/8-BR, TULAMBA</t>
  </si>
  <si>
    <t>16/8BR</t>
  </si>
  <si>
    <t>chak no.16/8br mian channu</t>
  </si>
  <si>
    <t>16/8br</t>
  </si>
  <si>
    <t>129/15l</t>
  </si>
  <si>
    <t>Shahid Nadeem</t>
  </si>
  <si>
    <t>Bhakkar Urban</t>
  </si>
  <si>
    <t>Ismail Wala bhakkar</t>
  </si>
  <si>
    <t>Ismail Wala</t>
  </si>
  <si>
    <t>Bhakkar-2</t>
  </si>
  <si>
    <t>GPS BAZ PUR</t>
  </si>
  <si>
    <t>Bazpur</t>
  </si>
  <si>
    <t>Bazpur p.o najwal tehsil District sialkot</t>
  </si>
  <si>
    <t>Palora Kallan</t>
  </si>
  <si>
    <t>Mohammad Alam</t>
  </si>
  <si>
    <t>23535</t>
  </si>
  <si>
    <t>GMPS KHAN PUR KHAMB</t>
  </si>
  <si>
    <t>moza khanpur post office khambi tehsil sarai alamgir distt gujrat</t>
  </si>
  <si>
    <t>Khanpur Khamb</t>
  </si>
  <si>
    <t>Trannam Razzaq</t>
  </si>
  <si>
    <t>Moza Khunda Tehsil and District Sahiwal</t>
  </si>
  <si>
    <t>Mubashra Nazneen</t>
  </si>
  <si>
    <t>GGPS BASTI GIRJA GHAR</t>
  </si>
  <si>
    <t>Khan Pura</t>
  </si>
  <si>
    <t>muhalla khan pura near new railway phatak Pakpattan</t>
  </si>
  <si>
    <t>Urban  WARAD 45</t>
  </si>
  <si>
    <t>Azra Mushtaq</t>
  </si>
  <si>
    <t>GGPS BASTI MAHLAH</t>
  </si>
  <si>
    <t>Mahlah</t>
  </si>
  <si>
    <t>ggps basti mahlah shorkot city</t>
  </si>
  <si>
    <t>Basti Mahlah</t>
  </si>
  <si>
    <t>39377</t>
  </si>
  <si>
    <t>GMPS DHOK MEELAN</t>
  </si>
  <si>
    <t>GMPS Dhoke Meelan</t>
  </si>
  <si>
    <t>Dhoke Meelan</t>
  </si>
  <si>
    <t>Ruqqia Khatoon</t>
  </si>
  <si>
    <t>GES KOORIA</t>
  </si>
  <si>
    <t>Koria</t>
  </si>
  <si>
    <t>GES Koria.tehsil mankera.Districf bhakkar</t>
  </si>
  <si>
    <t>electrical cooler.water pump</t>
  </si>
  <si>
    <t>33404</t>
  </si>
  <si>
    <t>GGCMES RASUL PUR CHAK NO. 82/RB</t>
  </si>
  <si>
    <t>Rasool Pur  No 82</t>
  </si>
  <si>
    <t>GGCMES Rasool pur 82</t>
  </si>
  <si>
    <t>Rasoolpur 82</t>
  </si>
  <si>
    <t>Dallah Jermian</t>
  </si>
  <si>
    <t>GGPS GOHAD PUR</t>
  </si>
  <si>
    <t>GGPS Gohad pur</t>
  </si>
  <si>
    <t>GPS BUDHAN WALA</t>
  </si>
  <si>
    <t>Badhanwala</t>
  </si>
  <si>
    <t>Mouza Badhanwala Teh:Mailsi District Vehari</t>
  </si>
  <si>
    <t>29598</t>
  </si>
  <si>
    <t>GGPS KOT DOGRAN</t>
  </si>
  <si>
    <t>Kot Dograh</t>
  </si>
  <si>
    <t>g.g.p.school kot dograh kasur</t>
  </si>
  <si>
    <t>Kot Dograh Kasur</t>
  </si>
  <si>
    <t>Kotly Rai Abu Bakar</t>
  </si>
  <si>
    <t>GGPS KHOUR CITY</t>
  </si>
  <si>
    <t>District Attock, Tehsile Pindigheb ,V.P.O khaur city, mohallah bhanora</t>
  </si>
  <si>
    <t>Khaur Company</t>
  </si>
  <si>
    <t>GGPS CHAK NO.11/FW BASTI ABDUL GHAFOOR</t>
  </si>
  <si>
    <t>basti Abdul gaffor 11 fw Abdul gaffor</t>
  </si>
  <si>
    <t>11 Fw Abdul Gaffor</t>
  </si>
  <si>
    <t>Mumtaz Noureen</t>
  </si>
  <si>
    <t>15931</t>
  </si>
  <si>
    <t>GMPS CHAK NO 11/FW</t>
  </si>
  <si>
    <t>11 /FW Munshay wala Teh CTN Dist BWN</t>
  </si>
  <si>
    <t>11 Munshay wala</t>
  </si>
  <si>
    <t>10 FW</t>
  </si>
  <si>
    <t>Muqadas Jubeen</t>
  </si>
  <si>
    <t>GGPS KHANAN KUNDANA</t>
  </si>
  <si>
    <t>chah mahny wala dagar aulakh</t>
  </si>
  <si>
    <t>Chah Mahny Wala</t>
  </si>
  <si>
    <t>GGPS CHAK ROMALA</t>
  </si>
  <si>
    <t>Chak Romala</t>
  </si>
  <si>
    <t>village Chak Romala post office punuwal district Sialkot</t>
  </si>
  <si>
    <t>GMPS SHAHDI WALA</t>
  </si>
  <si>
    <t>qamber shah</t>
  </si>
  <si>
    <t>umps shadi wala p o box saleemanad jampur  disstric rajanpur</t>
  </si>
  <si>
    <t>candy wala</t>
  </si>
  <si>
    <t>Ghazala Kausar</t>
  </si>
  <si>
    <t>GGPS CHAK NO 7 GHAGH</t>
  </si>
  <si>
    <t>govt girls primary schol 7ghagh shorkot city</t>
  </si>
  <si>
    <t>Kotla Zaref Khan</t>
  </si>
  <si>
    <t>HUMAIRA NAWAZ</t>
  </si>
  <si>
    <t>GGPS PUNJ GRIAN</t>
  </si>
  <si>
    <t>punjgrian</t>
  </si>
  <si>
    <t>Ulfat Naseeb</t>
  </si>
  <si>
    <t>GPS MODEL BODI SHAH KABIRWALA</t>
  </si>
  <si>
    <t>GMPS Bodi shah Mouza Noor pur</t>
  </si>
  <si>
    <t>Bodi Shah</t>
  </si>
  <si>
    <t>Jahan pur</t>
  </si>
  <si>
    <t>Asifa Anjum</t>
  </si>
  <si>
    <t>GGPS DAJAL</t>
  </si>
  <si>
    <t>Dockhana dajal</t>
  </si>
  <si>
    <t>Safia Kalsoom</t>
  </si>
  <si>
    <t>g.g.p.s.sultan pur</t>
  </si>
  <si>
    <t>GMPS POTHI</t>
  </si>
  <si>
    <t>Taraki Jor</t>
  </si>
  <si>
    <t>village and p/o pothi tehsil dina district jhelum</t>
  </si>
  <si>
    <t>Umat Ul Shaheen</t>
  </si>
  <si>
    <t>25232</t>
  </si>
  <si>
    <t>22711</t>
  </si>
  <si>
    <t>GGPS KHARALA KALAN</t>
  </si>
  <si>
    <t>Kharala Kalan</t>
  </si>
  <si>
    <t>ggps kharala kalan fateh jang district attock</t>
  </si>
  <si>
    <t>Parveen Iqbal</t>
  </si>
  <si>
    <t>GGPS BASTI GHULAM MOHAMMAD ABAD</t>
  </si>
  <si>
    <t>basti Ghulam Muhammad Abad, tehsil shorkt,distt jhang</t>
  </si>
  <si>
    <t>GGPS BASTI AMIN KOT</t>
  </si>
  <si>
    <t>Mohammad Azeem Mohammad Azeem</t>
  </si>
  <si>
    <t>basti amin kot</t>
  </si>
  <si>
    <t>Shali Garbi</t>
  </si>
  <si>
    <t>Wazeeran Begam</t>
  </si>
  <si>
    <t>GGPS CHAK NO. 38</t>
  </si>
  <si>
    <t>chak 38 kala shah kakuI</t>
  </si>
  <si>
    <t>GES FAISAL COLONY</t>
  </si>
  <si>
    <t>Faisal Colony Bwn</t>
  </si>
  <si>
    <t>FAISAL COLONY BAHAWALNAGAR</t>
  </si>
  <si>
    <t>Faisal Colony Bahawalnagar Bahawalnagar</t>
  </si>
  <si>
    <t>MC Bahawalnagar</t>
  </si>
  <si>
    <t>17985</t>
  </si>
  <si>
    <t>Bhawalpur</t>
  </si>
  <si>
    <t>shahwala moza bhawalpur ,choperhatta</t>
  </si>
  <si>
    <t>Chopperhatta</t>
  </si>
  <si>
    <t>26255</t>
  </si>
  <si>
    <t>GGPS RAIBA KALAN</t>
  </si>
  <si>
    <t>raiba kalan</t>
  </si>
  <si>
    <t>Shahbaz Akhtat</t>
  </si>
  <si>
    <t>GES BEGAL</t>
  </si>
  <si>
    <t>VPO Begal ,Chakwal</t>
  </si>
  <si>
    <t>GMPS NAFRIAN</t>
  </si>
  <si>
    <t>Nafrian</t>
  </si>
  <si>
    <t>Nafrian thimka J,P,J Gujrat</t>
  </si>
  <si>
    <t>GES DHOK LAL KHAN</t>
  </si>
  <si>
    <t>dhok maskeen P, O Qutbal Fatehjang District Attock</t>
  </si>
  <si>
    <t>Javed Human Ali</t>
  </si>
  <si>
    <t>40989</t>
  </si>
  <si>
    <t>GGPS RATIAL</t>
  </si>
  <si>
    <t>Ratiyal</t>
  </si>
  <si>
    <t>village ratiyal</t>
  </si>
  <si>
    <t>Nagina Parveen</t>
  </si>
  <si>
    <t>GGPS SAGIAN KALAN</t>
  </si>
  <si>
    <t>Saggian Kalan</t>
  </si>
  <si>
    <t>saggian kalan</t>
  </si>
  <si>
    <t>Shakila Maqsood</t>
  </si>
  <si>
    <t>Eid Gha Road Bahawal nagar</t>
  </si>
  <si>
    <t>Eid Gah Road MC Bwn</t>
  </si>
  <si>
    <t>Nisar Ahmad Nadeem</t>
  </si>
  <si>
    <t>GGES RUPOWAL</t>
  </si>
  <si>
    <t>Rupowal Janobi</t>
  </si>
  <si>
    <t>vpo rupowal janobiGujrat</t>
  </si>
  <si>
    <t>Allah rakhi</t>
  </si>
  <si>
    <t>GMPS CHOPAR HATTA EAST, SARAI SIDHU</t>
  </si>
  <si>
    <t>adda choperhatta</t>
  </si>
  <si>
    <t>GMPS HARDAS PUR</t>
  </si>
  <si>
    <t>Hardaspur</t>
  </si>
  <si>
    <t>village hardaspur p/o jpj district gujrat</t>
  </si>
  <si>
    <t>Akhlas Ghar</t>
  </si>
  <si>
    <t>Zahida Baigam</t>
  </si>
  <si>
    <t>35663</t>
  </si>
  <si>
    <t>GGPS NANO HANDA</t>
  </si>
  <si>
    <t>Nano handa</t>
  </si>
  <si>
    <t>Nano Handa</t>
  </si>
  <si>
    <t>GMPS BASTI SHEIKHANI</t>
  </si>
  <si>
    <t>GMPS basti sheikhani</t>
  </si>
  <si>
    <t>Basti Sheikani</t>
  </si>
  <si>
    <t>Misbah Un Nisah</t>
  </si>
  <si>
    <t>GPS CULYARA KHATER</t>
  </si>
  <si>
    <t>Carhan</t>
  </si>
  <si>
    <t>village bhamroot syedan pobox bunn tehsil murree district</t>
  </si>
  <si>
    <t>Bhamroot Syedan</t>
  </si>
  <si>
    <t>Bunn</t>
  </si>
  <si>
    <t>Syda Ghulam Fiza</t>
  </si>
  <si>
    <t>33149</t>
  </si>
  <si>
    <t>Dheray Da Wara</t>
  </si>
  <si>
    <t>Muhammad Adnan Izhar</t>
  </si>
  <si>
    <t>49004</t>
  </si>
  <si>
    <t>GPS DARYA (DHAKLI)</t>
  </si>
  <si>
    <t>darya dakhli Laluwali</t>
  </si>
  <si>
    <t>37632</t>
  </si>
  <si>
    <t>GMPS 53/15-L, P/O 54/15-L, MIAN CHANNU</t>
  </si>
  <si>
    <t>53/15l</t>
  </si>
  <si>
    <t>57/15l</t>
  </si>
  <si>
    <t>Sana Gull</t>
  </si>
  <si>
    <t>GPS KARAM ULLAH</t>
  </si>
  <si>
    <t>dhok Karamullah p /o chakrala  (mianwali )</t>
  </si>
  <si>
    <t>Jahangir Iqbal</t>
  </si>
  <si>
    <t>GPS CHAK NO 483 B TDA (GHOUSIA DARBAR)</t>
  </si>
  <si>
    <t>Chak 393tda</t>
  </si>
  <si>
    <t>30205</t>
  </si>
  <si>
    <t>GGPS MORLAY</t>
  </si>
  <si>
    <t>Morlay</t>
  </si>
  <si>
    <t>village bhattian dokh morlay</t>
  </si>
  <si>
    <t>p/o khori Alan noon</t>
  </si>
  <si>
    <t>Faria Iram</t>
  </si>
  <si>
    <t>Mirzeki</t>
  </si>
  <si>
    <t>GES CHAK NO 66/P</t>
  </si>
  <si>
    <t>Chak 66/P</t>
  </si>
  <si>
    <t>GES Chak 66/P markaz Latki P/O Sahja Teh.Khan Pur Distt.Rahim Yar Khan</t>
  </si>
  <si>
    <t>Asif Zahoor</t>
  </si>
  <si>
    <t>GPS GIDRRAN WALI</t>
  </si>
  <si>
    <t>Gidran wali</t>
  </si>
  <si>
    <t>village gidran wali Tehsil kalourkot district bhakkar</t>
  </si>
  <si>
    <t>Muhammad Haseeb</t>
  </si>
  <si>
    <t>GPS CHAK NO.414 TDA</t>
  </si>
  <si>
    <t>chak 414/TDA</t>
  </si>
  <si>
    <t>Chak 414 TDA</t>
  </si>
  <si>
    <t>Chak 393/TDA</t>
  </si>
  <si>
    <t>GPS KOTEHRA</t>
  </si>
  <si>
    <t>Bhikhari Kalah</t>
  </si>
  <si>
    <t>bhikhari Kalah district chakwal</t>
  </si>
  <si>
    <t>Kashif Mustafa</t>
  </si>
  <si>
    <t>GGPS MONGI THALI</t>
  </si>
  <si>
    <t>Mongi thali</t>
  </si>
  <si>
    <t>GGPS LANI WALA</t>
  </si>
  <si>
    <t>ggps Lani wala</t>
  </si>
  <si>
    <t>samina Naz</t>
  </si>
  <si>
    <t>GPS MUSSALIAN WALA</t>
  </si>
  <si>
    <t>wandha marwat p/o kallur kot</t>
  </si>
  <si>
    <t>Musslian Wala</t>
  </si>
  <si>
    <t>Dgar Non</t>
  </si>
  <si>
    <t>Rao Abdul Malik</t>
  </si>
  <si>
    <t>GGPS LUNDI</t>
  </si>
  <si>
    <t>lundi</t>
  </si>
  <si>
    <t>G G P/S Lundi Teh Hazro Dist Attock</t>
  </si>
  <si>
    <t>Gulshan Un Nisa</t>
  </si>
  <si>
    <t>18822</t>
  </si>
  <si>
    <t>GGPS CHAK 423 JB II</t>
  </si>
  <si>
    <t>chak#423jbII</t>
  </si>
  <si>
    <t>423jbII</t>
  </si>
  <si>
    <t>Ruqiyya Ashraf</t>
  </si>
  <si>
    <t>GGPS JHOKE KALASRA</t>
  </si>
  <si>
    <t>Ehsaan Pur Mustaqil</t>
  </si>
  <si>
    <t>Mujahid Abad Zahid Wala Ehsaan Pur Tehsil Kot Addu</t>
  </si>
  <si>
    <t>Ehsaan Pur</t>
  </si>
  <si>
    <t>Rubab Fatima</t>
  </si>
  <si>
    <t>GES CHAK 728 GB</t>
  </si>
  <si>
    <t>Chak No. 728 GB</t>
  </si>
  <si>
    <t>Chak No 728 GB</t>
  </si>
  <si>
    <t>Rana Rehan Khalid</t>
  </si>
  <si>
    <t>GGES CHAKRI KARAM KHAN</t>
  </si>
  <si>
    <t>Chakri Karam Khan</t>
  </si>
  <si>
    <t>Chakri karam khan p.o nathial Teh pind dadan khan.jhelum</t>
  </si>
  <si>
    <t>Chakr Karam khan</t>
  </si>
  <si>
    <t>Samra Aziz</t>
  </si>
  <si>
    <t>32994</t>
  </si>
  <si>
    <t>GGES QILA PACCA</t>
  </si>
  <si>
    <t>Qila Pacca</t>
  </si>
  <si>
    <t>qila pacca</t>
  </si>
  <si>
    <t>Kot Bini Daas</t>
  </si>
  <si>
    <t>Gultaj Bhatti</t>
  </si>
  <si>
    <t>47241</t>
  </si>
  <si>
    <t>GPS KANJARA</t>
  </si>
  <si>
    <t>p/o chakrala teh &amp; distt, mianwali</t>
  </si>
  <si>
    <t>GES CHAK NO 25/NP</t>
  </si>
  <si>
    <t>25np</t>
  </si>
  <si>
    <t>chak no 25 np</t>
  </si>
  <si>
    <t>Chak 25 NP</t>
  </si>
  <si>
    <t>54888</t>
  </si>
  <si>
    <t>GPS CHAK NO. 243 JB (EAST)</t>
  </si>
  <si>
    <t>Saboana</t>
  </si>
  <si>
    <t>Chak No 243 Jb East Saboana</t>
  </si>
  <si>
    <t>Ghulam Murtza</t>
  </si>
  <si>
    <t>GGPS HASTAL</t>
  </si>
  <si>
    <t>ggpshastal</t>
  </si>
  <si>
    <t>Shah-rai-sadullah</t>
  </si>
  <si>
    <t>GGPS 13/V, KABIRWALA</t>
  </si>
  <si>
    <t>13/v</t>
  </si>
  <si>
    <t>G.M.P.S 13/v tehsil kabirwala</t>
  </si>
  <si>
    <t>Kot Bahdar</t>
  </si>
  <si>
    <t>Surya Jabeen</t>
  </si>
  <si>
    <t>GPS JHELLA JANDRAH</t>
  </si>
  <si>
    <t>VILLAGE JHALLA JANDRAH</t>
  </si>
  <si>
    <t>JHALLA JANDRAH</t>
  </si>
  <si>
    <t>WATER CARRIER</t>
  </si>
  <si>
    <t>34792</t>
  </si>
  <si>
    <t>GGES UMER PUR NO.2</t>
  </si>
  <si>
    <t>Chaudery Colony</t>
  </si>
  <si>
    <t>G.G.E.S umer pur no 2 chaudery colony j.p.p.w</t>
  </si>
  <si>
    <t>Chaudery colony</t>
  </si>
  <si>
    <t>City Jalal pur Pir Wala</t>
  </si>
  <si>
    <t>Aisha Begum</t>
  </si>
  <si>
    <t>GES CHANGRAN WALA</t>
  </si>
  <si>
    <t>govt ES CHANGRANWALA</t>
  </si>
  <si>
    <t>Maible</t>
  </si>
  <si>
    <t>22541</t>
  </si>
  <si>
    <t>GGPS JAID PUR</t>
  </si>
  <si>
    <t>Jaid Pur</t>
  </si>
  <si>
    <t>village jaid pur post office jpj district gujrat</t>
  </si>
  <si>
    <t>Sonia Afzal</t>
  </si>
  <si>
    <t>40257</t>
  </si>
  <si>
    <t>Ggps wara gujran p.b.jamerghal District jhelum</t>
  </si>
  <si>
    <t>Wara Gujran</t>
  </si>
  <si>
    <t>Alia Iram</t>
  </si>
  <si>
    <t>GGPS CHANGA MERA</t>
  </si>
  <si>
    <t>VPO Changa Maira ,tehsil Gujar Khan</t>
  </si>
  <si>
    <t>Sabqat Saleem</t>
  </si>
  <si>
    <t>GGPS Ahsan Pur</t>
  </si>
  <si>
    <t>Anila Basher</t>
  </si>
  <si>
    <t>GGPS BASTI KOOT LAYYAH</t>
  </si>
  <si>
    <t>Chak No 123/Tda</t>
  </si>
  <si>
    <t>Basti shah nawaz basti koot layyah</t>
  </si>
  <si>
    <t>35159</t>
  </si>
  <si>
    <t>GMPS SHAH RAI CHARAGH</t>
  </si>
  <si>
    <t>Shah Rai Charagh</t>
  </si>
  <si>
    <t>shah rai charagh</t>
  </si>
  <si>
    <t>GPS KASHOBA</t>
  </si>
  <si>
    <t>Baileb Shumali</t>
  </si>
  <si>
    <t>gps kashoba thuman Khosa Tribal Area dg Khan</t>
  </si>
  <si>
    <t>Kashoba</t>
  </si>
  <si>
    <t>Thuman Khosa</t>
  </si>
  <si>
    <t>Rabnawaz Leghari</t>
  </si>
  <si>
    <t>40486</t>
  </si>
  <si>
    <t>GGPS  DHOK HATTAR</t>
  </si>
  <si>
    <t>Dhok Hattar</t>
  </si>
  <si>
    <t>vpo Nagial tehsil pd khan disst jhelum</t>
  </si>
  <si>
    <t>GMPS THATHA ESA</t>
  </si>
  <si>
    <t>Thatha Essa</t>
  </si>
  <si>
    <t>Thatha essa</t>
  </si>
  <si>
    <t>GGES CHAK NO. 340/HR</t>
  </si>
  <si>
    <t>340 HR</t>
  </si>
  <si>
    <t>chak no. 340 HR tehseel fortabbas district bwn</t>
  </si>
  <si>
    <t>Chk No 327</t>
  </si>
  <si>
    <t>Jannat Khan</t>
  </si>
  <si>
    <t>GGCMES 170/9-L</t>
  </si>
  <si>
    <t>170/9-l</t>
  </si>
  <si>
    <t>chak#170/9-l</t>
  </si>
  <si>
    <t>169/9-l</t>
  </si>
  <si>
    <t>GGPS KOTLI AMIN JALALPUR PIRWALA</t>
  </si>
  <si>
    <t>Govt.g.primary school Kotli Amin jalal pur pir wala</t>
  </si>
  <si>
    <t>Ghulam Saira</t>
  </si>
  <si>
    <t>16352</t>
  </si>
  <si>
    <t>GGCMS CHAK 109 JB</t>
  </si>
  <si>
    <t>G.G.C.M.P.S 109 jb Chak jhumra FSD</t>
  </si>
  <si>
    <t>109 Jb</t>
  </si>
  <si>
    <t>106 Khichian</t>
  </si>
  <si>
    <t>GPS CHAK NO. 402 TDA</t>
  </si>
  <si>
    <t>Chak No 402/tda</t>
  </si>
  <si>
    <t>chak no 402/tda teh choubara distt layyah</t>
  </si>
  <si>
    <t>39087</t>
  </si>
  <si>
    <t>GGPS AMIR KHAN</t>
  </si>
  <si>
    <t>amir khan</t>
  </si>
  <si>
    <t>gGPS Amir khan</t>
  </si>
  <si>
    <t>GGPS JHAMAT ABAD</t>
  </si>
  <si>
    <t>village Jhamat Abad po chak kamala tehsil nd dist gujrat</t>
  </si>
  <si>
    <t>Jhamt Abad</t>
  </si>
  <si>
    <t>Zonia Javaid</t>
  </si>
  <si>
    <t>kot Fazal district nankana</t>
  </si>
  <si>
    <t>Khushboo Muzaffar</t>
  </si>
  <si>
    <t>40542</t>
  </si>
  <si>
    <t>GMPS MURADIAN WALI</t>
  </si>
  <si>
    <t>Muradanwali</t>
  </si>
  <si>
    <t>dhoke muradan wali vpo nagail p.d.khan jhelum</t>
  </si>
  <si>
    <t>44545</t>
  </si>
  <si>
    <t>GGPS MANDANY WALI</t>
  </si>
  <si>
    <t>Jhok Hafiz Wala</t>
  </si>
  <si>
    <t>ggps mandany wala</t>
  </si>
  <si>
    <t>Mandany Walaa</t>
  </si>
  <si>
    <t>Bilquees Begum</t>
  </si>
  <si>
    <t>GGPS NAZAR PURA</t>
  </si>
  <si>
    <t>tibba nazar poor a ahsan pur</t>
  </si>
  <si>
    <t>33838</t>
  </si>
  <si>
    <t>GGPS KHOR SAJREE WAYAN</t>
  </si>
  <si>
    <t>Khor Sajri Wahin</t>
  </si>
  <si>
    <t>khor sajri wahin Multan</t>
  </si>
  <si>
    <t>GPS MOUZA BAZAR</t>
  </si>
  <si>
    <t>Bazar</t>
  </si>
  <si>
    <t>p.o. musa Khel teh and dist mianwali</t>
  </si>
  <si>
    <t>Mozabazar</t>
  </si>
  <si>
    <t>36813</t>
  </si>
  <si>
    <t>GMPS BASTI NAU</t>
  </si>
  <si>
    <t>BASTI SYEDAN</t>
  </si>
  <si>
    <t>jhang road main street Basti sayedan kabirwala</t>
  </si>
  <si>
    <t>GGPS LADWA</t>
  </si>
  <si>
    <t>ladwa</t>
  </si>
  <si>
    <t>govt. model primary school ladwa</t>
  </si>
  <si>
    <t>jalal pur sharif</t>
  </si>
  <si>
    <t>GGES CHAK NO.463/TDA</t>
  </si>
  <si>
    <t>GGE/S Chak No 463</t>
  </si>
  <si>
    <t>GMPS NAIWALA</t>
  </si>
  <si>
    <t>Naiwala</t>
  </si>
  <si>
    <t>nai Wala more khunda</t>
  </si>
  <si>
    <t>Aneela Latif</t>
  </si>
  <si>
    <t>GGES PIND FAZAL KHAN</t>
  </si>
  <si>
    <t>village pind fazal khan tehsile fateh jang district attock</t>
  </si>
  <si>
    <t>Dharaek</t>
  </si>
  <si>
    <t>Shazia Ashraf</t>
  </si>
  <si>
    <t>GES 139  RB</t>
  </si>
  <si>
    <t>ges 139 rb chakjhumra faisalabad</t>
  </si>
  <si>
    <t>Chak No 139 Rb</t>
  </si>
  <si>
    <t>139 Rb Ghammi</t>
  </si>
  <si>
    <t>Zahid irfan</t>
  </si>
  <si>
    <t>14831</t>
  </si>
  <si>
    <t>GPS CHAK 56 GB PO SAME</t>
  </si>
  <si>
    <t>Chak 56 GB</t>
  </si>
  <si>
    <t>GPS 56 GB, Jaranwala</t>
  </si>
  <si>
    <t>GPS 137 RB-II</t>
  </si>
  <si>
    <t>137/rb</t>
  </si>
  <si>
    <t>chak 137/rb tehsil chak jhumra dist.fsd</t>
  </si>
  <si>
    <t>139/rb</t>
  </si>
  <si>
    <t>GPS PACHNAND NO.2</t>
  </si>
  <si>
    <t>MOHALLAH KHANAL VPO PICHNAND</t>
  </si>
  <si>
    <t>ZAHEER UDDIN</t>
  </si>
  <si>
    <t>GES CHEMYARI</t>
  </si>
  <si>
    <t>GBES Chimyari VOP nilhad</t>
  </si>
  <si>
    <t>Kamran Ishaq</t>
  </si>
  <si>
    <t>GPS LADHEKE NEVEN</t>
  </si>
  <si>
    <t>Ladheke neven  P/O LADHE KE UNCHE TEHS.RAIWIND DISTT LAHORE</t>
  </si>
  <si>
    <t>Ladheke Neven</t>
  </si>
  <si>
    <t>Pajjian</t>
  </si>
  <si>
    <t>Arslan Ammar</t>
  </si>
  <si>
    <t>GGES METHA DANDAM</t>
  </si>
  <si>
    <t>Basti metha Dandam dandam</t>
  </si>
  <si>
    <t>GGES metha dandam, post office AhmedPur lamma</t>
  </si>
  <si>
    <t>Basti metha dandam</t>
  </si>
  <si>
    <t>Iffat Naveed</t>
  </si>
  <si>
    <t>GGPS PIR KHALIS</t>
  </si>
  <si>
    <t>peer khalis tehsil Minchan abad</t>
  </si>
  <si>
    <t>Khaldia Nasreen</t>
  </si>
  <si>
    <t>GGPS KOLIAN HASHIM SHAH</t>
  </si>
  <si>
    <t>Kolian Hashim shah</t>
  </si>
  <si>
    <t>Villagekolianhashim shah p/o khori Rasul pur via Daulat nagar District Gujrat</t>
  </si>
  <si>
    <t>Kolian hashim shah</t>
  </si>
  <si>
    <t>Nusrat Khadim</t>
  </si>
  <si>
    <t>GPS MOHRA</t>
  </si>
  <si>
    <t>Village Mohra, Chak Beli Khan Road, Teshil &amp; Distt. RWP.</t>
  </si>
  <si>
    <t>Ejaz Raziq</t>
  </si>
  <si>
    <t>GPS CHAK MITHA</t>
  </si>
  <si>
    <t>GPS chak mitha teh phalia disst m.b.din</t>
  </si>
  <si>
    <t>Rancyky</t>
  </si>
  <si>
    <t>GPS CHAK 3/1-AL</t>
  </si>
  <si>
    <t>Chak no 3/1al  okara</t>
  </si>
  <si>
    <t>3/1al</t>
  </si>
  <si>
    <t>Muhammad Zulfiqar Sajid</t>
  </si>
  <si>
    <t>GGPS 36-A/G.D</t>
  </si>
  <si>
    <t>36A/GD okara</t>
  </si>
  <si>
    <t>36A/GD</t>
  </si>
  <si>
    <t>Bahadur Nagar Farm 36/37GD</t>
  </si>
  <si>
    <t>Assar Nafeesa</t>
  </si>
  <si>
    <t>GPS PINDI DHOTHRAN</t>
  </si>
  <si>
    <t>Pindi Dhothran</t>
  </si>
  <si>
    <t>village pundi dhotharn p/o chak mitha tehsil phalia m.b.din</t>
  </si>
  <si>
    <t>Rensikey</t>
  </si>
  <si>
    <t>Luqman Ahmad</t>
  </si>
  <si>
    <t>ggps asghar abad shorkot city</t>
  </si>
  <si>
    <t>asghar abad</t>
  </si>
  <si>
    <t>GGPS KHINDRIAN</t>
  </si>
  <si>
    <t>Khindrian</t>
  </si>
  <si>
    <t>khindrian</t>
  </si>
  <si>
    <t>GMPS THATHA GHULAM KAY</t>
  </si>
  <si>
    <t>Thatha Ghulam kay</t>
  </si>
  <si>
    <t>Thatha Ghulam Kay</t>
  </si>
  <si>
    <t>Shiekhu Sharif</t>
  </si>
  <si>
    <t>Maryam Bibii</t>
  </si>
  <si>
    <t>GPS JOKALIAN</t>
  </si>
  <si>
    <t>Village &amp; P.O Jokalian Teh. Phalia, Dist. M.B.Din</t>
  </si>
  <si>
    <t>Sidra Kousar</t>
  </si>
  <si>
    <t>GGPS KOTLA ZAREEF KHAN</t>
  </si>
  <si>
    <t>Kotla Zateef Khan</t>
  </si>
  <si>
    <t>GGPG Kola  zareef khan shor koty city</t>
  </si>
  <si>
    <t>Shorkotcity</t>
  </si>
  <si>
    <t>Kotla Zreef Khan</t>
  </si>
  <si>
    <t>GGPS CHAK NO.386/TDA</t>
  </si>
  <si>
    <t>GGPS Chak no 386 TDA teh district Layyah</t>
  </si>
  <si>
    <t>Mahwish Alvi</t>
  </si>
  <si>
    <t>GMPS CHAK 37/SP RASOOL PUR</t>
  </si>
  <si>
    <t>37sp</t>
  </si>
  <si>
    <t>Sonia Amin</t>
  </si>
  <si>
    <t>GPS CHAK NO.95/TDA</t>
  </si>
  <si>
    <t>Chak# 95TDA</t>
  </si>
  <si>
    <t>chak#95TDA, Tehsil Karor, District Layyah</t>
  </si>
  <si>
    <t>Chak# 95 TDA</t>
  </si>
  <si>
    <t>Naveed Aman</t>
  </si>
  <si>
    <t>GPS BHAMBER</t>
  </si>
  <si>
    <t>bhamber</t>
  </si>
  <si>
    <t>vpo bhamber teh &amp; distt jhelum</t>
  </si>
  <si>
    <t>Rifat akram</t>
  </si>
  <si>
    <t>GPS CHAK NO. 105/6-R</t>
  </si>
  <si>
    <t>Iffat Rehana</t>
  </si>
  <si>
    <t>GGES BAHMAN WALA</t>
  </si>
  <si>
    <t>GGES BAHMEN WALA HOUSING COLONY LAYYAH</t>
  </si>
  <si>
    <t>GPS SADQAL</t>
  </si>
  <si>
    <t>district attock tehsil fateh jang village sadkal</t>
  </si>
  <si>
    <t>Nargis Jamal</t>
  </si>
  <si>
    <t>GGPS THOON</t>
  </si>
  <si>
    <t>Thoon, P.O &amp; Teh Sarai Alamgir dist.Gujrat</t>
  </si>
  <si>
    <t>yasmin yousaf</t>
  </si>
  <si>
    <t>GGES DURATTA</t>
  </si>
  <si>
    <t>Ghulama No2</t>
  </si>
  <si>
    <t>GGES Duratta</t>
  </si>
  <si>
    <t>Duratta</t>
  </si>
  <si>
    <t>46662</t>
  </si>
  <si>
    <t>GES GIRDARI WALA</t>
  </si>
  <si>
    <t>Village girdari Wala, Kamar mushing isakhel.</t>
  </si>
  <si>
    <t>Girdari Wala</t>
  </si>
  <si>
    <t>Muhammad  Mumtaz Khan</t>
  </si>
  <si>
    <t>53946</t>
  </si>
  <si>
    <t>GGPS CHAK NO 106 RB</t>
  </si>
  <si>
    <t>Chak No 106 RB</t>
  </si>
  <si>
    <t>chak # 106 RB chaudhary wala..</t>
  </si>
  <si>
    <t>Chak#106 RB</t>
  </si>
  <si>
    <t>Maria Ayoob</t>
  </si>
  <si>
    <t>GGPS TIBBA ZURANI DARYA KHAN</t>
  </si>
  <si>
    <t>mohalla farooq abad darya khan</t>
  </si>
  <si>
    <t>Parveen  Kousar</t>
  </si>
  <si>
    <t>GES CHAK 154 GB I</t>
  </si>
  <si>
    <t>CHAK NO 154 GB</t>
  </si>
  <si>
    <t>CHAK NO 154GB TEH Gojra. DISTT TOBA TEK SINGH</t>
  </si>
  <si>
    <t>GGES CHAK NO 114 ML</t>
  </si>
  <si>
    <t>114 Ml</t>
  </si>
  <si>
    <t>Adress chak no 114 ml p/o fatehpur tehsil karor district layyah</t>
  </si>
  <si>
    <t>Sidra Farooq</t>
  </si>
  <si>
    <t>GPS SORA SINGH</t>
  </si>
  <si>
    <t>Sora Singh</t>
  </si>
  <si>
    <t>Qila Sora Singh P/O Dharmewala tehsil Depalpur Dist Okara</t>
  </si>
  <si>
    <t>Sora Singh Jodhpur</t>
  </si>
  <si>
    <t>GGPS DARBAR MIAN HASSA</t>
  </si>
  <si>
    <t>Darbar MIAN hassa</t>
  </si>
  <si>
    <t>Darbar MIAN Hassa</t>
  </si>
  <si>
    <t>GES DHAREK</t>
  </si>
  <si>
    <t>GBES dharek p.o bahtar tehsil fatehjang district attock</t>
  </si>
  <si>
    <t>Mehboob-ur-rehman</t>
  </si>
  <si>
    <t>24781</t>
  </si>
  <si>
    <t>GGES RAI PUR</t>
  </si>
  <si>
    <t>village Rai Pur p..o.b Gopal Pur sialkot</t>
  </si>
  <si>
    <t>Sayedan Wali</t>
  </si>
  <si>
    <t>GPS CHAK 67 RB DERA GUJRAN</t>
  </si>
  <si>
    <t>67 Rb</t>
  </si>
  <si>
    <t>Chak no. 67 rb dera gujran tehsil jaranwala faisalabad</t>
  </si>
  <si>
    <t>67 Rb Dera Gujran</t>
  </si>
  <si>
    <t>45528</t>
  </si>
  <si>
    <t>GGPS GODDA</t>
  </si>
  <si>
    <t>Ø¨Ù…Ù‚Ø§Ù… Ú¯ÙˆÚˆØ§ ÚˆØ§Ú©Ø®Ø§Ù†Û Ø®Ø§Øµ Ø¬Ú¾Ù…Ù¹ Ø´Ù…Ø§Ù„ÛŒ</t>
  </si>
  <si>
    <t>Summera shaheen</t>
  </si>
  <si>
    <t>GPS RAHIM BUX SANSARAIN</t>
  </si>
  <si>
    <t>basti rahim bux sainsar p/o lakar wali</t>
  </si>
  <si>
    <t>Rahim Bukhsh</t>
  </si>
  <si>
    <t>GES CHAK NO.126/M AB</t>
  </si>
  <si>
    <t>126m</t>
  </si>
  <si>
    <t>9314</t>
  </si>
  <si>
    <t>GGES MUNDRANI</t>
  </si>
  <si>
    <t>mundrani</t>
  </si>
  <si>
    <t>Fouzia Nawaz</t>
  </si>
  <si>
    <t>GGES CHAK 359 JB DERIA NANGAL</t>
  </si>
  <si>
    <t>GGESchool 359 daria nanghal</t>
  </si>
  <si>
    <t>Daria Nanghal</t>
  </si>
  <si>
    <t>Bobak 360</t>
  </si>
  <si>
    <t>GGES MC JUNIOR MODEL BAGH GUL BEGUM</t>
  </si>
  <si>
    <t>CDG JMM school bagh Gul begam mozang lhr</t>
  </si>
  <si>
    <t>Rukhsana Haider</t>
  </si>
  <si>
    <t>GPS NO. 2 JOYIA</t>
  </si>
  <si>
    <t>g p s no 2 joyia</t>
  </si>
  <si>
    <t>GGPS LALA CHAK</t>
  </si>
  <si>
    <t>GGPS Lala Chak Gujrat</t>
  </si>
  <si>
    <t>GGPS CHAK NO 111/ TDA</t>
  </si>
  <si>
    <t>chak no. 111TDA</t>
  </si>
  <si>
    <t>111TDA</t>
  </si>
  <si>
    <t>110TDA</t>
  </si>
  <si>
    <t>rabia yasmeen</t>
  </si>
  <si>
    <t>GES HAJI CHAND</t>
  </si>
  <si>
    <t>Village haji chand</t>
  </si>
  <si>
    <t>Boungha ameer singh</t>
  </si>
  <si>
    <t>Muhammad Saleem Zia</t>
  </si>
  <si>
    <t>GGCMS CHAK NO. 3/FW</t>
  </si>
  <si>
    <t>Chak 3 Fw</t>
  </si>
  <si>
    <t>chak 3Fw BastiAbdulrehman Tensile Chishtian</t>
  </si>
  <si>
    <t>Chak3 F W</t>
  </si>
  <si>
    <t>Chak 3Fw</t>
  </si>
  <si>
    <t>Qatar-un-nida</t>
  </si>
  <si>
    <t>GGES GADDI NO. 2</t>
  </si>
  <si>
    <t>gadi janubi</t>
  </si>
  <si>
    <t>moh jafran wala janubi</t>
  </si>
  <si>
    <t>bohar</t>
  </si>
  <si>
    <t>Bushra Shehnaz</t>
  </si>
  <si>
    <t>GGPS CHAK NO. 261 TDA</t>
  </si>
  <si>
    <t>Chak No 261/tda</t>
  </si>
  <si>
    <t>chak no 261/tda</t>
  </si>
  <si>
    <t>Chak No 112/ml</t>
  </si>
  <si>
    <t>Mukhtiaran Bibi</t>
  </si>
  <si>
    <t>16084</t>
  </si>
  <si>
    <t>GES CHAK 56 JB I</t>
  </si>
  <si>
    <t>Chak No 56 JB</t>
  </si>
  <si>
    <t>Chak No 29 JB N</t>
  </si>
  <si>
    <t>GES CHAK NO.53 GB JARANWALA</t>
  </si>
  <si>
    <t>Chak No 53 GB</t>
  </si>
  <si>
    <t>chak 53 gb jaranwala</t>
  </si>
  <si>
    <t>Chak 55 GB</t>
  </si>
  <si>
    <t>GGCMS PAIL</t>
  </si>
  <si>
    <t>GGPS CHAK NO 262 TDA</t>
  </si>
  <si>
    <t>262/TDA</t>
  </si>
  <si>
    <t>262tda tehsil karor distt layyah</t>
  </si>
  <si>
    <t>Rabia Shahzad</t>
  </si>
  <si>
    <t>30966</t>
  </si>
  <si>
    <t>GES MODEL PATHI GROUND LAHORE</t>
  </si>
  <si>
    <t>Dil Muhammad Road</t>
  </si>
  <si>
    <t>Dil Muhammad Road (Pathi Ground) Lahore City Lahore</t>
  </si>
  <si>
    <t>Pathi Ground</t>
  </si>
  <si>
    <t>Saraâ€™ay Sultan</t>
  </si>
  <si>
    <t>Mr. Niaz Khan</t>
  </si>
  <si>
    <t>GGES 471 EB</t>
  </si>
  <si>
    <t>chak # 471/eb</t>
  </si>
  <si>
    <t>Chak # 471/ Eb</t>
  </si>
  <si>
    <t>Sahrish Kiran</t>
  </si>
  <si>
    <t>GPS CHARAGH SHAH WALA</t>
  </si>
  <si>
    <t>Shein Wala</t>
  </si>
  <si>
    <t>Charagh Shah Wala mouza Shein. Wala teh,karor district layyah</t>
  </si>
  <si>
    <t>Charagh Shah Wala</t>
  </si>
  <si>
    <t>MUHAMMAD QAYYUM</t>
  </si>
  <si>
    <t>GPS CHAK 67 RB</t>
  </si>
  <si>
    <t>Malchak Klaaan</t>
  </si>
  <si>
    <t>chak no. 67 R.B  teh. jarranwala distt. Faisal abad</t>
  </si>
  <si>
    <t>Chak No 67 RB</t>
  </si>
  <si>
    <t>Chak No 68RB</t>
  </si>
  <si>
    <t>Jafar Husaain</t>
  </si>
  <si>
    <t>GGHS CHAK NO 6 GIJANI</t>
  </si>
  <si>
    <t>Chak 6/G</t>
  </si>
  <si>
    <t>govt. girls high school chak 6/g tehsil chishtian district bahawalnagar</t>
  </si>
  <si>
    <t>Chak 6 Gajiani</t>
  </si>
  <si>
    <t>23 /G</t>
  </si>
  <si>
    <t>Kinza Hammad</t>
  </si>
  <si>
    <t>GGPS CHAK NO.104/TDA</t>
  </si>
  <si>
    <t>Chak No104/TDA</t>
  </si>
  <si>
    <t>Chak No 104/TDA P/O Chak No 110/TDA</t>
  </si>
  <si>
    <t>GGES CHAK NO 111 ML</t>
  </si>
  <si>
    <t>111 ML</t>
  </si>
  <si>
    <t>chak No 111/ml, tehsil karor lal Esan, dist. Layyah</t>
  </si>
  <si>
    <t>chak# 111/ml</t>
  </si>
  <si>
    <t>chak No 112/ml</t>
  </si>
  <si>
    <t>GGPS CHAK NO 255 TDA</t>
  </si>
  <si>
    <t>255/tda</t>
  </si>
  <si>
    <t>Chak No 255/tda</t>
  </si>
  <si>
    <t>Chak No 255/TDA</t>
  </si>
  <si>
    <t>Samina Firdous</t>
  </si>
  <si>
    <t>GGPS CHAK NO. 113 ML</t>
  </si>
  <si>
    <t>chk no ,113/ml</t>
  </si>
  <si>
    <t>113/ml</t>
  </si>
  <si>
    <t>GGPS CHAK NO.103 TDA</t>
  </si>
  <si>
    <t>ggps 103/tda tehsil Karor district layyay</t>
  </si>
  <si>
    <t>103/tda</t>
  </si>
  <si>
    <t>Sumara Yasin</t>
  </si>
  <si>
    <t>GGES CHAK NO 67 RB MAL CHAK</t>
  </si>
  <si>
    <t>67rb</t>
  </si>
  <si>
    <t>67rb Malchak</t>
  </si>
  <si>
    <t>Shamaila Talib</t>
  </si>
  <si>
    <t>GGPS 277 EB</t>
  </si>
  <si>
    <t>Chak 277 EB</t>
  </si>
  <si>
    <t>chak no 277/eb,p/o 275/eb,Burewala</t>
  </si>
  <si>
    <t>291/eb</t>
  </si>
  <si>
    <t>GGHS SODIWAL QUARTERS MULTAN ROAD LHR.</t>
  </si>
  <si>
    <t>sodiwal</t>
  </si>
  <si>
    <t>gghs sodiwal quarters multan road,lhr.</t>
  </si>
  <si>
    <t>mrs. mah farah</t>
  </si>
  <si>
    <t>GES CHAK 654/5 GB</t>
  </si>
  <si>
    <t>Chak Number 654/5 GB</t>
  </si>
  <si>
    <t>654/5 GB</t>
  </si>
  <si>
    <t>GGPS MOHLANWAL PUNJAB SOCIETY</t>
  </si>
  <si>
    <t>GGPS PGSHF Mohlanwal Lahore.</t>
  </si>
  <si>
    <t>Ghazala Iftikhar</t>
  </si>
  <si>
    <t>GGPS Islampur taxila</t>
  </si>
  <si>
    <t>48634</t>
  </si>
  <si>
    <t>GGPS NIMTAS</t>
  </si>
  <si>
    <t>GGPS Nimtas</t>
  </si>
  <si>
    <t>GGES MAMDOT</t>
  </si>
  <si>
    <t>village mamdot tehsil talagang district chakwal</t>
  </si>
  <si>
    <t>Nakka Kahoot</t>
  </si>
  <si>
    <t>Ghazala Naheed Kousar</t>
  </si>
  <si>
    <t>GPS MODEL CHAK RAM WALA</t>
  </si>
  <si>
    <t>CHAK RAM K</t>
  </si>
  <si>
    <t>CHAH RAM WALA</t>
  </si>
  <si>
    <t>SULTAN K</t>
  </si>
  <si>
    <t>MADEEHA NIDA</t>
  </si>
  <si>
    <t>30854</t>
  </si>
  <si>
    <t>GHS JALLO STATAION</t>
  </si>
  <si>
    <t>GHS JALLO STATION LAHORE</t>
  </si>
  <si>
    <t>Jallo Pind</t>
  </si>
  <si>
    <t>GGES WADHAN</t>
  </si>
  <si>
    <t>wadhan</t>
  </si>
  <si>
    <t>GGCMS BOONGA MINHAS</t>
  </si>
  <si>
    <t>boonga minhas</t>
  </si>
  <si>
    <t>ggcmsboongaminhas</t>
  </si>
  <si>
    <t>lak</t>
  </si>
  <si>
    <t>Syeda Maleeha Sharjeel</t>
  </si>
  <si>
    <t>GHS CDG ENGIN SHED HOPE ROAD</t>
  </si>
  <si>
    <t>garhi shahu</t>
  </si>
  <si>
    <t>ENGINE SHED GARHI SHAHU LAHORE</t>
  </si>
  <si>
    <t>ENGINE SHED</t>
  </si>
  <si>
    <t>SIGNAL SHOP</t>
  </si>
  <si>
    <t>GGPS BASTI HABIB</t>
  </si>
  <si>
    <t>basti manjotha tehsil taunsa shareef</t>
  </si>
  <si>
    <t>Basti Manjotha</t>
  </si>
  <si>
    <t>14041</t>
  </si>
  <si>
    <t>GES KOTLA DAD</t>
  </si>
  <si>
    <t>Kotla dad</t>
  </si>
  <si>
    <t>Kotla Khan Muhammad M7hammad</t>
  </si>
  <si>
    <t>30973</t>
  </si>
  <si>
    <t>GGES SHER SHAH COLONY RAIWIND ROAD</t>
  </si>
  <si>
    <t>bhoobtyan</t>
  </si>
  <si>
    <t>A block Sher Shah Colony Raiwind Road LHR</t>
  </si>
  <si>
    <t>SherShah colony</t>
  </si>
  <si>
    <t>Bhoobtyan</t>
  </si>
  <si>
    <t>NAHEED BANO</t>
  </si>
  <si>
    <t>GPS GAHNWAR WALA</t>
  </si>
  <si>
    <t>chah Gahnwar wala mouza Cholani p/o box adda kareem wala</t>
  </si>
  <si>
    <t>Chah Gahnwar Wala</t>
  </si>
  <si>
    <t>33474</t>
  </si>
  <si>
    <t>Basti qaderabad chk 175R/B Tehsil shahkot District nankana</t>
  </si>
  <si>
    <t>GMPS CHAK 323 JB CMS REHMAT ABAD</t>
  </si>
  <si>
    <t>Chak 323 JB</t>
  </si>
  <si>
    <t>Chaka No 323 Jb Rehmat Abad</t>
  </si>
  <si>
    <t>Chak 323 Jb Rehmat Abad</t>
  </si>
  <si>
    <t>Chwk#328 jb</t>
  </si>
  <si>
    <t>Safia naseem</t>
  </si>
  <si>
    <t>GGPS BASTI MANAK MOUZA DAR WALA MULTAN</t>
  </si>
  <si>
    <t>GGPS Basti Manak Moza Bazdar wala</t>
  </si>
  <si>
    <t>Basti Manak</t>
  </si>
  <si>
    <t>GES 6/8-R ROTLA, TULAMBA</t>
  </si>
  <si>
    <t>chak 6/8-R Rotla</t>
  </si>
  <si>
    <t>6/8-R</t>
  </si>
  <si>
    <t>6/8-R Rotla</t>
  </si>
  <si>
    <t>GPS CHAK NO. 112/WB</t>
  </si>
  <si>
    <t>112/wb</t>
  </si>
  <si>
    <t>chak no 112/wb p/o box 110/wn</t>
  </si>
  <si>
    <t>Uc 124/wb</t>
  </si>
  <si>
    <t>Abbas Ali Shah</t>
  </si>
  <si>
    <t>49521</t>
  </si>
  <si>
    <t>GGES KULIYAN</t>
  </si>
  <si>
    <t>Kuliyan</t>
  </si>
  <si>
    <t>Kuliyan shahpur</t>
  </si>
  <si>
    <t>Kuliyan Shahpur</t>
  </si>
  <si>
    <t>Fareeha Nasreen</t>
  </si>
  <si>
    <t>GMPS DEVANI WALA</t>
  </si>
  <si>
    <t>husainabad</t>
  </si>
  <si>
    <t>danweri wala mouza husain abad</t>
  </si>
  <si>
    <t>danwari wala</t>
  </si>
  <si>
    <t>Peeran Ditta</t>
  </si>
  <si>
    <t>Sandela</t>
  </si>
  <si>
    <t>g g p s khaji wala</t>
  </si>
  <si>
    <t>SUMAIRA BASHEER</t>
  </si>
  <si>
    <t>GPS JHUGIAN CHUMBRAN</t>
  </si>
  <si>
    <t>Jhugian Chambran Chambran</t>
  </si>
  <si>
    <t>jhugian chambran multan road lahore</t>
  </si>
  <si>
    <t>Muhammad Zaman Ul Hassan</t>
  </si>
  <si>
    <t>GGES DOMELI</t>
  </si>
  <si>
    <t>Po village domeli teh sohawa dist jhelum</t>
  </si>
  <si>
    <t>Rukhsana nighat</t>
  </si>
  <si>
    <t>GGES MC MIANA PURA SIALKOT</t>
  </si>
  <si>
    <t>shah syedan sialkot</t>
  </si>
  <si>
    <t>Govt M.c girls E/school miana pura sialkot</t>
  </si>
  <si>
    <t>shah syedan</t>
  </si>
  <si>
    <t>GES BAWALI</t>
  </si>
  <si>
    <t>bawali</t>
  </si>
  <si>
    <t>village bawali teh sarai alamgir distt gujrat</t>
  </si>
  <si>
    <t>Muhammad  Atta Mustafa</t>
  </si>
  <si>
    <t>GES JEVAN PURA KHURD</t>
  </si>
  <si>
    <t>Jevan Pura khurd</t>
  </si>
  <si>
    <t>Muhammad Mehboob Ul Haq</t>
  </si>
  <si>
    <t>GGPS 160 WB</t>
  </si>
  <si>
    <t>160wb Foujianwala</t>
  </si>
  <si>
    <t>160/w.b,tehsil melsi destric vehari</t>
  </si>
  <si>
    <t>160/wb Foujianwala</t>
  </si>
  <si>
    <t>GPS CHAK NO.174/WB ADDA GHULAM HUSSAIN</t>
  </si>
  <si>
    <t>Chak 174/w.b adda ghulsm Hussain  vehari</t>
  </si>
  <si>
    <t>174/WB</t>
  </si>
  <si>
    <t>GG BBS ES SULEMAN</t>
  </si>
  <si>
    <t>suleman</t>
  </si>
  <si>
    <t>villaga suleman</t>
  </si>
  <si>
    <t>ghanian</t>
  </si>
  <si>
    <t>GGES SUMBLAN WALA</t>
  </si>
  <si>
    <t>sumblanwala</t>
  </si>
  <si>
    <t>Khawar Raheem</t>
  </si>
  <si>
    <t>GMPS CHAK NO.216 TDA</t>
  </si>
  <si>
    <t>216-tda</t>
  </si>
  <si>
    <t>gmps 216-tda</t>
  </si>
  <si>
    <t>Chak No 216/tda</t>
  </si>
  <si>
    <t>67-ml</t>
  </si>
  <si>
    <t>Umaira Iram</t>
  </si>
  <si>
    <t>GMPS CHAK 671/12 GB</t>
  </si>
  <si>
    <t>pirmahal</t>
  </si>
  <si>
    <t>chak no 671/12 gb</t>
  </si>
  <si>
    <t>c plot</t>
  </si>
  <si>
    <t>23541</t>
  </si>
  <si>
    <t>GMPS BAISA KHURD</t>
  </si>
  <si>
    <t>baisa khurd</t>
  </si>
  <si>
    <t>vill.baisa khurd po baisa kalan teh. sarai alamgir dist. gujrat</t>
  </si>
  <si>
    <t>baisa</t>
  </si>
  <si>
    <t>Naveela Rifat</t>
  </si>
  <si>
    <t>23006</t>
  </si>
  <si>
    <t>GPS CHAK  SIKANDAR</t>
  </si>
  <si>
    <t>chak slander 30</t>
  </si>
  <si>
    <t>chak sikandar 30  kharian gujrat</t>
  </si>
  <si>
    <t>Chak Sikandar 30</t>
  </si>
  <si>
    <t>Marala</t>
  </si>
  <si>
    <t>Mansoor Ahmad Sohail</t>
  </si>
  <si>
    <t>GGPS ARRAH PANDI</t>
  </si>
  <si>
    <t>Sohra</t>
  </si>
  <si>
    <t>jhok Ara pandhi</t>
  </si>
  <si>
    <t>Jhok Ara Pandhi</t>
  </si>
  <si>
    <t>Shaista Gul</t>
  </si>
  <si>
    <t>GGPS CHAK NO. 48</t>
  </si>
  <si>
    <t>chak 48 tehsil muridke skp</t>
  </si>
  <si>
    <t>Shaheen Kouser</t>
  </si>
  <si>
    <t>GMPS NATHAIN</t>
  </si>
  <si>
    <t>Nothain</t>
  </si>
  <si>
    <t>PO chak# village nathain</t>
  </si>
  <si>
    <t>Nathain</t>
  </si>
  <si>
    <t>Mehmand Khan</t>
  </si>
  <si>
    <t>GPS KHAN ASGHAR MALL</t>
  </si>
  <si>
    <t>Asghar Mall</t>
  </si>
  <si>
    <t>GPS KHAN ASGHAR MALL RAWALPINDI</t>
  </si>
  <si>
    <t>Nyla Shaheen</t>
  </si>
  <si>
    <t>GPS CHAH YAROO WALA</t>
  </si>
  <si>
    <t>yaroo wala</t>
  </si>
  <si>
    <t>Yaroo wala</t>
  </si>
  <si>
    <t>GGPS ALLAH WARY WALA KAHOR</t>
  </si>
  <si>
    <t>ggps Allah waray wala</t>
  </si>
  <si>
    <t>Basti Dakhna</t>
  </si>
  <si>
    <t>Shazia Rehman Ghouri</t>
  </si>
  <si>
    <t>53773</t>
  </si>
  <si>
    <t>GGPS 7-1L</t>
  </si>
  <si>
    <t>Chak No 7 /1L</t>
  </si>
  <si>
    <t>Govt Girls Primary School 7/1L Renala Khurd</t>
  </si>
  <si>
    <t>Chak No 7/1L</t>
  </si>
  <si>
    <t>Chak No 10/1 L</t>
  </si>
  <si>
    <t>Aleena Riaz</t>
  </si>
  <si>
    <t>GGPS DAHGUL</t>
  </si>
  <si>
    <t>Daghal</t>
  </si>
  <si>
    <t>moza daghal</t>
  </si>
  <si>
    <t>Langer makhdoom</t>
  </si>
  <si>
    <t>GGES GHAZI ANDROON</t>
  </si>
  <si>
    <t>Ghazi Androon</t>
  </si>
  <si>
    <t>GGES  Ghazi Androon</t>
  </si>
  <si>
    <t>Faiza Rafique</t>
  </si>
  <si>
    <t>GGES DANDI NAZAM</t>
  </si>
  <si>
    <t>dandi nizam ,s.a.gir, gujrat</t>
  </si>
  <si>
    <t>Najma Safdar</t>
  </si>
  <si>
    <t>GMPS CHABORAN WALA</t>
  </si>
  <si>
    <t>North chaboran wala p/o Abba khel</t>
  </si>
  <si>
    <t>Chaboran Wala</t>
  </si>
  <si>
    <t>GPS BAIT UMER PUR</t>
  </si>
  <si>
    <t>basti tilwadh mauza umer pur janobi teh&amp;dist m garh</t>
  </si>
  <si>
    <t>Tilwadh</t>
  </si>
  <si>
    <t>Muhammad Shahid Razzaq</t>
  </si>
  <si>
    <t>10791</t>
  </si>
  <si>
    <t>GPS ASIF WALA</t>
  </si>
  <si>
    <t>Basti Chandia, Moza Samtia Nashaib, Layyah</t>
  </si>
  <si>
    <t>Samtia Nahaib</t>
  </si>
  <si>
    <t>36410</t>
  </si>
  <si>
    <t>GGPS CHAK NO.42 WB</t>
  </si>
  <si>
    <t>42/wb</t>
  </si>
  <si>
    <t>chk no 42/wb vehai</t>
  </si>
  <si>
    <t>Mehreen Rehman</t>
  </si>
  <si>
    <t>GGPS TIBBI KHARAK</t>
  </si>
  <si>
    <t>Tibi Kharak</t>
  </si>
  <si>
    <t>moza tibbi kharak dgk</t>
  </si>
  <si>
    <t>Nadia Bukhari</t>
  </si>
  <si>
    <t>GPS SALEEM WALI</t>
  </si>
  <si>
    <t>Ludden Raisty</t>
  </si>
  <si>
    <t>GES Saleem wali post Office jamalpur,Tehsil Hasilpur District Bahawalpur</t>
  </si>
  <si>
    <t>Ludden  raisti</t>
  </si>
  <si>
    <t>Khairo ghazi khanana GhaziKhanana  Ghazokhanana</t>
  </si>
  <si>
    <t>GPS EMINABAD NO.2</t>
  </si>
  <si>
    <t>pull wala Dara eminabad</t>
  </si>
  <si>
    <t>Rauf Ali Awan</t>
  </si>
  <si>
    <t>GGPS SHRMON WALA</t>
  </si>
  <si>
    <t>mohala chshsharmonwala</t>
  </si>
  <si>
    <t>Chahsharmonwala</t>
  </si>
  <si>
    <t>Bhakkr3</t>
  </si>
  <si>
    <t>Nazrana Parveen</t>
  </si>
  <si>
    <t>GGCMES CHAK NO. 49/F</t>
  </si>
  <si>
    <t>49F</t>
  </si>
  <si>
    <t>Govt.Girls Community Model Middle School 49F</t>
  </si>
  <si>
    <t>Chak 49F</t>
  </si>
  <si>
    <t>45F</t>
  </si>
  <si>
    <t>zareena nasreen</t>
  </si>
  <si>
    <t>31385</t>
  </si>
  <si>
    <t>GPS JAVED NAGAR</t>
  </si>
  <si>
    <t>Javeed Nagar</t>
  </si>
  <si>
    <t>javeed nagar</t>
  </si>
  <si>
    <t>GGPS (MODEL) CHAK NO.24/BC (S)</t>
  </si>
  <si>
    <t>chak no.24 bc south bwp</t>
  </si>
  <si>
    <t>24 Sout</t>
  </si>
  <si>
    <t>Chak 24bc</t>
  </si>
  <si>
    <t>sadia mustafa</t>
  </si>
  <si>
    <t>GGES IMTIAZ MODEL T.T.SINGH</t>
  </si>
  <si>
    <t>Jhang Road t.t Singh</t>
  </si>
  <si>
    <t>City Toba Tek Singh</t>
  </si>
  <si>
    <t>GPS CHAK NO.153/M KOT GHUMMAN</t>
  </si>
  <si>
    <t>basti 153m</t>
  </si>
  <si>
    <t>chak no 153m</t>
  </si>
  <si>
    <t>153muraad</t>
  </si>
  <si>
    <t>GES TANZEEM MAZHAR ULOOM FORT ABBAS</t>
  </si>
  <si>
    <t>Dar ul Islam Road Fort Abbas</t>
  </si>
  <si>
    <t>GMPS SANDHAL</t>
  </si>
  <si>
    <t>gmps sandhal</t>
  </si>
  <si>
    <t>HUMAIRA NOREEN</t>
  </si>
  <si>
    <t>GES FAREED TOWN</t>
  </si>
  <si>
    <t>Farid Town Gujranwala</t>
  </si>
  <si>
    <t>Government Elementary schools Farid town Gujranwala</t>
  </si>
  <si>
    <t>ASGHAR LATIF</t>
  </si>
  <si>
    <t>GPS MUD LOSI</t>
  </si>
  <si>
    <t>Chak Serai</t>
  </si>
  <si>
    <t>GPS mud losi chak serai</t>
  </si>
  <si>
    <t>Mud Losi</t>
  </si>
  <si>
    <t>Basti bhuttian wala .Tehsil and district Muzaffargarh</t>
  </si>
  <si>
    <t>Bhuttian wala</t>
  </si>
  <si>
    <t>Mohsin Fareed</t>
  </si>
  <si>
    <t>39964</t>
  </si>
  <si>
    <t>GES KHURA KHAIL</t>
  </si>
  <si>
    <t>Khura Khail</t>
  </si>
  <si>
    <t>vpo khura khail tehsil hazro district attock</t>
  </si>
  <si>
    <t>GPS LAKRA KALAN</t>
  </si>
  <si>
    <t>Govt. Primary School Lakra Kalan  teh. Daska dist. Sialkot</t>
  </si>
  <si>
    <t>GGPS BASTI HUSSAIN</t>
  </si>
  <si>
    <t>Gharrhi Sulan Shah</t>
  </si>
  <si>
    <t>G G p/s basti hussain jampur</t>
  </si>
  <si>
    <t>Basti Peer Bux Shahe</t>
  </si>
  <si>
    <t>GGMPS KOTLA SIKHANI</t>
  </si>
  <si>
    <t>ggmps kotla sikhani .d.g.khan</t>
  </si>
  <si>
    <t>KOTLA SIKHANI</t>
  </si>
  <si>
    <t>Fareeha Nazli</t>
  </si>
  <si>
    <t>GGPS THATHA MUSA</t>
  </si>
  <si>
    <t>AEO (W) BHOWANA NO.23</t>
  </si>
  <si>
    <t>Thatha Musa Bhowana</t>
  </si>
  <si>
    <t>Bakhat Bibi</t>
  </si>
  <si>
    <t>GPS CHAK 297 JB</t>
  </si>
  <si>
    <t>Chak 297 Jb</t>
  </si>
  <si>
    <t>GPS 297 jb</t>
  </si>
  <si>
    <t>297 Jb</t>
  </si>
  <si>
    <t>GGPS DHOK AFGHAN</t>
  </si>
  <si>
    <t>Dhok Afghan</t>
  </si>
  <si>
    <t>village dhok Afghan tehsil hazro district attock</t>
  </si>
  <si>
    <t>Kamul Pur Musa</t>
  </si>
  <si>
    <t>Jumshid  Bibi</t>
  </si>
  <si>
    <t>GMPS CHAK NO. 2/FW</t>
  </si>
  <si>
    <t>2fw Old</t>
  </si>
  <si>
    <t>GMPS  Chak no 2 fw old</t>
  </si>
  <si>
    <t>Tesleem Kousar</t>
  </si>
  <si>
    <t>34518</t>
  </si>
  <si>
    <t>GGPS CHAH PEEREY WALA NAI WALA</t>
  </si>
  <si>
    <t>Chah Peeray wala kot Rabnawaz Multan Saddar</t>
  </si>
  <si>
    <t>Chah Peeray Wala</t>
  </si>
  <si>
    <t>Rizwana Sana</t>
  </si>
  <si>
    <t>GGPS NORIA KORIA</t>
  </si>
  <si>
    <t>ggps noria koria.d.g.khan</t>
  </si>
  <si>
    <t>Nagina Nasreen</t>
  </si>
  <si>
    <t>GGPS CHAK NO 265 HR</t>
  </si>
  <si>
    <t>Village 265 Hr</t>
  </si>
  <si>
    <t>GGPS265HR</t>
  </si>
  <si>
    <t>265 Hr</t>
  </si>
  <si>
    <t>264hr</t>
  </si>
  <si>
    <t>Nazia Aslam</t>
  </si>
  <si>
    <t>GES 7/FW (ABADI)</t>
  </si>
  <si>
    <t>chak no 7 fw abadi Post Office Bakshan khan tehsilChishtian District Bahawalnagar</t>
  </si>
  <si>
    <t>Chak 7 Fw Abadi</t>
  </si>
  <si>
    <t>Hussain Ahmed Tariq</t>
  </si>
  <si>
    <t>15223</t>
  </si>
  <si>
    <t>GGPS CHAK 205 RB KHURRIANWALA</t>
  </si>
  <si>
    <t>205 Rb Maluana</t>
  </si>
  <si>
    <t>Maluana</t>
  </si>
  <si>
    <t>khursheed bano</t>
  </si>
  <si>
    <t>GGPS GHOURGHUSTI NO. 2</t>
  </si>
  <si>
    <t>GGPS NO 2 MOHALLAH MANGLI GHOURGHUSHTI</t>
  </si>
  <si>
    <t>NUsrat Jabeen</t>
  </si>
  <si>
    <t>35935</t>
  </si>
  <si>
    <t>GGPS CHAK BASSI</t>
  </si>
  <si>
    <t>Chak Basi</t>
  </si>
  <si>
    <t>G G P S chak basi shareen Walla tehsil mailsi destric vehari</t>
  </si>
  <si>
    <t>Chak Basi  Shareen Wala</t>
  </si>
  <si>
    <t>Aliwah</t>
  </si>
  <si>
    <t>Safia Fida</t>
  </si>
  <si>
    <t>35703</t>
  </si>
  <si>
    <t>GPS SARDAR PUR JHANDIR</t>
  </si>
  <si>
    <t>Sardarpur Jhandir</t>
  </si>
  <si>
    <t>Moza sardar pur jhandir mailsi</t>
  </si>
  <si>
    <t>Nodabbah</t>
  </si>
  <si>
    <t>Muhammad Zubair Rana</t>
  </si>
  <si>
    <t>37155</t>
  </si>
  <si>
    <t>GES 41/10-R QADEEM, KHANEWAL</t>
  </si>
  <si>
    <t>CHAK NO 41 /10-R QADEEM</t>
  </si>
  <si>
    <t>Haseeb Ahsan</t>
  </si>
  <si>
    <t>GGES 519 EB</t>
  </si>
  <si>
    <t>Chak No519/EB</t>
  </si>
  <si>
    <t>chak no.519/e.b Burewala</t>
  </si>
  <si>
    <t>Chak 519/EB</t>
  </si>
  <si>
    <t>Chak No515/EB</t>
  </si>
  <si>
    <t>Najma Wakeel</t>
  </si>
  <si>
    <t>17453</t>
  </si>
  <si>
    <t>GMPS DALAY WALA</t>
  </si>
  <si>
    <t>govt model primary school dally wala jhang</t>
  </si>
  <si>
    <t>Babar Ahmad Khan</t>
  </si>
  <si>
    <t>GGPS JINDOO WALA</t>
  </si>
  <si>
    <t>GG p/s jindu wala lodhran.</t>
  </si>
  <si>
    <t>jindu Wala</t>
  </si>
  <si>
    <t>Yasmin Mushtaq</t>
  </si>
  <si>
    <t>GGPS BALHEEM</t>
  </si>
  <si>
    <t>Bhaleem</t>
  </si>
  <si>
    <t>village bhaleem post office phularwan teh Sarai Alamgir Gujrat.</t>
  </si>
  <si>
    <t>Rizawa Allah Ditta</t>
  </si>
  <si>
    <t>GPS BASTI SIRAI JANUBI</t>
  </si>
  <si>
    <t>moza kotla qazi nasheb layyah</t>
  </si>
  <si>
    <t>Safdar iqbal</t>
  </si>
  <si>
    <t>31561</t>
  </si>
  <si>
    <t>GGES CHAK 29</t>
  </si>
  <si>
    <t>chak 29</t>
  </si>
  <si>
    <t>Khatyala Virkan</t>
  </si>
  <si>
    <t>25429</t>
  </si>
  <si>
    <t>GPS CHAK MALOKA</t>
  </si>
  <si>
    <t>chak Malooka</t>
  </si>
  <si>
    <t>GPS NAHAL WALA</t>
  </si>
  <si>
    <t>Gps nahal wala</t>
  </si>
  <si>
    <t>Nahal Wala</t>
  </si>
  <si>
    <t>GGPS GARRHA JATTAN</t>
  </si>
  <si>
    <t>vpo gurrah jattan</t>
  </si>
  <si>
    <t>RIFAT YASMEEN</t>
  </si>
  <si>
    <t>GPS LAWA SOUTH</t>
  </si>
  <si>
    <t>mohalla bhangial lawa</t>
  </si>
  <si>
    <t>MC lawa</t>
  </si>
  <si>
    <t>Muhammad Tahir Islam</t>
  </si>
  <si>
    <t>Degger Kotli</t>
  </si>
  <si>
    <t>chack azizabad degger kotli Mankera</t>
  </si>
  <si>
    <t>Degger kotli</t>
  </si>
  <si>
    <t>Balqees Sattar</t>
  </si>
  <si>
    <t>GPS KOT AKBAR PUR DOGRAN</t>
  </si>
  <si>
    <t>Kot Akbar Pur Dogran</t>
  </si>
  <si>
    <t>kot akbar pur dogran tehsil and district Nankana sahib</t>
  </si>
  <si>
    <t>43774</t>
  </si>
  <si>
    <t>GES MANGAYWALI</t>
  </si>
  <si>
    <t>Village Mangaywali, Tehsil Lawa, District Chakwal</t>
  </si>
  <si>
    <t>GPS HAJI PHULLAY WALA</t>
  </si>
  <si>
    <t>gps haji phullay wala</t>
  </si>
  <si>
    <t>haji phullay wala</t>
  </si>
  <si>
    <t>RIAZ HUSSAIN SAJID</t>
  </si>
  <si>
    <t>GGPS WARA CHUNGRAN</t>
  </si>
  <si>
    <t>WARA CHUNGRAN</t>
  </si>
  <si>
    <t>GMPS MOHRI WAL</t>
  </si>
  <si>
    <t>Mohriwal</t>
  </si>
  <si>
    <t>GMPS MOHRIWAL</t>
  </si>
  <si>
    <t>GPS GHANDRAN CHAK 86 RB</t>
  </si>
  <si>
    <t>Ghandran Chak 86 Tehsil Shahkot Distt Nankana Sahib</t>
  </si>
  <si>
    <t>Ghandran Chak 86</t>
  </si>
  <si>
    <t>Kot Nazam Din</t>
  </si>
  <si>
    <t>Muhammad Sohail Bin Zair</t>
  </si>
  <si>
    <t>GPS MC NO. 5 NANKANA</t>
  </si>
  <si>
    <t>Mohalla Maljee</t>
  </si>
  <si>
    <t>GPS MC NO 5 Nankana City</t>
  </si>
  <si>
    <t>MC Nankana Sahib</t>
  </si>
  <si>
    <t>GPS NAUROZ PUR</t>
  </si>
  <si>
    <t>Nauroz Pur</t>
  </si>
  <si>
    <t>nauroz pur post office rasool pur tehsile pindi bhattian</t>
  </si>
  <si>
    <t>48633</t>
  </si>
  <si>
    <t>GGPS PAKHOWAL</t>
  </si>
  <si>
    <t>Jewenwl</t>
  </si>
  <si>
    <t>GGPS CHAK NO 482 JB DARBAR SAIDAN</t>
  </si>
  <si>
    <t>chak no 482 j.b</t>
  </si>
  <si>
    <t>Chak No 482jb Tehsil Shorkot district Jhang</t>
  </si>
  <si>
    <t>Chak no 478jb</t>
  </si>
  <si>
    <t>GGPS KALAR WALI</t>
  </si>
  <si>
    <t>basti kalar wali ,Jamal deen wali Sadiq abad</t>
  </si>
  <si>
    <t>Moneeba Ashraf</t>
  </si>
  <si>
    <t>GGCMS BHALARTOP</t>
  </si>
  <si>
    <t>Bhallartop</t>
  </si>
  <si>
    <t>Govt Girls community model school, bhallartop</t>
  </si>
  <si>
    <t>Ghari Sikandar</t>
  </si>
  <si>
    <t>Rizwana Ashraf</t>
  </si>
  <si>
    <t>GES DERA MUHAMMDI BASTI RAM KALLI</t>
  </si>
  <si>
    <t>basti Ram kali near bahawalpur by pass multan city.</t>
  </si>
  <si>
    <t>Gulshen faiz</t>
  </si>
  <si>
    <t>Ch Muhammad Najeeb Ullah</t>
  </si>
  <si>
    <t>GGES CHAK 334 GB RAJOO WAL</t>
  </si>
  <si>
    <t>Rajoowal</t>
  </si>
  <si>
    <t>chak no 334gb</t>
  </si>
  <si>
    <t>334gb</t>
  </si>
  <si>
    <t>Chak No 333gb</t>
  </si>
  <si>
    <t>Razia Pervern</t>
  </si>
  <si>
    <t>GES BHOLA CHAK 178/RB</t>
  </si>
  <si>
    <t>Bhola Chack</t>
  </si>
  <si>
    <t>bhola chack 178 /rb</t>
  </si>
  <si>
    <t>Bhola Chk</t>
  </si>
  <si>
    <t>Ram Garh Noda</t>
  </si>
  <si>
    <t>Sarfraz ahmad</t>
  </si>
  <si>
    <t>GPS CHAK NO 22/NP</t>
  </si>
  <si>
    <t>Chak N0 22/np</t>
  </si>
  <si>
    <t>chak no 22 n/p apl</t>
  </si>
  <si>
    <t>Chak No 22/ Np</t>
  </si>
  <si>
    <t>filteration plant</t>
  </si>
  <si>
    <t>GGPS PACCA SANDAN WALA</t>
  </si>
  <si>
    <t>GGPS pacca Sandan wala shadia</t>
  </si>
  <si>
    <t>Pacca Sandan Wala</t>
  </si>
  <si>
    <t>Khadijah Saeed</t>
  </si>
  <si>
    <t>GGPS DHALLA</t>
  </si>
  <si>
    <t>Govt. Girls Primary School Dhalla</t>
  </si>
  <si>
    <t>Iffat Siraj</t>
  </si>
  <si>
    <t>42098</t>
  </si>
  <si>
    <t>GGPS GATTIA</t>
  </si>
  <si>
    <t>Gattia</t>
  </si>
  <si>
    <t>Sharif hospital Asifabad wahcantt</t>
  </si>
  <si>
    <t>Asifabad</t>
  </si>
  <si>
    <t>Wahvillage</t>
  </si>
  <si>
    <t>GPS RASOOL PUR NO. 2 SHUJA ABAD</t>
  </si>
  <si>
    <t>Rasooolpur</t>
  </si>
  <si>
    <t>Darkhan Wala mouza Rasooolpur teh Shujabad distt multan</t>
  </si>
  <si>
    <t>54730</t>
  </si>
  <si>
    <t>GGPS BAWALI KALAN</t>
  </si>
  <si>
    <t>bawali kalan</t>
  </si>
  <si>
    <t>village bawali kalan post office &amp;tehsil,sara i alamgir.district gujrat</t>
  </si>
  <si>
    <t>sumaira bibi</t>
  </si>
  <si>
    <t>GGCMS KHOUR COMPANY</t>
  </si>
  <si>
    <t>khour  company</t>
  </si>
  <si>
    <t>GGPS CHAK NO. 6/1-L</t>
  </si>
  <si>
    <t>6 /1L</t>
  </si>
  <si>
    <t>6/1.L Renala khurd</t>
  </si>
  <si>
    <t>Faiza Aqil</t>
  </si>
  <si>
    <t>GGPS CHAK DILBAR KHAN</t>
  </si>
  <si>
    <t>patti zaman shah</t>
  </si>
  <si>
    <t>government primary school chak dilbar khan</t>
  </si>
  <si>
    <t>Shama Irshad</t>
  </si>
  <si>
    <t>GGPS DHAB WALA</t>
  </si>
  <si>
    <t>Dhabwala</t>
  </si>
  <si>
    <t>village dhabwal</t>
  </si>
  <si>
    <t>Saima Manzoor</t>
  </si>
  <si>
    <t>GPS JHARKAY</t>
  </si>
  <si>
    <t>Jharakay</t>
  </si>
  <si>
    <t>village and p.o jharaky</t>
  </si>
  <si>
    <t>Amer Mehmood</t>
  </si>
  <si>
    <t>GGES AKBAR SAHOO</t>
  </si>
  <si>
    <t>AKBAR SAHOO</t>
  </si>
  <si>
    <t>MOUZA AKBAR SAHOO</t>
  </si>
  <si>
    <t>sidra amber</t>
  </si>
  <si>
    <t>41747</t>
  </si>
  <si>
    <t>GPS GHOGRA</t>
  </si>
  <si>
    <t>vill ghogra</t>
  </si>
  <si>
    <t>Yasir Ghaffar</t>
  </si>
  <si>
    <t>GGPS MC BANSRA GALI</t>
  </si>
  <si>
    <t>Bansra Gali</t>
  </si>
  <si>
    <t>bansra gali,p/o murree,tehsil murree,district rawalpindi</t>
  </si>
  <si>
    <t>Sidra Najeeb</t>
  </si>
  <si>
    <t>GGES P-A-E-C COLONY CHASHMA</t>
  </si>
  <si>
    <t>GGES  paec colony chashma teh.piplan distt.mianwali</t>
  </si>
  <si>
    <t>Paec Colony   Chashma Chashma Colony PAEC PAEC Cas</t>
  </si>
  <si>
    <t>Shamshad  Nazir</t>
  </si>
  <si>
    <t>10907</t>
  </si>
  <si>
    <t>chah jaal wala mauza sohia thal jandi</t>
  </si>
  <si>
    <t>Perveen Qadir</t>
  </si>
  <si>
    <t>GPS MARTHAN WALI</t>
  </si>
  <si>
    <t>Marthanwali</t>
  </si>
  <si>
    <t>Marthanwali P/O more khunda</t>
  </si>
  <si>
    <t>Saeed ahmad</t>
  </si>
  <si>
    <t>GGPS MC NO. 3 PIR KOT PAKPATTAN</t>
  </si>
  <si>
    <t>Pir Karian</t>
  </si>
  <si>
    <t>Ggmc primary school #3 pir kot</t>
  </si>
  <si>
    <t>Pir Karuan</t>
  </si>
  <si>
    <t>Urban Ward 17</t>
  </si>
  <si>
    <t>GPS QADIR PURRAN NO.2</t>
  </si>
  <si>
    <t>Qadir Pur Raan No 2</t>
  </si>
  <si>
    <t>Jand wala qadir pur ran</t>
  </si>
  <si>
    <t>GGPS MOHRA BERO</t>
  </si>
  <si>
    <t>Mohra Bero</t>
  </si>
  <si>
    <t>mohra bero tehsil kahuta</t>
  </si>
  <si>
    <t>Khaiot</t>
  </si>
  <si>
    <t>Faisra Tazim</t>
  </si>
  <si>
    <t>23267</t>
  </si>
  <si>
    <t>GMPS POURANWALA</t>
  </si>
  <si>
    <t>Porran Wala</t>
  </si>
  <si>
    <t>pouran wala</t>
  </si>
  <si>
    <t>Sumeira Lutf</t>
  </si>
  <si>
    <t>GPS DOYIAN</t>
  </si>
  <si>
    <t>Doyian</t>
  </si>
  <si>
    <t>doyian</t>
  </si>
  <si>
    <t>17375</t>
  </si>
  <si>
    <t>GPS CHAK NO.346 TDA</t>
  </si>
  <si>
    <t>346/tda</t>
  </si>
  <si>
    <t>Chak no.346/ t.d.a</t>
  </si>
  <si>
    <t>346/TDA</t>
  </si>
  <si>
    <t>GGES ALI PUR</t>
  </si>
  <si>
    <t>mouza alipur tehsil kbirwala district khanewal</t>
  </si>
  <si>
    <t>Zeenat Zahoor</t>
  </si>
  <si>
    <t>GPS CHAK NO 56/4-R (A &amp; T)</t>
  </si>
  <si>
    <t>Chak No 56/4R DK</t>
  </si>
  <si>
    <t>Chak No 56/4R DK  haroonabad</t>
  </si>
  <si>
    <t>GGCMS MASOO</t>
  </si>
  <si>
    <t>Masoo</t>
  </si>
  <si>
    <t>village masoo p/o morekhunda tehsil &amp; Distt Nankana sahib</t>
  </si>
  <si>
    <t>Aisha Hanif</t>
  </si>
  <si>
    <t>GGPS CHAK 358 JB II</t>
  </si>
  <si>
    <t>Colony</t>
  </si>
  <si>
    <t>358jb dulam jhang road gojra</t>
  </si>
  <si>
    <t>360jb Bubak Chok</t>
  </si>
  <si>
    <t>GMPS RANDEER KHOKHRAN</t>
  </si>
  <si>
    <t>Govt MP/S randheer p/o tanda tehsil distt gujrat</t>
  </si>
  <si>
    <t>Shumaila Sadiq</t>
  </si>
  <si>
    <t>9813</t>
  </si>
  <si>
    <t>GPS DAREE WALA</t>
  </si>
  <si>
    <t>long malana</t>
  </si>
  <si>
    <t>basti qazi wala moza long malana m.garh</t>
  </si>
  <si>
    <t>qazi wala</t>
  </si>
  <si>
    <t>deenpur</t>
  </si>
  <si>
    <t>44987</t>
  </si>
  <si>
    <t>GGPS CHANGARRAN WALA</t>
  </si>
  <si>
    <t>Umarwali</t>
  </si>
  <si>
    <t>kanwal Bahar</t>
  </si>
  <si>
    <t>GGPS NABI PURA DINGA</t>
  </si>
  <si>
    <t>nabipura dinga  tehsil kharian</t>
  </si>
  <si>
    <t>Dinga-ii</t>
  </si>
  <si>
    <t>Uneesa Jabeen</t>
  </si>
  <si>
    <t>44197</t>
  </si>
  <si>
    <t>GPS QILA DESO SINGH</t>
  </si>
  <si>
    <t>.Qilla Desu Singh P/O Bucheki</t>
  </si>
  <si>
    <t>Qilla Desu Singh</t>
  </si>
  <si>
    <t>GGPS MEHMOOD ABAD NO.1</t>
  </si>
  <si>
    <t>basti faqeeran wali near ada Allah Abad</t>
  </si>
  <si>
    <t>Rifat Kouser</t>
  </si>
  <si>
    <t>GPS MC SAID PUR MULTAN ROAD</t>
  </si>
  <si>
    <t>Main bazar said pur multan road,  Lahore.</t>
  </si>
  <si>
    <t>M Majid Naveed Khan</t>
  </si>
  <si>
    <t>22499</t>
  </si>
  <si>
    <t>GGPS JUSSO SARAY</t>
  </si>
  <si>
    <t>Jasso Saray</t>
  </si>
  <si>
    <t>village Jasso saray p/o chak kamala teh &amp; distt gujrat</t>
  </si>
  <si>
    <t>Aasia Tabassam</t>
  </si>
  <si>
    <t>GGPS 105/RB-II</t>
  </si>
  <si>
    <t>Chk 105rbll</t>
  </si>
  <si>
    <t>chak no.105 rb II gabianwala</t>
  </si>
  <si>
    <t>105 Rb II</t>
  </si>
  <si>
    <t>63 GB Akaal Grh</t>
  </si>
  <si>
    <t>Fareeha Altaf</t>
  </si>
  <si>
    <t>GGPS 10/FW HAJI MATLOOB</t>
  </si>
  <si>
    <t>GGPS 10 FW BASTI HAJI MATLOOB</t>
  </si>
  <si>
    <t>10 Fw Basti Haji Matloob</t>
  </si>
  <si>
    <t>Naila Kousar</t>
  </si>
  <si>
    <t>13463</t>
  </si>
  <si>
    <t>GPS RASOOL BUKHSH</t>
  </si>
  <si>
    <t>shani</t>
  </si>
  <si>
    <t>uc jhokmaharmoza shani muhammadpur</t>
  </si>
  <si>
    <t>rasoolbukhsh</t>
  </si>
  <si>
    <t>jhokemahr</t>
  </si>
  <si>
    <t>GES SHAREEN MUAFI</t>
  </si>
  <si>
    <t>Shereen Muafi</t>
  </si>
  <si>
    <t>GES Shereen Muafi</t>
  </si>
  <si>
    <t>36909</t>
  </si>
  <si>
    <t>GGPS ABDUL SAMAD WALA, SARAI SIDHU</t>
  </si>
  <si>
    <t>bati bangla road abdul samad Wala p/o sarai sidhu</t>
  </si>
  <si>
    <t>GGPS BASTI JANAN WALI</t>
  </si>
  <si>
    <t>Mari Qadir Buksh Outar</t>
  </si>
  <si>
    <t>basti janan wali</t>
  </si>
  <si>
    <t>Janan Wali</t>
  </si>
  <si>
    <t>Ume kalsoom</t>
  </si>
  <si>
    <t>GGPS MIRZA</t>
  </si>
  <si>
    <t>Village mirza. Dist Gujrat</t>
  </si>
  <si>
    <t>GPS JALAL KOT SANI</t>
  </si>
  <si>
    <t>Jalalkot Sani</t>
  </si>
  <si>
    <t>GPS Jalalkot Sani Depalpur District Okara</t>
  </si>
  <si>
    <t>Jalalkot sani</t>
  </si>
  <si>
    <t>Rattakhana</t>
  </si>
  <si>
    <t>44523</t>
  </si>
  <si>
    <t>Basti khokhar maoza utra union council daolat wala</t>
  </si>
  <si>
    <t>Daolat wala</t>
  </si>
  <si>
    <t>GMPS WAZID</t>
  </si>
  <si>
    <t>Wazid</t>
  </si>
  <si>
    <t>village wazid p/o chak kamala district gujrat</t>
  </si>
  <si>
    <t>GPS JALLAH PAHORE ABDUL HAKIM`</t>
  </si>
  <si>
    <t>Chah Gillan Wala Mauza Gobind Garh Kabirwala Khanewal</t>
  </si>
  <si>
    <t>Gillan Wala</t>
  </si>
  <si>
    <t>Naseer Ahmad Khan</t>
  </si>
  <si>
    <t>GGPS MAKHNA RAJEKA</t>
  </si>
  <si>
    <t>Makhna rajeka</t>
  </si>
  <si>
    <t>Makhna Rajeka</t>
  </si>
  <si>
    <t>GGPS PARSOWAL</t>
  </si>
  <si>
    <t>Parsowal</t>
  </si>
  <si>
    <t>Village p/o parsowal tehsil &amp;Dist.Gujrat</t>
  </si>
  <si>
    <t>GPS KOT MALANA, ABDUL HAKIM</t>
  </si>
  <si>
    <t>Kotmalana</t>
  </si>
  <si>
    <t>mouza kotmalana markaz abdulhakim</t>
  </si>
  <si>
    <t>Hussainabad Awwal</t>
  </si>
  <si>
    <t>52918</t>
  </si>
  <si>
    <t>GMMS MALI MAHAR</t>
  </si>
  <si>
    <t>Mali Mahar</t>
  </si>
  <si>
    <t>Mali mahar depalpur okara</t>
  </si>
  <si>
    <t>GGPS KANARY BHAKKAR</t>
  </si>
  <si>
    <t>Kanary</t>
  </si>
  <si>
    <t>GGPS kanary</t>
  </si>
  <si>
    <t>Asia Iqbal</t>
  </si>
  <si>
    <t>GGES ORKI ABDULLAH SHAH</t>
  </si>
  <si>
    <t>Monohar Gharh</t>
  </si>
  <si>
    <t>orki Abdullah Shah</t>
  </si>
  <si>
    <t>52476</t>
  </si>
  <si>
    <t>GPS SHAM DIN WAGRA</t>
  </si>
  <si>
    <t>Sham Din Wahgra</t>
  </si>
  <si>
    <t>chak sham din wahgra tehsil dipalpur distt okara</t>
  </si>
  <si>
    <t>Mansoor Ashfaq</t>
  </si>
  <si>
    <t>36918</t>
  </si>
  <si>
    <t>GGPS KOT DUNI CHAND, ABDUL HAKIM</t>
  </si>
  <si>
    <t>Kotwala</t>
  </si>
  <si>
    <t>kot Duni chand p/o kot wala tahsil Kabir Wala district khanewal</t>
  </si>
  <si>
    <t>Jhalar Madina</t>
  </si>
  <si>
    <t>Hussaina Abad Awal</t>
  </si>
  <si>
    <t>Aisha Tul Buqiya</t>
  </si>
  <si>
    <t>GMPS OAD COLONY</t>
  </si>
  <si>
    <t>chah murad wala Chak ghumnana near shakar ganj mill toba road jhang</t>
  </si>
  <si>
    <t>GPS FAIZ UL ALOOM, ABDUL HAKIM</t>
  </si>
  <si>
    <t>near old sabaz mandi Abdul Hakim</t>
  </si>
  <si>
    <t>Abdulhaklm</t>
  </si>
  <si>
    <t>Bahawal Khan</t>
  </si>
  <si>
    <t>GPS VEERKEY KOHNA</t>
  </si>
  <si>
    <t>Veerkay Khona</t>
  </si>
  <si>
    <t>veerkay kohna</t>
  </si>
  <si>
    <t>Veerkay Kohna</t>
  </si>
  <si>
    <t>Saraisar Hithar</t>
  </si>
  <si>
    <t>GGCMS CHAK NO. 264 JB</t>
  </si>
  <si>
    <t>Mahni Wala</t>
  </si>
  <si>
    <t>chak no 264</t>
  </si>
  <si>
    <t>Chak 264</t>
  </si>
  <si>
    <t>Syeda Arifa Tarannum</t>
  </si>
  <si>
    <t>GGES BASTI DEWAN WALI</t>
  </si>
  <si>
    <t>govt girls elementry school basti dewn wali jhang</t>
  </si>
  <si>
    <t>Hafiza Uzma Riaz</t>
  </si>
  <si>
    <t>GPS KOT MIAN KHAN</t>
  </si>
  <si>
    <t>kot mian khan</t>
  </si>
  <si>
    <t>Sarfaz Ahmed</t>
  </si>
  <si>
    <t>GGES 19 SP</t>
  </si>
  <si>
    <t>19/sp</t>
  </si>
  <si>
    <t>chak 19/sp</t>
  </si>
  <si>
    <t>Munazam Bashir</t>
  </si>
  <si>
    <t>GPS KOT MANZOOR</t>
  </si>
  <si>
    <t>Kot Manzoor</t>
  </si>
  <si>
    <t>KOT MANZOOR P/O MORE KHUNDA</t>
  </si>
  <si>
    <t>MORA</t>
  </si>
  <si>
    <t>Waheed Murad</t>
  </si>
  <si>
    <t>GPS SHAHAB-UD-DIN KHAN</t>
  </si>
  <si>
    <t>basti shahabudeen khan</t>
  </si>
  <si>
    <t>Basti Shahabudeen Khan</t>
  </si>
  <si>
    <t>GMPS ATTARI, KABIRWALA</t>
  </si>
  <si>
    <t>Muza Attari tehseel kabirwala district khanewal</t>
  </si>
  <si>
    <t>Mubrak pur</t>
  </si>
  <si>
    <t>Zahida Fayyaz</t>
  </si>
  <si>
    <t>8966</t>
  </si>
  <si>
    <t>36366</t>
  </si>
  <si>
    <t>GGPS 16 WB</t>
  </si>
  <si>
    <t>Rafia Khaliq</t>
  </si>
  <si>
    <t>14195</t>
  </si>
  <si>
    <t>GGPS DHUNDI NO. 3</t>
  </si>
  <si>
    <t>CHACK BANNAH GABOL</t>
  </si>
  <si>
    <t>BASTI GHAZI GABOL CHACK BANNAH GABOL DHUNDI NO3 BOHARR MORR RAJAN PUR</t>
  </si>
  <si>
    <t>BASTI GHAZI GABOL</t>
  </si>
  <si>
    <t>Sittara Begum</t>
  </si>
  <si>
    <t>GPS KOTLA PIRAN</t>
  </si>
  <si>
    <t>Kotla PIRAN</t>
  </si>
  <si>
    <t>Kot hussain khan</t>
  </si>
  <si>
    <t>34371</t>
  </si>
  <si>
    <t>GES RAWANI</t>
  </si>
  <si>
    <t>basti rawani multan</t>
  </si>
  <si>
    <t>35624</t>
  </si>
  <si>
    <t>GPS CHAK 168 WB</t>
  </si>
  <si>
    <t>GPS chak no 168/WB</t>
  </si>
  <si>
    <t>Syed Sohail Ahmad</t>
  </si>
  <si>
    <t>GPS CHAK NO.84/TDA</t>
  </si>
  <si>
    <t>Chak No 84/tda</t>
  </si>
  <si>
    <t>CHAK NO 84TDA KAROR LAL EISON LAYYAH</t>
  </si>
  <si>
    <t>Chak No84tda</t>
  </si>
  <si>
    <t>Karor Thel Jundi</t>
  </si>
  <si>
    <t>MUNAWAR HUSSAIN FYAZI</t>
  </si>
  <si>
    <t>GGMPS KOT HAST</t>
  </si>
  <si>
    <t>Kot Hast</t>
  </si>
  <si>
    <t>kot hast dharyala jalip teh pinddadan khan distt jelum</t>
  </si>
  <si>
    <t>GGPS KAMU KHELAN WALA</t>
  </si>
  <si>
    <t>Ro Kamu khelan wala  po shadia mianwali</t>
  </si>
  <si>
    <t>Kamu Khelan Wala Shadia</t>
  </si>
  <si>
    <t>Aslam Bibi</t>
  </si>
  <si>
    <t>GPS CHAK NOURANG SHAH</t>
  </si>
  <si>
    <t>chak nourang shah tehsil ahmed pur sial</t>
  </si>
  <si>
    <t>Sanandoana</t>
  </si>
  <si>
    <t>Majid Abbas</t>
  </si>
  <si>
    <t>GGPS NAKKI RAJGAN</t>
  </si>
  <si>
    <t>Nakki Rajgan</t>
  </si>
  <si>
    <t>v/nakki rajgan.post office bjwala kalan.D/T jhelum</t>
  </si>
  <si>
    <t>Samana Khatoon</t>
  </si>
  <si>
    <t>Moza Qadir Pur Teh. Mailsi District Vehari</t>
  </si>
  <si>
    <t>335 / wb</t>
  </si>
  <si>
    <t>45083</t>
  </si>
  <si>
    <t>GGPS MOHALLAH HAJI NIAZ WALA</t>
  </si>
  <si>
    <t>GGPS MOHALA HAJI NIAZ WALA jandanwala Teh.k.kot District Bhakkar</t>
  </si>
  <si>
    <t>Azra Dilshad</t>
  </si>
  <si>
    <t>GPS NO. 1 MUSTAFA ABAD</t>
  </si>
  <si>
    <t>Shah Nawaz chowk Mustafabad</t>
  </si>
  <si>
    <t>Muhammad Jamil Malik</t>
  </si>
  <si>
    <t>GGPS CHAK NO. 29/3-R</t>
  </si>
  <si>
    <t>29/3R</t>
  </si>
  <si>
    <t>chak no.29/3R.Tehsil Haroonabad.Dist BWN</t>
  </si>
  <si>
    <t>GES DHOK CHHAB(THATTA)</t>
  </si>
  <si>
    <t>Chhab Thatta</t>
  </si>
  <si>
    <t>Dhok Chhab(Thatta) VPO Thatta, Tehsil Jand District Attock</t>
  </si>
  <si>
    <t>GGES DHER SHAHDARA</t>
  </si>
  <si>
    <t>dhair shahdara town lahore</t>
  </si>
  <si>
    <t>Nasreen Ashfaq</t>
  </si>
  <si>
    <t>GGES TALWARA RAJPUTAN</t>
  </si>
  <si>
    <t>village talwara p.o dograwala teh daska</t>
  </si>
  <si>
    <t>Ghuainki</t>
  </si>
  <si>
    <t>Aqsa Aslam</t>
  </si>
  <si>
    <t>GPS BASTI SHUKAR DIN</t>
  </si>
  <si>
    <t>Basti Shukar Din Fazil Pur</t>
  </si>
  <si>
    <t>Basti Shukar Din</t>
  </si>
  <si>
    <t>MC Fazil Pur</t>
  </si>
  <si>
    <t>Tahir Hussain Darishak</t>
  </si>
  <si>
    <t>GGPS 45 KB</t>
  </si>
  <si>
    <t>45/KB</t>
  </si>
  <si>
    <t>chak no 45/KB Burewala</t>
  </si>
  <si>
    <t>Ghulam fatima</t>
  </si>
  <si>
    <t>GGPS CHAK 430 JB II</t>
  </si>
  <si>
    <t>430 Jb II</t>
  </si>
  <si>
    <t>430 jb II</t>
  </si>
  <si>
    <t>430 Jb</t>
  </si>
  <si>
    <t>431 Jb</t>
  </si>
  <si>
    <t>GPS AL-HUJRA</t>
  </si>
  <si>
    <t>gps al- hujra jhang</t>
  </si>
  <si>
    <t>GGES 325 EB</t>
  </si>
  <si>
    <t>325 EB</t>
  </si>
  <si>
    <t>chak no 325 EB Burewala</t>
  </si>
  <si>
    <t>Ghulam Amna</t>
  </si>
  <si>
    <t>GES CHAK MANJUN</t>
  </si>
  <si>
    <t>village and post office chak manju</t>
  </si>
  <si>
    <t>Abbas Baig</t>
  </si>
  <si>
    <t>Manghy Hatti</t>
  </si>
  <si>
    <t>basti Borianwala mouza manghy hatti p / o Lar Multan</t>
  </si>
  <si>
    <t>Qasba Chaharam</t>
  </si>
  <si>
    <t>GGPS DRAHMAH</t>
  </si>
  <si>
    <t>haji ghazi</t>
  </si>
  <si>
    <t>ps darhama</t>
  </si>
  <si>
    <t>GES JINNAH ISLAMIA DASKA</t>
  </si>
  <si>
    <t>daska city</t>
  </si>
  <si>
    <t>main bazar daska</t>
  </si>
  <si>
    <t>GGES RANA WAHIN</t>
  </si>
  <si>
    <t>G .G .E.S Rana wahine Markz basti malook</t>
  </si>
  <si>
    <t>GGES BASTI SODAH</t>
  </si>
  <si>
    <t>Sodha Basti Chishtian</t>
  </si>
  <si>
    <t>3.03553e+006</t>
  </si>
  <si>
    <t>GGPS CHAK 233 RB III JHANDA SINGH</t>
  </si>
  <si>
    <t>JHANDA Singh</t>
  </si>
  <si>
    <t>chak no 233 rb jhnda Singh</t>
  </si>
  <si>
    <t>233 rb jhnda Singh</t>
  </si>
  <si>
    <t>GPS GOLIAN</t>
  </si>
  <si>
    <t>gps golian</t>
  </si>
  <si>
    <t>Syed Rahat Mehmood</t>
  </si>
  <si>
    <t>14867</t>
  </si>
  <si>
    <t>GPS CHAK 94 GB</t>
  </si>
  <si>
    <t>94/GB</t>
  </si>
  <si>
    <t>Chak # 94 GB Tehsil Jaranwala District Faisalabad</t>
  </si>
  <si>
    <t>Chak # 94/GB</t>
  </si>
  <si>
    <t>Majeed Ahmad</t>
  </si>
  <si>
    <t>GGES CHAK NO 268 JB</t>
  </si>
  <si>
    <t>Chak#268jbjhang</t>
  </si>
  <si>
    <t>chak#268jbjhang</t>
  </si>
  <si>
    <t>Chak#268 Jb Jhang</t>
  </si>
  <si>
    <t>zaira Nasim</t>
  </si>
  <si>
    <t>GGPS CHAK 206 RB II KHURRIANWALA</t>
  </si>
  <si>
    <t>Mastanwala</t>
  </si>
  <si>
    <t>G.G.p.school206R.bll</t>
  </si>
  <si>
    <t>206Rb MastaMastanwala</t>
  </si>
  <si>
    <t>205RB</t>
  </si>
  <si>
    <t>Mussrat Jabeen</t>
  </si>
  <si>
    <t>GHS PAIGAH</t>
  </si>
  <si>
    <t>POST OFFICE PAIGAH CHAT NO 3 DG KHAN</t>
  </si>
  <si>
    <t>MUHAMMAD AKHTAR QAISRANI</t>
  </si>
  <si>
    <t>GPS 645 GB</t>
  </si>
  <si>
    <t>645 GB</t>
  </si>
  <si>
    <t>Chack No.645 GB</t>
  </si>
  <si>
    <t>647GB</t>
  </si>
  <si>
    <t>GHS SALEEM MODEL LOWER MALL</t>
  </si>
  <si>
    <t>lower mall lahore</t>
  </si>
  <si>
    <t>anar kali</t>
  </si>
  <si>
    <t>Muhammad Iftikhar Ahmad</t>
  </si>
  <si>
    <t>GGPS 147 P</t>
  </si>
  <si>
    <t>ch  no 147 p  tehsil  sadiqabad</t>
  </si>
  <si>
    <t>147 P</t>
  </si>
  <si>
    <t>GGPS NO 1 BHILOMAR</t>
  </si>
  <si>
    <t>village and possibly chinji teh talagang distt chakwal</t>
  </si>
  <si>
    <t>GMPS DULCHEKAY NO.2</t>
  </si>
  <si>
    <t>Dulchikey</t>
  </si>
  <si>
    <t>GGPS Dulchikey no 2 near Uggoki tehsil sialkot</t>
  </si>
  <si>
    <t>50964</t>
  </si>
  <si>
    <t>GPS 58/GD</t>
  </si>
  <si>
    <t>Adda Bahadur Shah, 58/GD</t>
  </si>
  <si>
    <t>GGES CHAK 693/35 GB NORTHEN-2</t>
  </si>
  <si>
    <t>Chak693/35gb</t>
  </si>
  <si>
    <t>chak693/35gb</t>
  </si>
  <si>
    <t>Chak 326gb</t>
  </si>
  <si>
    <t>ANBREEN FATIMA</t>
  </si>
  <si>
    <t>31077</t>
  </si>
  <si>
    <t>GPS RANGEEL PUR P/O SUNDAR</t>
  </si>
  <si>
    <t>Lodhery</t>
  </si>
  <si>
    <t>Rangeel Pur p/o suder Adda Lahore</t>
  </si>
  <si>
    <t>Manga Tarerray</t>
  </si>
  <si>
    <t>GPS THARPAL</t>
  </si>
  <si>
    <t>Tharpal</t>
  </si>
  <si>
    <t>Vill. Tharpal,teh and distt. Narowal</t>
  </si>
  <si>
    <t>Rayya</t>
  </si>
  <si>
    <t>GGPS SAI</t>
  </si>
  <si>
    <t>Sai</t>
  </si>
  <si>
    <t>village and post office sai, teh Kahuta,distt Rawalpindi</t>
  </si>
  <si>
    <t>10294</t>
  </si>
  <si>
    <t>GGES CHAK NO.105/ML</t>
  </si>
  <si>
    <t>105/ ML</t>
  </si>
  <si>
    <t>Chak#105/M.L Tehsil Karor District Layyah</t>
  </si>
  <si>
    <t>105 /ML</t>
  </si>
  <si>
    <t>Attia Parveen</t>
  </si>
  <si>
    <t>18489</t>
  </si>
  <si>
    <t>GGPS BASTI TENDAR M NAWAZ WAJHI</t>
  </si>
  <si>
    <t>Easa Wala</t>
  </si>
  <si>
    <t>G G p/s Basti Tander M.Nawaz Vijhi Easa Wala</t>
  </si>
  <si>
    <t>Tander Vijhi</t>
  </si>
  <si>
    <t>GPS LOT NO 182</t>
  </si>
  <si>
    <t>chaudhary Wala p/o Mankera Tehsil Mankera District Bhakkar</t>
  </si>
  <si>
    <t>Chaudhary Wala</t>
  </si>
  <si>
    <t>GGPS PIR MONDIALA</t>
  </si>
  <si>
    <t>Pirmadniala</t>
  </si>
  <si>
    <t>Village pirmadniala p/o sabazpir teh hassan Habdal Dist Attock</t>
  </si>
  <si>
    <t>Sidra Arif Malik</t>
  </si>
  <si>
    <t>GGPS CHHOI</t>
  </si>
  <si>
    <t>GGPS chhoi</t>
  </si>
  <si>
    <t>Chhoii</t>
  </si>
  <si>
    <t>GES ABBAS WALA</t>
  </si>
  <si>
    <t>Bait Ranoonja</t>
  </si>
  <si>
    <t>post office qasba Gujrat tehsil kot addu distt.muzaffar garh</t>
  </si>
  <si>
    <t>Ghulam Abbas Khan Gashkori</t>
  </si>
  <si>
    <t>MARRI WALA MOUZA KOT JANU TEHSIL JAMPUR DIST RAJANPUR</t>
  </si>
  <si>
    <t>GGPS KOT NIJABAT</t>
  </si>
  <si>
    <t>Kot Nijabat</t>
  </si>
  <si>
    <t>Moza kot Nijabat</t>
  </si>
  <si>
    <t>GGES 35-36 ML</t>
  </si>
  <si>
    <t>chak no35/36ml jandanwala</t>
  </si>
  <si>
    <t>Chak No35/36ml</t>
  </si>
  <si>
    <t>Fozia yameen</t>
  </si>
  <si>
    <t>GMPS SHATAY VERAN</t>
  </si>
  <si>
    <t>govt model primary school shahtay veraan</t>
  </si>
  <si>
    <t>Shahtay Veraan</t>
  </si>
  <si>
    <t>Riffat Tharia</t>
  </si>
  <si>
    <t>40128</t>
  </si>
  <si>
    <t>GPS NAWAN LOK</t>
  </si>
  <si>
    <t>nawanlok</t>
  </si>
  <si>
    <t>Nawanlok Jhelum</t>
  </si>
  <si>
    <t>GMPS MARI ANWAR PUR</t>
  </si>
  <si>
    <t>Anwar Pir</t>
  </si>
  <si>
    <t>vill anwarpur p/ o qasba karyali teh sara e alamgir gujrat</t>
  </si>
  <si>
    <t>Anwar Pur</t>
  </si>
  <si>
    <t>Sofia Tabassum</t>
  </si>
  <si>
    <t>GGMPS JHOKE KHEVAY WALI</t>
  </si>
  <si>
    <t>jhok kh3vey wali</t>
  </si>
  <si>
    <t>Jhok Khevey Wali</t>
  </si>
  <si>
    <t>Salma Noor</t>
  </si>
  <si>
    <t>GPS 185 RB II</t>
  </si>
  <si>
    <t>chak#185 rb 2</t>
  </si>
  <si>
    <t>hawali kundan lal</t>
  </si>
  <si>
    <t>panwa</t>
  </si>
  <si>
    <t>GPS KOT UMAR</t>
  </si>
  <si>
    <t>kot umer</t>
  </si>
  <si>
    <t>moza kot umer, chiniot.</t>
  </si>
  <si>
    <t>Shamsul Hassan Shahid</t>
  </si>
  <si>
    <t>GGES BAHBAL WALI</t>
  </si>
  <si>
    <t>village Behbalwali p/0 knjror teh.shakrgarh dist.narowal</t>
  </si>
  <si>
    <t>Behbal Wali</t>
  </si>
  <si>
    <t>Hafiza  Sidra Akram</t>
  </si>
  <si>
    <t>GGCMES 110/15-L MIAN CHANNU</t>
  </si>
  <si>
    <t>chak no110/15-L  p/o 108/15-L Mianchanu</t>
  </si>
  <si>
    <t>Chak No 110/15L</t>
  </si>
  <si>
    <t>110/15L</t>
  </si>
  <si>
    <t>Habeeba Sattar</t>
  </si>
  <si>
    <t>GMPS CHAK NO 322/HR</t>
  </si>
  <si>
    <t>322 Hr</t>
  </si>
  <si>
    <t>chak no 322 hr maroot teh,frt,dist bwn</t>
  </si>
  <si>
    <t>327 Hr</t>
  </si>
  <si>
    <t>GGPS 5/FW ABADI</t>
  </si>
  <si>
    <t>5/fw Abadi</t>
  </si>
  <si>
    <t>Chak 5/fw post office chishtian</t>
  </si>
  <si>
    <t>Nida Afzal</t>
  </si>
  <si>
    <t>GPS MEERANI JADEED</t>
  </si>
  <si>
    <t>moza lohanch nasheb</t>
  </si>
  <si>
    <t>GGPS 19/11-L</t>
  </si>
  <si>
    <t>19/11l</t>
  </si>
  <si>
    <t>GGPS 19/11L</t>
  </si>
  <si>
    <t>19/11-l</t>
  </si>
  <si>
    <t>20-Nov</t>
  </si>
  <si>
    <t>GPS DAIWALA RAJPOTAN</t>
  </si>
  <si>
    <t>Daiwala Rajpootan</t>
  </si>
  <si>
    <t>GPS daiwala rajpootan</t>
  </si>
  <si>
    <t>GGES 103/6-R</t>
  </si>
  <si>
    <t>Chak 103/6R</t>
  </si>
  <si>
    <t>chak 103/6R</t>
  </si>
  <si>
    <t>GMPS DHOKE SAMANDAR</t>
  </si>
  <si>
    <t>teh murree disst rawalpindi vill p / o dhok samandar</t>
  </si>
  <si>
    <t>Dhok Sammander</t>
  </si>
  <si>
    <t>Aasia Mubarik</t>
  </si>
  <si>
    <t>gravity system supply</t>
  </si>
  <si>
    <t>GGES DHARKALIAN</t>
  </si>
  <si>
    <t>Dharkali</t>
  </si>
  <si>
    <t>gges dharkalian</t>
  </si>
  <si>
    <t>Dharkalian</t>
  </si>
  <si>
    <t>Kaporpur</t>
  </si>
  <si>
    <t>Afia Zafar</t>
  </si>
  <si>
    <t>GPS KALIA</t>
  </si>
  <si>
    <t>Kalia</t>
  </si>
  <si>
    <t>V:kalia p/o Anmba T/D Sheikhupura</t>
  </si>
  <si>
    <t>Kurlke androon</t>
  </si>
  <si>
    <t>39434</t>
  </si>
  <si>
    <t>GPS DHOK JHAMAT</t>
  </si>
  <si>
    <t>Sarwai</t>
  </si>
  <si>
    <t>Govt ps dk jhamat  pindi gheb attock</t>
  </si>
  <si>
    <t>GPS JHANGIR ABAD SAID GUL TOWN RWP</t>
  </si>
  <si>
    <t>said gul road shakrial</t>
  </si>
  <si>
    <t>Shazia Amir</t>
  </si>
  <si>
    <t>GPS BAGHRI BAGHRA</t>
  </si>
  <si>
    <t>Baghri Baghra</t>
  </si>
  <si>
    <t>GPS baghri baghra post office chak no. 8/60 tehsil and district nankana sahib</t>
  </si>
  <si>
    <t>Muhammad Nawaz Ahmad</t>
  </si>
  <si>
    <t>11212</t>
  </si>
  <si>
    <t>GGPS BASTI FAIZ AHMAD</t>
  </si>
  <si>
    <t>Wahid Baksh Seyal</t>
  </si>
  <si>
    <t>GGps Faiz Ahmad basti faiz ahmad</t>
  </si>
  <si>
    <t>Ghazi Lar</t>
  </si>
  <si>
    <t>GPS SAHAN WALA</t>
  </si>
  <si>
    <t>khalil Ahmad</t>
  </si>
  <si>
    <t>GMPS ZAFAR WALI</t>
  </si>
  <si>
    <t>Zafarwali</t>
  </si>
  <si>
    <t>Government girls model primary school zafarwali</t>
  </si>
  <si>
    <t>Nafees Zuhra</t>
  </si>
  <si>
    <t>GGPS CHAK NO.66/ML</t>
  </si>
  <si>
    <t>66/ML</t>
  </si>
  <si>
    <t>chack number 66/ML District bhakkar tehsil mankerah</t>
  </si>
  <si>
    <t>GGPS PIND KAMALA BANIAN</t>
  </si>
  <si>
    <t>Pind Kamala Banian,Gudwal</t>
  </si>
  <si>
    <t>Kamala Banian</t>
  </si>
  <si>
    <t>GGES DHAKUM PURA</t>
  </si>
  <si>
    <t>dhakam pura muridke</t>
  </si>
  <si>
    <t>Naseem Niaz</t>
  </si>
  <si>
    <t>GPS NADHA</t>
  </si>
  <si>
    <t>vpo naddha teh. kamoke disst.gujranwala</t>
  </si>
  <si>
    <t>Nadha</t>
  </si>
  <si>
    <t>GPS CHAK NO.33 NB</t>
  </si>
  <si>
    <t>CHAK NO 33 NB</t>
  </si>
  <si>
    <t>CHAK NO 33 NB SARGODHA</t>
  </si>
  <si>
    <t>CHAK NO 36 NB</t>
  </si>
  <si>
    <t>Tayyaba Iqbal</t>
  </si>
  <si>
    <t>GPS CHAK NO.22/75</t>
  </si>
  <si>
    <t>Chak # 22/75</t>
  </si>
  <si>
    <t>ch # 22/75 p/o syedwala tehsil and district Nankana sb</t>
  </si>
  <si>
    <t>Shahbilawal</t>
  </si>
  <si>
    <t>GPS 118 WB</t>
  </si>
  <si>
    <t>118/WB</t>
  </si>
  <si>
    <t>Chak No. 118/WB TEH Mailsi DIST Vehari</t>
  </si>
  <si>
    <t>Chak No124/WB</t>
  </si>
  <si>
    <t>M Younis</t>
  </si>
  <si>
    <t>GPS CHAK NO. 262/250 TDA</t>
  </si>
  <si>
    <t>250 Tda</t>
  </si>
  <si>
    <t>GPS 262/250 TDA</t>
  </si>
  <si>
    <t>MC Fateh Pur</t>
  </si>
  <si>
    <t>IHSAN Ullah</t>
  </si>
  <si>
    <t>hafizabad,tehsil bhera district sargodha</t>
  </si>
  <si>
    <t>Jhammat Ranjiawala</t>
  </si>
  <si>
    <t>GGPS CHOKARI KHURD</t>
  </si>
  <si>
    <t>Chakori Khurd p.o chakori Bhelowal</t>
  </si>
  <si>
    <t>Sumaira Ashraf</t>
  </si>
  <si>
    <t>GGPS FAROOQ MODEL</t>
  </si>
  <si>
    <t>Chisht Nagar</t>
  </si>
  <si>
    <t>chisht nagar</t>
  </si>
  <si>
    <t>GPS CHAK 335 GB I</t>
  </si>
  <si>
    <t>BANGH-E-NAO</t>
  </si>
  <si>
    <t>Chak No. 335 GB-I, Markaz Pul Nagra(Male) Tehsil &amp; District Toba tek Singh.</t>
  </si>
  <si>
    <t>Chak No. 335 GB</t>
  </si>
  <si>
    <t>Muhammad Shafqat Nawaz Naseem</t>
  </si>
  <si>
    <t>GPS THATHA QADIR</t>
  </si>
  <si>
    <t>Thatha Qadir</t>
  </si>
  <si>
    <t>Thatta Qadir p/b Kaleki Mandi district Hafizabad</t>
  </si>
  <si>
    <t>GPS JAMPUR NO. 5</t>
  </si>
  <si>
    <t>Haideria Colony Jampur</t>
  </si>
  <si>
    <t>haideria colony jampur</t>
  </si>
  <si>
    <t>Municipal Committee Jampur</t>
  </si>
  <si>
    <t>muhammad Qasim</t>
  </si>
  <si>
    <t>GGPS ZAHOOR ABAD, KABIRWALA</t>
  </si>
  <si>
    <t>Venoi</t>
  </si>
  <si>
    <t>chk 8v po 9v tehsil kabirwala dist khanewal</t>
  </si>
  <si>
    <t>Qita Pahoran Wala</t>
  </si>
  <si>
    <t>Kotbahadar</t>
  </si>
  <si>
    <t>GGES GUJJAR NO 2</t>
  </si>
  <si>
    <t>village.P/O gujjar tehsil pind dadan khan</t>
  </si>
  <si>
    <t>uzma rashid</t>
  </si>
  <si>
    <t>13898</t>
  </si>
  <si>
    <t>GPS BAIT ARAIN</t>
  </si>
  <si>
    <t>Patti Mutnaza</t>
  </si>
  <si>
    <t>Patti mutnaza basti arain</t>
  </si>
  <si>
    <t>Bait Arain</t>
  </si>
  <si>
    <t>Noshehra Sharqii</t>
  </si>
  <si>
    <t>GGES HASSAN SHAH</t>
  </si>
  <si>
    <t>GGES Hassan Shah tehsil daryakhan district bhakkar</t>
  </si>
  <si>
    <t>Angra Dagger</t>
  </si>
  <si>
    <t>Misbah niaz</t>
  </si>
  <si>
    <t>GGPS BASTI KHIARI</t>
  </si>
  <si>
    <t>Ghirri</t>
  </si>
  <si>
    <t>basti bhangar mouza ghirri post office seetpur</t>
  </si>
  <si>
    <t>Basti bhangar</t>
  </si>
  <si>
    <t>GGPS DATA GUNG BAKSH</t>
  </si>
  <si>
    <t>10 Marla</t>
  </si>
  <si>
    <t>4- Ghulistan colony, data gunj Baksh Gujranwala</t>
  </si>
  <si>
    <t>Markaz City A</t>
  </si>
  <si>
    <t>Shamim Rasheed</t>
  </si>
  <si>
    <t>GGPS Mojoki</t>
  </si>
  <si>
    <t>Abidaperveen</t>
  </si>
  <si>
    <t>35522</t>
  </si>
  <si>
    <t>GGPS DALLAN BANGLA</t>
  </si>
  <si>
    <t>511/EB Ada Dallan Banglow</t>
  </si>
  <si>
    <t>chakNo 511 EB</t>
  </si>
  <si>
    <t>511 EB</t>
  </si>
  <si>
    <t>Chak 170 EB</t>
  </si>
  <si>
    <t>Adeela Qayyum</t>
  </si>
  <si>
    <t>GGES CM UDHOWAR</t>
  </si>
  <si>
    <t>Udowar</t>
  </si>
  <si>
    <t>tehsil daska district Sialkot udowar</t>
  </si>
  <si>
    <t>Siyo Key</t>
  </si>
  <si>
    <t>GPS CHOWKI DULLO CHAK NO. 383 TDA</t>
  </si>
  <si>
    <t>Chak 383</t>
  </si>
  <si>
    <t>chak no 383 TDA</t>
  </si>
  <si>
    <t>393 Tda</t>
  </si>
  <si>
    <t>44395</t>
  </si>
  <si>
    <t>GPS TIBBA SARDAR BAKHSH</t>
  </si>
  <si>
    <t>Mohala Sardar Bakhsh</t>
  </si>
  <si>
    <t>Mohala Sardar Baksh, Bhakkar</t>
  </si>
  <si>
    <t>Mohala Sardar Baksh Bhakkar</t>
  </si>
  <si>
    <t>Muhammad Ijaz Akram</t>
  </si>
  <si>
    <t>36036</t>
  </si>
  <si>
    <t>GGES 121/15-L MIAN CHANNU</t>
  </si>
  <si>
    <t>121/15L</t>
  </si>
  <si>
    <t>Chak no 121/15L Mian Channu</t>
  </si>
  <si>
    <t>23540</t>
  </si>
  <si>
    <t>52612</t>
  </si>
  <si>
    <t>GPS CHAK NO.39 D</t>
  </si>
  <si>
    <t>39D</t>
  </si>
  <si>
    <t>chak no 39D</t>
  </si>
  <si>
    <t>FIAZ AHMED</t>
  </si>
  <si>
    <t>19872</t>
  </si>
  <si>
    <t>GGCMS NITHERKEY</t>
  </si>
  <si>
    <t>mouza nitherkay tehsil bhowana district chiniot</t>
  </si>
  <si>
    <t>Bahlo 195</t>
  </si>
  <si>
    <t>SAIMA AZEEM</t>
  </si>
  <si>
    <t>GPS BUKHARI WALA</t>
  </si>
  <si>
    <t>basti bukhari, Chaudhry,kot adu</t>
  </si>
  <si>
    <t>Bukhari</t>
  </si>
  <si>
    <t>GES GADGORE</t>
  </si>
  <si>
    <t>p&amp;o  gadgore tehsil pasrur district sialkot</t>
  </si>
  <si>
    <t>Ilyas Ahmad</t>
  </si>
  <si>
    <t>GPS RAKH MACHIKE SADAR</t>
  </si>
  <si>
    <t>Machikay</t>
  </si>
  <si>
    <t>p/s rakh machikay sadar6 skp</t>
  </si>
  <si>
    <t>Ghazi Mimara</t>
  </si>
  <si>
    <t>GES FEROZ BANDA</t>
  </si>
  <si>
    <t>Mohallah Ferozbanda vpo Ghour ghushti tehsil Hazro district Attock</t>
  </si>
  <si>
    <t>14228</t>
  </si>
  <si>
    <t>GES CHAK 234/9-R</t>
  </si>
  <si>
    <t>234-9R</t>
  </si>
  <si>
    <t>chak no.234-9R Tehsil Fort Abbas Distt.Bahawalnagar</t>
  </si>
  <si>
    <t>238-9R</t>
  </si>
  <si>
    <t>GPS BAIT SOUNTRA</t>
  </si>
  <si>
    <t>baite sountra p/o noor pur mqchi wala</t>
  </si>
  <si>
    <t>Baite Sountra</t>
  </si>
  <si>
    <t>Muhammad Shaheen Tahir</t>
  </si>
  <si>
    <t>19559</t>
  </si>
  <si>
    <t>GGPS CHAK 266 GB</t>
  </si>
  <si>
    <t>Tindi Bhan</t>
  </si>
  <si>
    <t>chak no 266gb TEHSIL and DistT.T.singh</t>
  </si>
  <si>
    <t>266gb</t>
  </si>
  <si>
    <t>269 Kotkhetran</t>
  </si>
  <si>
    <t>GGES CHAK SAJJADA</t>
  </si>
  <si>
    <t>Chak sajjada</t>
  </si>
  <si>
    <t>village Chak sajjada, Venike Tarar,  Hafizabad</t>
  </si>
  <si>
    <t>Chak Sajjada</t>
  </si>
  <si>
    <t>Hafiza Hifza Batool</t>
  </si>
  <si>
    <t>39091</t>
  </si>
  <si>
    <t>GGPS TARBHATI JHANG</t>
  </si>
  <si>
    <t>Terbethi</t>
  </si>
  <si>
    <t>Ggps terbethi</t>
  </si>
  <si>
    <t>Tayyaba Ishaq</t>
  </si>
  <si>
    <t>GGPS DHOK ALI BHADAR</t>
  </si>
  <si>
    <t>Sobia Bashir</t>
  </si>
  <si>
    <t>GGCMES CHAK 93 JB</t>
  </si>
  <si>
    <t>93 jb teh gojra distt t t singh</t>
  </si>
  <si>
    <t>Naeem  Kousar</t>
  </si>
  <si>
    <t>GES CDG NAULAKHA PARK</t>
  </si>
  <si>
    <t>opp. misri shah police station Lahore</t>
  </si>
  <si>
    <t>Chah Miran</t>
  </si>
  <si>
    <t>Kacho Pura</t>
  </si>
  <si>
    <t>Zulkfiqar Ali</t>
  </si>
  <si>
    <t>GPS BILOO FARM</t>
  </si>
  <si>
    <t>East</t>
  </si>
  <si>
    <t>GPS BILLU FARM</t>
  </si>
  <si>
    <t>BILLU FARM</t>
  </si>
  <si>
    <t>Mittha Tiwana</t>
  </si>
  <si>
    <t>GGPS SADHANA SAMANDNA</t>
  </si>
  <si>
    <t>Sajhar Basti Sadhana Samanduana A.P.Sial</t>
  </si>
  <si>
    <t>Basti Sadhana</t>
  </si>
  <si>
    <t>44401</t>
  </si>
  <si>
    <t>GPS MANDI TOWN BHAKKAR</t>
  </si>
  <si>
    <t>Near Noori Masjid, Mandi town Bhakkar</t>
  </si>
  <si>
    <t>Malik Sadam Hussain Abid</t>
  </si>
  <si>
    <t>GMPS KOT PIR MUHAMMAD</t>
  </si>
  <si>
    <t>Kot Pir Muhammad</t>
  </si>
  <si>
    <t>village kot pir muhammad, Vanike Tarar, Hafizabad</t>
  </si>
  <si>
    <t>Alaudin ke Kalan</t>
  </si>
  <si>
    <t>37097</t>
  </si>
  <si>
    <t>GES 32/10-R, KACHA KHUH</t>
  </si>
  <si>
    <t>32/10-R</t>
  </si>
  <si>
    <t>Chak No 32/10-R</t>
  </si>
  <si>
    <t>Chak No 27/10-R</t>
  </si>
  <si>
    <t>Mustaqeem Ali</t>
  </si>
  <si>
    <t>GGES CHAK MARAS</t>
  </si>
  <si>
    <t>Muzafferpur North</t>
  </si>
  <si>
    <t>Chakmeras,near p/o Wan bhachran,Mianwali</t>
  </si>
  <si>
    <t>Chakmeras</t>
  </si>
  <si>
    <t>GGPS JUGIAN MAROOK</t>
  </si>
  <si>
    <t>Jhugian Mahrok</t>
  </si>
  <si>
    <t>Bhon Muzabta</t>
  </si>
  <si>
    <t>32743</t>
  </si>
  <si>
    <t>GPS CHAK 4/54</t>
  </si>
  <si>
    <t>Apr-54</t>
  </si>
  <si>
    <t>chak no. 4/54 teh&amp;dist nankana sahib</t>
  </si>
  <si>
    <t>GES HASSAN KHAN</t>
  </si>
  <si>
    <t>moza Hassan Khan tehsil and district jhang</t>
  </si>
  <si>
    <t>Chund Bharwans</t>
  </si>
  <si>
    <t>13624</t>
  </si>
  <si>
    <t>GGPS 403 EB (MURABBA) DAKHLI</t>
  </si>
  <si>
    <t>403/eb</t>
  </si>
  <si>
    <t>chak No 403/e.b(Dakhli).Burewala</t>
  </si>
  <si>
    <t>Munaza Ashiq</t>
  </si>
  <si>
    <t>GGPS CHAIAY WALI</t>
  </si>
  <si>
    <t>Chahiye Wali</t>
  </si>
  <si>
    <t>village Chahiye wali pasrur Sialkot</t>
  </si>
  <si>
    <t>Shama Rani</t>
  </si>
  <si>
    <t>GPS CHAK NO.351 TDA</t>
  </si>
  <si>
    <t>Chalk No 358 TDA</t>
  </si>
  <si>
    <t>Chalk no 358 TDA</t>
  </si>
  <si>
    <t>Chak No 358 TDA</t>
  </si>
  <si>
    <t>Go lay Ada</t>
  </si>
  <si>
    <t>GGES 10/11-L DOGRAN WALA</t>
  </si>
  <si>
    <t>10/11-L Dogran Wala</t>
  </si>
  <si>
    <t>10/11-L Dogranwala</t>
  </si>
  <si>
    <t>GPS RAM RAYAN KHURD</t>
  </si>
  <si>
    <t>Ram Rayan Khurd</t>
  </si>
  <si>
    <t>Village Ram Rayan Khurd P/O Talhara Tehsil Daska District Sialkot</t>
  </si>
  <si>
    <t>Salhokkay</t>
  </si>
  <si>
    <t>GPS 184 WB WEST</t>
  </si>
  <si>
    <t>Chak no 184 W B West</t>
  </si>
  <si>
    <t>184/wb West</t>
  </si>
  <si>
    <t>188 / W B</t>
  </si>
  <si>
    <t>GPS RAI SINGH WALA</t>
  </si>
  <si>
    <t>Rai Singh Wala</t>
  </si>
  <si>
    <t>Mubarik Ali Arshad</t>
  </si>
  <si>
    <t>GGES CHAK NO.83 SB</t>
  </si>
  <si>
    <t>83sb</t>
  </si>
  <si>
    <t>chak no 83sb sgd</t>
  </si>
  <si>
    <t>74sb</t>
  </si>
  <si>
    <t>Sidra Tul Muntha</t>
  </si>
  <si>
    <t>GGES AHATA ABDUL GHANI</t>
  </si>
  <si>
    <t>ahata abdul ghani moza chak chopa CTN BWN</t>
  </si>
  <si>
    <t>Ahata Abdul Ghani</t>
  </si>
  <si>
    <t>mari shok shah</t>
  </si>
  <si>
    <t>GES JAMPUR NO. 2</t>
  </si>
  <si>
    <t>chah baker wala,Wazir abad colony ,jampur</t>
  </si>
  <si>
    <t>Yasir Abbas</t>
  </si>
  <si>
    <t>GPS CHUMBER</t>
  </si>
  <si>
    <t>Chumber</t>
  </si>
  <si>
    <t>41708</t>
  </si>
  <si>
    <t>GPS TAJ UL ISLAM</t>
  </si>
  <si>
    <t>GPS Taj ul  islam</t>
  </si>
  <si>
    <t>Dhoke gangal</t>
  </si>
  <si>
    <t>Fowzia Shamim</t>
  </si>
  <si>
    <t>GGPS 56/15-L, MIAN CHANNU</t>
  </si>
  <si>
    <t>56/15L</t>
  </si>
  <si>
    <t>chak no.56/15L dw</t>
  </si>
  <si>
    <t>19004</t>
  </si>
  <si>
    <t>GPS CHAK 740 GB</t>
  </si>
  <si>
    <t>Chak 740</t>
  </si>
  <si>
    <t>chak no 740 GB tehsil Kamalia distt Toba Tek singh</t>
  </si>
  <si>
    <t>Chak No 740 Gb</t>
  </si>
  <si>
    <t>Chak No 724 GB</t>
  </si>
  <si>
    <t>GGES CHAK NO.101/ML</t>
  </si>
  <si>
    <t>chak # 101/M.L tehsil karor district layyah</t>
  </si>
  <si>
    <t>Talaat Naheed</t>
  </si>
  <si>
    <t>GGPS BASTI HAKRA</t>
  </si>
  <si>
    <t>govt.girls primary school hakra</t>
  </si>
  <si>
    <t>Nadia Talat</t>
  </si>
  <si>
    <t>39082</t>
  </si>
  <si>
    <t>GGES LANGER</t>
  </si>
  <si>
    <t>village langar, Teh Fateh Jang, distt attock</t>
  </si>
  <si>
    <t>Dhareak</t>
  </si>
  <si>
    <t>Iram Nisaa</t>
  </si>
  <si>
    <t>GGPS CHAK NO. 445 JB</t>
  </si>
  <si>
    <t>Chak No 445</t>
  </si>
  <si>
    <t>GGPS Chak 445 j/b</t>
  </si>
  <si>
    <t>Chak 445 J/b</t>
  </si>
  <si>
    <t>Attya parveen</t>
  </si>
  <si>
    <t>GPS JUGHIAN SHAM SINGH</t>
  </si>
  <si>
    <t>Bonga Amir Singh</t>
  </si>
  <si>
    <t>GPS Jhugian Sham Singh post office Mandi Ahmad And tehsil Depalpur district Okara</t>
  </si>
  <si>
    <t>Jhugian Sham Singh</t>
  </si>
  <si>
    <t>Jungsher</t>
  </si>
  <si>
    <t>GGES CHAK 264 RB I</t>
  </si>
  <si>
    <t>264 Rb 1</t>
  </si>
  <si>
    <t>chak#264rb barkat wali nag tehsil sadar district Faisalabad</t>
  </si>
  <si>
    <t>264 RB NAG</t>
  </si>
  <si>
    <t>267 Rb Jalndhar</t>
  </si>
  <si>
    <t>GGES CDG ISLAMIA PARK</t>
  </si>
  <si>
    <t>Cdg girls middle school Islamia park poonch road lahore</t>
  </si>
  <si>
    <t>GGPS ALAM ABAD NO.1</t>
  </si>
  <si>
    <t>alamabad</t>
  </si>
  <si>
    <t>Uc Bhakkar 2</t>
  </si>
  <si>
    <t>Mrs Nasreen Kousar</t>
  </si>
  <si>
    <t>36877</t>
  </si>
  <si>
    <t>GGCMES BILAWAL PUR, KABIRWALA</t>
  </si>
  <si>
    <t>ggcmes bilawalpur kabirwala</t>
  </si>
  <si>
    <t>Roobina Andleeb</t>
  </si>
  <si>
    <t>GPS MAGHAR NO. 2 P/O MARI HAZARA</t>
  </si>
  <si>
    <t>chak maghar no 2 p/o mari hazara tehsil arifwala distic pakpattan</t>
  </si>
  <si>
    <t>Maghar No 2</t>
  </si>
  <si>
    <t>Rizwan Bashir</t>
  </si>
  <si>
    <t>18457</t>
  </si>
  <si>
    <t>GGPS CHAK NO. 4/3-L</t>
  </si>
  <si>
    <t>basti sadqabad</t>
  </si>
  <si>
    <t>Sadqabad</t>
  </si>
  <si>
    <t>Naseem Zahra</t>
  </si>
  <si>
    <t>GGPS QAZI ABAD</t>
  </si>
  <si>
    <t>Qazi Abad</t>
  </si>
  <si>
    <t>sadaf nawaz</t>
  </si>
  <si>
    <t>GPS MC NO.4 HAFIZABAD</t>
  </si>
  <si>
    <t>Usman Gunj</t>
  </si>
  <si>
    <t>Moh Usman Gunj Jalal Pur Road HFD</t>
  </si>
  <si>
    <t>MC HFD</t>
  </si>
  <si>
    <t>GMES BAIKHO CHHORE</t>
  </si>
  <si>
    <t>Bhekochore</t>
  </si>
  <si>
    <t>village bhekochore post office kotla ambanwala</t>
  </si>
  <si>
    <t>Sana Arslan</t>
  </si>
  <si>
    <t>23571</t>
  </si>
  <si>
    <t>GMPS BALO BANIA</t>
  </si>
  <si>
    <t>Ballobania</t>
  </si>
  <si>
    <t>Teh sara i Alamgir disst Gujrat village ballobania p /o Bulani G.M P S Ballobania</t>
  </si>
  <si>
    <t>Ball0bania</t>
  </si>
  <si>
    <t>Besa Klan</t>
  </si>
  <si>
    <t>Farnaz Akhtar</t>
  </si>
  <si>
    <t>GGES TAL KHALSA</t>
  </si>
  <si>
    <t>village  p/o TAL khalsa Tehsil  G Khan  Rawalpindi</t>
  </si>
  <si>
    <t>Sajida Irum</t>
  </si>
  <si>
    <t>GPS MC NO.24</t>
  </si>
  <si>
    <t>Street no 15, Arfat colony grw</t>
  </si>
  <si>
    <t>arfat colony gujranwala</t>
  </si>
  <si>
    <t>Muhammad Nawaz Bajwa</t>
  </si>
  <si>
    <t>GES ALLO MAHAR SHARIF</t>
  </si>
  <si>
    <t>Allomahar Shareef teh. Daska district Sialkot</t>
  </si>
  <si>
    <t>Allomahar Shareef</t>
  </si>
  <si>
    <t>Muhammad Yousaf Butt</t>
  </si>
  <si>
    <t>GPS LITRI SHUMALI</t>
  </si>
  <si>
    <t>litri shumali p/o tibbi qaisrani tehsil taunsa sharif</t>
  </si>
  <si>
    <t>GGPS CHAK NO 254 TDA</t>
  </si>
  <si>
    <t>254tda</t>
  </si>
  <si>
    <t>chak no 254tda teh.karor dist.layyah</t>
  </si>
  <si>
    <t>Shahida Siddique</t>
  </si>
  <si>
    <t>GGPS BAMBOH</t>
  </si>
  <si>
    <t>Bamboo</t>
  </si>
  <si>
    <t>Khursheed Beghum</t>
  </si>
  <si>
    <t>GGCMS 185 EB</t>
  </si>
  <si>
    <t>185eb</t>
  </si>
  <si>
    <t>chak no 185eb</t>
  </si>
  <si>
    <t>247eb</t>
  </si>
  <si>
    <t>Nahid Akhter</t>
  </si>
  <si>
    <t>GPS Dhup sari bilal park kamoke</t>
  </si>
  <si>
    <t>Habib Pura Kamoke</t>
  </si>
  <si>
    <t>GMPS NAR SINGH</t>
  </si>
  <si>
    <t>Narsingh</t>
  </si>
  <si>
    <t>Narsingh p/o Chobara Tehsil Pasrur district Sialkot</t>
  </si>
  <si>
    <t>Zain Zia</t>
  </si>
  <si>
    <t>GGPS BASTI HAMIDA ABAD 169/M HB</t>
  </si>
  <si>
    <t>169/M HB</t>
  </si>
  <si>
    <t>169/M hb Dahranwala</t>
  </si>
  <si>
    <t>GGES 39/10-R, KACHA KHUH</t>
  </si>
  <si>
    <t>Kach Khuh</t>
  </si>
  <si>
    <t>chak no 39/10r khanewal</t>
  </si>
  <si>
    <t>39/10r</t>
  </si>
  <si>
    <t>Sana Ali</t>
  </si>
  <si>
    <t>12013</t>
  </si>
  <si>
    <t>Moza Halla  Sadiq Wala</t>
  </si>
  <si>
    <t>Sadiq Wala</t>
  </si>
  <si>
    <t>GGPS BHATIAN WALA NASHAIB RAZAI SHAH</t>
  </si>
  <si>
    <t>Razi Shah Nshb</t>
  </si>
  <si>
    <t>G.g.p.s bhttian Wala nasheeb</t>
  </si>
  <si>
    <t>Bhttian Wala</t>
  </si>
  <si>
    <t>Baddaine</t>
  </si>
  <si>
    <t>Humaira bibi</t>
  </si>
  <si>
    <t>GGPS TARA HAVALI</t>
  </si>
  <si>
    <t>Tara Havali</t>
  </si>
  <si>
    <t>Chak No 737 GB</t>
  </si>
  <si>
    <t>Riffat Nahid</t>
  </si>
  <si>
    <t>GGPS PIR RAEES ALI OTHA</t>
  </si>
  <si>
    <t>GGPS pir raees ali otha basti Allah jawaya</t>
  </si>
  <si>
    <t>Allah jawaya</t>
  </si>
  <si>
    <t>Miss Kalsoom Akhtar</t>
  </si>
  <si>
    <t>GGPS CHAK 429 JB</t>
  </si>
  <si>
    <t>chak no 429jb</t>
  </si>
  <si>
    <t>Chakno 429jb</t>
  </si>
  <si>
    <t>Samreen Mary Gill</t>
  </si>
  <si>
    <t>Aloor Wala</t>
  </si>
  <si>
    <t>Basti Aloor Wala, P/O Qadir Pur Rawan</t>
  </si>
  <si>
    <t>Basti Aloor Wala</t>
  </si>
  <si>
    <t>Fouzia Bano</t>
  </si>
  <si>
    <t>Govt Girls Primary School Ahmad Abad Multan</t>
  </si>
  <si>
    <t>Ahmad Abad Multan</t>
  </si>
  <si>
    <t>Taraf Mubarak Doem</t>
  </si>
  <si>
    <t>Shagufta Shafi</t>
  </si>
  <si>
    <t>GGES 65-A/GD SHARQI</t>
  </si>
  <si>
    <t>65A AGD</t>
  </si>
  <si>
    <t>GGES 65AGD east</t>
  </si>
  <si>
    <t>65AGD East</t>
  </si>
  <si>
    <t>Farah Aziz</t>
  </si>
  <si>
    <t>GGPS DINGA NO.3</t>
  </si>
  <si>
    <t>Mohallah Tasaan Dinga</t>
  </si>
  <si>
    <t>Zoofishan Ansar</t>
  </si>
  <si>
    <t>40934</t>
  </si>
  <si>
    <t>GPS GHAMEE PO GOOTH ALOO</t>
  </si>
  <si>
    <t>P/ S Ghamee</t>
  </si>
  <si>
    <t>basti kamal mahar p/o goth aloo</t>
  </si>
  <si>
    <t>Basti Kamal Mahar</t>
  </si>
  <si>
    <t>GGCMES CHAK NO. 265/EB</t>
  </si>
  <si>
    <t>265/eb</t>
  </si>
  <si>
    <t>chak no 265/EB</t>
  </si>
  <si>
    <t>Chak No 265/EB</t>
  </si>
  <si>
    <t>mussarat kousar</t>
  </si>
  <si>
    <t>GGPS MOUZA JUNI</t>
  </si>
  <si>
    <t>mouza juni</t>
  </si>
  <si>
    <t>Chak 712gb</t>
  </si>
  <si>
    <t>GPS STANDARD MODEL YAQOOB TOWN MULTAN</t>
  </si>
  <si>
    <t>Lohar Colony</t>
  </si>
  <si>
    <t>Yaqoob Town Vihari Road Chock New Central Jail Multan</t>
  </si>
  <si>
    <t>Yaqoob Town</t>
  </si>
  <si>
    <t>M Naeem Arshad</t>
  </si>
  <si>
    <t>GHS BAKHSH ABAD</t>
  </si>
  <si>
    <t>Govt Boys High School Bakhsh Abad kotla Jafar Laal  P/O Bhong Sadiq Abad</t>
  </si>
  <si>
    <t>Kotla jafar laal</t>
  </si>
  <si>
    <t>Gharhi Dhudhu</t>
  </si>
  <si>
    <t>GGES MUNSHI WALA NEAR BY CHONGI NO.6</t>
  </si>
  <si>
    <t>GGE/S chah  munshi wala multan</t>
  </si>
  <si>
    <t>Farukh Zeba</t>
  </si>
  <si>
    <t>15439</t>
  </si>
  <si>
    <t>GPS CHAK NO. 93 GB-II</t>
  </si>
  <si>
    <t>93 GB ll</t>
  </si>
  <si>
    <t>97GB</t>
  </si>
  <si>
    <t>Tahir Habib</t>
  </si>
  <si>
    <t>GPS CHAK 10 THAL COLONY NO 3</t>
  </si>
  <si>
    <t>colony no 3 chak 10 thal</t>
  </si>
  <si>
    <t>colony no 3</t>
  </si>
  <si>
    <t>muhammad ikram maqbool</t>
  </si>
  <si>
    <t>GGPS DHINGRALA</t>
  </si>
  <si>
    <t>dhingrala</t>
  </si>
  <si>
    <t>dhingrala kot moman sargopdha</t>
  </si>
  <si>
    <t>Dhingrala</t>
  </si>
  <si>
    <t>GPS CHAK 751 GB</t>
  </si>
  <si>
    <t>751 GB</t>
  </si>
  <si>
    <t>chak 751 gb</t>
  </si>
  <si>
    <t>Chak 751 GB</t>
  </si>
  <si>
    <t>Mouza Wasu astana tehsil 18 Hazari district jhang</t>
  </si>
  <si>
    <t>Muhammad Mehdi Usmani</t>
  </si>
  <si>
    <t>GGPS CHAK 331 GB NOOR PUR</t>
  </si>
  <si>
    <t>331 gb noorpur tehsil pirmahal dist toba tek singh</t>
  </si>
  <si>
    <t>331GB Noorpur</t>
  </si>
  <si>
    <t>Chak 330</t>
  </si>
  <si>
    <t>GPS COLONY NO 2/11 THAL</t>
  </si>
  <si>
    <t>chak 2/11 thall sanyasi</t>
  </si>
  <si>
    <t>Sanyasi2/11 Thall</t>
  </si>
  <si>
    <t>uch GUI Imam</t>
  </si>
  <si>
    <t>Shehzada Bilal Akram</t>
  </si>
  <si>
    <t>GES RAM GARH CHAK 179/RB</t>
  </si>
  <si>
    <t>Ram Ghar Nodha</t>
  </si>
  <si>
    <t>ram Ghar nodha c#179 tehsil shahkot distt: nankana sahib</t>
  </si>
  <si>
    <t>Ram Ghar</t>
  </si>
  <si>
    <t>Bair Wala Chak No 34</t>
  </si>
  <si>
    <t>Bair wala chak no 34 R.B</t>
  </si>
  <si>
    <t>GGES NO.5 NEW ABADI TAUNSA</t>
  </si>
  <si>
    <t>Tunsa</t>
  </si>
  <si>
    <t>moh new abadi taunsa</t>
  </si>
  <si>
    <t>Fouzia Naz</t>
  </si>
  <si>
    <t>GPS CHAK 287 GB I</t>
  </si>
  <si>
    <t>287 GB I allaaa Abad</t>
  </si>
  <si>
    <t>Chak No. 287 GB I, Toba Tek Singh</t>
  </si>
  <si>
    <t>Chak No 287 GB I</t>
  </si>
  <si>
    <t>262 GB</t>
  </si>
  <si>
    <t>Zahid Khan</t>
  </si>
  <si>
    <t>35463</t>
  </si>
  <si>
    <t>29777</t>
  </si>
  <si>
    <t>GPS SARAI MUHGHAL P/O SAME PATTOKI</t>
  </si>
  <si>
    <t>Zulifqar Ali Bhatti</t>
  </si>
  <si>
    <t>GPS CHAK NO.25 WB</t>
  </si>
  <si>
    <t>25/WB Vehari</t>
  </si>
  <si>
    <t>chak no.25 w.b tehsil and district vehari</t>
  </si>
  <si>
    <t>chak no25 wb tehsil and district vehari</t>
  </si>
  <si>
    <t>41 WB Danewal</t>
  </si>
  <si>
    <t>MOSADAQ SHAHZAD</t>
  </si>
  <si>
    <t>GMPS SALARGAH</t>
  </si>
  <si>
    <t>salargah</t>
  </si>
  <si>
    <t>Salargah</t>
  </si>
  <si>
    <t>Andleeb Rani</t>
  </si>
  <si>
    <t>GPS HAMIDIA KHAYABAN-E-SIR SYED</t>
  </si>
  <si>
    <t>Khayaban-e-Sirsyed Sector#2 Rawalpindi</t>
  </si>
  <si>
    <t>Khayaban-e-Sirsyed</t>
  </si>
  <si>
    <t>Nasira Tabassum</t>
  </si>
  <si>
    <t>25391</t>
  </si>
  <si>
    <t>GPS GAGGAR</t>
  </si>
  <si>
    <t>GPS gagggar</t>
  </si>
  <si>
    <t>Chak Treda</t>
  </si>
  <si>
    <t>p o kot dhamiyak village chak treda tehsil sohawa district jhelum</t>
  </si>
  <si>
    <t>Pail Bnay Khan</t>
  </si>
  <si>
    <t>Isbah Naeem</t>
  </si>
  <si>
    <t>GPS CHAK NO. 5 NP</t>
  </si>
  <si>
    <t>Chak 5/NP</t>
  </si>
  <si>
    <t>Chak no.5/NP P/O lakar wali</t>
  </si>
  <si>
    <t>Mohammad Anees Akhtar</t>
  </si>
  <si>
    <t>GPS NO.2 ISLAMPURA TT SINGH</t>
  </si>
  <si>
    <t>Islam Pura Toba Tek Singh</t>
  </si>
  <si>
    <t>GGPS 99/D</t>
  </si>
  <si>
    <t>Chak No 99/D</t>
  </si>
  <si>
    <t>GGES MADAN CHAK</t>
  </si>
  <si>
    <t>Sadia Nazar</t>
  </si>
  <si>
    <t>GMPS KOT SULTAN</t>
  </si>
  <si>
    <t>GMPS 26 2L</t>
  </si>
  <si>
    <t>26/2L</t>
  </si>
  <si>
    <t>Surriya Khushi</t>
  </si>
  <si>
    <t>31116</t>
  </si>
  <si>
    <t>GGPS JAMALPURA RAIWIND</t>
  </si>
  <si>
    <t>jamal pura thsil raiwind dist lhr</t>
  </si>
  <si>
    <t>Jodudhrre</t>
  </si>
  <si>
    <t>Asifa Qasim</t>
  </si>
  <si>
    <t>19139</t>
  </si>
  <si>
    <t>GGPS MOUZA PIPLEE</t>
  </si>
  <si>
    <t>Piplee</t>
  </si>
  <si>
    <t>ggps moza piplee</t>
  </si>
  <si>
    <t>Moza Piplee</t>
  </si>
  <si>
    <t>Azmat Shah Qadirbux</t>
  </si>
  <si>
    <t>GGPS LUDAMANI GHARBI</t>
  </si>
  <si>
    <t>Sad and Wali</t>
  </si>
  <si>
    <t>basti Mehray wala</t>
  </si>
  <si>
    <t>SALMA NOUREEN</t>
  </si>
  <si>
    <t>39603</t>
  </si>
  <si>
    <t>vpo chhab tehsil Jand district Attock</t>
  </si>
  <si>
    <t>Shazia Mussarat</t>
  </si>
  <si>
    <t>mouza Noor Shah</t>
  </si>
  <si>
    <t>Mouza Noor Shah</t>
  </si>
  <si>
    <t>Chak No 69/wb</t>
  </si>
  <si>
    <t>GPS RAHMOON</t>
  </si>
  <si>
    <t>village Rahmoon Tehsil Hazro District Attock</t>
  </si>
  <si>
    <t>Rahmoon</t>
  </si>
  <si>
    <t>GGPS MIANA MOHALLAH</t>
  </si>
  <si>
    <t>ggps mohallah miana wanbhachran</t>
  </si>
  <si>
    <t>Sidra  Amanat  Shah</t>
  </si>
  <si>
    <t>GGES CHAK NO. 5 FORDWAH</t>
  </si>
  <si>
    <t>5FORDWAH</t>
  </si>
  <si>
    <t>GGES.5FORDWAH</t>
  </si>
  <si>
    <t>Tahira khan</t>
  </si>
  <si>
    <t>GMPS BUTTER</t>
  </si>
  <si>
    <t>Heryawala</t>
  </si>
  <si>
    <t>NARGIS NORIN</t>
  </si>
  <si>
    <t>GGPS CHAK NO.62 NB</t>
  </si>
  <si>
    <t>Chak No 62NB</t>
  </si>
  <si>
    <t>Chak No. 62NB</t>
  </si>
  <si>
    <t>Chak No62NB</t>
  </si>
  <si>
    <t>19NB</t>
  </si>
  <si>
    <t>Farkhanda Gulzar</t>
  </si>
  <si>
    <t>GPS DINGA WADHARA</t>
  </si>
  <si>
    <t>Dinga Wadhara</t>
  </si>
  <si>
    <t>P/O Kaleke village Dinga Wadahara Tehsil and District Hafizabad</t>
  </si>
  <si>
    <t>GGPS PUDHAY</t>
  </si>
  <si>
    <t>Pudday</t>
  </si>
  <si>
    <t>GGPSpudday</t>
  </si>
  <si>
    <t>42809</t>
  </si>
  <si>
    <t>GGPS KORZADA SAWAN</t>
  </si>
  <si>
    <t>Koorzada Sawan</t>
  </si>
  <si>
    <t>village koorzada Sawan P.o bhatta Tehsil gujar khan district rawalpindi</t>
  </si>
  <si>
    <t>Sana Israr Kiani</t>
  </si>
  <si>
    <t>GES NOOR JUG WALA CHAK NO 75 b TDA</t>
  </si>
  <si>
    <t>chak no 75/B TDA</t>
  </si>
  <si>
    <t>Chak No 75/B</t>
  </si>
  <si>
    <t>93 /ML</t>
  </si>
  <si>
    <t>Zamir Abbas</t>
  </si>
  <si>
    <t>GGPS PINDI KHURD</t>
  </si>
  <si>
    <t>Pindi Khurd</t>
  </si>
  <si>
    <t>tehsil pasrur dist Sialkot markaz chobara vill pindi khurad</t>
  </si>
  <si>
    <t>Razia Nazir</t>
  </si>
  <si>
    <t>GMPS CHAK NO 215 GHAZI ABBAD (30-04-15)</t>
  </si>
  <si>
    <t>Chak no 215 Teh District Jhang</t>
  </si>
  <si>
    <t>Chak No215</t>
  </si>
  <si>
    <t>Chak no 215</t>
  </si>
  <si>
    <t>Shakila Yasmeen</t>
  </si>
  <si>
    <t>GPS DATORI WALA</t>
  </si>
  <si>
    <t>chah datori wala daggar kotli shumali p/o sara e muhajr</t>
  </si>
  <si>
    <t>Chah Datori Wala</t>
  </si>
  <si>
    <t>Pervaiz Ahmed Khan</t>
  </si>
  <si>
    <t>18298</t>
  </si>
  <si>
    <t>GPS BASTI CHADHAR</t>
  </si>
  <si>
    <t>Gps Basti chadhar Ahmad pur sial</t>
  </si>
  <si>
    <t>14889</t>
  </si>
  <si>
    <t>GMPS MASSAN SHAH</t>
  </si>
  <si>
    <t>Masan Shah</t>
  </si>
  <si>
    <t>mohalla massan shah jampur</t>
  </si>
  <si>
    <t>GGPS BASTI MAAN WALA MULTAN</t>
  </si>
  <si>
    <t>Basti Maan Jhandy wala Vehari Road Multan</t>
  </si>
  <si>
    <t>Basti Maan</t>
  </si>
  <si>
    <t>Iqra Ashraf</t>
  </si>
  <si>
    <t>GPS BASTI MOLVI AZEEM</t>
  </si>
  <si>
    <t>Basti Molvi Azeem P/O Chak Number 10/F.W Tehsil Chishtian District Bahawal Nagar</t>
  </si>
  <si>
    <t>Molvi Azeem</t>
  </si>
  <si>
    <t>Shoali Gharbi</t>
  </si>
  <si>
    <t>Muhammad Tasneem Shahzad</t>
  </si>
  <si>
    <t>GGPS NANGNI</t>
  </si>
  <si>
    <t>po box wanbhachran mianwali village nangni</t>
  </si>
  <si>
    <t>GPS 75-A/15-L, P/O 79/15-L, KHANEWAL</t>
  </si>
  <si>
    <t>75 A/15 L</t>
  </si>
  <si>
    <t>chak75-A/15-L Teh and dist khanewal</t>
  </si>
  <si>
    <t>75 A /15 L</t>
  </si>
  <si>
    <t>74/15 L</t>
  </si>
  <si>
    <t>42796</t>
  </si>
  <si>
    <t>GGPS FRASH</t>
  </si>
  <si>
    <t>village frash.teh g.khan. .distt  RWP</t>
  </si>
  <si>
    <t>Amira Mubarak</t>
  </si>
  <si>
    <t>48665</t>
  </si>
  <si>
    <t>GGPS PINDI KOT</t>
  </si>
  <si>
    <t>Pindikot</t>
  </si>
  <si>
    <t>pindikot</t>
  </si>
  <si>
    <t>Salfat Noureen</t>
  </si>
  <si>
    <t>GMPS DHEERKAY KHURD</t>
  </si>
  <si>
    <t>Dheerkay khurd</t>
  </si>
  <si>
    <t>Village dheerkay khurd Post Office dheerkay kalan Tehsil and District Gujrat</t>
  </si>
  <si>
    <t>Dheerkay Khurd</t>
  </si>
  <si>
    <t>Tallat Naseem</t>
  </si>
  <si>
    <t>GGPS CHAK 328 JB</t>
  </si>
  <si>
    <t>Govt,Girls/P/S Ck.No 328 jb</t>
  </si>
  <si>
    <t>Ck 328jb</t>
  </si>
  <si>
    <t>Chak 328 JB</t>
  </si>
  <si>
    <t>JABEEN ATHER</t>
  </si>
  <si>
    <t>48417</t>
  </si>
  <si>
    <t>GMPS JHAMAT</t>
  </si>
  <si>
    <t>village jhamat p.o.box Bhera</t>
  </si>
  <si>
    <t>ggps dhal</t>
  </si>
  <si>
    <t>Ume Layla</t>
  </si>
  <si>
    <t>GGHS CHIRAGH BEGUM PURA</t>
  </si>
  <si>
    <t>begumpura lahore</t>
  </si>
  <si>
    <t>aALIA aZEEM</t>
  </si>
  <si>
    <t>GES MUDWALA KALAN</t>
  </si>
  <si>
    <t>village mudwala kalan, tehsil and district sheikhupura</t>
  </si>
  <si>
    <t>Imtiaz Nadeem</t>
  </si>
  <si>
    <t>GMPS DANDI RAJPUT</t>
  </si>
  <si>
    <t>Dandi Rajpoot</t>
  </si>
  <si>
    <t>Dandi Rajpoot, P.O : Dandi Nizam, Teh : Sarai Alamgir, Distt : Gujrat</t>
  </si>
  <si>
    <t>GPS BASTI LAKHI</t>
  </si>
  <si>
    <t>basti lakhi moza khaki lakhi tehsil shorkot distt jhang</t>
  </si>
  <si>
    <t>Basti Lakhi</t>
  </si>
  <si>
    <t>GPS MEHDA JADEED</t>
  </si>
  <si>
    <t>Mahda Jadeed</t>
  </si>
  <si>
    <t>Mahda Jadeed tehsil Shahkot District Nankana Sahib</t>
  </si>
  <si>
    <t>GPS ARAKA P/O BARA GHAR</t>
  </si>
  <si>
    <t>ARAKA</t>
  </si>
  <si>
    <t>GPS ARAKA</t>
  </si>
  <si>
    <t>zahoor ahmmad</t>
  </si>
  <si>
    <t>GGPS KHOUR SHARQI</t>
  </si>
  <si>
    <t>Khaur city</t>
  </si>
  <si>
    <t>Faiza Tariq</t>
  </si>
  <si>
    <t>GGES FEROZKAY NAGRA</t>
  </si>
  <si>
    <t>Feroz Kay Nagra</t>
  </si>
  <si>
    <t>Feroz Kay Nagra teh pasrur distt sialkot</t>
  </si>
  <si>
    <t>GGPS JAGGU</t>
  </si>
  <si>
    <t>jaggu p/ o dak jattan teh sarai alamgir disstt gujrat</t>
  </si>
  <si>
    <t>Iram Sarwar</t>
  </si>
  <si>
    <t>GPS CHAH UGRAL</t>
  </si>
  <si>
    <t>Wandhi Bumjeer Wali</t>
  </si>
  <si>
    <t>village chah ugraal, tehsil mianwali district mianwali</t>
  </si>
  <si>
    <t>Chah Ugraal</t>
  </si>
  <si>
    <t>Bun Hafiz G</t>
  </si>
  <si>
    <t>GPS HARBHAN</t>
  </si>
  <si>
    <t>HARBHAN</t>
  </si>
  <si>
    <t>TARIQ ALI</t>
  </si>
  <si>
    <t>GMPS NAI WALA CHAH NAZIM ABAD</t>
  </si>
  <si>
    <t>17 kasi budhla road, moza naiwala multan</t>
  </si>
  <si>
    <t>Chah Nizamwala</t>
  </si>
  <si>
    <t>GPS MEHMOOD GUJAR</t>
  </si>
  <si>
    <t>BASTI HANBHI FATEH PUR</t>
  </si>
  <si>
    <t>Wasim Riaz</t>
  </si>
  <si>
    <t>GGPS BANOHRA</t>
  </si>
  <si>
    <t>Banhora</t>
  </si>
  <si>
    <t>village banhora,po qasba karyali,teh s a gir dist gujrat</t>
  </si>
  <si>
    <t>GPS COMMUNITY MOZANG</t>
  </si>
  <si>
    <t>gps community noor shah road  mazang lahore</t>
  </si>
  <si>
    <t>Arifa  Tajjamal</t>
  </si>
  <si>
    <t>GPS DERA BURHAN WALA</t>
  </si>
  <si>
    <t>Azhar Javed Malik</t>
  </si>
  <si>
    <t>11944</t>
  </si>
  <si>
    <t>GGPS BASTI SADHARI</t>
  </si>
  <si>
    <t>Sadhri</t>
  </si>
  <si>
    <t>basti sadhri tehsil kot adu district muzafargarh</t>
  </si>
  <si>
    <t>Hina Mustafa</t>
  </si>
  <si>
    <t>GPS SHAH JAMAL MUZAFGARGARH</t>
  </si>
  <si>
    <t>Hafiz Muhammad Yaqoob</t>
  </si>
  <si>
    <t>GGES PIR KHANA</t>
  </si>
  <si>
    <t>Pir khana</t>
  </si>
  <si>
    <t>village Pir khana, p.o pir khana, tehsil sarai alamgir, district Gujrat</t>
  </si>
  <si>
    <t>sultana nazi</t>
  </si>
  <si>
    <t>GGPS KHAI KOLTI</t>
  </si>
  <si>
    <t>Khai kotli</t>
  </si>
  <si>
    <t>village khai kotli post office khai kotli district and tehsil jhelum</t>
  </si>
  <si>
    <t>RAKHMAT JAN</t>
  </si>
  <si>
    <t>GGPS RAMDIAL</t>
  </si>
  <si>
    <t>ramdial</t>
  </si>
  <si>
    <t>Irum Asia</t>
  </si>
  <si>
    <t>GES MC 1-B, KHANEWAL</t>
  </si>
  <si>
    <t>near gpo khanewal</t>
  </si>
  <si>
    <t>GPS EMINABAD NO.1</t>
  </si>
  <si>
    <t>Mohalla kakkayzayyan Eminabad Town</t>
  </si>
  <si>
    <t>GES SHAFIQ ABAD</t>
  </si>
  <si>
    <t>Khokhar Isra Nashaib</t>
  </si>
  <si>
    <t>basti thala inayat khan</t>
  </si>
  <si>
    <t>M Ghalib Sultan</t>
  </si>
  <si>
    <t>GGES ISLAM PURA HAROON ABAD</t>
  </si>
  <si>
    <t>Mohallah islampura faqirwali</t>
  </si>
  <si>
    <t>Musarrat perveen</t>
  </si>
  <si>
    <t>GPS CHAK NO. 386/WB</t>
  </si>
  <si>
    <t>Chak # 386/WB</t>
  </si>
  <si>
    <t>Chak # 386/WB Markaz Makhdoom Aali Tehsil Dunyapur District Lodhran</t>
  </si>
  <si>
    <t>Muhammad Muddasar Saeed</t>
  </si>
  <si>
    <t>GPS CHAK NO 240 JB MOCHIWALA</t>
  </si>
  <si>
    <t>Chak No 240 JB Mochiwala, Tehsil Bhowana</t>
  </si>
  <si>
    <t>Chak No 240 JB Mochiwala</t>
  </si>
  <si>
    <t>23455</t>
  </si>
  <si>
    <t>post office Karyala tehsil sarai alamgir</t>
  </si>
  <si>
    <t>GES MALLAH</t>
  </si>
  <si>
    <t>govt E/S mallah</t>
  </si>
  <si>
    <t>Fourmulli</t>
  </si>
  <si>
    <t>604726</t>
  </si>
  <si>
    <t>GGMES BAIR FAQERAN</t>
  </si>
  <si>
    <t>Bair Faqiran</t>
  </si>
  <si>
    <t>P/o bair faqiran</t>
  </si>
  <si>
    <t>Sama Arooj</t>
  </si>
  <si>
    <t>GGPS RASHID CHEEMA</t>
  </si>
  <si>
    <t>Marri Shouq Shah</t>
  </si>
  <si>
    <t>Basti Rasheed Ahmad cheema</t>
  </si>
  <si>
    <t>Rasheed Ahmad Cheema</t>
  </si>
  <si>
    <t>NYLA ZAHEER</t>
  </si>
  <si>
    <t>GMPS NOOR PUR BAGHAN</t>
  </si>
  <si>
    <t>Noor Pur Baghan</t>
  </si>
  <si>
    <t>vill Noor pur baghan p/o Sanghoi teh dina distt jhelum</t>
  </si>
  <si>
    <t>Aqeela Chand</t>
  </si>
  <si>
    <t>GGPS ZAFARULA ABAD</t>
  </si>
  <si>
    <t>mozaha sadhana Ahmad pur sial district jhang</t>
  </si>
  <si>
    <t>GGPS CHAK NO 91/6-R</t>
  </si>
  <si>
    <t>Chk 91/6r</t>
  </si>
  <si>
    <t>91/6.r main wala bngla thsil Haroonabad district BWN</t>
  </si>
  <si>
    <t>91/6r</t>
  </si>
  <si>
    <t>GES AYYA NAGER KALAN</t>
  </si>
  <si>
    <t>Ayya Nager Kalan</t>
  </si>
  <si>
    <t>Govt E/S Ayya Nager Kalan Teh.Ferozewala District Sheikhupura</t>
  </si>
  <si>
    <t>Village Ayya Nager Kalan</t>
  </si>
  <si>
    <t>Nadir Ali Shah</t>
  </si>
  <si>
    <t>GGES MALIK PUR KHURD</t>
  </si>
  <si>
    <t>village maliokpur post office koankh tehsil Gujrat</t>
  </si>
  <si>
    <t>Asiya Younas</t>
  </si>
  <si>
    <t>GGES CHAK NO. 285 / EB</t>
  </si>
  <si>
    <t>285 Eb</t>
  </si>
  <si>
    <t>Chak no 285/EB Burewala</t>
  </si>
  <si>
    <t>285/EB</t>
  </si>
  <si>
    <t>Zobia Afsheen</t>
  </si>
  <si>
    <t>GPS SABO SARA</t>
  </si>
  <si>
    <t>Sabo Sara</t>
  </si>
  <si>
    <t>Sabo sara</t>
  </si>
  <si>
    <t>40232</t>
  </si>
  <si>
    <t>GGPS MIRAJ PUR BELI</t>
  </si>
  <si>
    <t>Miraj Pur Beli</t>
  </si>
  <si>
    <t>GGPS Miraj Pur Beli</t>
  </si>
  <si>
    <t>Maria Masood</t>
  </si>
  <si>
    <t>23724</t>
  </si>
  <si>
    <t>village Tahliwala post office Wadala Sundhwan teh Daska disst Sialkot</t>
  </si>
  <si>
    <t>GGPS 150 EB NEW</t>
  </si>
  <si>
    <t>150eb New</t>
  </si>
  <si>
    <t>chak no 150 eb New burewala</t>
  </si>
  <si>
    <t>50224</t>
  </si>
  <si>
    <t>GGES 36/12-L</t>
  </si>
  <si>
    <t>36/12-l</t>
  </si>
  <si>
    <t>chak no 36/12.l</t>
  </si>
  <si>
    <t>Zubaida Abida Hussain</t>
  </si>
  <si>
    <t>18148</t>
  </si>
  <si>
    <t>GGPS KOT MAPAL BHANGOO</t>
  </si>
  <si>
    <t>kotmapal bhangoo</t>
  </si>
  <si>
    <t>Aneela Ismail</t>
  </si>
  <si>
    <t>GPS DHOK SIKANDAR</t>
  </si>
  <si>
    <t>vpo peelowains tehsil noorpur district khushab</t>
  </si>
  <si>
    <t>GGPS BASTI MOVATIAN</t>
  </si>
  <si>
    <t>Basti Movatian</t>
  </si>
  <si>
    <t>basti movatian kot ghulam nabi jahman bedian road lahore</t>
  </si>
  <si>
    <t>Saba Nooreen</t>
  </si>
  <si>
    <t>GMPS CHAK QUAIM</t>
  </si>
  <si>
    <t>Chak Qaim</t>
  </si>
  <si>
    <t>Gmps chak qaim</t>
  </si>
  <si>
    <t>Pirkhana</t>
  </si>
  <si>
    <t>GPS TIPU SHAHEED COLONY</t>
  </si>
  <si>
    <t>Tipu Shaheed Colony</t>
  </si>
  <si>
    <t>Tipu Shaheed  Colony Sadiq abad</t>
  </si>
  <si>
    <t>MC SDK</t>
  </si>
  <si>
    <t>GPS CHAK 316 GB</t>
  </si>
  <si>
    <t>Chakno 316gb</t>
  </si>
  <si>
    <t>govt. primary school Chakno 316 gb</t>
  </si>
  <si>
    <t>Chakno 316 Gb</t>
  </si>
  <si>
    <t>Ghulam Abbas Nadeem</t>
  </si>
  <si>
    <t>48166</t>
  </si>
  <si>
    <t>GGES BANA MIAN WALA</t>
  </si>
  <si>
    <t>Banna Mianwala</t>
  </si>
  <si>
    <t>Banna Mianwala station</t>
  </si>
  <si>
    <t>Chksaida</t>
  </si>
  <si>
    <t>Hafiza Zainab Tariq</t>
  </si>
  <si>
    <t>25943</t>
  </si>
  <si>
    <t>GGCMS TALWANDI BHINDRAN</t>
  </si>
  <si>
    <t>Govt girls community model school talwandi bhindran</t>
  </si>
  <si>
    <t>Mrs Tahira Munir Basra</t>
  </si>
  <si>
    <t>GGES MIRJAN</t>
  </si>
  <si>
    <t>VPO Mirjan Tehsil Talagang District Chakwal</t>
  </si>
  <si>
    <t>GMPS SARHALI</t>
  </si>
  <si>
    <t>village sarhali tehsel and distt sialkot</t>
  </si>
  <si>
    <t>Rana Saeed Ahmed</t>
  </si>
  <si>
    <t>GGES CHIANWALI GHARBI</t>
  </si>
  <si>
    <t>Chianwali West</t>
  </si>
  <si>
    <t>GGES Chianwali west</t>
  </si>
  <si>
    <t>GGPS BAHIA</t>
  </si>
  <si>
    <t>Bahiya</t>
  </si>
  <si>
    <t>village Bahiya post office chakbeli khan</t>
  </si>
  <si>
    <t>GGPS CHAK NO.69 NB</t>
  </si>
  <si>
    <t>Chak 69 Nb</t>
  </si>
  <si>
    <t>69 nb</t>
  </si>
  <si>
    <t>69 Nb</t>
  </si>
  <si>
    <t>Taskeen zafar</t>
  </si>
  <si>
    <t>GGPS SIRKA</t>
  </si>
  <si>
    <t>v p o sirka</t>
  </si>
  <si>
    <t>Khatoon Bi Bi</t>
  </si>
  <si>
    <t>18301</t>
  </si>
  <si>
    <t>GPS WAGHA</t>
  </si>
  <si>
    <t>Moza Namdar Sial</t>
  </si>
  <si>
    <t>GPS KOTLI MEHTAM PO KARAM PUR</t>
  </si>
  <si>
    <t>moza kotli mahtam p/o krampur</t>
  </si>
  <si>
    <t>GGPS BARHAMAN ABAD</t>
  </si>
  <si>
    <t>village Bhramanabad</t>
  </si>
  <si>
    <t>Bhramanabad</t>
  </si>
  <si>
    <t>Teera</t>
  </si>
  <si>
    <t>GGPS TUBEWELL ZAIGUM SHAH</t>
  </si>
  <si>
    <t>Mari Shoup Shah</t>
  </si>
  <si>
    <t>Basti Zaigham Shah Mari Shok Shah Chishtian</t>
  </si>
  <si>
    <t>Basti Zaigham Shah</t>
  </si>
  <si>
    <t>MADIHA NAZ</t>
  </si>
  <si>
    <t>GPS DERA RORAN WALA</t>
  </si>
  <si>
    <t>Roran Wala</t>
  </si>
  <si>
    <t>Dera Roran Wala</t>
  </si>
  <si>
    <t>Naeem Abdullah</t>
  </si>
  <si>
    <t>GGPS GURAH</t>
  </si>
  <si>
    <t>Gurah</t>
  </si>
  <si>
    <t>Village Gurah P.O Manghot Tehsil Gujar Khan District Rawalpindi</t>
  </si>
  <si>
    <t>GPS USMAN WALA JADEED</t>
  </si>
  <si>
    <t>Chak No 387a TDA</t>
  </si>
  <si>
    <t>Chak No 387a/ TDA</t>
  </si>
  <si>
    <t>Akram Masih</t>
  </si>
  <si>
    <t>GGMPS MAHMOOD ABAD TAUNSA</t>
  </si>
  <si>
    <t>NEAR DSP HOUSE</t>
  </si>
  <si>
    <t>GMPS CHAK NO. 4/3-R</t>
  </si>
  <si>
    <t>Ckak No 4/3 R</t>
  </si>
  <si>
    <t>Gmps chak no 4/3 r</t>
  </si>
  <si>
    <t>Chak No 4/3r</t>
  </si>
  <si>
    <t>GGPS Hakim Khan wala</t>
  </si>
  <si>
    <t>GMPS RIND WALA</t>
  </si>
  <si>
    <t>mouza basti miran chah rind wala</t>
  </si>
  <si>
    <t>Rind Wala</t>
  </si>
  <si>
    <t>Zarina Mai</t>
  </si>
  <si>
    <t>GGCMS CHAK NO. 633/TDA</t>
  </si>
  <si>
    <t>Govt Girls CMS 633/TDA</t>
  </si>
  <si>
    <t>Chak No 633/TDA</t>
  </si>
  <si>
    <t>Farhat -un-nisa</t>
  </si>
  <si>
    <t>GGPS RATH MUMMAR</t>
  </si>
  <si>
    <t>Rath Mammer</t>
  </si>
  <si>
    <t>Basti rathanwali</t>
  </si>
  <si>
    <t>GGPS SHRIF DEH</t>
  </si>
  <si>
    <t>Sharif Deh</t>
  </si>
  <si>
    <t>Basti Muhammad pur Mouza Sharif Deh GGPS Sharif Deh.</t>
  </si>
  <si>
    <t>Mahta Jhedo</t>
  </si>
  <si>
    <t>Syedha Fatima Batool</t>
  </si>
  <si>
    <t>GPS THATHI HAMAYUN KI</t>
  </si>
  <si>
    <t>Mouza Sultan Pur</t>
  </si>
  <si>
    <t>Thatti Hamayon Ki</t>
  </si>
  <si>
    <t>GGPS WANDHI ISLAM ABAD</t>
  </si>
  <si>
    <t>GGPS Moh.islamabad</t>
  </si>
  <si>
    <t>Moh islamabad</t>
  </si>
  <si>
    <t>Musrat Bi Bi</t>
  </si>
  <si>
    <t>Rattah Bajwa</t>
  </si>
  <si>
    <t>Rattah Bajwa near green valley Gujranwala</t>
  </si>
  <si>
    <t>Rattah</t>
  </si>
  <si>
    <t>GGES SHEIKH BURHAN</t>
  </si>
  <si>
    <t>sheikh burhan</t>
  </si>
  <si>
    <t>raisa jamshad</t>
  </si>
  <si>
    <t>GGES CHAK 232 GB SATIANA</t>
  </si>
  <si>
    <t>232gb</t>
  </si>
  <si>
    <t>39gb</t>
  </si>
  <si>
    <t>Mamoona Mubarak</t>
  </si>
  <si>
    <t>GPS JOSRIAN</t>
  </si>
  <si>
    <t>GPS  Josran  ctn.  BWN.</t>
  </si>
  <si>
    <t>Josran  Mohar Sharif</t>
  </si>
  <si>
    <t>GES BAGH SANGRA</t>
  </si>
  <si>
    <t>Bagh Sangra</t>
  </si>
  <si>
    <t>BAGH SANGRA RWP</t>
  </si>
  <si>
    <t>GHS TAJPURA SCHEME LAHORE CANTT</t>
  </si>
  <si>
    <t>Dubai chouk Tajpurs scheme Lhr. Cantt.</t>
  </si>
  <si>
    <t>SYED MUHAMMAD SAQLAIN</t>
  </si>
  <si>
    <t>GMPS BASTI RAMZAN</t>
  </si>
  <si>
    <t>Basti Ramzan Maharsharif</t>
  </si>
  <si>
    <t>GGPS KOT JUGJEET SINGH</t>
  </si>
  <si>
    <t>Kot  Jugjeet Singh Manawala</t>
  </si>
  <si>
    <t>Kot Jugjeet Singh Mananwala</t>
  </si>
  <si>
    <t>Kot Jugjeet  Singh</t>
  </si>
  <si>
    <t>Kirpal Singh</t>
  </si>
  <si>
    <t>GGPS CHAK 563 B LUNDIANWALA</t>
  </si>
  <si>
    <t>563gb W</t>
  </si>
  <si>
    <t>chak no 563gb w</t>
  </si>
  <si>
    <t>Chak No 563</t>
  </si>
  <si>
    <t>Qurat Ul Ain Khalid</t>
  </si>
  <si>
    <t>GGCMS CHAK 194 RB II KHURRANWALA</t>
  </si>
  <si>
    <t>Chaka 194 rb</t>
  </si>
  <si>
    <t>194 RB</t>
  </si>
  <si>
    <t>Ishrat Ali Akbar</t>
  </si>
  <si>
    <t>GGPS KHAMBIAN WALA</t>
  </si>
  <si>
    <t>Khambianwala</t>
  </si>
  <si>
    <t>khambianwala</t>
  </si>
  <si>
    <t>GPS NANO DOGER NOWLAN</t>
  </si>
  <si>
    <t>Nanodogr</t>
  </si>
  <si>
    <t>nanodogar</t>
  </si>
  <si>
    <t>Nanodogar</t>
  </si>
  <si>
    <t>MUHAMMAD MANSHA</t>
  </si>
  <si>
    <t>GGPS CHHACHHER WALI</t>
  </si>
  <si>
    <t>Checherwali</t>
  </si>
  <si>
    <t>checherwali school</t>
  </si>
  <si>
    <t>Laser</t>
  </si>
  <si>
    <t>Raqia Rasool</t>
  </si>
  <si>
    <t>GGPS CHAK 323 JB QAIM PUR</t>
  </si>
  <si>
    <t>323jb</t>
  </si>
  <si>
    <t>chk#323jb.Qiam pur</t>
  </si>
  <si>
    <t>GPS MARAKA MULTAN ROAD</t>
  </si>
  <si>
    <t>26 km multan road maraka village tehsil raiwind lahore</t>
  </si>
  <si>
    <t>Maraka Village</t>
  </si>
  <si>
    <t>Khurram Raza Saeed</t>
  </si>
  <si>
    <t>GPS MALKOO</t>
  </si>
  <si>
    <t>Malkoo</t>
  </si>
  <si>
    <t>Village Malkoo Distt. Sheikhupura</t>
  </si>
  <si>
    <t>GGPS BHARTH SHARQI</t>
  </si>
  <si>
    <t>GGPS bharth sharqi</t>
  </si>
  <si>
    <t>GMPS NOOR PUR SYEDAN</t>
  </si>
  <si>
    <t>Noor Pur Syedan</t>
  </si>
  <si>
    <t>vpo Noor Pur Syedan Teh Sambrial District Sialkot</t>
  </si>
  <si>
    <t>Hajra Khalid</t>
  </si>
  <si>
    <t>GGPS MC NO.11</t>
  </si>
  <si>
    <t>GGPS MC11 R Block Farid Town Sahiwal</t>
  </si>
  <si>
    <t>Sobia Fakhar</t>
  </si>
  <si>
    <t>GGPS CHAK 270 GB I</t>
  </si>
  <si>
    <t>Kot Khatrine</t>
  </si>
  <si>
    <t>270gb1</t>
  </si>
  <si>
    <t>269gb Kot Khatrine</t>
  </si>
  <si>
    <t>GMPS RAKH MIANI</t>
  </si>
  <si>
    <t>Rakh Miani</t>
  </si>
  <si>
    <t>rakh Mianip p/o kalyanpur the. bhera dist. sargodha</t>
  </si>
  <si>
    <t>GGPS CHAR</t>
  </si>
  <si>
    <t>char</t>
  </si>
  <si>
    <t>Kinza Muneer</t>
  </si>
  <si>
    <t>GGPS NOON WALA</t>
  </si>
  <si>
    <t>Mahraghrbi</t>
  </si>
  <si>
    <t>noonwala</t>
  </si>
  <si>
    <t>Noonwala</t>
  </si>
  <si>
    <t>Mahragarbi</t>
  </si>
  <si>
    <t>Safia Sulttana</t>
  </si>
  <si>
    <t>GGES JANGLA</t>
  </si>
  <si>
    <t>JANGLA</t>
  </si>
  <si>
    <t>Govt Girls Elementry School Jangla Teh Pindi Gheb Attock</t>
  </si>
  <si>
    <t>GHAREEB WALL</t>
  </si>
  <si>
    <t>Naghmana Bibi</t>
  </si>
  <si>
    <t>GMPS SHEIKH PUR NAO</t>
  </si>
  <si>
    <t>Sheikh Pur Nao</t>
  </si>
  <si>
    <t>GMPS sheikh pur nao</t>
  </si>
  <si>
    <t>Rukhasana Bagum</t>
  </si>
  <si>
    <t>GGES PHAPHRIAL</t>
  </si>
  <si>
    <t>Village And Post Office Phaphril Murree.</t>
  </si>
  <si>
    <t>GGPS DHOK GALA</t>
  </si>
  <si>
    <t>dhoke gala</t>
  </si>
  <si>
    <t>dhoke gala kahuta</t>
  </si>
  <si>
    <t>kahuta</t>
  </si>
  <si>
    <t>Gull Badan Begum</t>
  </si>
  <si>
    <t>GGPS CHAK NO 278 HR W</t>
  </si>
  <si>
    <t>278/HR W</t>
  </si>
  <si>
    <t>chak 278/hr p/o 279/hr</t>
  </si>
  <si>
    <t>281-HR</t>
  </si>
  <si>
    <t>GMPS BHEKH</t>
  </si>
  <si>
    <t>Bhaikh</t>
  </si>
  <si>
    <t>Bhaikh tehsil Lalian District Chiniot</t>
  </si>
  <si>
    <t>GPS CHAK NO. 1/8-AR TULAMBA</t>
  </si>
  <si>
    <t>1/8-AR</t>
  </si>
  <si>
    <t>chak no 1/8-AR markaz mohsinwal mian channu</t>
  </si>
  <si>
    <t>3/8-AR</t>
  </si>
  <si>
    <t>GMPS KHATANA</t>
  </si>
  <si>
    <t>Pindikoot</t>
  </si>
  <si>
    <t>GMPS Kathana</t>
  </si>
  <si>
    <t>Kathana</t>
  </si>
  <si>
    <t>35807</t>
  </si>
  <si>
    <t>GES BURANA</t>
  </si>
  <si>
    <t>Moza Burana PO Karampur</t>
  </si>
  <si>
    <t>Muhammad Kamran Khalid Khalid</t>
  </si>
  <si>
    <t>GPS CHAK NO. 357-A /TDA</t>
  </si>
  <si>
    <t>Chak No 357-A/TDA</t>
  </si>
  <si>
    <t>chak no 357-A/TDA Distt Layyah</t>
  </si>
  <si>
    <t>357-A/TDA</t>
  </si>
  <si>
    <t>Maqbool Ahsan</t>
  </si>
  <si>
    <t>GGPS BASTI WAZEER KHAN KOUSHAK</t>
  </si>
  <si>
    <t>Wazir Khan koushk</t>
  </si>
  <si>
    <t>Wazir Khan Koushk</t>
  </si>
  <si>
    <t>GMPS CHAK 709 GB</t>
  </si>
  <si>
    <t>709gb</t>
  </si>
  <si>
    <t>mohallah char kamalia</t>
  </si>
  <si>
    <t>58/712</t>
  </si>
  <si>
    <t>Rukhsana Hafeez</t>
  </si>
  <si>
    <t>GES SHAMIR DINGA</t>
  </si>
  <si>
    <t>Shamir dinga</t>
  </si>
  <si>
    <t>Manzoor Elahi</t>
  </si>
  <si>
    <t>GGPS DOABIAN WALA</t>
  </si>
  <si>
    <t>Doabianwala</t>
  </si>
  <si>
    <t>Doabianwala po Mananwala Tehsil &amp;distt. Sheikhupura</t>
  </si>
  <si>
    <t>Rubab Fatima Syed</t>
  </si>
  <si>
    <t>GPS BASTI VEEHA</t>
  </si>
  <si>
    <t>akrama abad</t>
  </si>
  <si>
    <t>baste chaak veeha uc akrama abad p/o Adam wali</t>
  </si>
  <si>
    <t>baste chaak veeha</t>
  </si>
  <si>
    <t>GPS JHUGAIN SHEIKHWAL</t>
  </si>
  <si>
    <t>Sheikhwal</t>
  </si>
  <si>
    <t>sheikhwal</t>
  </si>
  <si>
    <t>Mohib Poor</t>
  </si>
  <si>
    <t>Muhammad Ateeque</t>
  </si>
  <si>
    <t>24268</t>
  </si>
  <si>
    <t>GGES SUSRAL</t>
  </si>
  <si>
    <t>sasral Sohawa</t>
  </si>
  <si>
    <t>Mehnaz Asad</t>
  </si>
  <si>
    <t>GGPS AMRUKA HITTAR</t>
  </si>
  <si>
    <t>Amruka Hittar</t>
  </si>
  <si>
    <t>GGPS QANDHARI PUR</t>
  </si>
  <si>
    <t>Qundhari pur</t>
  </si>
  <si>
    <t>p box pathar garh village qundhaiirpur</t>
  </si>
  <si>
    <t>SAMIA NAZ</t>
  </si>
  <si>
    <t>GES BASTI KHAN PUR</t>
  </si>
  <si>
    <t>Khan Pur tibba    p. O dhanote</t>
  </si>
  <si>
    <t>Khan Pur Taba</t>
  </si>
  <si>
    <t>Thati Sameja</t>
  </si>
  <si>
    <t>Syed Gohar Shabbir</t>
  </si>
  <si>
    <t>GPS CHAK 325 JB</t>
  </si>
  <si>
    <t>325jb</t>
  </si>
  <si>
    <t>325 Jb</t>
  </si>
  <si>
    <t>M Anwar Mahmood</t>
  </si>
  <si>
    <t>GES MC 11-B KHANEWAL</t>
  </si>
  <si>
    <t>Jaswant Nagar Chowk Khanewal</t>
  </si>
  <si>
    <t>hashmat hussain</t>
  </si>
  <si>
    <t>42056</t>
  </si>
  <si>
    <t>GGES LUB THATHOO</t>
  </si>
  <si>
    <t>lub thathoo</t>
  </si>
  <si>
    <t>Lub thathoo</t>
  </si>
  <si>
    <t>Raheela Talib</t>
  </si>
  <si>
    <t>42024</t>
  </si>
  <si>
    <t>GGPS NO 2 BAGGA SHEIKHAN</t>
  </si>
  <si>
    <t>GgPS no  2 Bagga Sheikhan Rawat Rawalpindi</t>
  </si>
  <si>
    <t>Bagga sheikhan</t>
  </si>
  <si>
    <t>Khalida Naseer</t>
  </si>
  <si>
    <t>GGPS PORIAN WALA</t>
  </si>
  <si>
    <t>Porian Wala</t>
  </si>
  <si>
    <t>GPS TALEEM-UL-ISLAM KABIRWALA</t>
  </si>
  <si>
    <t>Kohiwala Kabirwala</t>
  </si>
  <si>
    <t>GGCMS CHEK BELI KHAN</t>
  </si>
  <si>
    <t>GGES CHAK BELI KHAN DISTT RAWALPINDI</t>
  </si>
  <si>
    <t>GMPS WAZEERAY CHAK</t>
  </si>
  <si>
    <t>Wazery Chak</t>
  </si>
  <si>
    <t>GMPS wazery chak</t>
  </si>
  <si>
    <t>Pindhi Panjoran</t>
  </si>
  <si>
    <t>Sabha Yousaf</t>
  </si>
  <si>
    <t>GES CHAK BAKHTAWAR</t>
  </si>
  <si>
    <t>VPO chak bakhtawar</t>
  </si>
  <si>
    <t>49092</t>
  </si>
  <si>
    <t>GPS CHAK NO.52 NB</t>
  </si>
  <si>
    <t>Chak52NB</t>
  </si>
  <si>
    <t>GPS Chak52 N.B</t>
  </si>
  <si>
    <t>Chak52 NB</t>
  </si>
  <si>
    <t>LuddayWala</t>
  </si>
  <si>
    <t>Anser Javed</t>
  </si>
  <si>
    <t>28424</t>
  </si>
  <si>
    <t>GMPS CHANNI NOOR SHAH</t>
  </si>
  <si>
    <t>Channi noor shah</t>
  </si>
  <si>
    <t>channi noor shah</t>
  </si>
  <si>
    <t>Masood Asmat</t>
  </si>
  <si>
    <t>GPS CHAK NO. 4 RMG</t>
  </si>
  <si>
    <t>Rakh Mouj Garh</t>
  </si>
  <si>
    <t>p/o 71ml chak no.4rmg tehsil Mankera district Bhakkar</t>
  </si>
  <si>
    <t>4rmg</t>
  </si>
  <si>
    <t>Muhammad Habibullah</t>
  </si>
  <si>
    <t>GGES CHAK 294 JB</t>
  </si>
  <si>
    <t>chak 294 jb</t>
  </si>
  <si>
    <t>33393</t>
  </si>
  <si>
    <t>GGCMES IMAM PUR 89/RB</t>
  </si>
  <si>
    <t>Imam Pur Rb/89</t>
  </si>
  <si>
    <t>imam pur Rb/89 tehsil shahkot district Nankana sahib</t>
  </si>
  <si>
    <t>Namoos Tahira</t>
  </si>
  <si>
    <t>GGPS GUNGA PUR</t>
  </si>
  <si>
    <t>Ganga pur</t>
  </si>
  <si>
    <t>Buchukipar</t>
  </si>
  <si>
    <t>GMPS MANWAINS</t>
  </si>
  <si>
    <t>Manwais</t>
  </si>
  <si>
    <t>GMPS Manwais Village Manwais post office hazorpur Teh. bhera dist. Sargodha</t>
  </si>
  <si>
    <t>Mamwais</t>
  </si>
  <si>
    <t>Bareera Hayat</t>
  </si>
  <si>
    <t>41725</t>
  </si>
  <si>
    <t>40506</t>
  </si>
  <si>
    <t>GMPS CHORAN</t>
  </si>
  <si>
    <t>Choran</t>
  </si>
  <si>
    <t>post office choran tehsil P D khan district jhelum</t>
  </si>
  <si>
    <t>Shagufta Mazhar</t>
  </si>
  <si>
    <t>GGPS RAEES NABI BAKHSH</t>
  </si>
  <si>
    <t>basti rais nabi bux</t>
  </si>
  <si>
    <t>basti raees nabi bux</t>
  </si>
  <si>
    <t>GGPS BASTI NAUNARIAN JALALPUR PIRWALA</t>
  </si>
  <si>
    <t>p/o  juggowala khas  tehsil JPPW Multan</t>
  </si>
  <si>
    <t>Juggowala</t>
  </si>
  <si>
    <t>Mamoona Hamid Khan</t>
  </si>
  <si>
    <t>GES TEHRI</t>
  </si>
  <si>
    <t>basti tehri post office rang pur tehsil &amp; distt. muzaffar garh.</t>
  </si>
  <si>
    <t>Basti Tehri</t>
  </si>
  <si>
    <t>GMPS AHLI KARAM SHAH</t>
  </si>
  <si>
    <t>p/o phularwan teh.bhalwal</t>
  </si>
  <si>
    <t>Ahli Karam Shah</t>
  </si>
  <si>
    <t>GMPS CHAK ALMAS</t>
  </si>
  <si>
    <t>Chak Almas</t>
  </si>
  <si>
    <t>gmps chak almas post office garh mahal tehsil dina district jhelum</t>
  </si>
  <si>
    <t>Nida Nasir</t>
  </si>
  <si>
    <t>GGPS RAKH CHAOONI</t>
  </si>
  <si>
    <t>House 1411 Block 18 Dera Ghazi Khan</t>
  </si>
  <si>
    <t>Dai Wala</t>
  </si>
  <si>
    <t>Haji Gharbi</t>
  </si>
  <si>
    <t>Khadija Batool</t>
  </si>
  <si>
    <t>GGPS 427 EB</t>
  </si>
  <si>
    <t>chak no. 427/EB burewala</t>
  </si>
  <si>
    <t>Chak No 427/EB Burewala</t>
  </si>
  <si>
    <t>Chak No 425/EB</t>
  </si>
  <si>
    <t>Maha Anis</t>
  </si>
  <si>
    <t>GES UMAID ALI BHAIT</t>
  </si>
  <si>
    <t>Uamid Ali Bhait</t>
  </si>
  <si>
    <t>lakar wali</t>
  </si>
  <si>
    <t>Lakar Wali</t>
  </si>
  <si>
    <t>GGPS CHAK NO 170/M (A)</t>
  </si>
  <si>
    <t>170 Murad</t>
  </si>
  <si>
    <t>jaja town dahranwala</t>
  </si>
  <si>
    <t>170 M  A</t>
  </si>
  <si>
    <t>GES MIANA DHERI</t>
  </si>
  <si>
    <t>Miani Dheri</t>
  </si>
  <si>
    <t>GES Miani Dheri</t>
  </si>
  <si>
    <t>GPS PEER JAHANIAN, JAHANIAN</t>
  </si>
  <si>
    <t>peer jahanian 115/10 r</t>
  </si>
  <si>
    <t>peer Jahanian</t>
  </si>
  <si>
    <t>Raheel Fazal</t>
  </si>
  <si>
    <t>GGPS 75/5-L</t>
  </si>
  <si>
    <t>75/5L</t>
  </si>
  <si>
    <t>Yasmeen Ibrahim</t>
  </si>
  <si>
    <t>41133</t>
  </si>
  <si>
    <t>GMPS THANDA PANI</t>
  </si>
  <si>
    <t>Darouhya</t>
  </si>
  <si>
    <t>GMPS Thandapani</t>
  </si>
  <si>
    <t>Thanda Pani</t>
  </si>
  <si>
    <t>GPS BAIT MULLAN WALI</t>
  </si>
  <si>
    <t>basti Lal khan</t>
  </si>
  <si>
    <t>GGES SHAH ALAM</t>
  </si>
  <si>
    <t>Shahalam</t>
  </si>
  <si>
    <t>shahalam. dist bhakkar</t>
  </si>
  <si>
    <t>ASIA KHALID</t>
  </si>
  <si>
    <t>GPS KARAM PUR JUTTA NO.2 P/O KUKAR HATTA, KABIRWALA</t>
  </si>
  <si>
    <t>moaza Karam pur Jutta tehsil  kabirwala</t>
  </si>
  <si>
    <t>Bota Singh Wala</t>
  </si>
  <si>
    <t>GPS NOOR UL HAQ JHANDEER</t>
  </si>
  <si>
    <t>Jhandeer</t>
  </si>
  <si>
    <t>basti jhandeer teh.mailsi</t>
  </si>
  <si>
    <t>GGES HASSAN ABDAL NO.1</t>
  </si>
  <si>
    <t>GPS CHAK NO. 39 TDA</t>
  </si>
  <si>
    <t>Chak No 39 TDA Bhakkar</t>
  </si>
  <si>
    <t>Chak No 39 TDA</t>
  </si>
  <si>
    <t>GPS KORIA</t>
  </si>
  <si>
    <t>kooria,tehsil arifwala dist Pakpattan</t>
  </si>
  <si>
    <t>Rubnawaz</t>
  </si>
  <si>
    <t>40105</t>
  </si>
  <si>
    <t>GGES JANGO RARYALA</t>
  </si>
  <si>
    <t>Jango</t>
  </si>
  <si>
    <t>P/O kot basira village jango tehsil and dist jhelum</t>
  </si>
  <si>
    <t>Sumaira Rafiq</t>
  </si>
  <si>
    <t>52817</t>
  </si>
  <si>
    <t>GGPS KOTHA JHANG SHISHAM</t>
  </si>
  <si>
    <t>Kotha Jhang Sheshm</t>
  </si>
  <si>
    <t>ggps kotha jhang shesham</t>
  </si>
  <si>
    <t>Wasawe Wala</t>
  </si>
  <si>
    <t>Anita tufail</t>
  </si>
  <si>
    <t>GGPS CHAK NO. 23/1-RB</t>
  </si>
  <si>
    <t>23/1rb</t>
  </si>
  <si>
    <t>Ggps23/1rb</t>
  </si>
  <si>
    <t>Gujjar abad p/o verowal zeren teh bhera dist sargodha</t>
  </si>
  <si>
    <t>Gujar Abad</t>
  </si>
  <si>
    <t>Noreen Riaz</t>
  </si>
  <si>
    <t>Basti Ameen Khan Mouza Chak kehal</t>
  </si>
  <si>
    <t>Basti Ameen Khan</t>
  </si>
  <si>
    <t>Abdul Haq Zia</t>
  </si>
  <si>
    <t>GPS GARI HASOO KHAN</t>
  </si>
  <si>
    <t>Garrihassukhan</t>
  </si>
  <si>
    <t>garrihassukhan  rawalpindi road  Tehsil  Fateh Jang</t>
  </si>
  <si>
    <t>GGPS MIRAN WALI</t>
  </si>
  <si>
    <t>BASTI MIRAN WALI METLA CHOK QASBA GUJRAT</t>
  </si>
  <si>
    <t>Gujrt</t>
  </si>
  <si>
    <t>GGPS MC JADEED GOJRA</t>
  </si>
  <si>
    <t>Eid Gaah Gojra</t>
  </si>
  <si>
    <t>nazd Eid gaah railway road teh goj</t>
  </si>
  <si>
    <t>Urban 23</t>
  </si>
  <si>
    <t>Bismillah Shahzadi</t>
  </si>
  <si>
    <t>GGPS DOLIAN</t>
  </si>
  <si>
    <t>Btala</t>
  </si>
  <si>
    <t>vill dolian teh kahuta diss rwp</t>
  </si>
  <si>
    <t>Dolian</t>
  </si>
  <si>
    <t>Dubairan Hourd</t>
  </si>
  <si>
    <t>Anila Shaheen</t>
  </si>
  <si>
    <t>Chak Dasti</t>
  </si>
  <si>
    <t>basti dahana uc hawali naseer Khan lodhran</t>
  </si>
  <si>
    <t>Dahana</t>
  </si>
  <si>
    <t>GPS POUR MIANA</t>
  </si>
  <si>
    <t>village and post office Pourmiana Teh Hassanabdal Distt Attock</t>
  </si>
  <si>
    <t>Mian Shakir Hussain</t>
  </si>
  <si>
    <t>GPS HAJIN SHER 126/10-R, JAHANIAN</t>
  </si>
  <si>
    <t>Hajan Sher</t>
  </si>
  <si>
    <t>Hajan sher chak no. 126/10r</t>
  </si>
  <si>
    <t>Chak 126/10-R</t>
  </si>
  <si>
    <t>Chak 127/10-R</t>
  </si>
  <si>
    <t>45250</t>
  </si>
  <si>
    <t>Chak No212 T D A</t>
  </si>
  <si>
    <t>g p s  nusrat wala chak no  212  t d a thesil mankera disst bhakkar  p/o 67   l</t>
  </si>
  <si>
    <t>Chak No 212 T D A</t>
  </si>
  <si>
    <t>30335</t>
  </si>
  <si>
    <t>GPS MARL MARY</t>
  </si>
  <si>
    <t>Marl Mary</t>
  </si>
  <si>
    <t>Marl Mary village</t>
  </si>
  <si>
    <t>GES MC NO. 5 HAFIZABAD</t>
  </si>
  <si>
    <t>City hafizabad</t>
  </si>
  <si>
    <t>Kassoke Road Hafizabad</t>
  </si>
  <si>
    <t>Bahawal pura</t>
  </si>
  <si>
    <t>Bahawal Pura</t>
  </si>
  <si>
    <t>GPS MAHMOODAY WALA, P/O CHAK HAIDER ABAD, NAWAN SHEHR</t>
  </si>
  <si>
    <t>Chak Haider Abad Chak Haider Abad</t>
  </si>
  <si>
    <t>basti memhoodaywala</t>
  </si>
  <si>
    <t>GGCMS CHAK NO.110 NB</t>
  </si>
  <si>
    <t>110nb</t>
  </si>
  <si>
    <t>GGCMS 110nb Sargodha</t>
  </si>
  <si>
    <t>Shahida Shabir</t>
  </si>
  <si>
    <t>48615</t>
  </si>
  <si>
    <t>GGPS MIANI DHALRI</t>
  </si>
  <si>
    <t>Ghogheat</t>
  </si>
  <si>
    <t>Bhatti Colony Miani</t>
  </si>
  <si>
    <t>Samra Gulzar</t>
  </si>
  <si>
    <t>GGPS WAZIR SHAH WALA MULTAN</t>
  </si>
  <si>
    <t>Mari Walian</t>
  </si>
  <si>
    <t>Wazir Shah Wala Mauza Mari walian</t>
  </si>
  <si>
    <t>Wazir Shah Wala</t>
  </si>
  <si>
    <t>Khagey Wala</t>
  </si>
  <si>
    <t>Shakeela mai</t>
  </si>
  <si>
    <t>GPS BASTI BARKAT ALI</t>
  </si>
  <si>
    <t>14937</t>
  </si>
  <si>
    <t>GGES ABDAL</t>
  </si>
  <si>
    <t>Abdal tehsil bhalwal dist. Sargodha</t>
  </si>
  <si>
    <t>GPS KOT LAL SHAH NO.2</t>
  </si>
  <si>
    <t>drasti Wala lodhran</t>
  </si>
  <si>
    <t>Drasti Wala</t>
  </si>
  <si>
    <t>Rao Abdullah Naeem</t>
  </si>
  <si>
    <t>GGPS BASTI PUN P/O BASANT KOT BASTI PUN VEHARI ROAD</t>
  </si>
  <si>
    <t>Bilal Wala</t>
  </si>
  <si>
    <t>moza bilal wala basti pun</t>
  </si>
  <si>
    <t>Basti Pun</t>
  </si>
  <si>
    <t>39034</t>
  </si>
  <si>
    <t>GES BHATU</t>
  </si>
  <si>
    <t>vill bathu teh fateh jang distt Attock</t>
  </si>
  <si>
    <t>Zakia Basheer</t>
  </si>
  <si>
    <t>GPS CHAK NO 259 HL</t>
  </si>
  <si>
    <t>259/HL</t>
  </si>
  <si>
    <t>Chak#259/HL, Tehsil Fort Abbas, District Bahawal Nagar</t>
  </si>
  <si>
    <t>GGPS 50 SP P.O.50 SP</t>
  </si>
  <si>
    <t>Saima Farooq</t>
  </si>
  <si>
    <t>GPS ISLAMIA NO.2 JP JATTAN</t>
  </si>
  <si>
    <t>Adda Tam Tam Jalal Pur Jattan</t>
  </si>
  <si>
    <t>Murtaza Sadiq</t>
  </si>
  <si>
    <t>GGES CHAK 342 JB LUDHAR SHARIF</t>
  </si>
  <si>
    <t>Gges342jb</t>
  </si>
  <si>
    <t>Ludharshrif</t>
  </si>
  <si>
    <t>345jb 1</t>
  </si>
  <si>
    <t>33011</t>
  </si>
  <si>
    <t>GGCMS CHAK 5 KALAN</t>
  </si>
  <si>
    <t>Chak No 5 Kalan</t>
  </si>
  <si>
    <t>GGPS MOUZA MUMBAR</t>
  </si>
  <si>
    <t>Mumberr</t>
  </si>
  <si>
    <t>moza mumberr</t>
  </si>
  <si>
    <t>Moza mumberr</t>
  </si>
  <si>
    <t>712 GB</t>
  </si>
  <si>
    <t>Saima Tasneem</t>
  </si>
  <si>
    <t>GPS CHAK NO 23/NP</t>
  </si>
  <si>
    <t>Chak No 23 NP</t>
  </si>
  <si>
    <t>Chak no 23 np Chak no 24 np</t>
  </si>
  <si>
    <t>Chak No 23 Np</t>
  </si>
  <si>
    <t>Drighrah</t>
  </si>
  <si>
    <t>GGES DINGA</t>
  </si>
  <si>
    <t>GGES dinga no 1</t>
  </si>
  <si>
    <t>Qudsia Chaudhary</t>
  </si>
  <si>
    <t>19128</t>
  </si>
  <si>
    <t>GGPS JALAR SUGLA</t>
  </si>
  <si>
    <t>ggps jhalar sughla</t>
  </si>
  <si>
    <t>New Abadi Jhalar Sughla</t>
  </si>
  <si>
    <t>Chak No737GB</t>
  </si>
  <si>
    <t>GPS KOTHEY WALA NO.1 MOZA KOTHI WALA P/O SAME</t>
  </si>
  <si>
    <t>bhanjran wala moaza kothey wala tehsil &amp; district multan</t>
  </si>
  <si>
    <t>Bhanjran Wala</t>
  </si>
  <si>
    <t>Zahid Ameen</t>
  </si>
  <si>
    <t>GMPS CHAK 435 JB GHANIA</t>
  </si>
  <si>
    <t>Chak/No.435jb</t>
  </si>
  <si>
    <t>435jb</t>
  </si>
  <si>
    <t>Usmana Mushtaq</t>
  </si>
  <si>
    <t>GGPS CHAK NO.26 NB</t>
  </si>
  <si>
    <t>26 NB</t>
  </si>
  <si>
    <t>chack 26 NB</t>
  </si>
  <si>
    <t>Chack 26 NB</t>
  </si>
  <si>
    <t>Chack 15 SB</t>
  </si>
  <si>
    <t>Iqra Shakeel</t>
  </si>
  <si>
    <t>GGPS ZAMAN KHAIL</t>
  </si>
  <si>
    <t>peelowaince thasail Noorpur</t>
  </si>
  <si>
    <t>GGES CHAK NO 215 TDA</t>
  </si>
  <si>
    <t>215TDA</t>
  </si>
  <si>
    <t>chak #215TDA</t>
  </si>
  <si>
    <t>Chak #215TDA</t>
  </si>
  <si>
    <t>Dager Kotli</t>
  </si>
  <si>
    <t>Shamim AKHTER</t>
  </si>
  <si>
    <t>14186</t>
  </si>
  <si>
    <t>GMPS BASTI SARAI</t>
  </si>
  <si>
    <t>Raqba Nabi Sha</t>
  </si>
  <si>
    <t>raqba nabi sha basti sarai</t>
  </si>
  <si>
    <t>Basti Dada</t>
  </si>
  <si>
    <t>Nayar Jabeen</t>
  </si>
  <si>
    <t>35946</t>
  </si>
  <si>
    <t>GGPS ALI WAH</t>
  </si>
  <si>
    <t>Basti Ali wah mozaa Ali wah mailsi</t>
  </si>
  <si>
    <t>GMES KINGRA</t>
  </si>
  <si>
    <t>VPO Kingra, Tehsil Pasrur Distt. Sialkot.</t>
  </si>
  <si>
    <t>38106</t>
  </si>
  <si>
    <t>GGPS BASTI MURAD WALA</t>
  </si>
  <si>
    <t>Basti loharan Murad wala lodhran</t>
  </si>
  <si>
    <t>Basti Murad Wala</t>
  </si>
  <si>
    <t>GGES MOHRA MARI</t>
  </si>
  <si>
    <t>MOHRA MARI</t>
  </si>
  <si>
    <t>VILL MOHRA MARI PO KAUNTRILA</t>
  </si>
  <si>
    <t>Muswar Bashir</t>
  </si>
  <si>
    <t>GPS CHAK N0.3 FAIZ P/O 4/F</t>
  </si>
  <si>
    <t>3 Faiz</t>
  </si>
  <si>
    <t>chak no 3/Faiz P/O Lar Tehsil &amp; District  Multan</t>
  </si>
  <si>
    <t>GGES CHAK 322 GB</t>
  </si>
  <si>
    <t>Chak no 322 gb</t>
  </si>
  <si>
    <t>Chak No322 Gb</t>
  </si>
  <si>
    <t>330 Kotli</t>
  </si>
  <si>
    <t>GPS NO. 2 AHMAD ABAD TOWN COMMITTEE</t>
  </si>
  <si>
    <t>Ahmad Abad Narowal</t>
  </si>
  <si>
    <t>GMPS CHAK LASHKARI</t>
  </si>
  <si>
    <t>Chak Lashkri</t>
  </si>
  <si>
    <t>GMPS Chak Lashkri PO Dinga Teh Kharian Distt Gujrat</t>
  </si>
  <si>
    <t>Umm- E-Maryam</t>
  </si>
  <si>
    <t>52815</t>
  </si>
  <si>
    <t>GGPS BAWA TAHIR</t>
  </si>
  <si>
    <t>Bawa Tahir Haveli Lakha</t>
  </si>
  <si>
    <t>BAWA TAHIR</t>
  </si>
  <si>
    <t>Asifa Parween</t>
  </si>
  <si>
    <t>GPS BASTI KAHEERI</t>
  </si>
  <si>
    <t>dibbi shah</t>
  </si>
  <si>
    <t>basti kaheeri u/c dibbi shah tehsile kotaddu</t>
  </si>
  <si>
    <t>muhammad imran asghar</t>
  </si>
  <si>
    <t>GPS PIPAL WALA (SULTAN MANDOR)</t>
  </si>
  <si>
    <t>moza basti Kharak p/o mandoreen</t>
  </si>
  <si>
    <t>Bhan Wala</t>
  </si>
  <si>
    <t>Ghulam Jaffar Farooqi</t>
  </si>
  <si>
    <t>GGES CHAK 337 GB DHOLAN</t>
  </si>
  <si>
    <t>GGES 337 GB</t>
  </si>
  <si>
    <t>Chak No 337 GB</t>
  </si>
  <si>
    <t>Rahat Afza</t>
  </si>
  <si>
    <t>GGPS NAHAR WALI</t>
  </si>
  <si>
    <t>Naher Wali</t>
  </si>
  <si>
    <t>basti kachi kothi moza naher wali</t>
  </si>
  <si>
    <t>GGPS CHAK 309/HR</t>
  </si>
  <si>
    <t>309/hr</t>
  </si>
  <si>
    <t>Chak 309/H.R Fortabbas BWN</t>
  </si>
  <si>
    <t>GGES FATEH REHAN</t>
  </si>
  <si>
    <t>Fatah Rehan</t>
  </si>
  <si>
    <t>post office ayan nagar kalan kala khatai road,fateh rehan</t>
  </si>
  <si>
    <t>GES SHINKA</t>
  </si>
  <si>
    <t>Village Shinka  po shinka Tehsil Hazro Distt Attack</t>
  </si>
  <si>
    <t>M Ibraheem</t>
  </si>
  <si>
    <t>GGPS KOTLI LOHARAN WEST</t>
  </si>
  <si>
    <t>mohalla nakhowal kotli loharan West</t>
  </si>
  <si>
    <t>GGES MOUZA KHODE</t>
  </si>
  <si>
    <t>khode</t>
  </si>
  <si>
    <t>moza khode p/o mal fatyana tehsil kamalia</t>
  </si>
  <si>
    <t>mohammad shah</t>
  </si>
  <si>
    <t>Ayesha Mazhar</t>
  </si>
  <si>
    <t>GMPS PHAMBRA</t>
  </si>
  <si>
    <t>Phambra</t>
  </si>
  <si>
    <t>GMPS PHAMBRA, VILLAGE PHAMBRA,TEHSIL AND DISTRICT GUJRAT.</t>
  </si>
  <si>
    <t>Safina Nazir</t>
  </si>
  <si>
    <t>GPS KOT DINA</t>
  </si>
  <si>
    <t>kot dina</t>
  </si>
  <si>
    <t>Saran Kay</t>
  </si>
  <si>
    <t>Muhammad Abdullah Hashmi</t>
  </si>
  <si>
    <t>GPS MEERAKH KALAN</t>
  </si>
  <si>
    <t>Meerakh Kalan</t>
  </si>
  <si>
    <t>village meerakh kalan p/o 
Jalapur Bhattian tehsil Pindi Bhattian dist Hafizabad</t>
  </si>
  <si>
    <t>GPS CHAK 305 GB</t>
  </si>
  <si>
    <t>305 GB</t>
  </si>
  <si>
    <t>Chak 305 GB Toba Tek Singh</t>
  </si>
  <si>
    <t>GGPS CHHANT</t>
  </si>
  <si>
    <t>GGPS CHHANT Tehsil Bhera district Sargodha</t>
  </si>
  <si>
    <t>25449</t>
  </si>
  <si>
    <t>GGPS KOTHAY REHMAT KHAN</t>
  </si>
  <si>
    <t>Kothay Rehmat Khan</t>
  </si>
  <si>
    <t>kothay Rehmat Khan</t>
  </si>
  <si>
    <t>Nasrin Akhter</t>
  </si>
  <si>
    <t>GGPS SODANA</t>
  </si>
  <si>
    <t>village sodana the pindi bhattian distt hafizabad</t>
  </si>
  <si>
    <t>Anser Batool</t>
  </si>
  <si>
    <t>GPS CHAK 304 GB II</t>
  </si>
  <si>
    <t>304 GB</t>
  </si>
  <si>
    <t>ch#304 GB</t>
  </si>
  <si>
    <t>Muhammad Aish</t>
  </si>
  <si>
    <t>GGPS CHAMRIAL</t>
  </si>
  <si>
    <t>village chamrial post offic sarjal tehsil shakargarh distric narowal</t>
  </si>
  <si>
    <t>chamrila</t>
  </si>
  <si>
    <t>chamrial</t>
  </si>
  <si>
    <t>Abeera Basharat</t>
  </si>
  <si>
    <t>17663</t>
  </si>
  <si>
    <t>GGES KOTLI BAQIR SHAH</t>
  </si>
  <si>
    <t>Kotli Baqir Shah</t>
  </si>
  <si>
    <t>kotli baqir shah</t>
  </si>
  <si>
    <t>GPS FATTO WALA</t>
  </si>
  <si>
    <t>Fattowala</t>
  </si>
  <si>
    <t>fattowala</t>
  </si>
  <si>
    <t>23461</t>
  </si>
  <si>
    <t>GGES RASHID PUR</t>
  </si>
  <si>
    <t>Rashid Pur</t>
  </si>
  <si>
    <t>v.p.o rashid pur the sarai almgir</t>
  </si>
  <si>
    <t>GPS CHAK 263 GB</t>
  </si>
  <si>
    <t>Muhammad PPora</t>
  </si>
  <si>
    <t>chak no263 gb</t>
  </si>
  <si>
    <t>Chak No 263 Gb</t>
  </si>
  <si>
    <t>GPS RAHMOON WALA</t>
  </si>
  <si>
    <t>Laang</t>
  </si>
  <si>
    <t>Bhuttay wala , Moza laang, khangarh teh. &amp; distt. muzaffargarh</t>
  </si>
  <si>
    <t>Muhammad Zaki Nazir</t>
  </si>
  <si>
    <t>GES CHAK NO.154 NB</t>
  </si>
  <si>
    <t>Chak No 154 NB</t>
  </si>
  <si>
    <t>Chak  No 154 NB</t>
  </si>
  <si>
    <t>40801</t>
  </si>
  <si>
    <t>GGPS BIT SHER ALI</t>
  </si>
  <si>
    <t>Bhit Sher Ali</t>
  </si>
  <si>
    <t>village bhit sher ali p/o kot dhamiak teh.sohawa jhelum</t>
  </si>
  <si>
    <t>Zobina Manzoor</t>
  </si>
  <si>
    <t>23553</t>
  </si>
  <si>
    <t>GGPS WAPDA COLONY SARA-I-ALAMGIR</t>
  </si>
  <si>
    <t>wapda colony teh sara i alamgir distt. gujrat</t>
  </si>
  <si>
    <t>GGPS CHAK NO. 249/P</t>
  </si>
  <si>
    <t>GGPS 249/P Near commerce college basti pursan</t>
  </si>
  <si>
    <t>Kot Kamu Shaa</t>
  </si>
  <si>
    <t>Bushra Kalim</t>
  </si>
  <si>
    <t>GGES JALALPUR BHATTIAN (ALAM PURA)</t>
  </si>
  <si>
    <t>Alampura</t>
  </si>
  <si>
    <t>muhallah alampura jalapur bhattian</t>
  </si>
  <si>
    <t>GGPS RAKH PAKPATTAN</t>
  </si>
  <si>
    <t>Rakh Pakpattan</t>
  </si>
  <si>
    <t>Rakh pakpattan</t>
  </si>
  <si>
    <t>GGPS BOGHAL NIJAR</t>
  </si>
  <si>
    <t>Bhogal Nijar</t>
  </si>
  <si>
    <t>bhogal nijar</t>
  </si>
  <si>
    <t>Chandarkr Mongole</t>
  </si>
  <si>
    <t>Rehana Tabassam</t>
  </si>
  <si>
    <t>GPS BASTI CHAH LAL KHAN</t>
  </si>
  <si>
    <t>sahan wala</t>
  </si>
  <si>
    <t>gps basti chah laal khan</t>
  </si>
  <si>
    <t>gul wala</t>
  </si>
  <si>
    <t>GGES 63/5-L</t>
  </si>
  <si>
    <t>63/5L</t>
  </si>
  <si>
    <t>chak#63/5L</t>
  </si>
  <si>
    <t>Tanzila Hanif</t>
  </si>
  <si>
    <t>GGPS THATTI GULL</t>
  </si>
  <si>
    <t>Thatti Gul</t>
  </si>
  <si>
    <t>GGPS Thatti gul p/o kot shakir</t>
  </si>
  <si>
    <t>GGES KUL BAJWA</t>
  </si>
  <si>
    <t>Kull Bajwa</t>
  </si>
  <si>
    <t>Kull Bajwa, Tehsil Pasroor, Distt Sialkot.</t>
  </si>
  <si>
    <t>Saleha Tahir</t>
  </si>
  <si>
    <t>45148</t>
  </si>
  <si>
    <t>GES CHAK NO 75 ML</t>
  </si>
  <si>
    <t>75ml</t>
  </si>
  <si>
    <t>govt elemantry school chak no 75ml</t>
  </si>
  <si>
    <t>Moza Kalas Dakhana Thatti Bala Raja Teh Lalian Distt Chiniot</t>
  </si>
  <si>
    <t>RUKHSANA BASHIR</t>
  </si>
  <si>
    <t>36858</t>
  </si>
  <si>
    <t>GGPS NOOREY WALA, P/O MOUZA MARI SAHU, KABIRWALA</t>
  </si>
  <si>
    <t>54584</t>
  </si>
  <si>
    <t>GPS NALI</t>
  </si>
  <si>
    <t>P/O Kot Hassan Khan village Nali Tehsil and District Hafizabad</t>
  </si>
  <si>
    <t>MUHAMMAD SAJJAD AWAN</t>
  </si>
  <si>
    <t>GPS CHAK NO.33 WB</t>
  </si>
  <si>
    <t>33 WB</t>
  </si>
  <si>
    <t>chak no 33 wb vehari</t>
  </si>
  <si>
    <t>Chak No 15 Wb</t>
  </si>
  <si>
    <t>turbines</t>
  </si>
  <si>
    <t>GPS KOTLI BAGHA</t>
  </si>
  <si>
    <t>Kotli Bagha</t>
  </si>
  <si>
    <t>Kotli Bagha Post Office Mandiala Tega tehsil kamoke dist gujranwala</t>
  </si>
  <si>
    <t>Chak Ramdas Nau</t>
  </si>
  <si>
    <t>Hafiz Abu Qatadah Sani</t>
  </si>
  <si>
    <t>GPS CDG WACHO WAL</t>
  </si>
  <si>
    <t>wachowali inside lohari gate lahore</t>
  </si>
  <si>
    <t>Mustansar Mukhtar</t>
  </si>
  <si>
    <t>GPS MATTA SINGH</t>
  </si>
  <si>
    <t>MATTA SINGH</t>
  </si>
  <si>
    <t>GPS Matta singh</t>
  </si>
  <si>
    <t>Mazrabad</t>
  </si>
  <si>
    <t>Hafiz Zahoor Ahmad</t>
  </si>
  <si>
    <t>GPS 44/10-R JADEED, P/O 44/10-R, JADEED</t>
  </si>
  <si>
    <t>44/10R</t>
  </si>
  <si>
    <t>Chawk # 44/10R Jadeed</t>
  </si>
  <si>
    <t>GGPS MAKHAN BELA KHAS</t>
  </si>
  <si>
    <t>Basti &amp;Moza Makkhan Bella T&amp;District M.Garh</t>
  </si>
  <si>
    <t>Misbah Nazir</t>
  </si>
  <si>
    <t>39135</t>
  </si>
  <si>
    <t>GGPS GAROO</t>
  </si>
  <si>
    <t>garoo</t>
  </si>
  <si>
    <t>garoo teh fateh jang distt attock</t>
  </si>
  <si>
    <t>guliyal</t>
  </si>
  <si>
    <t>Bibi Shamim Akhter</t>
  </si>
  <si>
    <t>GGPS CHAH GODA</t>
  </si>
  <si>
    <t>govt girls primary schoolchah goda</t>
  </si>
  <si>
    <t>GGPS CHAK 5/FW MOCHI PURA</t>
  </si>
  <si>
    <t>Chak 5 Fw Mochi Pura</t>
  </si>
  <si>
    <t>5 Fw Mochi Pura tehsil Chishtian district bahawalnagar</t>
  </si>
  <si>
    <t>5 Fw Mochi Pura</t>
  </si>
  <si>
    <t>Maira Shabbir</t>
  </si>
  <si>
    <t>GGPS TRARI WALA</t>
  </si>
  <si>
    <t>chah trari wala</t>
  </si>
  <si>
    <t>Trari Wala</t>
  </si>
  <si>
    <t>GPS MAHLAAH</t>
  </si>
  <si>
    <t>moza mahlah</t>
  </si>
  <si>
    <t>Muttanasar Tariq Abbas</t>
  </si>
  <si>
    <t>GPS MISSION BLOCK G</t>
  </si>
  <si>
    <t>GPS Mission G Block Arifwala</t>
  </si>
  <si>
    <t>Ward No 19</t>
  </si>
  <si>
    <t>Alif Ain Ullah Shah</t>
  </si>
  <si>
    <t>GES JATIAL</t>
  </si>
  <si>
    <t>JATIAL</t>
  </si>
  <si>
    <t>VILLAGE JATIAL, TEH HAZRO, DISTT ATTOCK</t>
  </si>
  <si>
    <t>BAHADUR KHAN</t>
  </si>
  <si>
    <t>Ali Asgher</t>
  </si>
  <si>
    <t>40963</t>
  </si>
  <si>
    <t>GGPS HADALI</t>
  </si>
  <si>
    <t>village hadali post office Dina tehsil Dina district jhelum</t>
  </si>
  <si>
    <t>Mc Dina</t>
  </si>
  <si>
    <t>Mehwish Amir</t>
  </si>
  <si>
    <t>GGPS BASTI BODLA</t>
  </si>
  <si>
    <t>Sijawal Wala</t>
  </si>
  <si>
    <t>basti sijawal Wala p/o noorpur bwp saddar</t>
  </si>
  <si>
    <t>Jimrahni Kohna</t>
  </si>
  <si>
    <t>GGPS BHADANA</t>
  </si>
  <si>
    <t>GGPS Bhadana Teh&amp;Distt  Gujrat</t>
  </si>
  <si>
    <t>Sarwat Rafique</t>
  </si>
  <si>
    <t>GPS CHAH KHALIL WALA NO. 1</t>
  </si>
  <si>
    <t>p.o sawans chah khalil wala  tehsil &amp; district mianwali</t>
  </si>
  <si>
    <t>Ajjab Khan</t>
  </si>
  <si>
    <t>GGPS NOOR SHAH KAHIRAN WALA</t>
  </si>
  <si>
    <t>ggps noor shah Kahiran Wala</t>
  </si>
  <si>
    <t>Noor Shah  Kahiran Wala</t>
  </si>
  <si>
    <t>GPS POPULAR NURSARY</t>
  </si>
  <si>
    <t>Popular Nursery</t>
  </si>
  <si>
    <t>street no 30 popular nursery Gujranwala</t>
  </si>
  <si>
    <t>GGES MONGI WALI</t>
  </si>
  <si>
    <t>Mongiwali</t>
  </si>
  <si>
    <t>GGE/S Mongiwali</t>
  </si>
  <si>
    <t>Dur-e-shahwar</t>
  </si>
  <si>
    <t>GGPS NATHA CHTTRA</t>
  </si>
  <si>
    <t>Natha chatter</t>
  </si>
  <si>
    <t>Village and post office NATHA CHATTER</t>
  </si>
  <si>
    <t>Natha Chatter</t>
  </si>
  <si>
    <t>Daultala II</t>
  </si>
  <si>
    <t>GGPS GLOTIAN MORE</t>
  </si>
  <si>
    <t>More Galotian</t>
  </si>
  <si>
    <t>GGPS glotian more teh daska dist sialkot</t>
  </si>
  <si>
    <t>more glotian</t>
  </si>
  <si>
    <t>glotian khaurd</t>
  </si>
  <si>
    <t>p/o raitri tehsil kallur kot dist bhakkar</t>
  </si>
  <si>
    <t>Mumtaz Gul</t>
  </si>
  <si>
    <t>GES BANGAL WALA P/O KOT ABBAS MELA RAM</t>
  </si>
  <si>
    <t>Basti Bangal Wala</t>
  </si>
  <si>
    <t>Malik Muneer Ahmed</t>
  </si>
  <si>
    <t>GMPS SIDDIQIA COLONY</t>
  </si>
  <si>
    <t>Siddiqia colony bhowana</t>
  </si>
  <si>
    <t>Shazia Qamar</t>
  </si>
  <si>
    <t>GPS AHMAD BUX DAD POTRA</t>
  </si>
  <si>
    <t>GPS Ahmad Bux Dad Potra</t>
  </si>
  <si>
    <t>Kotla Khan Muhammad Muhammad</t>
  </si>
  <si>
    <t>Muhammad Waqas Saleem</t>
  </si>
  <si>
    <t>GES USMAN SHAH</t>
  </si>
  <si>
    <t>Usman Shah</t>
  </si>
  <si>
    <t>GES usman shah</t>
  </si>
  <si>
    <t>GPS TULSA</t>
  </si>
  <si>
    <t>Raja Akram Colony</t>
  </si>
  <si>
    <t>gps tulsa rwp raja akram colony</t>
  </si>
  <si>
    <t>bored water</t>
  </si>
  <si>
    <t>GMPS PHADIALA SYEDAN</t>
  </si>
  <si>
    <t>Bhadyala</t>
  </si>
  <si>
    <t>vpo bhadyala syedan</t>
  </si>
  <si>
    <t>Bhadyala Syedan</t>
  </si>
  <si>
    <t>Saadia Mobeen</t>
  </si>
  <si>
    <t>GGPS CHAK NO. 2/P</t>
  </si>
  <si>
    <t>Chak 2/p</t>
  </si>
  <si>
    <t>Tehsil khanpur dist ryk ggps chak no 2/   p</t>
  </si>
  <si>
    <t>GMPS SOHAWA BAJWA</t>
  </si>
  <si>
    <t>Sohawa Bajwa</t>
  </si>
  <si>
    <t>village sohawa bajwa the.pasrur sialkot</t>
  </si>
  <si>
    <t>Chechrwali</t>
  </si>
  <si>
    <t>Amina Nazir</t>
  </si>
  <si>
    <t>GGES RAY CHUND</t>
  </si>
  <si>
    <t>Ray Chand</t>
  </si>
  <si>
    <t>GGES Ray Chand</t>
  </si>
  <si>
    <t>Mehwish Tanveer</t>
  </si>
  <si>
    <t>GPS WARD NO. 3 CHOWK AZAM</t>
  </si>
  <si>
    <t>Ward No 3</t>
  </si>
  <si>
    <t>ward No 3 Abrahim petrol Pump Street Fateh Pur Road chowk azam</t>
  </si>
  <si>
    <t>Muhammad Afzal Zia</t>
  </si>
  <si>
    <t>GGES WARN</t>
  </si>
  <si>
    <t>village warn</t>
  </si>
  <si>
    <t>Warn 72</t>
  </si>
  <si>
    <t>GGPS RANA</t>
  </si>
  <si>
    <t>GGPS Rana</t>
  </si>
  <si>
    <t>GGES 453 EB</t>
  </si>
  <si>
    <t>Chak 453/EB</t>
  </si>
  <si>
    <t>chak no 453EB burewala</t>
  </si>
  <si>
    <t>Chak 457/EB</t>
  </si>
  <si>
    <t>Chak 457EB</t>
  </si>
  <si>
    <t>Tahmina Asghar</t>
  </si>
  <si>
    <t>GGES BHOI GAR</t>
  </si>
  <si>
    <t>PindMehri</t>
  </si>
  <si>
    <t>Jamila Hashmi</t>
  </si>
  <si>
    <t>GGPS MAHNDAR N2</t>
  </si>
  <si>
    <t>Mahandar</t>
  </si>
  <si>
    <t>village and post office mahandar teh gujar khan district Rawalpindi</t>
  </si>
  <si>
    <t>Nuzbah Shaheen</t>
  </si>
  <si>
    <t>18777</t>
  </si>
  <si>
    <t>46571</t>
  </si>
  <si>
    <t>Chak no 372 tda choubara layyah</t>
  </si>
  <si>
    <t>Chak No 372 T D A</t>
  </si>
  <si>
    <t>GGES WALIAN WALI</t>
  </si>
  <si>
    <t>wahlianwali</t>
  </si>
  <si>
    <t>GPS RASOOL PUR KALAN, CHAK HAIDER ABAD, KABIRWALA</t>
  </si>
  <si>
    <t>basti bulakiwala mouza rasool pur tehsil kabirwala distt. khanewal</t>
  </si>
  <si>
    <t>Bulakiwala</t>
  </si>
  <si>
    <t>Salarwhin Khna</t>
  </si>
  <si>
    <t>GGPS DERA MEHROO</t>
  </si>
  <si>
    <t>dera mehroo post office massa kotha tehsil kahror pacca district lodhran</t>
  </si>
  <si>
    <t>Dera Mehro</t>
  </si>
  <si>
    <t>Massa Khota</t>
  </si>
  <si>
    <t>GGES 11-1/L</t>
  </si>
  <si>
    <t>11/1-L</t>
  </si>
  <si>
    <t>CHAK NO.11/1-L</t>
  </si>
  <si>
    <t>IRFANA Abid</t>
  </si>
  <si>
    <t>GPS TULAMBA NO.2</t>
  </si>
  <si>
    <t>near thana, Tulamba</t>
  </si>
  <si>
    <t>GGCMS NAIKU KHELAN WALA</t>
  </si>
  <si>
    <t>MM road Mianwali city</t>
  </si>
  <si>
    <t>Nekukjelanwala</t>
  </si>
  <si>
    <t>Gulmeeri</t>
  </si>
  <si>
    <t>Syedah Farhat</t>
  </si>
  <si>
    <t>22826</t>
  </si>
  <si>
    <t>GGPS JAMNA</t>
  </si>
  <si>
    <t>Jamna</t>
  </si>
  <si>
    <t>Govt girls primary school Jamna post office railway road teh &amp; dist Gujrat</t>
  </si>
  <si>
    <t>Syeda Attia tr Rehman</t>
  </si>
  <si>
    <t>GPS MOHALLA BAHAR SHAH</t>
  </si>
  <si>
    <t>Mohallah Bahar Shah</t>
  </si>
  <si>
    <t>gps bahar shah</t>
  </si>
  <si>
    <t>Bahar shah</t>
  </si>
  <si>
    <t>Jhangir Hussain</t>
  </si>
  <si>
    <t>Mohabat Surani</t>
  </si>
  <si>
    <t>mouza Mohabat Surani p/o shadi Khan</t>
  </si>
  <si>
    <t>Shahila Gul</t>
  </si>
  <si>
    <t>39856</t>
  </si>
  <si>
    <t>GGCMS SUNDKI</t>
  </si>
  <si>
    <t>govt girls community model school sundki</t>
  </si>
  <si>
    <t>sundki</t>
  </si>
  <si>
    <t>Gul e Rana</t>
  </si>
  <si>
    <t>23756</t>
  </si>
  <si>
    <t>GPS GHUINKE NO.1</t>
  </si>
  <si>
    <t>ghiinke</t>
  </si>
  <si>
    <t>GGPS FASIAL COLONY</t>
  </si>
  <si>
    <t>Faisal colony farooqabad</t>
  </si>
  <si>
    <t>Muncipal Comety Farooqabad</t>
  </si>
  <si>
    <t>Saima ijaz</t>
  </si>
  <si>
    <t>GGES BABAKWAL</t>
  </si>
  <si>
    <t>babakwal the ferozewala dist skp</t>
  </si>
  <si>
    <t>Nahid Latif</t>
  </si>
  <si>
    <t>GPS 19 JB I</t>
  </si>
  <si>
    <t>QADIR  KAY</t>
  </si>
  <si>
    <t>Chak No 19JB Qadar Key Teh :Jhumra Faisalabad</t>
  </si>
  <si>
    <t>19  JB</t>
  </si>
  <si>
    <t>19 JB Qadar Key</t>
  </si>
  <si>
    <t>Binyamin</t>
  </si>
  <si>
    <t>GGCEMS BOTAY WALA MAKHDOOM RASHEED</t>
  </si>
  <si>
    <t>bootay wala p/o makhdoom rashid teh multan saddar dist multan</t>
  </si>
  <si>
    <t>Ghazala Wajid</t>
  </si>
  <si>
    <t>GGPS CHAK NO 304 HR</t>
  </si>
  <si>
    <t>304hr</t>
  </si>
  <si>
    <t>Uzma Nureen</t>
  </si>
  <si>
    <t>GGES CHAK NO.12 GARMULA</t>
  </si>
  <si>
    <t>Chak No 12GB</t>
  </si>
  <si>
    <t>Chak No 12 GB Garmula Teh and Distt.Nankana Sahib.</t>
  </si>
  <si>
    <t>Chak No 12 Garmula</t>
  </si>
  <si>
    <t>Garmula</t>
  </si>
  <si>
    <t>GGPS 169/M BASTI P.P</t>
  </si>
  <si>
    <t>Muslimtown Chak No 169/M PP</t>
  </si>
  <si>
    <t>Muslim town Chak no 169/M P.P</t>
  </si>
  <si>
    <t>Chak No 169/ M PP</t>
  </si>
  <si>
    <t>Chak No 169/M PP</t>
  </si>
  <si>
    <t>GES ZAFAR ABAD mouza sadhana samandoana</t>
  </si>
  <si>
    <t>Muzaffar Abbas Tariq</t>
  </si>
  <si>
    <t>GES CHAK NO NO 18</t>
  </si>
  <si>
    <t>GMPS BAGHA AHMAD WALA</t>
  </si>
  <si>
    <t>Bagha Ahmad wala 'mangini  tahseel bhowana district chiniot</t>
  </si>
  <si>
    <t>Bagha Ahmadwala</t>
  </si>
  <si>
    <t>Rifat Zahra</t>
  </si>
  <si>
    <t>35318</t>
  </si>
  <si>
    <t>GMPS MC HABIB COLONY</t>
  </si>
  <si>
    <t>govt mc m p/s habib colony bure wala</t>
  </si>
  <si>
    <t>Ward No 16</t>
  </si>
  <si>
    <t>GGPS RAIKA MAIRA</t>
  </si>
  <si>
    <t>Raika maira p.o chak beli khan tehsil Rawalpindi</t>
  </si>
  <si>
    <t>Mrs Waqar Un Nisa</t>
  </si>
  <si>
    <t>GMMS GHOSIA MASOOMIA MASOOM GANG</t>
  </si>
  <si>
    <t>Hafeez Road</t>
  </si>
  <si>
    <t>Munshi</t>
  </si>
  <si>
    <t>Munshi Park</t>
  </si>
  <si>
    <t>ZAHID AZIZ Butt</t>
  </si>
  <si>
    <t>GGES CHAK 306 JB</t>
  </si>
  <si>
    <t>Chak 306 JB</t>
  </si>
  <si>
    <t>Chak 306 Jb</t>
  </si>
  <si>
    <t>Qadirabad 354 Jb</t>
  </si>
  <si>
    <t>11945</t>
  </si>
  <si>
    <t>GGPS MUBARAK PURA</t>
  </si>
  <si>
    <t>basti mubarak wala</t>
  </si>
  <si>
    <t>Mubarak Wala</t>
  </si>
  <si>
    <t>Sara Riaz</t>
  </si>
  <si>
    <t>GGPS CHAK 710 GB II</t>
  </si>
  <si>
    <t>Shafi Wala</t>
  </si>
  <si>
    <t>moiza shafi wala</t>
  </si>
  <si>
    <t>710/2</t>
  </si>
  <si>
    <t>712 Gb</t>
  </si>
  <si>
    <t>Sadia Khizar</t>
  </si>
  <si>
    <t>GPS CHAK 201 RB II</t>
  </si>
  <si>
    <t>201 RB talawan II</t>
  </si>
  <si>
    <t>Chak no. 201 RB II Fsd</t>
  </si>
  <si>
    <t>201 RB II</t>
  </si>
  <si>
    <t>Chak no. 195 RB jandanwala fsd</t>
  </si>
  <si>
    <t>Muhammad shahid</t>
  </si>
  <si>
    <t>39638</t>
  </si>
  <si>
    <t>GGES MARYALA</t>
  </si>
  <si>
    <t>vpo maryala , teh: jand, distt,: attock</t>
  </si>
  <si>
    <t>37748</t>
  </si>
  <si>
    <t>GES 121/10-R, JAHANIAN</t>
  </si>
  <si>
    <t>Chak No. 121/10-R Tehsil Jahanian District Khanewal.</t>
  </si>
  <si>
    <t>chak No 121/10-R</t>
  </si>
  <si>
    <t>Chak N0 127/10-R</t>
  </si>
  <si>
    <t>GMPS MANJHOTEY WALA</t>
  </si>
  <si>
    <t>gudden wala</t>
  </si>
  <si>
    <t>manjothay wala moza gaddan wala teh jampur dist rajanpur</t>
  </si>
  <si>
    <t>manjothay wala</t>
  </si>
  <si>
    <t>Allah abad sharqi</t>
  </si>
  <si>
    <t>sumbla saleem</t>
  </si>
  <si>
    <t>53627</t>
  </si>
  <si>
    <t>GGES CHAK NO. 19/1-L</t>
  </si>
  <si>
    <t>GGES 19/1L</t>
  </si>
  <si>
    <t>19/1L</t>
  </si>
  <si>
    <t>49843</t>
  </si>
  <si>
    <t>GGES NEW GUDARA, KABIRWALA</t>
  </si>
  <si>
    <t>New Gudara</t>
  </si>
  <si>
    <t>govt model Elementry school new Gudara school</t>
  </si>
  <si>
    <t>Adila Rehman</t>
  </si>
  <si>
    <t>GGES 77 RB</t>
  </si>
  <si>
    <t>Chak 77rb</t>
  </si>
  <si>
    <t>Chak no 77 rb lohky</t>
  </si>
  <si>
    <t>Chak 77 RB Lohky</t>
  </si>
  <si>
    <t>GMES BHALOOR BHARMNA</t>
  </si>
  <si>
    <t>Bhaloor</t>
  </si>
  <si>
    <t>GMES Bhalor P/O Kingra</t>
  </si>
  <si>
    <t>Pervaiz Hussain</t>
  </si>
  <si>
    <t>GGPS CHAK NO. 317/ EB, DEEWAN SAHIB</t>
  </si>
  <si>
    <t>chak no317 E.B deewan sahib</t>
  </si>
  <si>
    <t>317 Deewan</t>
  </si>
  <si>
    <t>Iqra baby</t>
  </si>
  <si>
    <t>32266</t>
  </si>
  <si>
    <t>GGP/s nizam pura farooq abad</t>
  </si>
  <si>
    <t>Mehmendwali</t>
  </si>
  <si>
    <t>mehmendwali pasrur Sialkot</t>
  </si>
  <si>
    <t>Tanzila Kouser</t>
  </si>
  <si>
    <t>GGPS KOT CHADU</t>
  </si>
  <si>
    <t>Kot Chaddu</t>
  </si>
  <si>
    <t>govt girls P/S Kot Chaddu ghuinki</t>
  </si>
  <si>
    <t>Akomahar</t>
  </si>
  <si>
    <t>GMPS ISMAIL AWAN</t>
  </si>
  <si>
    <t>ISMAIL AWAN</t>
  </si>
  <si>
    <t>VILLAGE ISMAIL AWAN POST OFFICE GHUINKE TEHSIL DASKA DISTRICT SIALKOT</t>
  </si>
  <si>
    <t>ATTIYA BATOOL</t>
  </si>
  <si>
    <t>GES CHITOR GARH QADEEM, P/O CHAK HAIDER ABAD, NAWAN SHEHR</t>
  </si>
  <si>
    <t>chitor garh</t>
  </si>
  <si>
    <t>moza chitor garh post office nawashahir barasta nawashahir</t>
  </si>
  <si>
    <t>15341</t>
  </si>
  <si>
    <t>GGES 193 RB</t>
  </si>
  <si>
    <t>chach no 193 RB shareenwala</t>
  </si>
  <si>
    <t>Shareenwala</t>
  </si>
  <si>
    <t>Lathainwala 200 Rb</t>
  </si>
  <si>
    <t>GGPS GURU NANAK PURA</t>
  </si>
  <si>
    <t>mohalla nizampura farooqabad</t>
  </si>
  <si>
    <t>Farooqabad City</t>
  </si>
  <si>
    <t>Shehla Maqbool</t>
  </si>
  <si>
    <t>25014</t>
  </si>
  <si>
    <t>GGPS DARYA BIDDER</t>
  </si>
  <si>
    <t>Darya Bidder</t>
  </si>
  <si>
    <t>village Darya bidder p.o kotli loharan west sialkot</t>
  </si>
  <si>
    <t>GGES MAAN KOT, NAWAN SHEHR</t>
  </si>
  <si>
    <t>Maankot</t>
  </si>
  <si>
    <t>GGES Mankot mongawala</t>
  </si>
  <si>
    <t>Yasmin Robi</t>
  </si>
  <si>
    <t>GPS 647 GB</t>
  </si>
  <si>
    <t>Rungpur</t>
  </si>
  <si>
    <t>chak no 647 g.b</t>
  </si>
  <si>
    <t>647 GB</t>
  </si>
  <si>
    <t>647 Gb</t>
  </si>
  <si>
    <t>GPS 60 RB II</t>
  </si>
  <si>
    <t>Balochni</t>
  </si>
  <si>
    <t>60 rb</t>
  </si>
  <si>
    <t>91 R B</t>
  </si>
  <si>
    <t>GGPS PAJIAN</t>
  </si>
  <si>
    <t>village pajjian</t>
  </si>
  <si>
    <t>KANIZ BASHIR</t>
  </si>
  <si>
    <t>GGPS JAMKAY</t>
  </si>
  <si>
    <t>Jamkay</t>
  </si>
  <si>
    <t>jamkay p/o fatta toor</t>
  </si>
  <si>
    <t>Sayyada Ramzan Bibi</t>
  </si>
  <si>
    <t>GGPS JODHO DHEER</t>
  </si>
  <si>
    <t>jodhu dheer</t>
  </si>
  <si>
    <t>Govt. Girls Primary School Jodhu Dheer Tehsil Raiwind, Lahore.</t>
  </si>
  <si>
    <t>muniba tufail</t>
  </si>
  <si>
    <t>GMPS FORE POTHI</t>
  </si>
  <si>
    <t>Forepothi</t>
  </si>
  <si>
    <t>village and post office forepothi tehsil sohawa distt jhelum.</t>
  </si>
  <si>
    <t>GPS NAI ABADI JHUGIAN AMEERPUR RAIWIND ROAD</t>
  </si>
  <si>
    <t>Jhuggian ameer pura raiwind road Lahore</t>
  </si>
  <si>
    <t>Jhugian Ameer Pura</t>
  </si>
  <si>
    <t>Rao Tahir Mehmood</t>
  </si>
  <si>
    <t>GGPS DERA MALA SING</t>
  </si>
  <si>
    <t>nai abadi dera malla Singh teh&amp; dist sheikhupura</t>
  </si>
  <si>
    <t>GPS KALIA PEER</t>
  </si>
  <si>
    <t>Kakki Nau Doum</t>
  </si>
  <si>
    <t>kalia pir u/c kakki nau teh. shorkot</t>
  </si>
  <si>
    <t>Kalia Pir</t>
  </si>
  <si>
    <t>Nasir Ali Javed</t>
  </si>
  <si>
    <t>GGPS DARGAHI SHAH</t>
  </si>
  <si>
    <t>DARGAHI SHAH</t>
  </si>
  <si>
    <t>JABBOANA</t>
  </si>
  <si>
    <t>Farhana Jabeen Summia</t>
  </si>
  <si>
    <t>GES WARA SIDHU</t>
  </si>
  <si>
    <t>Mashmoola Bhai Kot</t>
  </si>
  <si>
    <t>wara siddu near sundar state p/o raiwnd</t>
  </si>
  <si>
    <t>Wara Siddhu</t>
  </si>
  <si>
    <t>GGPS DUGRI HUNDLAN</t>
  </si>
  <si>
    <t>dugri hundlan p/o kamal pur chishtian teh Pasrur dist sialkot</t>
  </si>
  <si>
    <t>Safina Fatima</t>
  </si>
  <si>
    <t>GGPS PHULARWAN</t>
  </si>
  <si>
    <t>Village phularwan post office phularwan teh Sara_i_Alamgir District Gujrat</t>
  </si>
  <si>
    <t>Samra Majeed</t>
  </si>
  <si>
    <t>GGPS CHAK 295 GB III JINNAH ABADI</t>
  </si>
  <si>
    <t>BARIAN WALA</t>
  </si>
  <si>
    <t>chak no 295 GB jinnah abadi</t>
  </si>
  <si>
    <t>Rukshanda Yasmeen</t>
  </si>
  <si>
    <t>GGPS KAKI NAU CHAK AWAL</t>
  </si>
  <si>
    <t>Kakki Nau Chak Awal chah Rajy Wala</t>
  </si>
  <si>
    <t>Rajy Wala</t>
  </si>
  <si>
    <t>Alia Jabeen</t>
  </si>
  <si>
    <t>GPS KURLKE MINARA</t>
  </si>
  <si>
    <t>Kurlkey Minara</t>
  </si>
  <si>
    <t>Village Kurlkey Minara</t>
  </si>
  <si>
    <t>GGCMS KALIAR WALA</t>
  </si>
  <si>
    <t>kalyar wala p/o rodu sultan</t>
  </si>
  <si>
    <t>GPS CHAK 151 GB</t>
  </si>
  <si>
    <t>Chak no 151gb</t>
  </si>
  <si>
    <t>151gb</t>
  </si>
  <si>
    <t>49525</t>
  </si>
  <si>
    <t>GPmS BANGLA HUSSAIN SHAH</t>
  </si>
  <si>
    <t>Bangla Hussain Shah</t>
  </si>
  <si>
    <t>Jalal Pur Jadeed</t>
  </si>
  <si>
    <t>Samina Batool</t>
  </si>
  <si>
    <t>23451</t>
  </si>
  <si>
    <t>GES PIND AZIZ</t>
  </si>
  <si>
    <t>PIND AZIZ</t>
  </si>
  <si>
    <t>VILLAGE &amp; P/O PIND AZIZ TEHSIL SARAI ALAM GIR DISTRICT GUJRAT</t>
  </si>
  <si>
    <t>Shoaib Arshad</t>
  </si>
  <si>
    <t>GPS JHUGGIAN DINA</t>
  </si>
  <si>
    <t>Sadique Da Khoo</t>
  </si>
  <si>
    <t>village sadiqu da khoo</t>
  </si>
  <si>
    <t>Javaid Abbas</t>
  </si>
  <si>
    <t>GES KHAROLIAN</t>
  </si>
  <si>
    <t>kharolian</t>
  </si>
  <si>
    <t>kharolian tehsile sambrial</t>
  </si>
  <si>
    <t>Baddoke cheema</t>
  </si>
  <si>
    <t>Tariq Nawaz</t>
  </si>
  <si>
    <t>GES GUNJAIRAH</t>
  </si>
  <si>
    <t>basti gunjera</t>
  </si>
  <si>
    <t>Gunjera</t>
  </si>
  <si>
    <t>Shahzad Khan Sherwani</t>
  </si>
  <si>
    <t>GPS MOHRA MORADOO</t>
  </si>
  <si>
    <t>Mohra Muradu</t>
  </si>
  <si>
    <t>mohra muradu</t>
  </si>
  <si>
    <t>Furrukh Mehmood</t>
  </si>
  <si>
    <t>37549</t>
  </si>
  <si>
    <t>GPS JUNGLE DARA WALA, TULAMBA</t>
  </si>
  <si>
    <t>Jungle Dairay Wala Janoobi</t>
  </si>
  <si>
    <t>Basti Jungle Dairay wala janoobi on bank of melsi link tulmba makhdoom pur road</t>
  </si>
  <si>
    <t>Basti Jungle Dairay Wala Janoobi</t>
  </si>
  <si>
    <t>9/8-BR</t>
  </si>
  <si>
    <t>Muhammad Mubbashir Noor</t>
  </si>
  <si>
    <t>GGCMS SOUNRA</t>
  </si>
  <si>
    <t>GCMS Sounra</t>
  </si>
  <si>
    <t>FAHMEEDA BIBI</t>
  </si>
  <si>
    <t>49558</t>
  </si>
  <si>
    <t>GGPS SANIKA</t>
  </si>
  <si>
    <t>village Sanika p/o Sabowal Teh.Shahpur Sargodha</t>
  </si>
  <si>
    <t>Mubeen Akhter</t>
  </si>
  <si>
    <t>GES AWAN DHAI WALA</t>
  </si>
  <si>
    <t>awan dhai wala lahore</t>
  </si>
  <si>
    <t>Babar Masood</t>
  </si>
  <si>
    <t>GGPS JHALAR MEHR SHAH</t>
  </si>
  <si>
    <t>Jhalar MEHER Shah</t>
  </si>
  <si>
    <t>JHALLAR MEHER SHAH</t>
  </si>
  <si>
    <t>JHALLAR MEHER Shah</t>
  </si>
  <si>
    <t>Basma farhat</t>
  </si>
  <si>
    <t>GGCMS DHERI PIRAN</t>
  </si>
  <si>
    <t>Dheri Peeran</t>
  </si>
  <si>
    <t>GGCMS dheri peern</t>
  </si>
  <si>
    <t>Jalal Pur Shareif</t>
  </si>
  <si>
    <t>GGPS MIRZE WALI</t>
  </si>
  <si>
    <t>Mirzy wali</t>
  </si>
  <si>
    <t>village mirzy wali p o kanjrur Tehsil shakar garh district Narowal</t>
  </si>
  <si>
    <t>Aisha Majid</t>
  </si>
  <si>
    <t>GGPS CHAK NO.143/TDA LAYYAH</t>
  </si>
  <si>
    <t>chak no 143 tda layyah</t>
  </si>
  <si>
    <t>Chak No 143</t>
  </si>
  <si>
    <t>Nabila Nasreen</t>
  </si>
  <si>
    <t>Rana Colony Sadhoke</t>
  </si>
  <si>
    <t>GPS GHANIA KA CANTT-II</t>
  </si>
  <si>
    <t>Village Ghaniakey via Hadyara</t>
  </si>
  <si>
    <t>34562</t>
  </si>
  <si>
    <t>GMPS JASSAY WALA MULTAN</t>
  </si>
  <si>
    <t>basti sher singh</t>
  </si>
  <si>
    <t>GGPS 72/ 5-L SUBYWALA</t>
  </si>
  <si>
    <t>72/5L Sw</t>
  </si>
  <si>
    <t>govt girls primary school 72/5.L sobhy wala</t>
  </si>
  <si>
    <t>72/5L</t>
  </si>
  <si>
    <t>Shumaila Akhtar</t>
  </si>
  <si>
    <t>95288</t>
  </si>
  <si>
    <t>GGES MALLANA DAGGAR</t>
  </si>
  <si>
    <t>Malana Daggar</t>
  </si>
  <si>
    <t>Waseema Yasin</t>
  </si>
  <si>
    <t>GES 17/AH, KHANEWAL</t>
  </si>
  <si>
    <t>17/ah</t>
  </si>
  <si>
    <t>17/ah khanewal</t>
  </si>
  <si>
    <t>Chak 16/v</t>
  </si>
  <si>
    <t>35191</t>
  </si>
  <si>
    <t>GPS CHAK NO. 453/EB</t>
  </si>
  <si>
    <t>chak 453/EB</t>
  </si>
  <si>
    <t>453/EB</t>
  </si>
  <si>
    <t>GPS CHAK 210 RB</t>
  </si>
  <si>
    <t>Lakhoana</t>
  </si>
  <si>
    <t>210 rb</t>
  </si>
  <si>
    <t>210 Rb</t>
  </si>
  <si>
    <t>40335</t>
  </si>
  <si>
    <t>GGES KASLIAN</t>
  </si>
  <si>
    <t>G G E School kaslian</t>
  </si>
  <si>
    <t>Farida</t>
  </si>
  <si>
    <t>GGPS GAT GHARBI</t>
  </si>
  <si>
    <t>g.g.p.s gat gharbi</t>
  </si>
  <si>
    <t>Basti Gat</t>
  </si>
  <si>
    <t>Anila Arzoo</t>
  </si>
  <si>
    <t>GPS AMIN COLONY MOHALLA</t>
  </si>
  <si>
    <t>Govt.Primary School Amin COLONY Narowal</t>
  </si>
  <si>
    <t>GPS CHAK NO. 370/A TDA</t>
  </si>
  <si>
    <t>Chak No 370a</t>
  </si>
  <si>
    <t>chak no.370a teh. choubara district layyah</t>
  </si>
  <si>
    <t>GES GIDRAN MOUZA HUSSAIN ABAD</t>
  </si>
  <si>
    <t>GES Gidran mouza hussain Abad</t>
  </si>
  <si>
    <t>Marla Schem</t>
  </si>
  <si>
    <t>ABDUL KHALIQ TAHIR</t>
  </si>
  <si>
    <t>GMMS KOKAB STREET LAHORE</t>
  </si>
  <si>
    <t>Gunj Kalan</t>
  </si>
  <si>
    <t>jamia masjid hanfia ghousia kokab street Malik park Bilal gunj Lahore</t>
  </si>
  <si>
    <t>Mian Shamsudin Park</t>
  </si>
  <si>
    <t>Haider Asad Ullah</t>
  </si>
  <si>
    <t>GGPS PINDWAL</t>
  </si>
  <si>
    <t>vill pindwal tehsil and distt attock</t>
  </si>
  <si>
    <t>mariam sameen</t>
  </si>
  <si>
    <t>GPS HERDO SOHIL HINDU</t>
  </si>
  <si>
    <t>Sohal Hindu</t>
  </si>
  <si>
    <t>herdo sohal hindu</t>
  </si>
  <si>
    <t>Herdo Sohal Hindu</t>
  </si>
  <si>
    <t>GGCMS CHAK NO. 8/1-RA</t>
  </si>
  <si>
    <t>chk  no 8/1r</t>
  </si>
  <si>
    <t>7/1r</t>
  </si>
  <si>
    <t>Perveen  Akhtar</t>
  </si>
  <si>
    <t>GGPS BAMBA WALA</t>
  </si>
  <si>
    <t>Dera Bhamba wala chak no.36 TDA</t>
  </si>
  <si>
    <t>Bhamba Wala</t>
  </si>
  <si>
    <t>183/184 TDA</t>
  </si>
  <si>
    <t>GGPS CHAK NO 284 HR</t>
  </si>
  <si>
    <t>284/HR</t>
  </si>
  <si>
    <t>Chack no 28,4/HR fort abbas</t>
  </si>
  <si>
    <t>Nazia  Kousar</t>
  </si>
  <si>
    <t>GGPS FACTORY AREA BHALWAL</t>
  </si>
  <si>
    <t>ggps factory area bhalwal</t>
  </si>
  <si>
    <t>Huma Aslam</t>
  </si>
  <si>
    <t>GMPS DAIM KOT  BASTI DAIM KOT</t>
  </si>
  <si>
    <t>Daim Kot</t>
  </si>
  <si>
    <t>daim kot</t>
  </si>
  <si>
    <t>Chailay Wahin</t>
  </si>
  <si>
    <t>GGPS QUTBAL</t>
  </si>
  <si>
    <t>vpo Qutbal teh fateh jang disst Attock</t>
  </si>
  <si>
    <t>GPS GUJAR KULAH</t>
  </si>
  <si>
    <t>Gujar Kulah</t>
  </si>
  <si>
    <t>p/o box adam daraz village gujjar kullah</t>
  </si>
  <si>
    <t>Gujjar Kulkah</t>
  </si>
  <si>
    <t>23733</t>
  </si>
  <si>
    <t>GPS BUKNIRA, TULAMBA</t>
  </si>
  <si>
    <t>Buknera</t>
  </si>
  <si>
    <t>mouza buknera</t>
  </si>
  <si>
    <t>Ghuttapunjana</t>
  </si>
  <si>
    <t>Intazar Hussain</t>
  </si>
  <si>
    <t>GGPS KHANOOR</t>
  </si>
  <si>
    <t>KHANOOR</t>
  </si>
  <si>
    <t>VILLAGE KHANOOR P.O. KHANOOR TEHSIL PASRUR SIALKOT</t>
  </si>
  <si>
    <t>Marajkay</t>
  </si>
  <si>
    <t>Nahid Akhtar</t>
  </si>
  <si>
    <t>GPS SARWANA</t>
  </si>
  <si>
    <t>vallege sarwana</t>
  </si>
  <si>
    <t>GGES GUCHLI VIRK</t>
  </si>
  <si>
    <t>Ghuchli Virk Narang</t>
  </si>
  <si>
    <t>Afzala ishaq</t>
  </si>
  <si>
    <t>GPS MOUZA CHURA BHOJIA</t>
  </si>
  <si>
    <t>Chora Bhojia</t>
  </si>
  <si>
    <t>Govt Primary School  Mouza Choura Bhojia</t>
  </si>
  <si>
    <t>Uc 189 Gb</t>
  </si>
  <si>
    <t>GMPS CHAK NO. 41/F</t>
  </si>
  <si>
    <t>Chak No 41/F</t>
  </si>
  <si>
    <t>Chak No. 41/F</t>
  </si>
  <si>
    <t>41/F</t>
  </si>
  <si>
    <t>Jamshaid Bi Bi</t>
  </si>
  <si>
    <t>GPS PETHHI</t>
  </si>
  <si>
    <t>village pethi tehsil  hazro district  Attock</t>
  </si>
  <si>
    <t>24376</t>
  </si>
  <si>
    <t>GPS THOKER CHAWAN, P/O KUKKAR HATTA, NAWAN SHEHR</t>
  </si>
  <si>
    <t>Chitorgarh</t>
  </si>
  <si>
    <t>thokarchawan</t>
  </si>
  <si>
    <t>Thokarchawan</t>
  </si>
  <si>
    <t>Chakhaiderabad</t>
  </si>
  <si>
    <t>Mohsin Ahmed Javed</t>
  </si>
  <si>
    <t>GPS CHAK 360 JB II</t>
  </si>
  <si>
    <t>Chak No 360 JB-II</t>
  </si>
  <si>
    <t>Chak No. 360 JB-II Gojra</t>
  </si>
  <si>
    <t>Chak No 360 JB</t>
  </si>
  <si>
    <t>Muhaammad Irshad</t>
  </si>
  <si>
    <t>39025</t>
  </si>
  <si>
    <t>GPS AMIR KHAN</t>
  </si>
  <si>
    <t>Amir Khan</t>
  </si>
  <si>
    <t>vpo amir khan</t>
  </si>
  <si>
    <t>Mohsin Hameed</t>
  </si>
  <si>
    <t>GPS KHANDA</t>
  </si>
  <si>
    <t>GPS Khanda</t>
  </si>
  <si>
    <t>Dhoke Khanda</t>
  </si>
  <si>
    <t>Nizam Din</t>
  </si>
  <si>
    <t>GGPS SUMBAL</t>
  </si>
  <si>
    <t>village sumbal p.o. maira mohra tehsil distric rwp</t>
  </si>
  <si>
    <t>Takht  Pari</t>
  </si>
  <si>
    <t>GGPS CHAK NO. 58/TDA</t>
  </si>
  <si>
    <t>chak no 58 tda bhakkar</t>
  </si>
  <si>
    <t>58 Tda</t>
  </si>
  <si>
    <t>GGES KOLIAN SHAH HUSSAIN</t>
  </si>
  <si>
    <t>Kolian Shah Hussain post office Dinga</t>
  </si>
  <si>
    <t>Samina shaheen</t>
  </si>
  <si>
    <t>GGPS JARWAL</t>
  </si>
  <si>
    <t>village Jarwal P/O Charwa Tehsil Pasrur District Sialkot</t>
  </si>
  <si>
    <t>GGPS 371 EB</t>
  </si>
  <si>
    <t>371EB</t>
  </si>
  <si>
    <t>175EB</t>
  </si>
  <si>
    <t>Khadija Iqbal</t>
  </si>
  <si>
    <t>GPS 570 GB III JARANWALA</t>
  </si>
  <si>
    <t>chak no 570 GB 3rd</t>
  </si>
  <si>
    <t>Chapanwali</t>
  </si>
  <si>
    <t>Chak 644 GB</t>
  </si>
  <si>
    <t>39954</t>
  </si>
  <si>
    <t>GPS SAIDEN</t>
  </si>
  <si>
    <t>post office hattian village Saidan tehsil hazro dist attock</t>
  </si>
  <si>
    <t>Saidan</t>
  </si>
  <si>
    <t>SARDAR MUHAMMAD JUNAID ARSHAD</t>
  </si>
  <si>
    <t>GMES DAR-UL-YAMAN</t>
  </si>
  <si>
    <t>GM/E SCHOOL DAR UL YAMAN</t>
  </si>
  <si>
    <t>darul yaman chenab nagar</t>
  </si>
  <si>
    <t>KHICHIYAN</t>
  </si>
  <si>
    <t>Yusra Saba</t>
  </si>
  <si>
    <t>GGPS CHAK 264 GB</t>
  </si>
  <si>
    <t>GGPS 264GB, Teh. &amp; Distt. Toba Tek Singh</t>
  </si>
  <si>
    <t>262gb</t>
  </si>
  <si>
    <t>GES WARN</t>
  </si>
  <si>
    <t>p/o same warn tehsil and district sheikhupura</t>
  </si>
  <si>
    <t>Faisal Rasheed</t>
  </si>
  <si>
    <t>electric water filteration</t>
  </si>
  <si>
    <t>41919</t>
  </si>
  <si>
    <t>GGPS DEDHAR NAJJAR</t>
  </si>
  <si>
    <t>Dadhar Najar</t>
  </si>
  <si>
    <t>village dadhar najar,Rawalpindi</t>
  </si>
  <si>
    <t>Saira Bibi</t>
  </si>
  <si>
    <t>GGPS CHAK NO 170 MURAD B</t>
  </si>
  <si>
    <t>G.G.P.School170/M.B</t>
  </si>
  <si>
    <t>170M</t>
  </si>
  <si>
    <t>169M</t>
  </si>
  <si>
    <t>GGPS PUNGDHAIR</t>
  </si>
  <si>
    <t>Bahtar  More</t>
  </si>
  <si>
    <t>purana bahtar more</t>
  </si>
  <si>
    <t>Punjdhair</t>
  </si>
  <si>
    <t>GGPS KOHALA KALAN</t>
  </si>
  <si>
    <t>chakri road kohala kallan</t>
  </si>
  <si>
    <t>kohala kallan</t>
  </si>
  <si>
    <t>ranial</t>
  </si>
  <si>
    <t>Nabeela Delawar</t>
  </si>
  <si>
    <t>GGES RAFIQUE ABAD</t>
  </si>
  <si>
    <t>gges rafique abad narang mandi</t>
  </si>
  <si>
    <t>Municipal Kamati</t>
  </si>
  <si>
    <t>asiya yousaf</t>
  </si>
  <si>
    <t>GGES PAI KHEL</t>
  </si>
  <si>
    <t>mohalla sarmat khel paikhel</t>
  </si>
  <si>
    <t>Shazia Dilldar</t>
  </si>
  <si>
    <t>45504</t>
  </si>
  <si>
    <t>GGES JHAMAT WALA</t>
  </si>
  <si>
    <t>Mohala Jhamtan wala duly wala</t>
  </si>
  <si>
    <t>Dulywala</t>
  </si>
  <si>
    <t>MC Dully Wala</t>
  </si>
  <si>
    <t>GES 89/15-L P/O 64/15-L, MIAN CHANNU</t>
  </si>
  <si>
    <t>Chak No 89/15L P/O Chak No 64/15L Tehsil Mian Channu District khanewall</t>
  </si>
  <si>
    <t>Chak 89/15L</t>
  </si>
  <si>
    <t>mazhar abbas</t>
  </si>
  <si>
    <t>GES BHAKHIAN WALA</t>
  </si>
  <si>
    <t>Bhakhian Wala tehsil daska district sialkot</t>
  </si>
  <si>
    <t>Sahjo Kala</t>
  </si>
  <si>
    <t>40255</t>
  </si>
  <si>
    <t>GGES NAKKA KALAN</t>
  </si>
  <si>
    <t>P.O and village Naka Kalan tehsil and district Jhelum</t>
  </si>
  <si>
    <t>Sidra Mustafa</t>
  </si>
  <si>
    <t>GPS 68-69/15-L, P/O 70/15-L, KHANEWAL</t>
  </si>
  <si>
    <t>6869/15l</t>
  </si>
  <si>
    <t>chak no.6869/15l</t>
  </si>
  <si>
    <t>6869/15L</t>
  </si>
  <si>
    <t>M Ramzan Tahir</t>
  </si>
  <si>
    <t>GES 139/10-R QADEEM JAHANIAN</t>
  </si>
  <si>
    <t>chak 139/10R old tehsil jahanian Khanewal</t>
  </si>
  <si>
    <t>139/10R Old</t>
  </si>
  <si>
    <t>34966</t>
  </si>
  <si>
    <t>GGES DURAB PUR</t>
  </si>
  <si>
    <t>gges durab pur Sharqi union council #174</t>
  </si>
  <si>
    <t>Sana Niaz</t>
  </si>
  <si>
    <t>GPS BADHAI</t>
  </si>
  <si>
    <t>Bhadai</t>
  </si>
  <si>
    <t>Village Bhadai</t>
  </si>
  <si>
    <t>GGES CHAK NO 442 GB</t>
  </si>
  <si>
    <t>GMPS CHAH FAREED WALA</t>
  </si>
  <si>
    <t>govt  girls  model primary school chah fareed  wala</t>
  </si>
  <si>
    <t>Nawab Abad</t>
  </si>
  <si>
    <t>GGES CHAK BAGWAL</t>
  </si>
  <si>
    <t>CHAK BEGWAL</t>
  </si>
  <si>
    <t>VILLAGE CHAK  BEGWAL P/O SASRAL TEHSIL G.KHAN DIST. RWP</t>
  </si>
  <si>
    <t>KAUNTRILLA</t>
  </si>
  <si>
    <t>NASRIN KAUSAR</t>
  </si>
  <si>
    <t>GPS CHAK 512 GB</t>
  </si>
  <si>
    <t>Chak No512gb</t>
  </si>
  <si>
    <t>chakno512gb</t>
  </si>
  <si>
    <t>Omar Hayat</t>
  </si>
  <si>
    <t>GES CHAK JHUMRA 2 18 JB</t>
  </si>
  <si>
    <t>Hamaoonky</t>
  </si>
  <si>
    <t>GOVT. ELEMENTARY SCHOOL CHAK NO.  18 JB HAMONKAY</t>
  </si>
  <si>
    <t>CHAK 18 JB HAMONKAY</t>
  </si>
  <si>
    <t>CHAK NO. 19 JB QADARKAY</t>
  </si>
  <si>
    <t>GGES KHOKHAR</t>
  </si>
  <si>
    <t>Village khokhar tehsil pasrur district sialkot</t>
  </si>
  <si>
    <t>19453</t>
  </si>
  <si>
    <t>GPS CHAK 339 GB KALAN</t>
  </si>
  <si>
    <t>Chak 339 GB I</t>
  </si>
  <si>
    <t>Chak no 339 GB I</t>
  </si>
  <si>
    <t>Chak No 339 Gb 1</t>
  </si>
  <si>
    <t>25272</t>
  </si>
  <si>
    <t>GGPS DOGRAN KALAN</t>
  </si>
  <si>
    <t>Dogran Kalan</t>
  </si>
  <si>
    <t>village Dogran Kalan p/o Kotli Loharan west Tehseel Sialkot</t>
  </si>
  <si>
    <t>Shabana Talib</t>
  </si>
  <si>
    <t>GGES KOTLI RAY ABU BAKAR</t>
  </si>
  <si>
    <t>kotli rai abu bakar</t>
  </si>
  <si>
    <t>zunaira farooq</t>
  </si>
  <si>
    <t>GPS SANJAR SAYDAN</t>
  </si>
  <si>
    <t>Basti Sanjar Saydaan Tehsil Taunsa Sharif</t>
  </si>
  <si>
    <t>Sanjer Saydan</t>
  </si>
  <si>
    <t>GGES DHROOR MUSLIM</t>
  </si>
  <si>
    <t>dharor muslim</t>
  </si>
  <si>
    <t>Shamshad Zubair</t>
  </si>
  <si>
    <t>GPS SAINT QADAR MUSTAFABAD</t>
  </si>
  <si>
    <t>GPS Saint Qadar Mustafaabad Lahore</t>
  </si>
  <si>
    <t>RIFFAT JAFFRI</t>
  </si>
  <si>
    <t>GPS 144 GB</t>
  </si>
  <si>
    <t>Shado Di Jhok</t>
  </si>
  <si>
    <t>Chak no. 144 G.B. P.O. 648 G.B. Tehsil Jaranwala District Faisalabad</t>
  </si>
  <si>
    <t>Chak 144 GB</t>
  </si>
  <si>
    <t>Chak 648 GB</t>
  </si>
  <si>
    <t>Naveed Akhtar Mazhar</t>
  </si>
  <si>
    <t>GPS KHAKI (SHARQPUR KHURD)</t>
  </si>
  <si>
    <t>main bazar khaki ferozewala</t>
  </si>
  <si>
    <t>Tauqir Hussain</t>
  </si>
  <si>
    <t>GES MIRANI JADEED</t>
  </si>
  <si>
    <t>Sargani Nashaib</t>
  </si>
  <si>
    <t>Sargani nashaib teh karor dist Layyah</t>
  </si>
  <si>
    <t>Chah Yousaf  Khan Wala Mouza Sargani Nashaib</t>
  </si>
  <si>
    <t>arshad hussain</t>
  </si>
  <si>
    <t>GGES AROOP MORE</t>
  </si>
  <si>
    <t>Govt Girls Elementary school Aroop More Gujranwala</t>
  </si>
  <si>
    <t>Aroop More</t>
  </si>
  <si>
    <t>Zahida Nawab</t>
  </si>
  <si>
    <t>GGPS NOQABIL WAH  NO.2 CHAH SONAY WALA</t>
  </si>
  <si>
    <t>GGPS NOQABIL WAH NO 2 BASTI SONY WALA</t>
  </si>
  <si>
    <t>Sony Wala</t>
  </si>
  <si>
    <t>Dhakna Gharoo</t>
  </si>
  <si>
    <t>Alia Sharif</t>
  </si>
  <si>
    <t>GGPS ANGRAY WALA</t>
  </si>
  <si>
    <t>Chan WALA</t>
  </si>
  <si>
    <t>basti Angra, mouza chan wala,p/o Qasba Gujrat, Teh.kot Adu,muzaffargarh</t>
  </si>
  <si>
    <t>GGES SCARP COLONY KAMALIA</t>
  </si>
  <si>
    <t>Chan Kikkar Wala</t>
  </si>
  <si>
    <t>G G E S Scrap colony kamalia</t>
  </si>
  <si>
    <t>Chah Kikkar Wala</t>
  </si>
  <si>
    <t>58 Beroon Kamalia</t>
  </si>
  <si>
    <t>Shabila Aslam</t>
  </si>
  <si>
    <t>GPS 16 JB IV</t>
  </si>
  <si>
    <t>Kot Shahbal</t>
  </si>
  <si>
    <t>GPS 16 JB IV KOT SHABAL CKJ FSD</t>
  </si>
  <si>
    <t>Chak No 16jb Kot Shahbal</t>
  </si>
  <si>
    <t>QADARKAY</t>
  </si>
  <si>
    <t>Aamir Haseeb</t>
  </si>
  <si>
    <t>GPS KOTLI MIANI</t>
  </si>
  <si>
    <t>GPS Kotli Miani tehsil  muridke district sheikhupura</t>
  </si>
  <si>
    <t>Nangel Bhutcher</t>
  </si>
  <si>
    <t>GGPS NO 2 SAMUNDRI</t>
  </si>
  <si>
    <t>G.G.P/S NO 2</t>
  </si>
  <si>
    <t>Nazia Kanwal</t>
  </si>
  <si>
    <t>GPS WASEERAN P/O TULAMBA</t>
  </si>
  <si>
    <t>abdul hakim road</t>
  </si>
  <si>
    <t>GGES CHAK NO. 41 UCC</t>
  </si>
  <si>
    <t>Chak 41 Tehsil Ferozwala District Sheikhupura</t>
  </si>
  <si>
    <t>Shazia Wazir Ali</t>
  </si>
  <si>
    <t>GMPS GHULAM SINDHI</t>
  </si>
  <si>
    <t>Ghulam Sindhi</t>
  </si>
  <si>
    <t>ghulam sindhi</t>
  </si>
  <si>
    <t>Chhatania</t>
  </si>
  <si>
    <t>Zulaikha rafiq</t>
  </si>
  <si>
    <t>GGES CHAK NO. 311 HR</t>
  </si>
  <si>
    <t>chak No 311/H.R Tehsil fortAbbas District BWN</t>
  </si>
  <si>
    <t>Sabazkot</t>
  </si>
  <si>
    <t>village and p.o sabazkot teh pasroor dist sialkot</t>
  </si>
  <si>
    <t>GPS JALOKA JALMAN WALI</t>
  </si>
  <si>
    <t>Jaloka Jalman  Wali</t>
  </si>
  <si>
    <t>Moza Jaloka Jalman Wali</t>
  </si>
  <si>
    <t>Jaloka Jalmanwali</t>
  </si>
  <si>
    <t>GPS JHOKE BHUTTA</t>
  </si>
  <si>
    <t>Kotdadon</t>
  </si>
  <si>
    <t>mouza kot dadon basti jhpke bhutta  p/o wasanday wali tehsil  and distirct muzaffar garh</t>
  </si>
  <si>
    <t>GMPS KOCHRA</t>
  </si>
  <si>
    <t>Kochra</t>
  </si>
  <si>
    <t>vpo kochra</t>
  </si>
  <si>
    <t>Khatoon   Bibi</t>
  </si>
  <si>
    <t>31048</t>
  </si>
  <si>
    <t>GPS SHADAWAL MAJHA</t>
  </si>
  <si>
    <t>Shade Wal Majha</t>
  </si>
  <si>
    <t>shadiwal majha R2 block johar town</t>
  </si>
  <si>
    <t>Pia Society</t>
  </si>
  <si>
    <t>adalat masih</t>
  </si>
  <si>
    <t>GPS AMIR ALI SHAH</t>
  </si>
  <si>
    <t>739 Gb Jakhar</t>
  </si>
  <si>
    <t>Chak Amir Ali Shah</t>
  </si>
  <si>
    <t>Muhammad Saeed Abbas</t>
  </si>
  <si>
    <t>GGPS CHAK 287 GB-I</t>
  </si>
  <si>
    <t>chak no 287 gb</t>
  </si>
  <si>
    <t>Hkeem Khan</t>
  </si>
  <si>
    <t>Marth Wala</t>
  </si>
  <si>
    <t>Fazeelat Fatima</t>
  </si>
  <si>
    <t>48499</t>
  </si>
  <si>
    <t>41189</t>
  </si>
  <si>
    <t>GGPS DARYOUA</t>
  </si>
  <si>
    <t>Daryouha</t>
  </si>
  <si>
    <t>GGPS Daryouha</t>
  </si>
  <si>
    <t>electric motor boring</t>
  </si>
  <si>
    <t>GGPS BHULLAR MERAY WALA</t>
  </si>
  <si>
    <t>Bhullar Mery Wala</t>
  </si>
  <si>
    <t>Village Bhullar Mery Wala p/o &amp;Teh.Pasrur District Sialkot</t>
  </si>
  <si>
    <t>Farwa Saba</t>
  </si>
  <si>
    <t>GPS CHAK NO 217 JB</t>
  </si>
  <si>
    <t>Chak 217 JB</t>
  </si>
  <si>
    <t>Chak no.217 jb tehsil &amp;distt. Jhang</t>
  </si>
  <si>
    <t>Chak 215 JB</t>
  </si>
  <si>
    <t>GGES 275 EB</t>
  </si>
  <si>
    <t>275/eb</t>
  </si>
  <si>
    <t>275/e.b</t>
  </si>
  <si>
    <t>283/eb</t>
  </si>
  <si>
    <t>Madeeha Arshad</t>
  </si>
  <si>
    <t>GES MANAK HERAJ, TULAMBA</t>
  </si>
  <si>
    <t>Jungal Dary Wala Shumali</t>
  </si>
  <si>
    <t>Basti manik hiraj tulamba</t>
  </si>
  <si>
    <t>Basti Manik Hiraj</t>
  </si>
  <si>
    <t>Ghuspur</t>
  </si>
  <si>
    <t>Umar Zahid</t>
  </si>
  <si>
    <t>GES TARA HAVALI KHURD</t>
  </si>
  <si>
    <t>Tara Haveli Khurd</t>
  </si>
  <si>
    <t>Tara haveli Khurd</t>
  </si>
  <si>
    <t>GPS 52  RB</t>
  </si>
  <si>
    <t>GPS 52 rb bawa chak</t>
  </si>
  <si>
    <t>52 Rb BAWA CHAK</t>
  </si>
  <si>
    <t>Ratta Joya</t>
  </si>
  <si>
    <t>GPS TALWARA RAJPUTAN</t>
  </si>
  <si>
    <t>Talwara Rajputan</t>
  </si>
  <si>
    <t>Talwara Rajputan, post office dogranwala, tehsil daska dist. sialkot</t>
  </si>
  <si>
    <t>GGCMES KASSOKI</t>
  </si>
  <si>
    <t>village and p.o kassoki</t>
  </si>
  <si>
    <t>GPS CHAK 60 GB</t>
  </si>
  <si>
    <t>60 GB</t>
  </si>
  <si>
    <t>chak 60 GB</t>
  </si>
  <si>
    <t>Chak 60 GB</t>
  </si>
  <si>
    <t>58 GB</t>
  </si>
  <si>
    <t>GGPS CHAK 559 GB II WEST LUNDIANWALA</t>
  </si>
  <si>
    <t>chak no 559 GB w teh jaranwala distt faisalabad</t>
  </si>
  <si>
    <t>559 GB w</t>
  </si>
  <si>
    <t>GMES 122/15-L, MIAN CHANNU</t>
  </si>
  <si>
    <t>122 15/l</t>
  </si>
  <si>
    <t>122/15l</t>
  </si>
  <si>
    <t>123/15/</t>
  </si>
  <si>
    <t>Nasreen Rashid</t>
  </si>
  <si>
    <t>GGES RAYON PURA</t>
  </si>
  <si>
    <t>Rayon PURA</t>
  </si>
  <si>
    <t>Ravi Rayon</t>
  </si>
  <si>
    <t>16 Noon</t>
  </si>
  <si>
    <t>Syeda Humaira</t>
  </si>
  <si>
    <t>GPS JAGO KE GHUMMAN</t>
  </si>
  <si>
    <t>Jago Kay ghumman tehsil pattoki district kasur</t>
  </si>
  <si>
    <t>Jago Kay Ghumman</t>
  </si>
  <si>
    <t>GPS SADAT ABAD</t>
  </si>
  <si>
    <t>Theri</t>
  </si>
  <si>
    <t>Sadat Abad Mehray wala</t>
  </si>
  <si>
    <t>14344</t>
  </si>
  <si>
    <t>GPS QADRA SAILATANI</t>
  </si>
  <si>
    <t>wah machaka</t>
  </si>
  <si>
    <t>basti hussain buksh sailatani tehsil rojhan district rajanpu</t>
  </si>
  <si>
    <t>basti hussain buksh sailatani</t>
  </si>
  <si>
    <t>chak mat</t>
  </si>
  <si>
    <t>Kamran Ali</t>
  </si>
  <si>
    <t>GES HARAS PUR MALANAY</t>
  </si>
  <si>
    <t>Malanay</t>
  </si>
  <si>
    <t>Village:Haras Pur Malanay, P.O. Box Cantt. Sialkot</t>
  </si>
  <si>
    <t>Haras Pur Malanay</t>
  </si>
  <si>
    <t>GPS IKHLAS</t>
  </si>
  <si>
    <t>VPO ikhlas</t>
  </si>
  <si>
    <t>40524</t>
  </si>
  <si>
    <t>GGPS KAHANA</t>
  </si>
  <si>
    <t>Kahana</t>
  </si>
  <si>
    <t>village Kahana    PO:Lilla Town Tehsil:P.D.Khan  District:Jhelum</t>
  </si>
  <si>
    <t>Asma Kausar</t>
  </si>
  <si>
    <t>GPS KAMAL PUR ALAM</t>
  </si>
  <si>
    <t>Daman</t>
  </si>
  <si>
    <t>Kamal pur alam p.o. daman tehsil hazro district attock</t>
  </si>
  <si>
    <t>Kamal Pur Alam</t>
  </si>
  <si>
    <t>Naeem Khan</t>
  </si>
  <si>
    <t>41918</t>
  </si>
  <si>
    <t>GGPS GOHRA RAMIAL</t>
  </si>
  <si>
    <t>Gurah Rmial</t>
  </si>
  <si>
    <t>GGPS Gurah Ramial Rawalpindi</t>
  </si>
  <si>
    <t>Gurah Ramial</t>
  </si>
  <si>
    <t>Narjis Kazmi</t>
  </si>
  <si>
    <t>GES CHAK 182 GB</t>
  </si>
  <si>
    <t>182GB</t>
  </si>
  <si>
    <t>Chak no 182 GB</t>
  </si>
  <si>
    <t>Chak No 182GB</t>
  </si>
  <si>
    <t>Chak No183GB</t>
  </si>
  <si>
    <t>Ahmad Sohaib</t>
  </si>
  <si>
    <t>GPS Ahmad abad near chungi no 14</t>
  </si>
  <si>
    <t>Itifaq Pura</t>
  </si>
  <si>
    <t>GPS GAWANSE  PO KHAN PUR</t>
  </si>
  <si>
    <t>Gawanse</t>
  </si>
  <si>
    <t>Moza Gawanse, p/o khanpur</t>
  </si>
  <si>
    <t>GGPS BHATAR</t>
  </si>
  <si>
    <t>GGPS Bahter</t>
  </si>
  <si>
    <t>Fareesa Kanwal</t>
  </si>
  <si>
    <t>GPS CHAK NO 40</t>
  </si>
  <si>
    <t>aadiya road chak no 40</t>
  </si>
  <si>
    <t>Shuakat Hayat</t>
  </si>
  <si>
    <t>Wah Machak</t>
  </si>
  <si>
    <t>basti wali Muhammad khan dolani rojhan</t>
  </si>
  <si>
    <t>Basti Wali Muhammad Khan</t>
  </si>
  <si>
    <t>Kan Khas</t>
  </si>
  <si>
    <t>Mehboob Ahmed</t>
  </si>
  <si>
    <t>Basti Bara Mouza Noor Kubra</t>
  </si>
  <si>
    <t>MUHAMMAD SAQIB RAZA</t>
  </si>
  <si>
    <t>GPS THATHA GAJU</t>
  </si>
  <si>
    <t>thatha gajju po rasulpur tarar pindi bhattian hafizabad</t>
  </si>
  <si>
    <t>THATHA GAJJU</t>
  </si>
  <si>
    <t>GGPS BASTI JAFERIAN</t>
  </si>
  <si>
    <t>Basti jaferian Moza durab pur uc durab pur teh Jalal pur pir wala multan</t>
  </si>
  <si>
    <t>Basti Jaferian</t>
  </si>
  <si>
    <t>GPS CHAK NO.191/7-R WEST</t>
  </si>
  <si>
    <t>Chak No 191/7r West</t>
  </si>
  <si>
    <t>GMPS CHAK NO 215 JB</t>
  </si>
  <si>
    <t>UC 215</t>
  </si>
  <si>
    <t>GES AZAM HANS P/O KOTHAY WALA</t>
  </si>
  <si>
    <t>Azam Hans</t>
  </si>
  <si>
    <t>Basti Judge Moza Azam Hans P/o Kothay wala</t>
  </si>
  <si>
    <t>Basti Judge</t>
  </si>
  <si>
    <t>Muhammad Akram Usmani</t>
  </si>
  <si>
    <t>GPS BHARTHAL</t>
  </si>
  <si>
    <t>BHARTHAL</t>
  </si>
  <si>
    <t>GPS BHARTHAL P/O CHARWA TEH PASRUR(SIALKOT)</t>
  </si>
  <si>
    <t>muhammad arshad anjum</t>
  </si>
  <si>
    <t>GMPS KAN GARH</t>
  </si>
  <si>
    <t>Kangarh</t>
  </si>
  <si>
    <t>vill kangarh po kangarh teh kahuta distt rwp</t>
  </si>
  <si>
    <t>Nusrat Aslam</t>
  </si>
  <si>
    <t>GES JALAL PURA</t>
  </si>
  <si>
    <t>soye asal road raiwind lahore</t>
  </si>
  <si>
    <t>Judhu Dheer</t>
  </si>
  <si>
    <t>Habib Ahmad khan</t>
  </si>
  <si>
    <t>GGPS DHAK ARAZI</t>
  </si>
  <si>
    <t>Dk Arazi</t>
  </si>
  <si>
    <t>Dk Arazi  Pindigheb  Attock</t>
  </si>
  <si>
    <t>Saiqa Zulfiqar</t>
  </si>
  <si>
    <t>51825</t>
  </si>
  <si>
    <t>GES 87 EB ARIFWALA</t>
  </si>
  <si>
    <t>87/EB</t>
  </si>
  <si>
    <t>Medhi Khan</t>
  </si>
  <si>
    <t>41311</t>
  </si>
  <si>
    <t>GMPS NUMBLE BHARAMAL</t>
  </si>
  <si>
    <t>Village Numbal, P/o bordgali Tehsil Murree Distt. Rwp</t>
  </si>
  <si>
    <t>Numbal Behramal</t>
  </si>
  <si>
    <t>Mehreen Kamal</t>
  </si>
  <si>
    <t>GES DERA ABDUL ALI SHAH MOHIB PUR</t>
  </si>
  <si>
    <t>VPO mohibpur tehsil and district khushab</t>
  </si>
  <si>
    <t>GPS SHOUKAT ABAD SAMUNDRI</t>
  </si>
  <si>
    <t>GPS Shoukatabad Samundri</t>
  </si>
  <si>
    <t>Iqrar Haider Kaifi</t>
  </si>
  <si>
    <t>44974</t>
  </si>
  <si>
    <t>GGPS KALLUR KOT CENTER</t>
  </si>
  <si>
    <t>near water supply kallurkot</t>
  </si>
  <si>
    <t>Bushra Inayat</t>
  </si>
  <si>
    <t>GGPS CHAK NO. 35</t>
  </si>
  <si>
    <t>Chak No.35.Teh.kharian District Gujrat P/O Dinga</t>
  </si>
  <si>
    <t>Chak No 35</t>
  </si>
  <si>
    <t>Ammra Kalan</t>
  </si>
  <si>
    <t>Rukhsana Kouser</t>
  </si>
  <si>
    <t>GMES SHAH PUR PHUL</t>
  </si>
  <si>
    <t>shah pur phull</t>
  </si>
  <si>
    <t>GGMES Shah pur phull</t>
  </si>
  <si>
    <t>Memona Iqbal</t>
  </si>
  <si>
    <t>GPS LUDDAN RIASTI</t>
  </si>
  <si>
    <t>ludden riasti</t>
  </si>
  <si>
    <t>Luden riasti p/o Jamalpur Teh Hasilpur District Bahawalpur</t>
  </si>
  <si>
    <t>Ludden Riasti</t>
  </si>
  <si>
    <t>Khero deh</t>
  </si>
  <si>
    <t>GPS 16 JB III</t>
  </si>
  <si>
    <t>TIBBI Nagar</t>
  </si>
  <si>
    <t>CHAK NO :16 JB 3rd TIBBI Nagar   CKJ  FSD .</t>
  </si>
  <si>
    <t>16 Jb 3rd</t>
  </si>
  <si>
    <t>GMPS KALANCH WALA</t>
  </si>
  <si>
    <t>basti sandhan moza maini</t>
  </si>
  <si>
    <t>Basti Sandhan</t>
  </si>
  <si>
    <t>Maini Hakra</t>
  </si>
  <si>
    <t>Taslem Kouser</t>
  </si>
  <si>
    <t>24022</t>
  </si>
  <si>
    <t>GGES SAADAT PUR</t>
  </si>
  <si>
    <t>Bhumla/saadat Pur</t>
  </si>
  <si>
    <t>village/p o box saadat pur tehsil sarai alamgir district gujrat</t>
  </si>
  <si>
    <t>Saadat Pur</t>
  </si>
  <si>
    <t>GPS KOT ABDULLAH, P/O MAKHDOOM PUR, KHANEWAL</t>
  </si>
  <si>
    <t>makhdum pur pahoran</t>
  </si>
  <si>
    <t>GES HOOT SIAL</t>
  </si>
  <si>
    <t>Charyari</t>
  </si>
  <si>
    <t>Government  Elementary School Hoot Sial Basti Hoot Sial Tehsil Ahmad Pur Sial District Jhang</t>
  </si>
  <si>
    <t>Hoot Sial</t>
  </si>
  <si>
    <t>GGPS CHAK 337 JB SAHIB CHAK</t>
  </si>
  <si>
    <t>337 jb</t>
  </si>
  <si>
    <t>chak no 337 jb</t>
  </si>
  <si>
    <t>sahab chak</t>
  </si>
  <si>
    <t>345 jb</t>
  </si>
  <si>
    <t>32473</t>
  </si>
  <si>
    <t>GGES RORAN WALI</t>
  </si>
  <si>
    <t>GGES Roranwali tehsil &amp; distt skp</t>
  </si>
  <si>
    <t>sham Singh</t>
  </si>
  <si>
    <t>GMES CHAK NO 236 JB</t>
  </si>
  <si>
    <t>Miroo Ka Chak 236jb</t>
  </si>
  <si>
    <t>chak#236Jb teh bhowana Dist chiniot</t>
  </si>
  <si>
    <t>Chak#236</t>
  </si>
  <si>
    <t>Chak#184JB</t>
  </si>
  <si>
    <t>Naila  Jabeen</t>
  </si>
  <si>
    <t>GHS CDG KOT KHAWAJA SAEED</t>
  </si>
  <si>
    <t>nizamabad</t>
  </si>
  <si>
    <t>sarfraz colony</t>
  </si>
  <si>
    <t>MUHAMMAD ABID BUTT</t>
  </si>
  <si>
    <t>GPS KHAN PUR, P/O CHAK HAIDER ABAD, NAWAN SHEHR</t>
  </si>
  <si>
    <t>Chak HaiderAbad</t>
  </si>
  <si>
    <t>Near imam bargha nawan shaher</t>
  </si>
  <si>
    <t>Muhammad Javaid Asif</t>
  </si>
  <si>
    <t>GPS JOHAD</t>
  </si>
  <si>
    <t>Johad</t>
  </si>
  <si>
    <t>Village Johad P O Terbathi Tehsil Fateh Jang District Attock</t>
  </si>
  <si>
    <t>Muneer  Ahmed</t>
  </si>
  <si>
    <t>GPS GUGRANA MDK</t>
  </si>
  <si>
    <t>Gugrana</t>
  </si>
  <si>
    <t>GPS Gugrana, Tehsil Muridke, District Sheikhupura</t>
  </si>
  <si>
    <t>Kuthyala Virkan</t>
  </si>
  <si>
    <t>Touqeer Hussain Shah</t>
  </si>
  <si>
    <t>GGPS MK MEMORIAL SHOUKAT TOWN</t>
  </si>
  <si>
    <t>Shokat Town</t>
  </si>
  <si>
    <t>GGPS MK Memorial shokat town lhr</t>
  </si>
  <si>
    <t>Robina Pervaiz</t>
  </si>
  <si>
    <t>32149</t>
  </si>
  <si>
    <t>GGPS PIR WALA</t>
  </si>
  <si>
    <t>Mohry Wala</t>
  </si>
  <si>
    <t>near Mohrywala p/o alludywali Markaz  rohillanwali</t>
  </si>
  <si>
    <t>Jhandy Waly</t>
  </si>
  <si>
    <t>Sajdah Perveen</t>
  </si>
  <si>
    <t>GES CHAK 23/2-L</t>
  </si>
  <si>
    <t>23/2-L</t>
  </si>
  <si>
    <t>chak no. 23/2L</t>
  </si>
  <si>
    <t>Abdul Razaq Bhatti</t>
  </si>
  <si>
    <t>GPS CHAK 102/P</t>
  </si>
  <si>
    <t>Sar Bhori</t>
  </si>
  <si>
    <t>GPS 102/ P Markaz Taranda siway Khan Rahim yar khan</t>
  </si>
  <si>
    <t>102/P</t>
  </si>
  <si>
    <t>Hafiz Muhammad Ahmad Zafar</t>
  </si>
  <si>
    <t>GGES CHAK NO.15 SB</t>
  </si>
  <si>
    <t>15 SB</t>
  </si>
  <si>
    <t>15 Sb</t>
  </si>
  <si>
    <t>GPS KOTLI SAID AMIR ALI</t>
  </si>
  <si>
    <t>Kotli Said Amir</t>
  </si>
  <si>
    <t>Village Kotli Said Amir Post Office Zahoora Tehsil &amp; District Sialkot</t>
  </si>
  <si>
    <t>Nasir Latif</t>
  </si>
  <si>
    <t>GES THATHA ASALAT</t>
  </si>
  <si>
    <t>Thatha Asalat</t>
  </si>
  <si>
    <t>vill.thatha asalat tehsil pindi bhattian dist.Hafiz abad</t>
  </si>
  <si>
    <t>Madhhora Kalan</t>
  </si>
  <si>
    <t>GES SHOALI GHARBI</t>
  </si>
  <si>
    <t>Shaili Gharbi</t>
  </si>
  <si>
    <t>shaili gharbi</t>
  </si>
  <si>
    <t>30878</t>
  </si>
  <si>
    <t>GHS SHAHPUR KANJRAN</t>
  </si>
  <si>
    <t>shahpur kanjra lahore</t>
  </si>
  <si>
    <t>Tariq ajaz Qazi</t>
  </si>
  <si>
    <t>GMPS DAR-UL-SADAR GHARBI</t>
  </si>
  <si>
    <t>Darulsadar Gharbi Chenab Nagar</t>
  </si>
  <si>
    <t>GGPS CHAH HASHIM WALA</t>
  </si>
  <si>
    <t>HASHIM WALA</t>
  </si>
  <si>
    <t>Sufeena Noor</t>
  </si>
  <si>
    <t>GPS 19 JB II</t>
  </si>
  <si>
    <t>CHAK NO. 19JB BURALI TEH CHAK JHUMRA DISTT FAISALABAD</t>
  </si>
  <si>
    <t>CHAK NO 19JB</t>
  </si>
  <si>
    <t>WASIM GULZAR</t>
  </si>
  <si>
    <t>GGPS MODEL JHALLAR GHUMMAN</t>
  </si>
  <si>
    <t>Mananawala</t>
  </si>
  <si>
    <t>deera Zia khan</t>
  </si>
  <si>
    <t>Dera Zia Khan</t>
  </si>
  <si>
    <t>Nazia Allah Rakha</t>
  </si>
  <si>
    <t>GGCMS JINNAH ABADI</t>
  </si>
  <si>
    <t>Jinah Abadi</t>
  </si>
  <si>
    <t>Govt girls community modle jinah abadi wan bhachran</t>
  </si>
  <si>
    <t>Baky Khail</t>
  </si>
  <si>
    <t>GGPS DHOK RATTI</t>
  </si>
  <si>
    <t>VPo dandi Jaiswal jand attock</t>
  </si>
  <si>
    <t>GGPS CHAK NO 369 TDA</t>
  </si>
  <si>
    <t>369tda</t>
  </si>
  <si>
    <t>chak number 369tda dak khana rafiqan abad</t>
  </si>
  <si>
    <t>GGES NUMBLE NO 2</t>
  </si>
  <si>
    <t>Village numble p. O Lawrence College murree</t>
  </si>
  <si>
    <t>Nazia Kosar</t>
  </si>
  <si>
    <t>GPS BASTI BARKAT ABAD</t>
  </si>
  <si>
    <t>Chak21np</t>
  </si>
  <si>
    <t>Chak 21NP</t>
  </si>
  <si>
    <t>Basti Mehr Ali</t>
  </si>
  <si>
    <t>GGPS JHUGIAN LODHRAY</t>
  </si>
  <si>
    <t>Jhuggian Lodhray</t>
  </si>
  <si>
    <t>Jhuggian Lodhray p/o Sham ki bhattian multan road Lahore</t>
  </si>
  <si>
    <t>GGES CHAK 319 JB</t>
  </si>
  <si>
    <t>chak no 319jb</t>
  </si>
  <si>
    <t>Sana Afzal</t>
  </si>
  <si>
    <t>GGPS REHMAN ABAD JINAH COLONY KOT TAHIR JAMPUR</t>
  </si>
  <si>
    <t>GGPS SHAH MAJEED</t>
  </si>
  <si>
    <t>Basti sheikhabad</t>
  </si>
  <si>
    <t>Rassolpur</t>
  </si>
  <si>
    <t>Sumera Kiran</t>
  </si>
  <si>
    <t>GES CHATTANI PO MAILSI</t>
  </si>
  <si>
    <t>Chatania</t>
  </si>
  <si>
    <t>Chatania , Tehsil Mailsi , Vehari</t>
  </si>
  <si>
    <t>Muhammad tahir anjum</t>
  </si>
  <si>
    <t>Village kryal tehsil raiwind district lahore</t>
  </si>
  <si>
    <t>kryal</t>
  </si>
  <si>
    <t>Arriayan</t>
  </si>
  <si>
    <t>Hafiza Maqsooda</t>
  </si>
  <si>
    <t>GPS CHAK 15-MR</t>
  </si>
  <si>
    <t>15 MR</t>
  </si>
  <si>
    <t>chak no15MR</t>
  </si>
  <si>
    <t>Chak No 15MR</t>
  </si>
  <si>
    <t>Qutub-ud-din</t>
  </si>
  <si>
    <t>GMPS CHAK 284 JB II</t>
  </si>
  <si>
    <t>Chak No284JBii</t>
  </si>
  <si>
    <t>chak no 284jb ii Tehsil and district Toba Tek Singh</t>
  </si>
  <si>
    <t>284jb II</t>
  </si>
  <si>
    <t>284 Jb 1st</t>
  </si>
  <si>
    <t>GPS CHHANGA</t>
  </si>
  <si>
    <t>GOVT primary school Changa</t>
  </si>
  <si>
    <t>muhammad wasim asghar</t>
  </si>
  <si>
    <t>GPS MOHLANWALHOUSING SCHEME</t>
  </si>
  <si>
    <t>MOHLANWAL</t>
  </si>
  <si>
    <t>pgshs MOHLANWAL HOUSING SCHEME Lahore</t>
  </si>
  <si>
    <t>Anwar Ahmad</t>
  </si>
  <si>
    <t>GPS MALIK KHAIR MUHAMMAD</t>
  </si>
  <si>
    <t>basti Malik Khair Muhammad</t>
  </si>
  <si>
    <t>Basti Malik Khair</t>
  </si>
  <si>
    <t>GPS CHAK NO 292 TDA</t>
  </si>
  <si>
    <t>292tda</t>
  </si>
  <si>
    <t>chak no 292tda markz qaziaabad tehsil karor dist layyah</t>
  </si>
  <si>
    <t>306 Tda</t>
  </si>
  <si>
    <t>41703</t>
  </si>
  <si>
    <t>GPS NEW PUBLIC RAWALPINDI</t>
  </si>
  <si>
    <t>Pir Wadhai</t>
  </si>
  <si>
    <t>mohallah Ayubabad pirwadhai rwp</t>
  </si>
  <si>
    <t>Mohammad Azad</t>
  </si>
  <si>
    <t>GES 196 RB WEST</t>
  </si>
  <si>
    <t>196 RB West Islamabad West</t>
  </si>
  <si>
    <t>Chak No. 196 RB West Islamabad</t>
  </si>
  <si>
    <t>196 RB WEST Islamabad</t>
  </si>
  <si>
    <t>117 JB Dhanola</t>
  </si>
  <si>
    <t>Ijaz Hashmat</t>
  </si>
  <si>
    <t>GMPS 21-MR MULTAN</t>
  </si>
  <si>
    <t>Ridd</t>
  </si>
  <si>
    <t>chak 21 mr ridd 113</t>
  </si>
  <si>
    <t>Chak 21 Mr</t>
  </si>
  <si>
    <t>Noor Ul Ain Qurashi</t>
  </si>
  <si>
    <t>GGES KHURSHID MOZANG</t>
  </si>
  <si>
    <t>Govt.Khurshid Girls Middle School Begum road Mozang Lahore.</t>
  </si>
  <si>
    <t>GPS BASTI SHAH SHAKOOR</t>
  </si>
  <si>
    <t>kamyabi basti Shah shakoor Bagh</t>
  </si>
  <si>
    <t>Muhammad Arif Hussain</t>
  </si>
  <si>
    <t>41704</t>
  </si>
  <si>
    <t>GPS POSTAL COLONY</t>
  </si>
  <si>
    <t>Golrra Morr</t>
  </si>
  <si>
    <t>postal colony, golrra morr rwp</t>
  </si>
  <si>
    <t>30801</t>
  </si>
  <si>
    <t>GES CDG PAKKI THATHI SAMANABAD</t>
  </si>
  <si>
    <t>Pakki thathi</t>
  </si>
  <si>
    <t>near arif chock</t>
  </si>
  <si>
    <t>Pakki Thath</t>
  </si>
  <si>
    <t>34342</t>
  </si>
  <si>
    <t>GGPS MONGAR</t>
  </si>
  <si>
    <t>mongar</t>
  </si>
  <si>
    <t>mongar 1 km lalian road</t>
  </si>
  <si>
    <t>Ilmas Fatima</t>
  </si>
  <si>
    <t>GES CHAK 116 JB</t>
  </si>
  <si>
    <t>Rarra</t>
  </si>
  <si>
    <t>Chak no.116 JB</t>
  </si>
  <si>
    <t>GGPS ALMAN GHARBI</t>
  </si>
  <si>
    <t>basti machiana,moza munday syed</t>
  </si>
  <si>
    <t>GGPS JALYANA</t>
  </si>
  <si>
    <t>VILLAGE JALYANA</t>
  </si>
  <si>
    <t>JALYANA</t>
  </si>
  <si>
    <t>Sobia Noor</t>
  </si>
  <si>
    <t>GMPS RAM GARH</t>
  </si>
  <si>
    <t>Ramgarh p/o Doburgi bhaga Tehsil &amp; dist Gujranwala</t>
  </si>
  <si>
    <t>Nadala Sundhwan</t>
  </si>
  <si>
    <t>Nafees Siddique</t>
  </si>
  <si>
    <t>GES CHAK 669/10 GB</t>
  </si>
  <si>
    <t>Chak No 669/10 669/10GB</t>
  </si>
  <si>
    <t>Chak No 669/10GB tehsil Pirmahal distt toba Tek Singh</t>
  </si>
  <si>
    <t>GGES GODHO</t>
  </si>
  <si>
    <t>Godho</t>
  </si>
  <si>
    <t>Village &amp; P.O Godho Tehsil Taxila</t>
  </si>
  <si>
    <t>Garhi Afghan</t>
  </si>
  <si>
    <t>Nagina Gulzar</t>
  </si>
  <si>
    <t>30998</t>
  </si>
  <si>
    <t>GGES MARAKA QUARTER</t>
  </si>
  <si>
    <t>maraka quarter</t>
  </si>
  <si>
    <t>Marka</t>
  </si>
  <si>
    <t>Farakh Naz</t>
  </si>
  <si>
    <t>GGPS BHATI</t>
  </si>
  <si>
    <t>vill bhati po Padhri teh sohawa distt jhelum</t>
  </si>
  <si>
    <t>Bhati</t>
  </si>
  <si>
    <t>Bisma Fatima</t>
  </si>
  <si>
    <t>33962</t>
  </si>
  <si>
    <t>GPS BASTI ARBI P/O SHUJABAD MOZA GAJU HATTA</t>
  </si>
  <si>
    <t>GHS SARAICH</t>
  </si>
  <si>
    <t>GOVT. BOYS HIGH SCHOOL SARAICH LAHORE CANTT NEAR SUA ASAL MAIN FEROZPUR ROAD LAHORE</t>
  </si>
  <si>
    <t>GGCMS UGGOWALA</t>
  </si>
  <si>
    <t>Uggowala</t>
  </si>
  <si>
    <t>village uggowala post office dehmthal</t>
  </si>
  <si>
    <t>Dahamthal</t>
  </si>
  <si>
    <t>GMPS REHMAN PUR</t>
  </si>
  <si>
    <t>Rehman Pur</t>
  </si>
  <si>
    <t>Gmps rehmanpur post office saadat pur tehsil Sarai alamgir dist.gujrat</t>
  </si>
  <si>
    <t>Rehmanpur</t>
  </si>
  <si>
    <t>Tehmina Habib</t>
  </si>
  <si>
    <t>GGPS MELI BURJI</t>
  </si>
  <si>
    <t>Meli Burji</t>
  </si>
  <si>
    <t>meli burji chak 17 / rb</t>
  </si>
  <si>
    <t>Meli burji</t>
  </si>
  <si>
    <t>Sathianli Kalan</t>
  </si>
  <si>
    <t>arousa saeed</t>
  </si>
  <si>
    <t>GMPS CHAK 302 JB</t>
  </si>
  <si>
    <t>Chak No 302 Jb</t>
  </si>
  <si>
    <t>chak no 302 jb</t>
  </si>
  <si>
    <t>284  First</t>
  </si>
  <si>
    <t>43697</t>
  </si>
  <si>
    <t>GES CHAKWALIAN</t>
  </si>
  <si>
    <t>vpo  chakwalian. Tehsil Talagang</t>
  </si>
  <si>
    <t>Nakka  Kahot</t>
  </si>
  <si>
    <t>GGES CHAK NO 445 GB SAMUNDARI</t>
  </si>
  <si>
    <t>445gb</t>
  </si>
  <si>
    <t>445 gb</t>
  </si>
  <si>
    <t>445 GB</t>
  </si>
  <si>
    <t>448 Gb</t>
  </si>
  <si>
    <t>Wasba Sarwar</t>
  </si>
  <si>
    <t>45265</t>
  </si>
  <si>
    <t>GGPS CHAH CHINA</t>
  </si>
  <si>
    <t>GGPS Chah China, Muza Dhingana</t>
  </si>
  <si>
    <t>Chah China</t>
  </si>
  <si>
    <t>GGPS SODI WALA</t>
  </si>
  <si>
    <t>sodi Wala check no 35R.B</t>
  </si>
  <si>
    <t>Sodi Wala</t>
  </si>
  <si>
    <t>Mudassar Jabeen</t>
  </si>
  <si>
    <t>GGPS QILA SHABDEV SINGH</t>
  </si>
  <si>
    <t>Mananwal</t>
  </si>
  <si>
    <t>GGPS HAVALY PIRAN</t>
  </si>
  <si>
    <t>MOHAL</t>
  </si>
  <si>
    <t>mouza mohal kamalia</t>
  </si>
  <si>
    <t>Haveli Piran</t>
  </si>
  <si>
    <t>Muhammed Shah</t>
  </si>
  <si>
    <t>Fakhra Rehana</t>
  </si>
  <si>
    <t>53774</t>
  </si>
  <si>
    <t>GGPS 8/1L</t>
  </si>
  <si>
    <t>8/1L</t>
  </si>
  <si>
    <t>8/1.L</t>
  </si>
  <si>
    <t>Naheed Talib</t>
  </si>
  <si>
    <t>GGES CHAK GUNIAN</t>
  </si>
  <si>
    <t>Chak Ghanian</t>
  </si>
  <si>
    <t>chak ghanian sarai alamgir</t>
  </si>
  <si>
    <t>GGPS 79-80/5-R</t>
  </si>
  <si>
    <t>79/5r</t>
  </si>
  <si>
    <t>79-80/5r</t>
  </si>
  <si>
    <t>78/5r</t>
  </si>
  <si>
    <t>Sajida Jabeen</t>
  </si>
  <si>
    <t>GGCMS JALAL PUR BHATTIAN</t>
  </si>
  <si>
    <t>mehmoodpur</t>
  </si>
  <si>
    <t>Atia Irshad</t>
  </si>
  <si>
    <t>GGPS BHUTTO COLONY NIZAM ABAD LAHORE</t>
  </si>
  <si>
    <t>GGPS Bhutto Colony Nizamabad Lahore</t>
  </si>
  <si>
    <t>GGES CHAK 286 GB II</t>
  </si>
  <si>
    <t>286 Gb</t>
  </si>
  <si>
    <t>chak 286 gb 2</t>
  </si>
  <si>
    <t>286gb</t>
  </si>
  <si>
    <t>285 Gb Rajana</t>
  </si>
  <si>
    <t>Mussart Sultana</t>
  </si>
  <si>
    <t>GPS CHAK NO.87/F</t>
  </si>
  <si>
    <t>Chak 87/F P/o Chak 88/F tehsil Hasilpur</t>
  </si>
  <si>
    <t>Chak 87/F P/o Chak 88/F HSP</t>
  </si>
  <si>
    <t>GGPS MUZAFFAR ABAD</t>
  </si>
  <si>
    <t>muh Muzaffarbad Narang</t>
  </si>
  <si>
    <t>GPS CDG CHOWK SAFANWALA</t>
  </si>
  <si>
    <t>City District Govt Primary School Safanwala Chowk Mozang Lahore</t>
  </si>
  <si>
    <t>Amna Tabassum</t>
  </si>
  <si>
    <t>13654</t>
  </si>
  <si>
    <t>GGPS JAN NAGAR</t>
  </si>
  <si>
    <t>GGPS Jan Nagar</t>
  </si>
  <si>
    <t>Jan Nagar</t>
  </si>
  <si>
    <t>15523</t>
  </si>
  <si>
    <t>GPS 217 GB</t>
  </si>
  <si>
    <t>Gujjer Pind</t>
  </si>
  <si>
    <t>chack #217 GB</t>
  </si>
  <si>
    <t>217 GB</t>
  </si>
  <si>
    <t>221 GB</t>
  </si>
  <si>
    <t>23736</t>
  </si>
  <si>
    <t>GGPS MC NO.11 GUJRANWALA</t>
  </si>
  <si>
    <t>ghobind gher</t>
  </si>
  <si>
    <t>grw</t>
  </si>
  <si>
    <t>GES MERANI QADEEM</t>
  </si>
  <si>
    <t>Basti Pakki Merani, Moza Dullu  Nashaib, Layyah</t>
  </si>
  <si>
    <t>Basti Pakki Merani</t>
  </si>
  <si>
    <t>javeed Ahmad</t>
  </si>
  <si>
    <t>GHS CDG GUNJ MUGHAL PURA</t>
  </si>
  <si>
    <t>CDG BHS Gunj Bazar Mughalpura Lahore</t>
  </si>
  <si>
    <t>gunj Bazar</t>
  </si>
  <si>
    <t>Gunj</t>
  </si>
  <si>
    <t>GMPS FATEH MUHAMMAD DUGGA</t>
  </si>
  <si>
    <t>Dagga</t>
  </si>
  <si>
    <t>Dagga ahmad khan</t>
  </si>
  <si>
    <t>Dagga Ahmed Khan</t>
  </si>
  <si>
    <t>GPS ABULLAH PUR</t>
  </si>
  <si>
    <t>07-Feb</t>
  </si>
  <si>
    <t>Abdullah pur</t>
  </si>
  <si>
    <t>GPS CHAK 691/33 GB</t>
  </si>
  <si>
    <t>Chak 691/33 GB</t>
  </si>
  <si>
    <t>chak no 691/33 gb tehsil pirmahal distt toba take singh</t>
  </si>
  <si>
    <t>Chak GB 691/33 GB</t>
  </si>
  <si>
    <t>CHAK NO 326GB</t>
  </si>
  <si>
    <t>45189</t>
  </si>
  <si>
    <t>GGES MC ABBOT ROAD SIALKOT</t>
  </si>
  <si>
    <t>Abbot road</t>
  </si>
  <si>
    <t>GGPS KOT IZAT</t>
  </si>
  <si>
    <t>Kot Izzat</t>
  </si>
  <si>
    <t>GGPS KOT IZZAT</t>
  </si>
  <si>
    <t>Najma Islam</t>
  </si>
  <si>
    <t>GES RAFIQ AHMAD PUR LAMA</t>
  </si>
  <si>
    <t>Apl</t>
  </si>
  <si>
    <t>tanky ground Ahmad Pur lamma</t>
  </si>
  <si>
    <t>Apl Deh</t>
  </si>
  <si>
    <t>Faiz Rasool Malana</t>
  </si>
  <si>
    <t>GES JHUN</t>
  </si>
  <si>
    <t>Village Jhun P/O Sadar Cantt Teh &amp; Distt Sialkot</t>
  </si>
  <si>
    <t>Kundan Pur</t>
  </si>
  <si>
    <t>GGPS AZIZ COLONY</t>
  </si>
  <si>
    <t>Nawab Colony</t>
  </si>
  <si>
    <t>street #2 Aziz Colony SARGODHAÂ¡</t>
  </si>
  <si>
    <t>43nb</t>
  </si>
  <si>
    <t>Ayesha Batool</t>
  </si>
  <si>
    <t>GES SURAJ</t>
  </si>
  <si>
    <t>Village suraj , P.o Kuluwal , Tehsil Sambrial, Sialkot</t>
  </si>
  <si>
    <t>Kuluwal</t>
  </si>
  <si>
    <t>IMTIAZ HAIDER TARAR</t>
  </si>
  <si>
    <t>GMPS KAIS</t>
  </si>
  <si>
    <t>Kais</t>
  </si>
  <si>
    <t>village kais P/o kais,T/d sialkot</t>
  </si>
  <si>
    <t>Sameera Tahir Mehmood</t>
  </si>
  <si>
    <t>32106</t>
  </si>
  <si>
    <t>GPS THATHA QALANDER SHAH</t>
  </si>
  <si>
    <t>Thatha Qalander shah uc kakar Gill teh &amp;Dist skp</t>
  </si>
  <si>
    <t>Karkar Gill</t>
  </si>
  <si>
    <t>GGPS KIKER WALA KASU WALA</t>
  </si>
  <si>
    <t>Moza Wahey</t>
  </si>
  <si>
    <t>Ggps kikar Wala bamaqam hassu wala</t>
  </si>
  <si>
    <t>1Faiz Shumali</t>
  </si>
  <si>
    <t>GGPS MERA MARDWAL</t>
  </si>
  <si>
    <t>Mera mardwal</t>
  </si>
  <si>
    <t>Mera Mardwal</t>
  </si>
  <si>
    <t>42068</t>
  </si>
  <si>
    <t>GPS KHAN ABAD</t>
  </si>
  <si>
    <t>GPS Khan Abad wah modle town wah cantt Taxila</t>
  </si>
  <si>
    <t>Khan Abad</t>
  </si>
  <si>
    <t>Shazia Rasheed</t>
  </si>
  <si>
    <t>GPS DERA DAD POTRAY</t>
  </si>
  <si>
    <t>Dera Dad potray</t>
  </si>
  <si>
    <t>dera dad potray  farooq abad sheikhupura</t>
  </si>
  <si>
    <t>Farooqabad gaon</t>
  </si>
  <si>
    <t>GGPS NO.2 CHAK NO.37 SB</t>
  </si>
  <si>
    <t>ggmps Chak 37 sb sgd</t>
  </si>
  <si>
    <t>Chak 37 Sb Sgd</t>
  </si>
  <si>
    <t>Mehwish Azeem</t>
  </si>
  <si>
    <t>GGPS KOT FAZAL DIN</t>
  </si>
  <si>
    <t>KOT  FAZAL DIN</t>
  </si>
  <si>
    <t>HALLA</t>
  </si>
  <si>
    <t>48152</t>
  </si>
  <si>
    <t>GGES KOT MIANA</t>
  </si>
  <si>
    <t>kotmiana</t>
  </si>
  <si>
    <t>Hina  Feroz</t>
  </si>
  <si>
    <t>24286</t>
  </si>
  <si>
    <t>GGPS HASSAN BHATIAN</t>
  </si>
  <si>
    <t>Hassan Bhattian</t>
  </si>
  <si>
    <t>village &amp; post office khanpur syedan tehsil pasrur district Sialkot</t>
  </si>
  <si>
    <t>Shamim Akhtar Jaffari</t>
  </si>
  <si>
    <t>GGPS CHAK NO 29 MB</t>
  </si>
  <si>
    <t>29 MB</t>
  </si>
  <si>
    <t>29MB</t>
  </si>
  <si>
    <t>GGPS THATHI MIAN RANJHA</t>
  </si>
  <si>
    <t>Thathi Mian Ranjha  Ranjaha</t>
  </si>
  <si>
    <t>Thathi Mian Ranjaha p/o Gondal Tehsil Shahpur District Sargodha</t>
  </si>
  <si>
    <t>Thathi Mian Ranjaha</t>
  </si>
  <si>
    <t>Rubab Nazir</t>
  </si>
  <si>
    <t>GPS 14 ML</t>
  </si>
  <si>
    <t>Chak 14  Ml</t>
  </si>
  <si>
    <t>14 ml</t>
  </si>
  <si>
    <t>14ml</t>
  </si>
  <si>
    <t>40211</t>
  </si>
  <si>
    <t>GGES BHUMBLA</t>
  </si>
  <si>
    <t>Bhumbla</t>
  </si>
  <si>
    <t>village bhumla post office kala gujran jhelum</t>
  </si>
  <si>
    <t>Shamaila perveen</t>
  </si>
  <si>
    <t>GGPS JAM KALOO SANGHI</t>
  </si>
  <si>
    <t>basti jam kaloo sangi p/o rukan pur tehsil and disttrict rahim yar khan</t>
  </si>
  <si>
    <t>basti jam kaloo sangi</t>
  </si>
  <si>
    <t>Rizwana Jaffari</t>
  </si>
  <si>
    <t>GPS KHAN KA GOLA FAQIR</t>
  </si>
  <si>
    <t>GPS KHAN KA GOLA FAQEER</t>
  </si>
  <si>
    <t>Muhammad Raaheel</t>
  </si>
  <si>
    <t>GGPS MALIK PUR MOZA MALIK PUR</t>
  </si>
  <si>
    <t>malik ghulam fareed Naich moaza malik pur</t>
  </si>
  <si>
    <t>ghulam fareed naich</t>
  </si>
  <si>
    <t>jun pur</t>
  </si>
  <si>
    <t>SajdaSahar</t>
  </si>
  <si>
    <t>Bhiryog</t>
  </si>
  <si>
    <t>post office gurmani</t>
  </si>
  <si>
    <t>Adil Abad</t>
  </si>
  <si>
    <t>Sumaira Saba</t>
  </si>
  <si>
    <t>45599</t>
  </si>
  <si>
    <t>GMPS SARWAR ABAD</t>
  </si>
  <si>
    <t>Daggar Leel</t>
  </si>
  <si>
    <t>GMPS Sarwar Abad</t>
  </si>
  <si>
    <t>Chah Jhunj</t>
  </si>
  <si>
    <t>Khawar Kalah</t>
  </si>
  <si>
    <t>Zaitoon Akbar</t>
  </si>
  <si>
    <t>GGPS 55/12-L</t>
  </si>
  <si>
    <t>Chak No 55/12 L R</t>
  </si>
  <si>
    <t>chak no 55/12L R tehsil chichawatni district sahiwal</t>
  </si>
  <si>
    <t>55/12LR</t>
  </si>
  <si>
    <t>GGPS CHAK NO 176 JB II</t>
  </si>
  <si>
    <t>Jopoo</t>
  </si>
  <si>
    <t>chak no l76/2</t>
  </si>
  <si>
    <t>176/jb</t>
  </si>
  <si>
    <t>GGES KANWAY WALA</t>
  </si>
  <si>
    <t>Vill Kanwain Wala Teh Lalian District Chiniot</t>
  </si>
  <si>
    <t>Nadia fatima</t>
  </si>
  <si>
    <t>GGPS CHAK 303 JB II</t>
  </si>
  <si>
    <t>Chak 303Jb 11</t>
  </si>
  <si>
    <t>chak 303 jb 11.</t>
  </si>
  <si>
    <t>Chak 303 Jb 11</t>
  </si>
  <si>
    <t>Chak 354 Jb</t>
  </si>
  <si>
    <t>GPS CHAMMALA</t>
  </si>
  <si>
    <t>Chammala</t>
  </si>
  <si>
    <t>village chammala po bhiritta Teh Dina Distt jhelum</t>
  </si>
  <si>
    <t>Naila  Quyyum</t>
  </si>
  <si>
    <t>6421</t>
  </si>
  <si>
    <t>iqbal Nagar RYK</t>
  </si>
  <si>
    <t>MC RYK  A</t>
  </si>
  <si>
    <t>GES CHAK 191 RB WEST</t>
  </si>
  <si>
    <t>191 RB west</t>
  </si>
  <si>
    <t>191 RB WEST FAISALABAD</t>
  </si>
  <si>
    <t>191 Moloani</t>
  </si>
  <si>
    <t>190 RB KHURD</t>
  </si>
  <si>
    <t>GGES DAR UL ISLAM PWP</t>
  </si>
  <si>
    <t>gges darul Islam awan chowk pirwadhai rawalpindi</t>
  </si>
  <si>
    <t>GMPS GEHAL PUR</t>
  </si>
  <si>
    <t>SULTAN BAHOO-FEMALE</t>
  </si>
  <si>
    <t>ghail pur tehsil AP sial District jhang</t>
  </si>
  <si>
    <t>Ghail Pur</t>
  </si>
  <si>
    <t>Amna Zafar</t>
  </si>
  <si>
    <t>GGPS MEHAR WALA</t>
  </si>
  <si>
    <t>Shrqi gurmani</t>
  </si>
  <si>
    <t>Shrqi gurmani station basti Mahar  wala</t>
  </si>
  <si>
    <t>Mahar Wala</t>
  </si>
  <si>
    <t>Khushbo Hussain</t>
  </si>
  <si>
    <t>GGPS CHAK 344 JB SHAH PUR</t>
  </si>
  <si>
    <t>chak#344jb gojra</t>
  </si>
  <si>
    <t>344jb</t>
  </si>
  <si>
    <t>345jb Pinanky</t>
  </si>
  <si>
    <t>Nazish Faiz</t>
  </si>
  <si>
    <t>filter plant electric cooler</t>
  </si>
  <si>
    <t>GGES CHAK NO. 199/8-R</t>
  </si>
  <si>
    <t>chak no 199/8r</t>
  </si>
  <si>
    <t>Sidra Nawaz</t>
  </si>
  <si>
    <t>GGCMS 46/F IQBAL NAGAR</t>
  </si>
  <si>
    <t>GGCMS Iqbal nagar 46/f</t>
  </si>
  <si>
    <t>46/f</t>
  </si>
  <si>
    <t>CT NO 1</t>
  </si>
  <si>
    <t>Rifaat Saeed</t>
  </si>
  <si>
    <t>40872</t>
  </si>
  <si>
    <t>GES DHANYALLA</t>
  </si>
  <si>
    <t>VILLAGE &amp; PO DHANYALA TEHSIL DINA DISTRICT JHELUM</t>
  </si>
  <si>
    <t>Mobbasshar Ilyas Kayani</t>
  </si>
  <si>
    <t>GES CHAK 235 GB JARANWALA</t>
  </si>
  <si>
    <t>Chak No 235gb Partab Nagar</t>
  </si>
  <si>
    <t>chak no 235 gb jaranwala</t>
  </si>
  <si>
    <t>Chak No 235 Gb</t>
  </si>
  <si>
    <t>MUHAMMAD SARWER</t>
  </si>
  <si>
    <t>16 km peer mudarsa kot Muhammad Hussain multan road Lahore</t>
  </si>
  <si>
    <t>Nuzahat Shaheen</t>
  </si>
  <si>
    <t>12832</t>
  </si>
  <si>
    <t>GGPS CHAK KALOO WALI</t>
  </si>
  <si>
    <t>Chak Kaloo Wali</t>
  </si>
  <si>
    <t>basti mondy wala post office dewala M.garh</t>
  </si>
  <si>
    <t>Mondy Wala</t>
  </si>
  <si>
    <t>DURDANA</t>
  </si>
  <si>
    <t>GPS GHARBI NO. 2 KALLUR KOT</t>
  </si>
  <si>
    <t>KALLU KOT</t>
  </si>
  <si>
    <t>GHS KOTLA ANDROON</t>
  </si>
  <si>
    <t>government high school kotla androon</t>
  </si>
  <si>
    <t>GMPS MOHRA SHARIF</t>
  </si>
  <si>
    <t>mohra sharif</t>
  </si>
  <si>
    <t>p/o kashmiri bazar vill mohra sharif</t>
  </si>
  <si>
    <t>Nasira Altaf</t>
  </si>
  <si>
    <t>spring water</t>
  </si>
  <si>
    <t>GPS MODEL NABI PUR, KABIRWALA</t>
  </si>
  <si>
    <t>nabipur</t>
  </si>
  <si>
    <t>basti nabipur moza nabipur kabirwala</t>
  </si>
  <si>
    <t>Zoya Sadiq</t>
  </si>
  <si>
    <t>GPS PIRHAR MUNDA GHARBI</t>
  </si>
  <si>
    <t>Pirhar Munda Gharbi</t>
  </si>
  <si>
    <t>Mouza Pirhar  Munda Gharbi</t>
  </si>
  <si>
    <t>Muhammad Zeshan Saddique</t>
  </si>
  <si>
    <t>40935</t>
  </si>
  <si>
    <t>GPS BARALA</t>
  </si>
  <si>
    <t>Barala</t>
  </si>
  <si>
    <t>Village barala p/o ara jasrota teh dina jhelum</t>
  </si>
  <si>
    <t>Dhaniyla</t>
  </si>
  <si>
    <t>Nadia Basharat</t>
  </si>
  <si>
    <t>GPS 650/1 GB</t>
  </si>
  <si>
    <t>chak no 650/1 Gb tehsil jaranwala</t>
  </si>
  <si>
    <t>Chak No 650/1 Gb</t>
  </si>
  <si>
    <t>Khalil Ahmad Anjum</t>
  </si>
  <si>
    <t>41037</t>
  </si>
  <si>
    <t>GPS RANJHA</t>
  </si>
  <si>
    <t>GPS Ranjha tehsil dina district jhelum</t>
  </si>
  <si>
    <t>GGPS TRINDA SAWAY KHAN</t>
  </si>
  <si>
    <t>TRANDA SWAY KHAN</t>
  </si>
  <si>
    <t>Mohalah old school Bazar TRANDA SWAY KHAN</t>
  </si>
  <si>
    <t>Hajazi Mudasar</t>
  </si>
  <si>
    <t>42589</t>
  </si>
  <si>
    <t>GMPS JOLLEY P.O SUKHO</t>
  </si>
  <si>
    <t>Jollay</t>
  </si>
  <si>
    <t>vill chak muslim po sukho teh gujar khan dist rawalpindi</t>
  </si>
  <si>
    <t>Chak Muslim</t>
  </si>
  <si>
    <t>40956</t>
  </si>
  <si>
    <t>GGPS BASTI HAJAMAAN</t>
  </si>
  <si>
    <t>Ali Akber Sangi</t>
  </si>
  <si>
    <t>Ggps basti hajaman.moaza Ali akber sangi.uc aman garh.rahim yar khan</t>
  </si>
  <si>
    <t>Basti Naiyan</t>
  </si>
  <si>
    <t>Shagufta Kouser</t>
  </si>
  <si>
    <t>GPS CHAK 666/7 GB</t>
  </si>
  <si>
    <t>GPS 666/7 GB</t>
  </si>
  <si>
    <t>Chak # 666/7 GB</t>
  </si>
  <si>
    <t>Chak # 666/7GB</t>
  </si>
  <si>
    <t>Chak# 665/6 GB</t>
  </si>
  <si>
    <t>GGPS JHANDI</t>
  </si>
  <si>
    <t>basti Fauj Ali Gandi miran pur</t>
  </si>
  <si>
    <t>Basti Fauj Ali Jhandi</t>
  </si>
  <si>
    <t>Sana Munawar</t>
  </si>
  <si>
    <t>GGPS KOT SHAH</t>
  </si>
  <si>
    <t>Kot  Shah</t>
  </si>
  <si>
    <t>Basti  Aalam  shah Moaza  Kot  Shah</t>
  </si>
  <si>
    <t>Aalam  Shah</t>
  </si>
  <si>
    <t>Hassan pur Tharund</t>
  </si>
  <si>
    <t>Tanveer Zainab</t>
  </si>
  <si>
    <t>GGPS BASTI BARI</t>
  </si>
  <si>
    <t>ggps basti bari</t>
  </si>
  <si>
    <t>T S Khan</t>
  </si>
  <si>
    <t>Ramzan Bagum</t>
  </si>
  <si>
    <t>GGPS KALA VERI</t>
  </si>
  <si>
    <t>Kala Veri</t>
  </si>
  <si>
    <t>ggps kala veri lodhran</t>
  </si>
  <si>
    <t>Yasmeen Manzoor</t>
  </si>
  <si>
    <t>GMPS ATTOWALA</t>
  </si>
  <si>
    <t>Attowala</t>
  </si>
  <si>
    <t>GMPS Attowala, Kharian (Gujrat)</t>
  </si>
  <si>
    <t>42204</t>
  </si>
  <si>
    <t>GPS DOONGA KHATAR</t>
  </si>
  <si>
    <t>Upper Chlawra</t>
  </si>
  <si>
    <t>Govt boys primary school Donga Khatar upper chlawra</t>
  </si>
  <si>
    <t>Heir man for arrange water</t>
  </si>
  <si>
    <t>37674</t>
  </si>
  <si>
    <t>GMPS 3/8-R, TULAMBA</t>
  </si>
  <si>
    <t>3/8-r</t>
  </si>
  <si>
    <t>20/8-br</t>
  </si>
  <si>
    <t>Faryaal Asif</t>
  </si>
  <si>
    <t>GGPS MOUZA BAIT RAI ALI</t>
  </si>
  <si>
    <t>Baite Ray Wali</t>
  </si>
  <si>
    <t>ggps mouza bait ray ali</t>
  </si>
  <si>
    <t>Bodla Sandeela</t>
  </si>
  <si>
    <t>GGPS AUSIA</t>
  </si>
  <si>
    <t>vill po box Ausia Teh Murree Distt Rwp</t>
  </si>
  <si>
    <t>Amna Mustafa</t>
  </si>
  <si>
    <t>40962</t>
  </si>
  <si>
    <t>GGPS DINA NO.2</t>
  </si>
  <si>
    <t>Muhalla Azad Shah</t>
  </si>
  <si>
    <t>muhalla azad shah thekrian dina</t>
  </si>
  <si>
    <t>Thekrian</t>
  </si>
  <si>
    <t>Municipal Comettie Dina</t>
  </si>
  <si>
    <t>Fozia Afsheen</t>
  </si>
  <si>
    <t>GGES MACHIAL</t>
  </si>
  <si>
    <t>Machial</t>
  </si>
  <si>
    <t>vill &amp; post office Machial lower dewal tehsil murree district rawalpindi</t>
  </si>
  <si>
    <t>Machyal</t>
  </si>
  <si>
    <t>Anum Naz</t>
  </si>
  <si>
    <t>44123</t>
  </si>
  <si>
    <t>46115</t>
  </si>
  <si>
    <t>GGES DHAK</t>
  </si>
  <si>
    <t>villege post office dhak tehsil &amp; district</t>
  </si>
  <si>
    <t>21604</t>
  </si>
  <si>
    <t>GGES CHANDALA</t>
  </si>
  <si>
    <t>Chandala, Kamoki, Gujranwala</t>
  </si>
  <si>
    <t>Roubina Ghaffar</t>
  </si>
  <si>
    <t>GGPS WANDHA HABIB ULLAH KHAN WALA</t>
  </si>
  <si>
    <t>mohallah allah khel p/o kammarmashani tehsil essakhel district mianwali</t>
  </si>
  <si>
    <t>Allah Khel</t>
  </si>
  <si>
    <t>GPS TIBBI SOHRAB MUZA KERMAN WALI P/O KHAN BELA</t>
  </si>
  <si>
    <t>Karmu Wali</t>
  </si>
  <si>
    <t>basti tibbi sohrab moza karmu wali p/o khanbela Teh. jalalpurpirwala</t>
  </si>
  <si>
    <t>Tibbi Sohrab</t>
  </si>
  <si>
    <t>karmu Wali</t>
  </si>
  <si>
    <t>Qamar Zahoor</t>
  </si>
  <si>
    <t>114334</t>
  </si>
  <si>
    <t>GGPS MUSLIM COLONY PASRUR</t>
  </si>
  <si>
    <t>muslim colony pasrur</t>
  </si>
  <si>
    <t>Pasrur City</t>
  </si>
  <si>
    <t>Pasrur-1</t>
  </si>
  <si>
    <t>Anjum Aziz</t>
  </si>
  <si>
    <t>GGCMS PATOO KUHNA</t>
  </si>
  <si>
    <t>Patoo Klan</t>
  </si>
  <si>
    <t>ggcms patoo kuhna</t>
  </si>
  <si>
    <t>GgCMS Patoo  Klan</t>
  </si>
  <si>
    <t>Bhedian Klan</t>
  </si>
  <si>
    <t>GPS DHAGI PAR</t>
  </si>
  <si>
    <t>Chah Pakka</t>
  </si>
  <si>
    <t>chinioti road jalaibi chowk moh.noor wala chiniot</t>
  </si>
  <si>
    <t>Mohnoorwala</t>
  </si>
  <si>
    <t>GPS 205 EB</t>
  </si>
  <si>
    <t>Chak No 205 /EB</t>
  </si>
  <si>
    <t>GPS 205/EB P/O 163/EB Tehsil Arifwala Disst Pakpattan</t>
  </si>
  <si>
    <t>Chak No 205/EB</t>
  </si>
  <si>
    <t>Chak No 163/EB</t>
  </si>
  <si>
    <t>M Irshad Ahmad abid</t>
  </si>
  <si>
    <t>GGES CHAK SIKANDAR NO.30</t>
  </si>
  <si>
    <t>GGES Chak Sikandar No. 30, Kharian (Gujrat)</t>
  </si>
  <si>
    <t>23124</t>
  </si>
  <si>
    <t>GGPS MALWANA</t>
  </si>
  <si>
    <t>Malwana</t>
  </si>
  <si>
    <t>GGPS Malwana, Kharian (Gujrat)</t>
  </si>
  <si>
    <t>GGES KOTLA HASSAN SHAH</t>
  </si>
  <si>
    <t>Gyamal</t>
  </si>
  <si>
    <t>GGES kotla hassan shah</t>
  </si>
  <si>
    <t>Kotla Hassan Shah</t>
  </si>
  <si>
    <t>Umar Kot</t>
  </si>
  <si>
    <t>Marina Khan</t>
  </si>
  <si>
    <t>46503</t>
  </si>
  <si>
    <t>GPS CHAK NO. 28 MB</t>
  </si>
  <si>
    <t>Chak 28mb</t>
  </si>
  <si>
    <t>chak no 28mb</t>
  </si>
  <si>
    <t>Chak 14 Mb</t>
  </si>
  <si>
    <t>40772</t>
  </si>
  <si>
    <t>GGPS HATHIA DHAMIAL</t>
  </si>
  <si>
    <t>vill &amp; po hathia dhamial sohawa jhelum</t>
  </si>
  <si>
    <t>Aliya Tariq</t>
  </si>
  <si>
    <t>donated water</t>
  </si>
  <si>
    <t>24576</t>
  </si>
  <si>
    <t>GGPS GHUMNAL</t>
  </si>
  <si>
    <t>Ghumnal</t>
  </si>
  <si>
    <t>Village Ghumnal P O Paktal</t>
  </si>
  <si>
    <t>Rahila Shoukat</t>
  </si>
  <si>
    <t>GPS CHAK NO. 30 MB</t>
  </si>
  <si>
    <t>Cak No 30MB</t>
  </si>
  <si>
    <t>Chak  No30mb</t>
  </si>
  <si>
    <t>49533</t>
  </si>
  <si>
    <t>GMPS JALAL PUR SYEDAN</t>
  </si>
  <si>
    <t>Jalal Pur Syedan Syedan</t>
  </si>
  <si>
    <t>gmps jalal pur syedan</t>
  </si>
  <si>
    <t>GMPS MODEL JOHAD</t>
  </si>
  <si>
    <t>vill Johad po chakri Rwp</t>
  </si>
  <si>
    <t>shahida tasnim</t>
  </si>
  <si>
    <t>GGES BASTI AMANAT ALI</t>
  </si>
  <si>
    <t>MC GGES Basti Amanat Ali Rizwan Park Rahim Yar Khan</t>
  </si>
  <si>
    <t>Rizwan park</t>
  </si>
  <si>
    <t>HAFIZA LUBNA SABAHAT</t>
  </si>
  <si>
    <t>GGPS CHAK NO. 558 TDA</t>
  </si>
  <si>
    <t>558/TDA</t>
  </si>
  <si>
    <t>chak no 558/TDA</t>
  </si>
  <si>
    <t>GGPS AWANA</t>
  </si>
  <si>
    <t>GGPS Awana, Kharian (Gujrat)</t>
  </si>
  <si>
    <t>Fariah Mazher</t>
  </si>
  <si>
    <t>20347</t>
  </si>
  <si>
    <t>GGPS SATTI WALA</t>
  </si>
  <si>
    <t>Dharangar</t>
  </si>
  <si>
    <t>sattiwala moza dharangar</t>
  </si>
  <si>
    <t>Sattiwala</t>
  </si>
  <si>
    <t>Menal Saba</t>
  </si>
  <si>
    <t>GGPS DASTGEER COLONY NO. 2</t>
  </si>
  <si>
    <t>Dastgeer Colony</t>
  </si>
  <si>
    <t>GGPS dastageer colony no 2 Rahim yar khan</t>
  </si>
  <si>
    <t>Musarrat Yasmin</t>
  </si>
  <si>
    <t>GPS CHAK NO.217 TDA</t>
  </si>
  <si>
    <t>Mojghar</t>
  </si>
  <si>
    <t>chak no 218,tda</t>
  </si>
  <si>
    <t>217tda</t>
  </si>
  <si>
    <t>Chak No93 ml</t>
  </si>
  <si>
    <t>Zaffar Iqbal Tabassum</t>
  </si>
  <si>
    <t>Saghray Wala</t>
  </si>
  <si>
    <t>GMPS Saghrey wala</t>
  </si>
  <si>
    <t>Kanwayn Wala</t>
  </si>
  <si>
    <t>GMPS DHAMAN PADHRAR</t>
  </si>
  <si>
    <t>Gmps dhaman padhrar</t>
  </si>
  <si>
    <t>Rabia Mubeen Malik</t>
  </si>
  <si>
    <t>From mosque</t>
  </si>
  <si>
    <t>GES AHEERAN WALA</t>
  </si>
  <si>
    <t>Aheeran wala teh k kot distt bkr</t>
  </si>
  <si>
    <t>Aheeran Wala</t>
  </si>
  <si>
    <t>37353</t>
  </si>
  <si>
    <t>GGCMS MAKHDOOM PUR</t>
  </si>
  <si>
    <t>near darbar sultan ranjan m.pur</t>
  </si>
  <si>
    <t>Fouzia Akhter</t>
  </si>
  <si>
    <t>pakpattan road adda rang shah</t>
  </si>
  <si>
    <t>Rang shah</t>
  </si>
  <si>
    <t>jewan shah</t>
  </si>
  <si>
    <t>PIR ISRAR HUSSAIN NAEEM</t>
  </si>
  <si>
    <t>GGPS LUCHMAN WALA</t>
  </si>
  <si>
    <t>lachmanWala po zammey wala teh k kot bkr</t>
  </si>
  <si>
    <t>shaista shahnaz</t>
  </si>
  <si>
    <t>50465</t>
  </si>
  <si>
    <t>GPS 84A/12-L</t>
  </si>
  <si>
    <t>84A/12.L</t>
  </si>
  <si>
    <t>abadi pathankot</t>
  </si>
  <si>
    <t>Faridpurshaag</t>
  </si>
  <si>
    <t>GMPS CHAK NO.112 NB</t>
  </si>
  <si>
    <t>112 nb</t>
  </si>
  <si>
    <t>g m p s 112 nb</t>
  </si>
  <si>
    <t>GPS DERA RAJPUTAN</t>
  </si>
  <si>
    <t>sikanderabad</t>
  </si>
  <si>
    <t>GMES RAKHANAY</t>
  </si>
  <si>
    <t>Rakhanay</t>
  </si>
  <si>
    <t>village rakhanay tehsil &amp; district sialkot</t>
  </si>
  <si>
    <t>Pindi Araiyan</t>
  </si>
  <si>
    <t>GGES MALIK WAHID BUX</t>
  </si>
  <si>
    <t>Rahmu</t>
  </si>
  <si>
    <t>basti nazar daakhana Adam sohba tehsil sadiq abad district rahim yar khan</t>
  </si>
  <si>
    <t>Basti Nazar</t>
  </si>
  <si>
    <t>Ranjhey Khan</t>
  </si>
  <si>
    <t>Sadia Aziz</t>
  </si>
  <si>
    <t>GGPS AKRAM ABAD</t>
  </si>
  <si>
    <t>Basti Illahi baksh</t>
  </si>
  <si>
    <t>Basti Illahi Baksh</t>
  </si>
  <si>
    <t>GGES SHAH WALA SHUMALI</t>
  </si>
  <si>
    <t>Shah Wala Shumali</t>
  </si>
  <si>
    <t>shahwala shumali Tehsil Quaidabad District Khushab</t>
  </si>
  <si>
    <t>Asma Sadia</t>
  </si>
  <si>
    <t>GPS KHAN MUHAMMAD WALA</t>
  </si>
  <si>
    <t>Gps khan muhammad wala</t>
  </si>
  <si>
    <t>mohalla islampura farooqabad</t>
  </si>
  <si>
    <t>Iram shehzadi</t>
  </si>
  <si>
    <t>35417</t>
  </si>
  <si>
    <t>33831</t>
  </si>
  <si>
    <t>GGPS CHAH BANAN WALA MULTAN</t>
  </si>
  <si>
    <t>Tiba Masood Pur</t>
  </si>
  <si>
    <t>dak khana ismailabad chah banan wala sher shah road multan</t>
  </si>
  <si>
    <t>Chah Banan Wala</t>
  </si>
  <si>
    <t>Kamilla</t>
  </si>
  <si>
    <t>GGPS BASTI JAM KARIM</t>
  </si>
  <si>
    <t>GGPS Basti Jam Kareemullah</t>
  </si>
  <si>
    <t>Jam Karim</t>
  </si>
  <si>
    <t>Parveen Masood</t>
  </si>
  <si>
    <t>GPS CHAK NO.592 TDA</t>
  </si>
  <si>
    <t>Chak No 592 T D A</t>
  </si>
  <si>
    <t>chak no 592 TDA</t>
  </si>
  <si>
    <t>Chak No 592 TD A</t>
  </si>
  <si>
    <t>Vandhar</t>
  </si>
  <si>
    <t>muhammad shahid</t>
  </si>
  <si>
    <t>GGPS KOLIAN HABIB</t>
  </si>
  <si>
    <t>GGPS Kolian Habib, Kharian (Gujrat)</t>
  </si>
  <si>
    <t>Sabreena Javaid</t>
  </si>
  <si>
    <t>GGPS BAIT RAI ALI</t>
  </si>
  <si>
    <t>Bait Rai Ali</t>
  </si>
  <si>
    <t>basti bait rai Ali mouza bait rai Ali uc manka bhutta district muzaffargarh</t>
  </si>
  <si>
    <t>Syeda Sadia Riaz Bukhari</t>
  </si>
  <si>
    <t>GPS TIBBA QAIM DIN</t>
  </si>
  <si>
    <t>Meli Pir Bukhsh</t>
  </si>
  <si>
    <t>Tibba qaim din Teh. &amp; District Khushab</t>
  </si>
  <si>
    <t>RIZWAN KHAN NIAZI</t>
  </si>
  <si>
    <t>GES DHOK ZAMAN</t>
  </si>
  <si>
    <t>Dhok zaman</t>
  </si>
  <si>
    <t>dhok zaman post office khas tehsil and District mianwali</t>
  </si>
  <si>
    <t>Ameer Nawaz</t>
  </si>
  <si>
    <t>40992</t>
  </si>
  <si>
    <t>GGES MUGHAL ABAD</t>
  </si>
  <si>
    <t>MUHALABAD</t>
  </si>
  <si>
    <t>VILLAGE MUGHALABAD PO BOHRIAN DINA JHELUM</t>
  </si>
  <si>
    <t>MUGHALABAD</t>
  </si>
  <si>
    <t>Faiza Mukhtar</t>
  </si>
  <si>
    <t>GMPS JHAKAR PUR</t>
  </si>
  <si>
    <t>chah an ran wala pobox lsmailabad masoodpur  tibba  district  multan</t>
  </si>
  <si>
    <t>Jhakarpur</t>
  </si>
  <si>
    <t>Shahnazaslam</t>
  </si>
  <si>
    <t>GGPS ISSA NAGAR</t>
  </si>
  <si>
    <t>Issa Nager</t>
  </si>
  <si>
    <t>ggps issa nager</t>
  </si>
  <si>
    <t>Sagodha</t>
  </si>
  <si>
    <t>44309</t>
  </si>
  <si>
    <t>GPS BHARPUR AYAT</t>
  </si>
  <si>
    <t>v.p.o bharpur tehsil kallar kahar district chakwal</t>
  </si>
  <si>
    <t>Nargis Yasmeen</t>
  </si>
  <si>
    <t>GES SAHUWAL</t>
  </si>
  <si>
    <t>Kallary</t>
  </si>
  <si>
    <t>p.o. kallary dhoke sahuwal</t>
  </si>
  <si>
    <t>Dhoke Sahuwal</t>
  </si>
  <si>
    <t>Thamy Wali</t>
  </si>
  <si>
    <t>Muhammad Waheed Khan</t>
  </si>
  <si>
    <t>GPS ZAMA KHAKH</t>
  </si>
  <si>
    <t>Dera Zama Khakh  Roda</t>
  </si>
  <si>
    <t>GGPS KOTLI JANDU</t>
  </si>
  <si>
    <t>KOTLI Jando</t>
  </si>
  <si>
    <t>p/o ladhar village KOTLI Jando tehsil daska district sialkot</t>
  </si>
  <si>
    <t>KOTLI Jandu</t>
  </si>
  <si>
    <t>Raqia Khanum</t>
  </si>
  <si>
    <t>GGES YOUNGSON ABAD</t>
  </si>
  <si>
    <t>Youngsonabad</t>
  </si>
  <si>
    <t>Govt girls E/S youngsonabad</t>
  </si>
  <si>
    <t>GMPS BHAGO KAY ARAIN</t>
  </si>
  <si>
    <t>bhago kay arain p\o usman walla chunian kasur</t>
  </si>
  <si>
    <t>Bhago Kay Arain</t>
  </si>
  <si>
    <t>Dao K Khaniana</t>
  </si>
  <si>
    <t>GGPS NOOR AHMAD LASHARI</t>
  </si>
  <si>
    <t>GGPS Noor Ahmad Leshari</t>
  </si>
  <si>
    <t>Kamu Khan</t>
  </si>
  <si>
    <t>46097</t>
  </si>
  <si>
    <t>GGHS CHAK NO. 56 MB</t>
  </si>
  <si>
    <t>56mb</t>
  </si>
  <si>
    <t>vpo chak no 56mb tehsil District khushab</t>
  </si>
  <si>
    <t>56 Mb</t>
  </si>
  <si>
    <t>Chak No 63 Mb</t>
  </si>
  <si>
    <t>Hifza Bibi</t>
  </si>
  <si>
    <t>GGES MOHALLAH KAPAYIYAN WALA</t>
  </si>
  <si>
    <t>gges moh kapiyan wala</t>
  </si>
  <si>
    <t>GGPS LASHARI NAGAR</t>
  </si>
  <si>
    <t>G GPS LASHARI NAGAR</t>
  </si>
  <si>
    <t>GGPS RAWANA</t>
  </si>
  <si>
    <t>rawana</t>
  </si>
  <si>
    <t>19 Chak</t>
  </si>
  <si>
    <t>Kaniz Kubra</t>
  </si>
  <si>
    <t>GPS JUGGIAN DARS</t>
  </si>
  <si>
    <t>Juggain Dars</t>
  </si>
  <si>
    <t>juggain dars bata pur lahore</t>
  </si>
  <si>
    <t>GGES MIRAK SIAL</t>
  </si>
  <si>
    <t>GGES MIRAK SIAL TEHSIL SHORKOT DISTRICT JHANG</t>
  </si>
  <si>
    <t>Allah Yar Jota</t>
  </si>
  <si>
    <t>Saadia Malik</t>
  </si>
  <si>
    <t>GGES CHAK NO.40 DB</t>
  </si>
  <si>
    <t>40 Db</t>
  </si>
  <si>
    <t>gges40db</t>
  </si>
  <si>
    <t>40db</t>
  </si>
  <si>
    <t>Tayyba Nawaz</t>
  </si>
  <si>
    <t>GGPS GANGAWALI</t>
  </si>
  <si>
    <t>Village Ganga wail post office pindi ghen</t>
  </si>
  <si>
    <t>GGPS PALLA MALLA KHAN</t>
  </si>
  <si>
    <t>Palal</t>
  </si>
  <si>
    <t>village palala mulla Khan Tehsil kallar syedan Post Office Waliyat abad Dist RWP</t>
  </si>
  <si>
    <t>Smote</t>
  </si>
  <si>
    <t>Aqeela Shabir</t>
  </si>
  <si>
    <t>outside well</t>
  </si>
  <si>
    <t>GGES DERA JARA</t>
  </si>
  <si>
    <t>Dera Jara tehsil sahiwal district Sargodha.</t>
  </si>
  <si>
    <t>GMPS KAMAALA</t>
  </si>
  <si>
    <t>of kamala tehsil sahiwal p/o ahmed pur district sargodha</t>
  </si>
  <si>
    <t>Sajida Parven</t>
  </si>
  <si>
    <t>GGES KOT DARRI AZEEM KHAN</t>
  </si>
  <si>
    <t>GGES DARI AZEEM KHAN</t>
  </si>
  <si>
    <t>GPS NANU WALA</t>
  </si>
  <si>
    <t>nainowala Moza karlowala</t>
  </si>
  <si>
    <t>Nainowala</t>
  </si>
  <si>
    <t>GGPS CHAK NO.76 ML</t>
  </si>
  <si>
    <t>Chak no 76ML</t>
  </si>
  <si>
    <t>chak no 76ML</t>
  </si>
  <si>
    <t>76ML</t>
  </si>
  <si>
    <t>60-61</t>
  </si>
  <si>
    <t>GGPS AMJAD ABAD, BAGAR SARGANA, SARAI SIDHU</t>
  </si>
  <si>
    <t>basti bagar sargana tehsil kabirwala khanewal</t>
  </si>
  <si>
    <t>Amna Akram</t>
  </si>
  <si>
    <t>GMPS BHUTRAL</t>
  </si>
  <si>
    <t>Bhutral</t>
  </si>
  <si>
    <t>bhutral post office malukal district n tehsil Rawalpindi</t>
  </si>
  <si>
    <t>Ambreen Ashraf</t>
  </si>
  <si>
    <t>GGPS CHAK 690/32 GB</t>
  </si>
  <si>
    <t>Chak no 690/32GB</t>
  </si>
  <si>
    <t>690/32</t>
  </si>
  <si>
    <t>village qutba post office jatial disttrict attock teh hazro</t>
  </si>
  <si>
    <t>Riffat Aqeela</t>
  </si>
  <si>
    <t>GPS HAYAT PUR, KHANEWAL</t>
  </si>
  <si>
    <t>Hayat pur.Near 3 kasi stop.khanewal</t>
  </si>
  <si>
    <t>GGES CHAK 716 GB</t>
  </si>
  <si>
    <t>716 Gb</t>
  </si>
  <si>
    <t>chak No 716 GB</t>
  </si>
  <si>
    <t>Chak No 716 GB</t>
  </si>
  <si>
    <t>Sara Farooq</t>
  </si>
  <si>
    <t>GMPS CHAH FATEH DARYA</t>
  </si>
  <si>
    <t>chah fateh dariya Kari wala p/o same mandi shah jewana tahsil and district jhang</t>
  </si>
  <si>
    <t>Chah Fathey  Darya</t>
  </si>
  <si>
    <t>GMPS MODEL TIBBI DILMEER</t>
  </si>
  <si>
    <t>tibbi Dulmeer</t>
  </si>
  <si>
    <t>chah tahli wala moza tibbi dulmeer Lahore road chiniot</t>
  </si>
  <si>
    <t>GGPS QUTAB AWAN</t>
  </si>
  <si>
    <t>Qutab Awan</t>
  </si>
  <si>
    <t>qutab awn</t>
  </si>
  <si>
    <t>Pabbar Wala</t>
  </si>
  <si>
    <t>GGPS BASTI MOCHIAN WALI</t>
  </si>
  <si>
    <t>basti Mochian wali</t>
  </si>
  <si>
    <t>Basti Mochian Wali</t>
  </si>
  <si>
    <t>GMPS MODEL DEHDAR</t>
  </si>
  <si>
    <t>Deedar</t>
  </si>
  <si>
    <t>village Deedar Tehsil &amp; District Rawalpindi.</t>
  </si>
  <si>
    <t>Memoona Liaqat</t>
  </si>
  <si>
    <t>GGPS 99/A-6R</t>
  </si>
  <si>
    <t>99A/6-r</t>
  </si>
  <si>
    <t>chak numbr 99A/6-r sahiwal</t>
  </si>
  <si>
    <t>99/6-r</t>
  </si>
  <si>
    <t>Noreen Anjum</t>
  </si>
  <si>
    <t>GGPS CHAK NO.118/DB</t>
  </si>
  <si>
    <t>Chak no 118/db the.yazman.distt.bwp</t>
  </si>
  <si>
    <t>ZARINA YASMEEN</t>
  </si>
  <si>
    <t>GES CHAK NO.100 SB</t>
  </si>
  <si>
    <t>100 SB</t>
  </si>
  <si>
    <t>elementary school chak 100sb sargodha</t>
  </si>
  <si>
    <t>Chak100 Sb</t>
  </si>
  <si>
    <t>Mazhar Ali Khan</t>
  </si>
  <si>
    <t>GMPS 65/A</t>
  </si>
  <si>
    <t>65/A</t>
  </si>
  <si>
    <t>chak65/A</t>
  </si>
  <si>
    <t>GPS RATTA ARAIAN</t>
  </si>
  <si>
    <t>Ratta Araian</t>
  </si>
  <si>
    <t>Ratta Araian Teh&amp;Dist  Sialkot</t>
  </si>
  <si>
    <t>GGPS CHAK NO. 86/A</t>
  </si>
  <si>
    <t>Chak NO86 /A</t>
  </si>
  <si>
    <t>chak no 86/A lqp</t>
  </si>
  <si>
    <t>Chak No 86/A</t>
  </si>
  <si>
    <t>Rukhsana Hassan</t>
  </si>
  <si>
    <t>GPS CHAK 422 JB</t>
  </si>
  <si>
    <t>422jb</t>
  </si>
  <si>
    <t>chak No 422jb teh Gojra TT Singh</t>
  </si>
  <si>
    <t>Chak No 422jb</t>
  </si>
  <si>
    <t>29386</t>
  </si>
  <si>
    <t>GGPS PERU WALA</t>
  </si>
  <si>
    <t>Piru Wala</t>
  </si>
  <si>
    <t>piru wala</t>
  </si>
  <si>
    <t>Bairoon Kasur</t>
  </si>
  <si>
    <t>Naseem Farzand</t>
  </si>
  <si>
    <t>GGES BHALESAR</t>
  </si>
  <si>
    <t>GGES Bhalasar teh Hasanabdal Dist Attock</t>
  </si>
  <si>
    <t>Khurshid Akhtar</t>
  </si>
  <si>
    <t>GMPS CHAK 317/A 6-R</t>
  </si>
  <si>
    <t>317/6R</t>
  </si>
  <si>
    <t>chak 317/6R lqp</t>
  </si>
  <si>
    <t>Chak No 317/6R</t>
  </si>
  <si>
    <t>shabana luqman</t>
  </si>
  <si>
    <t>GGPS CHAK NO 224/9-R (S)</t>
  </si>
  <si>
    <t>Chak 224-9R S 224-9R</t>
  </si>
  <si>
    <t>Chak Number 224-9/R teh. Fort Abbas</t>
  </si>
  <si>
    <t>224-9/R</t>
  </si>
  <si>
    <t>226-9R</t>
  </si>
  <si>
    <t>17826</t>
  </si>
  <si>
    <t>GGES NAWAN THATTA</t>
  </si>
  <si>
    <t>Hasam</t>
  </si>
  <si>
    <t>nawan thatha mandi shah jewana</t>
  </si>
  <si>
    <t>52530</t>
  </si>
  <si>
    <t>GPS ANOKH SINGH</t>
  </si>
  <si>
    <t>chak anokh singh</t>
  </si>
  <si>
    <t>Anokh singh</t>
  </si>
  <si>
    <t>GGES CARE COLONY</t>
  </si>
  <si>
    <t>care colony kasur</t>
  </si>
  <si>
    <t>Samina Anjum</t>
  </si>
  <si>
    <t>GGPS WARD NO. 5 FORT ABBAS</t>
  </si>
  <si>
    <t>ward no 5 liaqat colony fort abbas</t>
  </si>
  <si>
    <t>Town Comittie</t>
  </si>
  <si>
    <t>Riffat Riaz</t>
  </si>
  <si>
    <t>Monza murad wala basti tariqabad</t>
  </si>
  <si>
    <t>Robina Rohi</t>
  </si>
  <si>
    <t>GGCMS 46/12-L</t>
  </si>
  <si>
    <t>chak no 46/12 L tehsil chichawatni district sahiwal</t>
  </si>
  <si>
    <t>Chak No 45/12L</t>
  </si>
  <si>
    <t>nasreen rehman</t>
  </si>
  <si>
    <t>16992</t>
  </si>
  <si>
    <t>GGES KARI WALA</t>
  </si>
  <si>
    <t>GGES Kariwala</t>
  </si>
  <si>
    <t>GPS KOTLA SHEIKHAN</t>
  </si>
  <si>
    <t>Kotla Sheikhan</t>
  </si>
  <si>
    <t>moza kotla sheikhan,uch sharif</t>
  </si>
  <si>
    <t>Muhammad Muddasir</t>
  </si>
  <si>
    <t>GGES DHBA HARMAL</t>
  </si>
  <si>
    <t>Dhiba Harmal</t>
  </si>
  <si>
    <t>Dhiba harmal p.o thoha mehram khan ,talagang,chakwal</t>
  </si>
  <si>
    <t>GGCMS AKHTAR NAGAR</t>
  </si>
  <si>
    <t>Akhtar Nagar</t>
  </si>
  <si>
    <t>Akhtar Nagar Chak 87/A</t>
  </si>
  <si>
    <t>Samina Kouser Cheema</t>
  </si>
  <si>
    <t>GPS KOT SHADI RAIWIND</t>
  </si>
  <si>
    <t>dola mola darbar raiwind</t>
  </si>
  <si>
    <t>Hafiz Rashid Ali</t>
  </si>
  <si>
    <t>GGPS CHAK NO.134 NB</t>
  </si>
  <si>
    <t>134nb</t>
  </si>
  <si>
    <t>chak #134 Nb</t>
  </si>
  <si>
    <t>Chak #134 Nb</t>
  </si>
  <si>
    <t>Chak #131 Nb</t>
  </si>
  <si>
    <t>GMPS MALAY CHAK NIA</t>
  </si>
  <si>
    <t>Malay Chak Nia</t>
  </si>
  <si>
    <t>GMPS MALL</t>
  </si>
  <si>
    <t>mall khokhran p.o domali teh sohawa dist Jhelum</t>
  </si>
  <si>
    <t>Faiza akbar</t>
  </si>
  <si>
    <t>GGPS DHENGLA</t>
  </si>
  <si>
    <t>Tibbi Dheengla</t>
  </si>
  <si>
    <t>tibbi Dheengla skt</t>
  </si>
  <si>
    <t>22037</t>
  </si>
  <si>
    <t>GMPS CHOOHANG</t>
  </si>
  <si>
    <t>Choohang</t>
  </si>
  <si>
    <t>chohang</t>
  </si>
  <si>
    <t>Chohang</t>
  </si>
  <si>
    <t>GPS CHAK 136 GB II SAMUNDRI</t>
  </si>
  <si>
    <t>Baghdapur</t>
  </si>
  <si>
    <t>Govt.P/S136 gb ll Samundri</t>
  </si>
  <si>
    <t>Chak 136 GB II</t>
  </si>
  <si>
    <t>ANEELA AKRAM</t>
  </si>
  <si>
    <t>GGPS PATAISER</t>
  </si>
  <si>
    <t>Pataisar</t>
  </si>
  <si>
    <t>village pataisar Post office dalowali</t>
  </si>
  <si>
    <t>vironeka</t>
  </si>
  <si>
    <t>GGES ASNI</t>
  </si>
  <si>
    <t>GGES Asni</t>
  </si>
  <si>
    <t>GGES KOTLI PATHANAN</t>
  </si>
  <si>
    <t>kotly pathana Po khas tehsil district kasur</t>
  </si>
  <si>
    <t>kotly pathana kasur</t>
  </si>
  <si>
    <t>kotly pathana</t>
  </si>
  <si>
    <t>sheikh ummad kohna</t>
  </si>
  <si>
    <t>SAMINA ILYAS</t>
  </si>
  <si>
    <t>GGPS 31/14-L</t>
  </si>
  <si>
    <t>GGPS 31/14_L P O 82 /12_L teh.chichawatni distt,sahiwal</t>
  </si>
  <si>
    <t>17853</t>
  </si>
  <si>
    <t>GGPS SHAFEEQ ABAD</t>
  </si>
  <si>
    <t>Bair</t>
  </si>
  <si>
    <t>moza bair wali post office mandi shah jewna tehsil district jhang</t>
  </si>
  <si>
    <t>Bair Wali</t>
  </si>
  <si>
    <t>Mandi Shah Jewna</t>
  </si>
  <si>
    <t>Nazia Sher</t>
  </si>
  <si>
    <t>46194</t>
  </si>
  <si>
    <t>GPS CHANRAN WALA</t>
  </si>
  <si>
    <t>deara chanranwala</t>
  </si>
  <si>
    <t>Deara  Chanranwala</t>
  </si>
  <si>
    <t>GPS CHAH QADIR MANEKA</t>
  </si>
  <si>
    <t>Chah Qadir Maneka</t>
  </si>
  <si>
    <t>Chah Qadir Maneka, 3-SP, Post Office Haveli Lakha, Tehsil Depalpur, District okara</t>
  </si>
  <si>
    <t>3-SP</t>
  </si>
  <si>
    <t>GGES CHAK MISRI</t>
  </si>
  <si>
    <t>gges chakmisri tesil kallar kahar district chakwal</t>
  </si>
  <si>
    <t>Khalida Rani</t>
  </si>
  <si>
    <t>GGCMS CHAK NO. 15/1-L</t>
  </si>
  <si>
    <t>chak no. 15/1L Renala khurd (Okara)</t>
  </si>
  <si>
    <t>Chak No 15/1L</t>
  </si>
  <si>
    <t>syeda nasreen asif</t>
  </si>
  <si>
    <t>34953</t>
  </si>
  <si>
    <t>GPS BAKHSH WALA</t>
  </si>
  <si>
    <t>p/o &amp; village Aalidaha</t>
  </si>
  <si>
    <t>Bux Wala</t>
  </si>
  <si>
    <t>Aali Dah</t>
  </si>
  <si>
    <t>Jumshaid Ayyaz</t>
  </si>
  <si>
    <t>GMPS ARTALA SHARIF</t>
  </si>
  <si>
    <t>Artala Sharif</t>
  </si>
  <si>
    <t>artala Sharif po kulluwal the sambrial dist sialkot</t>
  </si>
  <si>
    <t>Syeda Saba Gulfam</t>
  </si>
  <si>
    <t>GMPS KABIR WAH NO.1</t>
  </si>
  <si>
    <t>Kabeer wah</t>
  </si>
  <si>
    <t>Akbar  Ali</t>
  </si>
  <si>
    <t>GPS DOULAT WALA</t>
  </si>
  <si>
    <t>DAULAT wala kot tahir</t>
  </si>
  <si>
    <t>Muhammad Dawood</t>
  </si>
  <si>
    <t>33038</t>
  </si>
  <si>
    <t>GGPS PIDI PUR</t>
  </si>
  <si>
    <t>Piddipur</t>
  </si>
  <si>
    <t>piddipur Nankana Sahib</t>
  </si>
  <si>
    <t>Fatta Thatha</t>
  </si>
  <si>
    <t>Tabussam</t>
  </si>
  <si>
    <t>51347</t>
  </si>
  <si>
    <t>GGES 79/D PAKPATTAN</t>
  </si>
  <si>
    <t>79/D</t>
  </si>
  <si>
    <t>GGES 79D</t>
  </si>
  <si>
    <t>Rukhshanda Jbeen</t>
  </si>
  <si>
    <t>GGPS JHALAR WAHAB</t>
  </si>
  <si>
    <t>JHALAR WAHAB</t>
  </si>
  <si>
    <t>Jhalar wahab Tehsil Lalian  District Chiniot</t>
  </si>
  <si>
    <t>Aqsa Ramzan</t>
  </si>
  <si>
    <t>GPS MUJAHID KEY</t>
  </si>
  <si>
    <t>Mujahid Ka</t>
  </si>
  <si>
    <t>mujahid ka post office Attari Tehsil Depalpur Distt. Okara</t>
  </si>
  <si>
    <t>Bheni Falik Sher Wali</t>
  </si>
  <si>
    <t>GGPS OLIKH</t>
  </si>
  <si>
    <t>Olukh</t>
  </si>
  <si>
    <t>olukh shakar garah</t>
  </si>
  <si>
    <t>Kunwol Ghafoor</t>
  </si>
  <si>
    <t>GGES 80/1-L AWAN</t>
  </si>
  <si>
    <t>Awan Wali</t>
  </si>
  <si>
    <t>chak 80/1-L awan wali</t>
  </si>
  <si>
    <t>80/1-L</t>
  </si>
  <si>
    <t>150/2-L</t>
  </si>
  <si>
    <t>FARAH NAAZ</t>
  </si>
  <si>
    <t>GGPS CHAK 743 GB SUKHERY KAY</t>
  </si>
  <si>
    <t>743 Sukherey Key</t>
  </si>
  <si>
    <t>chak no 743 sukherey key</t>
  </si>
  <si>
    <t>Chak No 722</t>
  </si>
  <si>
    <t>Naseem noor ul ain</t>
  </si>
  <si>
    <t>31122</t>
  </si>
  <si>
    <t>GGES LUDHE KAY UCCHAY</t>
  </si>
  <si>
    <t>Ladheke Uncha</t>
  </si>
  <si>
    <t>ladheke uncha near raiwand Lahore</t>
  </si>
  <si>
    <t>Ladhay K Uncha</t>
  </si>
  <si>
    <t>Rabiah Zia</t>
  </si>
  <si>
    <t>connection from filter plant</t>
  </si>
  <si>
    <t>GGPS CHAK 450 ATTHOO</t>
  </si>
  <si>
    <t>Athoo</t>
  </si>
  <si>
    <t>chak 450 athoo</t>
  </si>
  <si>
    <t>Moza Athoo</t>
  </si>
  <si>
    <t>Zarina Shaheen</t>
  </si>
  <si>
    <t>21636</t>
  </si>
  <si>
    <t>baghwala</t>
  </si>
  <si>
    <t>Shaheen Qamar</t>
  </si>
  <si>
    <t>GPS KAURA</t>
  </si>
  <si>
    <t>GPS Koura</t>
  </si>
  <si>
    <t>GGPS KAT ATIMA SINGH KAT</t>
  </si>
  <si>
    <t>Hakeem Ameer ul Deen</t>
  </si>
  <si>
    <t>kat atima Singh ,moza hakeem ameer ul deen</t>
  </si>
  <si>
    <t>Kat Atima Singh</t>
  </si>
  <si>
    <t>Rabeeha Naz</t>
  </si>
  <si>
    <t>under ground water tank</t>
  </si>
  <si>
    <t>GPS GANGOO JUMA</t>
  </si>
  <si>
    <t>Gangoo Juma</t>
  </si>
  <si>
    <t>GANGOO juma</t>
  </si>
  <si>
    <t>44787</t>
  </si>
  <si>
    <t>GPS BASTI KAIL</t>
  </si>
  <si>
    <t>Kotla Nasheb</t>
  </si>
  <si>
    <t>basti kail tehsil and dist bhakkar p/o kotla jam</t>
  </si>
  <si>
    <t>Basti Kail</t>
  </si>
  <si>
    <t>ABID HUSSAIN SHAH</t>
  </si>
  <si>
    <t>GPS NO.1 CHAK NO.27 SB</t>
  </si>
  <si>
    <t>27SB</t>
  </si>
  <si>
    <t>chak  27SB</t>
  </si>
  <si>
    <t>Chak 27SB</t>
  </si>
  <si>
    <t>Chak 28SB</t>
  </si>
  <si>
    <t>35102</t>
  </si>
  <si>
    <t>GGES 287 EB</t>
  </si>
  <si>
    <t>Gov girls middle school 287eb</t>
  </si>
  <si>
    <t>287EB</t>
  </si>
  <si>
    <t>PARVEEN SARDAR</t>
  </si>
  <si>
    <t>GPS SHERANI</t>
  </si>
  <si>
    <t>sherani</t>
  </si>
  <si>
    <t>village sherani post office musa tehsil hazro district attock</t>
  </si>
  <si>
    <t>tahir mehmood</t>
  </si>
  <si>
    <t>GPS DHOK MIAN HASOO</t>
  </si>
  <si>
    <t>village dhk mian hassu p.o Bahtar tehsil fateh jhang district Attock.</t>
  </si>
  <si>
    <t>Dhok Mian Hassu</t>
  </si>
  <si>
    <t>Masood ahmad</t>
  </si>
  <si>
    <t>GES 353/TDA SABU WAL (LAYYAH)</t>
  </si>
  <si>
    <t>Chak No. 353/TDA</t>
  </si>
  <si>
    <t>393/Tda</t>
  </si>
  <si>
    <t>Tahir Jameel</t>
  </si>
  <si>
    <t>18555</t>
  </si>
  <si>
    <t>GGES CHAK 246 GB NORTH</t>
  </si>
  <si>
    <t>Mongi Bangla</t>
  </si>
  <si>
    <t>chak#246gb north</t>
  </si>
  <si>
    <t>Pertab Pura</t>
  </si>
  <si>
    <t>Niziran Bibi</t>
  </si>
  <si>
    <t>GGPS DHOK ZIARAT</t>
  </si>
  <si>
    <t>gali no 3 garoti rwp</t>
  </si>
  <si>
    <t>Rabia Farhat</t>
  </si>
  <si>
    <t>37449</t>
  </si>
  <si>
    <t>GES 64/15-L MIAN CHANNU</t>
  </si>
  <si>
    <t>Chak No 64/15L</t>
  </si>
  <si>
    <t>chak no 64/15L</t>
  </si>
  <si>
    <t>GPS SAHOO WALA</t>
  </si>
  <si>
    <t>BASTI GADAN</t>
  </si>
  <si>
    <t>CHAH BITHARAY WALA MOZA BASTI GADDAN</t>
  </si>
  <si>
    <t>BITHARY WALA</t>
  </si>
  <si>
    <t>GES SHEIKHALI</t>
  </si>
  <si>
    <t>PO wan Bhachran village Sheikhali</t>
  </si>
  <si>
    <t>Sheikhali</t>
  </si>
  <si>
    <t>Muzaffarpur Shumali SHhumali</t>
  </si>
  <si>
    <t>37942</t>
  </si>
  <si>
    <t>GES RAJA PUR</t>
  </si>
  <si>
    <t>basti raja pur tehsil lodhran</t>
  </si>
  <si>
    <t>GPS DHOK MACHIAN</t>
  </si>
  <si>
    <t>Dhoke Machine</t>
  </si>
  <si>
    <t>govt.primary school dhoke machine</t>
  </si>
  <si>
    <t>Dharaik</t>
  </si>
  <si>
    <t>GMES CHAK 348 GB DHARI</t>
  </si>
  <si>
    <t>Chak No 348 GB Chak348 Dhairi</t>
  </si>
  <si>
    <t>Chak No 348 GB  Dhairi</t>
  </si>
  <si>
    <t>Chak No 348 GB Chak348 GB  Dhairi</t>
  </si>
  <si>
    <t>Chak No350 GB</t>
  </si>
  <si>
    <t>Rabia  Mubarak</t>
  </si>
  <si>
    <t>GGPS CHAK NO. 22/1-RB</t>
  </si>
  <si>
    <t>22/1rb</t>
  </si>
  <si>
    <t>bismillah photo state ghala mandi renala khurd</t>
  </si>
  <si>
    <t>Chak No 22/1rb</t>
  </si>
  <si>
    <t>5/1ra</t>
  </si>
  <si>
    <t>Asima Jabbar</t>
  </si>
  <si>
    <t>18454</t>
  </si>
  <si>
    <t>GGPS CHAK NO 6/3-L JANOBI</t>
  </si>
  <si>
    <t>Ggps 6/3 l janubi9</t>
  </si>
  <si>
    <t>GGPS KHADRAL</t>
  </si>
  <si>
    <t>khadral</t>
  </si>
  <si>
    <t>VILL KHADRAL PO BINI SUlEHRIAN TEH PASRUR DISTT SIALKOT</t>
  </si>
  <si>
    <t>GES CHAK 1 GULZAR</t>
  </si>
  <si>
    <t>Chak No 1 Gulzar</t>
  </si>
  <si>
    <t>Chak No. 1 Gulzar Near Pul Manga Old Dunyapur Road Multan</t>
  </si>
  <si>
    <t>Basti Sher Singh</t>
  </si>
  <si>
    <t>GGPS CHAK NATHA</t>
  </si>
  <si>
    <t>CHAK NATHA</t>
  </si>
  <si>
    <t>Govt Girls primary school Chak natha</t>
  </si>
  <si>
    <t>Chak natha</t>
  </si>
  <si>
    <t>GPS MUHAMMAD SHAH</t>
  </si>
  <si>
    <t>Mohammed shah</t>
  </si>
  <si>
    <t>village Mohammad shah district khushab</t>
  </si>
  <si>
    <t>Mohammad shah</t>
  </si>
  <si>
    <t>Hassan pur tiwana</t>
  </si>
  <si>
    <t>Syed jafar Iqbal Hussain</t>
  </si>
  <si>
    <t>GGPS CHAK 92 RB I KHURRIANWALA</t>
  </si>
  <si>
    <t>92 RB 1</t>
  </si>
  <si>
    <t>Chak no 92 RB 1 tehsil jaranwala District Faislabad</t>
  </si>
  <si>
    <t>Chak No 61</t>
  </si>
  <si>
    <t>42435</t>
  </si>
  <si>
    <t>GGES MOHRA JHARIAN BABA KARAM</t>
  </si>
  <si>
    <t>BABAKARAM</t>
  </si>
  <si>
    <t>GGES MOHRA JARIAN BABAKARAM PO KAUNTRILA TEH GUAR KHAN</t>
  </si>
  <si>
    <t>MOHRA JARIAN</t>
  </si>
  <si>
    <t>GPS MURAD PUR PO DROHER WAHIN</t>
  </si>
  <si>
    <t>MORAD PUR</t>
  </si>
  <si>
    <t>MOZA MURADPIR TEH. MAILSI VEHARI</t>
  </si>
  <si>
    <t>BILAND PUR</t>
  </si>
  <si>
    <t>26302</t>
  </si>
  <si>
    <t>Kalukhaira</t>
  </si>
  <si>
    <t>kalukhaira p.o.box baramanga</t>
  </si>
  <si>
    <t>GPS DHOK WALARIAN</t>
  </si>
  <si>
    <t>gbps dhok walarian p/o ratwal ,fateh jang ,attock</t>
  </si>
  <si>
    <t>Dhok Walarian</t>
  </si>
  <si>
    <t>SaeedAkhter</t>
  </si>
  <si>
    <t>water cooler filled from neighbours</t>
  </si>
  <si>
    <t>38841</t>
  </si>
  <si>
    <t>GES HAJI SHAH</t>
  </si>
  <si>
    <t>HAJI SHAH</t>
  </si>
  <si>
    <t>Govt.boys elementary school haji shah.tehsil and district attock</t>
  </si>
  <si>
    <t>GGPS BHALLI GIL</t>
  </si>
  <si>
    <t>Bhallai Gill</t>
  </si>
  <si>
    <t>bhallai Gill defence road</t>
  </si>
  <si>
    <t>GPS TIBBA CHANDIA</t>
  </si>
  <si>
    <t>Tibba Chandia</t>
  </si>
  <si>
    <t>GPS Tibba chandia</t>
  </si>
  <si>
    <t>GES JAMAL PUR</t>
  </si>
  <si>
    <t>Ges jamal pur syedan</t>
  </si>
  <si>
    <t>Moin Udin Pur Syedan</t>
  </si>
  <si>
    <t>40982</t>
  </si>
  <si>
    <t>GGPS GHAZI NARA</t>
  </si>
  <si>
    <t>Ghazi Nara</t>
  </si>
  <si>
    <t>teh Dina dist jehlum ghazinara</t>
  </si>
  <si>
    <t>GPS DHOK MERA</t>
  </si>
  <si>
    <t>Dhok mera vill.dhreak P/O Bahtar Teh.Fateh Jang Distt.Attock</t>
  </si>
  <si>
    <t>GPS DARGAH PUR</t>
  </si>
  <si>
    <t>Dargahpur</t>
  </si>
  <si>
    <t>pul patware dargahpur</t>
  </si>
  <si>
    <t>Sandhiwala</t>
  </si>
  <si>
    <t>Abid Yousaf</t>
  </si>
  <si>
    <t>15032</t>
  </si>
  <si>
    <t>GPS 642 GB II</t>
  </si>
  <si>
    <t>Baini Tibba</t>
  </si>
  <si>
    <t>Chak 642G.B Jaranwala Faisalabad</t>
  </si>
  <si>
    <t>Chak 642 GB</t>
  </si>
  <si>
    <t>Chak 644GB</t>
  </si>
  <si>
    <t>GPS BILLI WALA</t>
  </si>
  <si>
    <t>basti billi wala</t>
  </si>
  <si>
    <t>Haider Ali</t>
  </si>
  <si>
    <t>13649</t>
  </si>
  <si>
    <t>GMPS JIWAN WALA</t>
  </si>
  <si>
    <t>GMPS JEEWAN WALA MOUZA KOT JANU NEAR GHAZI CHOCK JAMPUR</t>
  </si>
  <si>
    <t>Kutry Wala</t>
  </si>
  <si>
    <t>GGPS LAL KURTI</t>
  </si>
  <si>
    <t>Lal Kurti</t>
  </si>
  <si>
    <t>Lal Kurti Tehsil &amp; District Sialkot</t>
  </si>
  <si>
    <t>Sitara Hamid Butt</t>
  </si>
  <si>
    <t>25184</t>
  </si>
  <si>
    <t>GGPS BOGRHA</t>
  </si>
  <si>
    <t>Bograh</t>
  </si>
  <si>
    <t>govt.girls primary school bograh</t>
  </si>
  <si>
    <t>GPS CHAK 150 GB</t>
  </si>
  <si>
    <t>chak no.150GB</t>
  </si>
  <si>
    <t>150 GB</t>
  </si>
  <si>
    <t>Muhammad Yaseen Zia</t>
  </si>
  <si>
    <t>GGES KAMRA FATEH JANG</t>
  </si>
  <si>
    <t>VPO  Kamra, tehsil fateh jang, distt attock.</t>
  </si>
  <si>
    <t>275810</t>
  </si>
  <si>
    <t>GGPS VEERO</t>
  </si>
  <si>
    <t>Veero</t>
  </si>
  <si>
    <t>ggps veero po shamsabad teh hazro distt attock</t>
  </si>
  <si>
    <t>Sumyya Shakeel</t>
  </si>
  <si>
    <t>GGES JASSO KANWAIN, SARAI SIDHU</t>
  </si>
  <si>
    <t>JASSO KANWAIN</t>
  </si>
  <si>
    <t>GGES JASSO KANWAIN</t>
  </si>
  <si>
    <t>village majra po jalal por juttan gujrat</t>
  </si>
  <si>
    <t>Thimka Nafrian</t>
  </si>
  <si>
    <t>GGES BALWAL</t>
  </si>
  <si>
    <t>vpo balwal TEH lawa,distt.chakwal</t>
  </si>
  <si>
    <t>Nuzhat Naz</t>
  </si>
  <si>
    <t>GGES KOTLA SYDAN</t>
  </si>
  <si>
    <t>Kotla Sydan</t>
  </si>
  <si>
    <t>village kotla saydan tehsil shahpur district sargodha</t>
  </si>
  <si>
    <t>Ghulam Ruqia</t>
  </si>
  <si>
    <t>GMPS  GHULAM MUHAMMAD WALA</t>
  </si>
  <si>
    <t>basti ghulam muhammad wala</t>
  </si>
  <si>
    <t>Hira Akhtar</t>
  </si>
  <si>
    <t>14776</t>
  </si>
  <si>
    <t>GGPS GHULAM NABI CHATHA</t>
  </si>
  <si>
    <t>Gayamil</t>
  </si>
  <si>
    <t>Basti machi u/c gayamil tehseel rojhan</t>
  </si>
  <si>
    <t>Arosa Iqbal</t>
  </si>
  <si>
    <t>GES DHANI CHAKOKA</t>
  </si>
  <si>
    <t>chakoka teh Minchinabad</t>
  </si>
  <si>
    <t>GGPS JAMAR GHAL</t>
  </si>
  <si>
    <t>Jamarghal</t>
  </si>
  <si>
    <t>vill &amp; P/O jamarghal teh &amp; distt jhelum</t>
  </si>
  <si>
    <t>Taskeen Anwar</t>
  </si>
  <si>
    <t>GPS BAHGO</t>
  </si>
  <si>
    <t>Bhago</t>
  </si>
  <si>
    <t>VPO Bhago Tehsil Kharian District Gujrat</t>
  </si>
  <si>
    <t>Sufyan Ashraf</t>
  </si>
  <si>
    <t>GGPS JHOKE SHAH MUHAMMAD</t>
  </si>
  <si>
    <t>government  girls primary school jhoke Shah Muhammad</t>
  </si>
  <si>
    <t>Jhoke Shah Muhammad</t>
  </si>
  <si>
    <t>Sahira Iqbal</t>
  </si>
  <si>
    <t>GGES DAURDAD</t>
  </si>
  <si>
    <t>gges dourdad</t>
  </si>
  <si>
    <t>Dourdad</t>
  </si>
  <si>
    <t>Naila Firdous</t>
  </si>
  <si>
    <t>GPS 112/9-L NOORAN KA DHAKOO</t>
  </si>
  <si>
    <t>Dudh Dhako</t>
  </si>
  <si>
    <t>112/9.L nooran k dhako</t>
  </si>
  <si>
    <t>Nooran K Dhko 112/9L Nooran K</t>
  </si>
  <si>
    <t>Muhammad Hussain Zahid</t>
  </si>
  <si>
    <t>GPS CHAK 753 GB</t>
  </si>
  <si>
    <t>chalk no 753gb</t>
  </si>
  <si>
    <t>Chalk No753gb</t>
  </si>
  <si>
    <t>53994</t>
  </si>
  <si>
    <t>GG MPS DERA PEERAN</t>
  </si>
  <si>
    <t>Dera Peeran</t>
  </si>
  <si>
    <t>dera peeran farooqabad</t>
  </si>
  <si>
    <t>GGPS (MODEL)  MAST PUR</t>
  </si>
  <si>
    <t>tehsil skg district narowal p o baramanga vilg mast pur</t>
  </si>
  <si>
    <t>MARIA KHAN SHERWANI</t>
  </si>
  <si>
    <t>19391</t>
  </si>
  <si>
    <t>GPS CHAK 326 GB</t>
  </si>
  <si>
    <t>Chak 326GB</t>
  </si>
  <si>
    <t>Chak No 326</t>
  </si>
  <si>
    <t>GGPS TIBI HAMID SAHO</t>
  </si>
  <si>
    <t>Tibi jay singh daak khanaa khas noorshah</t>
  </si>
  <si>
    <t>Tibi Hamid Saho</t>
  </si>
  <si>
    <t>Bushra Manzoor Rana</t>
  </si>
  <si>
    <t>GGES CHAK NO. 15/FW</t>
  </si>
  <si>
    <t>HASILPUR OLD - FEMALE</t>
  </si>
  <si>
    <t>village 15/fw</t>
  </si>
  <si>
    <t>15/Fw</t>
  </si>
  <si>
    <t>Shahnaz Javed</t>
  </si>
  <si>
    <t>GMPS PATTO KHURD</t>
  </si>
  <si>
    <t>Patto Khurd</t>
  </si>
  <si>
    <t>Patto Khurd Kasur</t>
  </si>
  <si>
    <t>Baroonn Kasur</t>
  </si>
  <si>
    <t>Yasmin Ramzan</t>
  </si>
  <si>
    <t>GGPS 165 WB</t>
  </si>
  <si>
    <t>165wb</t>
  </si>
  <si>
    <t>165wb Adda ghulam Hussain</t>
  </si>
  <si>
    <t>Shitab Garh</t>
  </si>
  <si>
    <t>GGPS CHAK NO.13/F.W-A</t>
  </si>
  <si>
    <t>13/FW-A</t>
  </si>
  <si>
    <t>Tehsil Hasilpur District bahawalpur chak 60:61/f p/o Same</t>
  </si>
  <si>
    <t>8823</t>
  </si>
  <si>
    <t>GES KALO WALA</t>
  </si>
  <si>
    <t>basti kalowala p/o nutkani tehsil tunsa distt d g khan</t>
  </si>
  <si>
    <t>GMPS MEHMAND WALI</t>
  </si>
  <si>
    <t>Mehmandwali</t>
  </si>
  <si>
    <t>gmps mehmand wali...vill&amp;p/o mehmand wali teh pasrur distt sialkot</t>
  </si>
  <si>
    <t>Arfa Mushtaq</t>
  </si>
  <si>
    <t>GPS MEHAT PUR</t>
  </si>
  <si>
    <t>Mehat Pur</t>
  </si>
  <si>
    <t>Village Mehat Pur P/O and tTehseelj Sambrial Dist. Sialkot</t>
  </si>
  <si>
    <t>31491</t>
  </si>
  <si>
    <t>GGPS CHAK NO.24/A</t>
  </si>
  <si>
    <t>Markaz Sadar Sharki</t>
  </si>
  <si>
    <t>Chak No. 24A Qadeem</t>
  </si>
  <si>
    <t>Chack No. 24A Qadeem</t>
  </si>
  <si>
    <t>GGES CHAK NO.198/GB</t>
  </si>
  <si>
    <t>chak no 198 gb</t>
  </si>
  <si>
    <t>Busma Bashart</t>
  </si>
  <si>
    <t>GGPS KANWAAL AFGHANAN</t>
  </si>
  <si>
    <t>Kanwal Afghana</t>
  </si>
  <si>
    <t>kanwal Afghana</t>
  </si>
  <si>
    <t>MUSARRAT KHANUM</t>
  </si>
  <si>
    <t>GGPS 20/A BAAZI GARAAN</t>
  </si>
  <si>
    <t>20/A Baazi Garaan</t>
  </si>
  <si>
    <t>Govt Girls Primary school 20/A Baazi Garaan</t>
  </si>
  <si>
    <t>20/A</t>
  </si>
  <si>
    <t>GGES CHAK NO.131 NB</t>
  </si>
  <si>
    <t>Chak131Nb</t>
  </si>
  <si>
    <t>chak 131 nb sillanwali srgodha</t>
  </si>
  <si>
    <t>Uzma Mairaj</t>
  </si>
  <si>
    <t>GPS CHAK 188 GB KHURD</t>
  </si>
  <si>
    <t>chak no 188 gb khurd  toba tek singh</t>
  </si>
  <si>
    <t>Chak 188 GB Khurd</t>
  </si>
  <si>
    <t>Chak 188 GB</t>
  </si>
  <si>
    <t>Naeem Ashfaq</t>
  </si>
  <si>
    <t>GGPS BEHRAM SER</t>
  </si>
  <si>
    <t>Govt girls primary school Behramsar.Markaz Ghumand pur.</t>
  </si>
  <si>
    <t>Toba Blochan</t>
  </si>
  <si>
    <t>Farah Rafiq</t>
  </si>
  <si>
    <t>GGPS RAHMAT COLONY SILLANWALI</t>
  </si>
  <si>
    <t>Rehmat colony sillanwali</t>
  </si>
  <si>
    <t>GGPS CHAK NO.130 NB</t>
  </si>
  <si>
    <t>Chak #130 Nb</t>
  </si>
  <si>
    <t>chak # 130 nb sillanwali</t>
  </si>
  <si>
    <t>130nb</t>
  </si>
  <si>
    <t>Chak#138 SB</t>
  </si>
  <si>
    <t>Asifa Zafar</t>
  </si>
  <si>
    <t>GGPS 57/5-L SUDIAN</t>
  </si>
  <si>
    <t>57/5 l</t>
  </si>
  <si>
    <t>57/5l</t>
  </si>
  <si>
    <t>57/ 5l Sodian</t>
  </si>
  <si>
    <t>58/5l Gunnu</t>
  </si>
  <si>
    <t>Zonara Amin</t>
  </si>
  <si>
    <t>GGCMS MARH BASHI</t>
  </si>
  <si>
    <t>Marh bashi</t>
  </si>
  <si>
    <t>Ramaky Chatta</t>
  </si>
  <si>
    <t>fabiula mariam</t>
  </si>
  <si>
    <t>GGPS DOLAY WALA</t>
  </si>
  <si>
    <t>Dolay Wala</t>
  </si>
  <si>
    <t>GGPS Dolay Wala</t>
  </si>
  <si>
    <t>Rabia Shahzadi</t>
  </si>
  <si>
    <t>GES MILITARY FARM SARGODHA</t>
  </si>
  <si>
    <t>risala 16</t>
  </si>
  <si>
    <t>risala no 16, military farm road</t>
  </si>
  <si>
    <t>44nb</t>
  </si>
  <si>
    <t>new muhammdia col</t>
  </si>
  <si>
    <t>GGES CHAK NO. 37/D</t>
  </si>
  <si>
    <t>37/D</t>
  </si>
  <si>
    <t>38 D kalan</t>
  </si>
  <si>
    <t>GES JABBOKE</t>
  </si>
  <si>
    <t>jabboke teh.kamoke</t>
  </si>
  <si>
    <t>ASIF ZEESHAN</t>
  </si>
  <si>
    <t>GGES CHAK 33 GB SATIANA</t>
  </si>
  <si>
    <t>chk 33 gb faisalabad</t>
  </si>
  <si>
    <t>Gges 33 Gb</t>
  </si>
  <si>
    <t>Sufia Sultana</t>
  </si>
  <si>
    <t>GGPS BASTI KHURSHEED ABAD</t>
  </si>
  <si>
    <t>GGPS Basti khursheed abad Irshad colony Rahim Yar Khan</t>
  </si>
  <si>
    <t>Irshad Colony</t>
  </si>
  <si>
    <t>Shahida Nasim</t>
  </si>
  <si>
    <t>19203</t>
  </si>
  <si>
    <t>GGES 58/3 TUKRA HAJI GHULAM RASOOL BEHNI</t>
  </si>
  <si>
    <t>Chak Num 58/3</t>
  </si>
  <si>
    <t>58/3 ghulam rasool bhani</t>
  </si>
  <si>
    <t>58/3 Tukrra</t>
  </si>
  <si>
    <t>Chak 737gb</t>
  </si>
  <si>
    <t>41781</t>
  </si>
  <si>
    <t>GMPS CHOORA</t>
  </si>
  <si>
    <t>Churra</t>
  </si>
  <si>
    <t>village churra post ofc chakri R.w.p</t>
  </si>
  <si>
    <t>Iram Noureen</t>
  </si>
  <si>
    <t>GPS CHAK NO 5/61</t>
  </si>
  <si>
    <t>Chak No 5/61</t>
  </si>
  <si>
    <t>Chak no 5/61 p/o bara gar teh &amp; distt Nankana Sahib</t>
  </si>
  <si>
    <t>AZAM ALI SAIFI</t>
  </si>
  <si>
    <t>GGPS CHAH BLOCHAN</t>
  </si>
  <si>
    <t>chak ghumnana</t>
  </si>
  <si>
    <t>chah blochan chak ghumnana toba road jhang sadar</t>
  </si>
  <si>
    <t>chah blochan</t>
  </si>
  <si>
    <t>GPS TAHLI GORAYA KHURD</t>
  </si>
  <si>
    <t>Tahli Khurd</t>
  </si>
  <si>
    <t>Tahli Goraya Khurd</t>
  </si>
  <si>
    <t>Madhora Khalan</t>
  </si>
  <si>
    <t>34440</t>
  </si>
  <si>
    <t>GGES MALWAL</t>
  </si>
  <si>
    <t>village malwal post office nalli</t>
  </si>
  <si>
    <t>Rehana Noor</t>
  </si>
  <si>
    <t>GGPS DOYIAN</t>
  </si>
  <si>
    <t>Village Doyian Post Office Qutbal Fateh Jang Attock</t>
  </si>
  <si>
    <t>GGPS CHISHTIAN DA LOK</t>
  </si>
  <si>
    <t>chishtian DA lok tehsil Sahiwal Dist Sargodha</t>
  </si>
  <si>
    <t>Chishtian DA Lok</t>
  </si>
  <si>
    <t>45214</t>
  </si>
  <si>
    <t>R/o Rodi pakka p/o litten Teh.Mankera Distt Bhakkar</t>
  </si>
  <si>
    <t>karlowala</t>
  </si>
  <si>
    <t>GPS JASSOKE</t>
  </si>
  <si>
    <t>Jassokey</t>
  </si>
  <si>
    <t>jassokey.p/o tahli goraya.pindi bhattian hafifabad</t>
  </si>
  <si>
    <t>Tahli GORAYA</t>
  </si>
  <si>
    <t>GPS TALOKE</t>
  </si>
  <si>
    <t>Taloke</t>
  </si>
  <si>
    <t>Haidar Abad</t>
  </si>
  <si>
    <t>GGES MOUZA JALOKA</t>
  </si>
  <si>
    <t>Mouza jaloka</t>
  </si>
  <si>
    <t>Hafiza Qurat Ul Ain Najam</t>
  </si>
  <si>
    <t>GPS CHAK PINDI</t>
  </si>
  <si>
    <t>Chakpindi</t>
  </si>
  <si>
    <t>village and post Office Chakpindi Tehsil &amp; District Gujrat</t>
  </si>
  <si>
    <t>Zafar Iqbal Zafar</t>
  </si>
  <si>
    <t>GGPS CHAKIAN KALAN</t>
  </si>
  <si>
    <t>chakian kalan kamoki</t>
  </si>
  <si>
    <t>Sabah</t>
  </si>
  <si>
    <t>20132</t>
  </si>
  <si>
    <t>GGPS JUND HASSAN QATAL</t>
  </si>
  <si>
    <t>Geriyan</t>
  </si>
  <si>
    <t>GGPS Mohallah Gariyan</t>
  </si>
  <si>
    <t>Mohallah Geriyan</t>
  </si>
  <si>
    <t>GPS DHILLAN WALA (CHAK NO.387 TDA)</t>
  </si>
  <si>
    <t>Noshehra Janoobi</t>
  </si>
  <si>
    <t>chah dhillan wala p/o peer baru sharif tehsil choubara district layyah</t>
  </si>
  <si>
    <t>Dhillan Wala</t>
  </si>
  <si>
    <t>34941</t>
  </si>
  <si>
    <t>GMPS BASTI SHEHNI</t>
  </si>
  <si>
    <t>Basti Shehni P/o Khan Bela Tashil JPPW</t>
  </si>
  <si>
    <t>khan Bela</t>
  </si>
  <si>
    <t>Asma Zawar</t>
  </si>
  <si>
    <t>GPS BAN KALAS</t>
  </si>
  <si>
    <t>Ban Kakas</t>
  </si>
  <si>
    <t>village  Bankalas P.O   Jaurah The. kharian Distt. Gujrat</t>
  </si>
  <si>
    <t>GGPS MEERAY BASTI</t>
  </si>
  <si>
    <t>Basti Meeray PO Kangan Pur Tehsil Chunain District Kasur</t>
  </si>
  <si>
    <t>GGES CHAK NO 243 JB</t>
  </si>
  <si>
    <t>Chak No 243 Jb</t>
  </si>
  <si>
    <t>Sidra Munawar</t>
  </si>
  <si>
    <t>GPS KHOKHARI BARKHURDAR P/O NAWAN KOT</t>
  </si>
  <si>
    <t>chah Charagh Butt Wala p/o nawan kot</t>
  </si>
  <si>
    <t>Chah Charagh Butt Wala</t>
  </si>
  <si>
    <t>GPS KALSOOKE</t>
  </si>
  <si>
    <t>Kalsoke</t>
  </si>
  <si>
    <t>kalsoke Bara ghar</t>
  </si>
  <si>
    <t>Chak Header Abad</t>
  </si>
  <si>
    <t>GES KHAN BAHADUR GARH, NAWAN SHEHR</t>
  </si>
  <si>
    <t>Khan Bahadur Garh</t>
  </si>
  <si>
    <t>mouza Khan Bahadur Garh tahsil kabirwala distt.khanewal</t>
  </si>
  <si>
    <t>Shoukat Ali Shahid</t>
  </si>
  <si>
    <t>GMPS FATEH KHAN KHELAN WALA PIPLAN</t>
  </si>
  <si>
    <t>Piplan PAKA</t>
  </si>
  <si>
    <t>GGMPS Fateh Khan Khelan wala  piplan tehsil piplan district mianwali</t>
  </si>
  <si>
    <t>najma Jabeen</t>
  </si>
  <si>
    <t>GGPS GOND PUR</t>
  </si>
  <si>
    <t>GOND PUR</t>
  </si>
  <si>
    <t>Gond Pur, PO hazoor pur, bhera</t>
  </si>
  <si>
    <t>GES PINDI GHEB</t>
  </si>
  <si>
    <t>Moh Aria Samaj Pindigheb</t>
  </si>
  <si>
    <t>Abdul Rauf Zulfi</t>
  </si>
  <si>
    <t>GGPS MEGHA KADHI</t>
  </si>
  <si>
    <t>Megha Kadhi 150</t>
  </si>
  <si>
    <t>GGPS Meagha kadhi tel shahpur dis Sargodha</t>
  </si>
  <si>
    <t>Kot Bhikhan</t>
  </si>
  <si>
    <t>GES CHAK 335 GB II</t>
  </si>
  <si>
    <t>chak No 335 GB</t>
  </si>
  <si>
    <t>Chak No.335 GB II</t>
  </si>
  <si>
    <t>chak No335GB II</t>
  </si>
  <si>
    <t>SYED RAZA HUSSAIN BUKHARI</t>
  </si>
  <si>
    <t>GGPS DERA DOST MUHAMMAD</t>
  </si>
  <si>
    <t>Village Deowal</t>
  </si>
  <si>
    <t>deowal teh bhalwal disst sargodha</t>
  </si>
  <si>
    <t>Nazish Alyas</t>
  </si>
  <si>
    <t>GGES WACH SINDHALA</t>
  </si>
  <si>
    <t>Basti Wacha Sandila, Tehsil Jalalpur Pirwala, Multan</t>
  </si>
  <si>
    <t>Mehak Naz Qureshi</t>
  </si>
  <si>
    <t>GGPS CHAK NO 143 RB</t>
  </si>
  <si>
    <t>Chalk No 143 RB</t>
  </si>
  <si>
    <t>Chalk No 143 RB Matiani Distt. Faisalabad</t>
  </si>
  <si>
    <t>Matiani</t>
  </si>
  <si>
    <t>GPS CHAK 420 JB II</t>
  </si>
  <si>
    <t>420 JB</t>
  </si>
  <si>
    <t>Chak 420 JBII Gojra</t>
  </si>
  <si>
    <t>420 J B</t>
  </si>
  <si>
    <t>423 J B</t>
  </si>
  <si>
    <t>Muhammad  Nadeem</t>
  </si>
  <si>
    <t>GPS MORE WALA</t>
  </si>
  <si>
    <t>Hunjrai Sharqi</t>
  </si>
  <si>
    <t>hunjrai mustakil sharqi ehsan pur no 1</t>
  </si>
  <si>
    <t>Haqani wala</t>
  </si>
  <si>
    <t>GES DORAY WALA</t>
  </si>
  <si>
    <t>Teh.Mankera distt.Bhakkar p/o Haiderabad Thall</t>
  </si>
  <si>
    <t>Doraywala</t>
  </si>
  <si>
    <t>GES BHIRKI JAHANIAN</t>
  </si>
  <si>
    <t>chak# 142/10-R Bhirki Tehsil jahanian 
District khanewal</t>
  </si>
  <si>
    <t>142/10-R Bhirki</t>
  </si>
  <si>
    <t>GMPS MALDEVE</t>
  </si>
  <si>
    <t>Maldeve</t>
  </si>
  <si>
    <t>po box Maldeve dina</t>
  </si>
  <si>
    <t>Attia Bano</t>
  </si>
  <si>
    <t>GPS MODEL MEHLOO</t>
  </si>
  <si>
    <t>Mehloo</t>
  </si>
  <si>
    <t>gmps mehloo</t>
  </si>
  <si>
    <t>Najma  Bibi</t>
  </si>
  <si>
    <t>21378</t>
  </si>
  <si>
    <t>GES MANGHAT KALAR</t>
  </si>
  <si>
    <t>Manght Kalar</t>
  </si>
  <si>
    <t>Manghat Kalar P.O Wahndo thesil Kamoki Gujranwala</t>
  </si>
  <si>
    <t>Manghat Kalar</t>
  </si>
  <si>
    <t>Sohawa Dhillan</t>
  </si>
  <si>
    <t>GGPS KHANPUR CITY</t>
  </si>
  <si>
    <t>GGPS KHAN PUR CITY</t>
  </si>
  <si>
    <t>Khan pur Shomali</t>
  </si>
  <si>
    <t>GES MUZAFFAR ABAD</t>
  </si>
  <si>
    <t>PATTI FAROOQ</t>
  </si>
  <si>
    <t>PATTI FAROOQ TEHSIL CHOUBARA DISTT. LAYYAH</t>
  </si>
  <si>
    <t>Muncipal Committee Choubara</t>
  </si>
  <si>
    <t>ARSHAD MAHMOOD</t>
  </si>
  <si>
    <t>GGCMS BABNIAN</t>
  </si>
  <si>
    <t>babanian p.o karnana</t>
  </si>
  <si>
    <t>surriya Begum</t>
  </si>
  <si>
    <t>GGPS KAMMAR MUSHANI NO.1</t>
  </si>
  <si>
    <t>KAMMAR MUSHANI NO.1-FEMALE</t>
  </si>
  <si>
    <t>Sodhry</t>
  </si>
  <si>
    <t>saeed coloney kammar mushani</t>
  </si>
  <si>
    <t>MC Kammar Mushani</t>
  </si>
  <si>
    <t>GGPS THATHA KAMBOKA</t>
  </si>
  <si>
    <t>Thatta Kamboka</t>
  </si>
  <si>
    <t>GMPS thatta kamboka</t>
  </si>
  <si>
    <t>Thatta Kambkoa</t>
  </si>
  <si>
    <t>Harsa Shaikh</t>
  </si>
  <si>
    <t>GGES PAKKAY WALA</t>
  </si>
  <si>
    <t>moaza pakkay wala tehsil and distt jhang</t>
  </si>
  <si>
    <t>Pakkay Wals</t>
  </si>
  <si>
    <t>rabia basri</t>
  </si>
  <si>
    <t>jandi kotha</t>
  </si>
  <si>
    <t>Arouba Zaheer</t>
  </si>
  <si>
    <t>GGES LANGER MAKHDOOM</t>
  </si>
  <si>
    <t>Langar makhdoom</t>
  </si>
  <si>
    <t>Moza Langar Makhdoom Tehsil Laliyan</t>
  </si>
  <si>
    <t>Langar Makhoom</t>
  </si>
  <si>
    <t>Aasma Khan</t>
  </si>
  <si>
    <t>GGPS CHAK 359 GB NAI ABADI</t>
  </si>
  <si>
    <t>Chak # 359 GB</t>
  </si>
  <si>
    <t>Chalk#359GB. B</t>
  </si>
  <si>
    <t>37/361</t>
  </si>
  <si>
    <t>tehmina iqbal</t>
  </si>
  <si>
    <t>GGPS JAMAL PURA</t>
  </si>
  <si>
    <t>Rozeena Mussawar</t>
  </si>
  <si>
    <t>GGPS COLONY MANGINI</t>
  </si>
  <si>
    <t>Mangeni</t>
  </si>
  <si>
    <t>GGPS colony Mangeni bhowana</t>
  </si>
  <si>
    <t>Colony Mangeni</t>
  </si>
  <si>
    <t>Siddiqa Firdus</t>
  </si>
  <si>
    <t>GMPS KANHOON</t>
  </si>
  <si>
    <t>Moza kanhoon shumali teh. Jalalpur pirwala</t>
  </si>
  <si>
    <t>ILyas Wala</t>
  </si>
  <si>
    <t>Qurat Ul Ain Akhter</t>
  </si>
  <si>
    <t>24449</t>
  </si>
  <si>
    <t>GGPS NANGAL MIRZA</t>
  </si>
  <si>
    <t>Nangal Mirza</t>
  </si>
  <si>
    <t>Govt Girls primary school nangal mirza.</t>
  </si>
  <si>
    <t>Kishwar Tahira</t>
  </si>
  <si>
    <t>37259</t>
  </si>
  <si>
    <t>GGES MIAN SHEMIR NO.2 KHANEWAL</t>
  </si>
  <si>
    <t>Rakh mian Shamir  shammir</t>
  </si>
  <si>
    <t>Rakh mian shammir</t>
  </si>
  <si>
    <t>Rakh Mian Shamir</t>
  </si>
  <si>
    <t>Chak # 14/9-R</t>
  </si>
  <si>
    <t>MUSARRAT PERVEEN</t>
  </si>
  <si>
    <t>46926</t>
  </si>
  <si>
    <t>GGPS SOHRI WALA</t>
  </si>
  <si>
    <t>ggps Sohri Wala kamarmushani</t>
  </si>
  <si>
    <t>Naseem Saba</t>
  </si>
  <si>
    <t>GGPS NO. 3 PHULLARWAN</t>
  </si>
  <si>
    <t>govt  model p/s no.3 phularwan</t>
  </si>
  <si>
    <t>Rukyya Bagum</t>
  </si>
  <si>
    <t>mouza noushera thsil bhowana district chiniot</t>
  </si>
  <si>
    <t>Mahreen Akhtar</t>
  </si>
  <si>
    <t>GES CHAK NO. 370 B/TDA</t>
  </si>
  <si>
    <t>chak no 370b/tda choubara</t>
  </si>
  <si>
    <t>Chak No 370B/tda</t>
  </si>
  <si>
    <t>GGPS DAKHALI</t>
  </si>
  <si>
    <t>village dakhali P/O dakhali Tehsil Kahuta Distt RWP</t>
  </si>
  <si>
    <t>Munib Akhtar</t>
  </si>
  <si>
    <t>GGPS CHAK 297 JB III</t>
  </si>
  <si>
    <t>Chak No 297 Jb lll</t>
  </si>
  <si>
    <t>Chak no 297 j.b lll</t>
  </si>
  <si>
    <t>Chak No 297 JB lll</t>
  </si>
  <si>
    <t>Aasia Parveen</t>
  </si>
  <si>
    <t>GES CHAK 31 GB</t>
  </si>
  <si>
    <t>Govt. Elementry School, Chak No. 31/GB, Tehsil Jaranwala, Distt. Faisalabad</t>
  </si>
  <si>
    <t>Chak 32 GB</t>
  </si>
  <si>
    <t>GGPS JALLU KHEL</t>
  </si>
  <si>
    <t>Mohalla Jallu khel</t>
  </si>
  <si>
    <t>39328</t>
  </si>
  <si>
    <t>52293</t>
  </si>
  <si>
    <t>GES CHAK 43-D KALAN</t>
  </si>
  <si>
    <t>43/ Kalan</t>
  </si>
  <si>
    <t>GES 43/D kalan Depalpur Okara</t>
  </si>
  <si>
    <t>43/D Kalan</t>
  </si>
  <si>
    <t>Ahmad Saeed</t>
  </si>
  <si>
    <t>GPS SADDIQUE WALA</t>
  </si>
  <si>
    <t>govtprimaryschoolsadeeqwala</t>
  </si>
  <si>
    <t>Saddiquewala chak no 48tda</t>
  </si>
  <si>
    <t>GMPS LANGER MAKHDOOM EAST</t>
  </si>
  <si>
    <t>P/O Langar Makhdoom Tehsil Lalian District Chiniot</t>
  </si>
  <si>
    <t>Tariq Yasin</t>
  </si>
  <si>
    <t>48462</t>
  </si>
  <si>
    <t>GGPS NO.2 MUKHTAR COLONY BHALWAL</t>
  </si>
  <si>
    <t>mukhtar colony city 2 bhalwal</t>
  </si>
  <si>
    <t>Mukhtar colony</t>
  </si>
  <si>
    <t>18656</t>
  </si>
  <si>
    <t>GPS CHAK 432 JB GOJRA</t>
  </si>
  <si>
    <t>chak432</t>
  </si>
  <si>
    <t>432jb</t>
  </si>
  <si>
    <t>Chak 438</t>
  </si>
  <si>
    <t>Fazal Malik</t>
  </si>
  <si>
    <t>19118</t>
  </si>
  <si>
    <t>GGPS MC C-BRANCH KAMALIA</t>
  </si>
  <si>
    <t>muhallah eid gahu</t>
  </si>
  <si>
    <t>kamalia City Mck</t>
  </si>
  <si>
    <t>Zahida Latif</t>
  </si>
  <si>
    <t>12739</t>
  </si>
  <si>
    <t>GGPS BASTI JARH</t>
  </si>
  <si>
    <t>Govt. Girls Primary School Basti Jarh .</t>
  </si>
  <si>
    <t>GPS SONAY WALA</t>
  </si>
  <si>
    <t>Tiba Mustaqil Drmiani</t>
  </si>
  <si>
    <t>chah dathi ber wala</t>
  </si>
  <si>
    <t>Dathi Ber Wala</t>
  </si>
  <si>
    <t>GGPS BASTI JAM GHULAM HUSSAIN PAHOR</t>
  </si>
  <si>
    <t>Basti ghulam hassan pahore</t>
  </si>
  <si>
    <t>Basti Ghulam Hassan Pahore</t>
  </si>
  <si>
    <t>Naseem  Tabbasum</t>
  </si>
  <si>
    <t>GGPS CHAK NO 185 TDA</t>
  </si>
  <si>
    <t>185/TDA</t>
  </si>
  <si>
    <t>GGPS CHAK no 185/TDA BHAKKAR</t>
  </si>
  <si>
    <t>Chah Roda</t>
  </si>
  <si>
    <t>GPS CHAK 354 JB</t>
  </si>
  <si>
    <t>CHAK NO 354JB</t>
  </si>
  <si>
    <t>CHAK NO 354JB GOJRA</t>
  </si>
  <si>
    <t>CHAK  NO 354JB</t>
  </si>
  <si>
    <t>CHAK  354JB</t>
  </si>
  <si>
    <t>Nadir Tahseen</t>
  </si>
  <si>
    <t>15904</t>
  </si>
  <si>
    <t>GPS CHAK 262 RB II</t>
  </si>
  <si>
    <t>Darbanga</t>
  </si>
  <si>
    <t>chak 262RB</t>
  </si>
  <si>
    <t>Cheemah Chak</t>
  </si>
  <si>
    <t>GGPS SAMOKA</t>
  </si>
  <si>
    <t>city samoka tehsil kpr district ryk</t>
  </si>
  <si>
    <t>Basti Samoka</t>
  </si>
  <si>
    <t>Nadia Abdul Qadir</t>
  </si>
  <si>
    <t>GGPS NO. 2 JADEED T.T.SINGH</t>
  </si>
  <si>
    <t>G G Jadeed p/school no 2 near telephone exchange Toba Tek singh</t>
  </si>
  <si>
    <t>Gulshin Younes</t>
  </si>
  <si>
    <t>GGPS DIRKHAN WALA</t>
  </si>
  <si>
    <t>Warar Sipra</t>
  </si>
  <si>
    <t>Basti darkhan wala</t>
  </si>
  <si>
    <t>Basti Darkhan Wala</t>
  </si>
  <si>
    <t>GGPS BASTI GHUNEER</t>
  </si>
  <si>
    <t>GGPS basti Ghaneer</t>
  </si>
  <si>
    <t>Basti Ghaneer</t>
  </si>
  <si>
    <t>Farzana Noreen</t>
  </si>
  <si>
    <t>GES CHAK 155 GB</t>
  </si>
  <si>
    <t>chak no 155gb tehsil gojra</t>
  </si>
  <si>
    <t>Chahil</t>
  </si>
  <si>
    <t>Chak154gb</t>
  </si>
  <si>
    <t>GGPS CHAK 378 JB FATOO WAL</t>
  </si>
  <si>
    <t>378 JB</t>
  </si>
  <si>
    <t>Chak No 378 JB Tehsil and District  Toba Tek Singh</t>
  </si>
  <si>
    <t>Chak No 375 JB</t>
  </si>
  <si>
    <t>GGCMS CHAK 372 JB BAJI WALI</t>
  </si>
  <si>
    <t>chak no372jb</t>
  </si>
  <si>
    <t>Chak No372jb</t>
  </si>
  <si>
    <t>ASIFA PARVEEN</t>
  </si>
  <si>
    <t>17603</t>
  </si>
  <si>
    <t>GGES CHAK 373 JB</t>
  </si>
  <si>
    <t>373 Jb Gojra</t>
  </si>
  <si>
    <t>GGES 373 JB GOJRA</t>
  </si>
  <si>
    <t>Chak 373 Jb Gojra</t>
  </si>
  <si>
    <t>Chak 371 Jb III Gojra</t>
  </si>
  <si>
    <t>Sitara Jabeen</t>
  </si>
  <si>
    <t>15898</t>
  </si>
  <si>
    <t>GPS CHAK 261 RB I</t>
  </si>
  <si>
    <t>261 R.B Udhoowali</t>
  </si>
  <si>
    <t>chak no. 261 R.B Udhoowali</t>
  </si>
  <si>
    <t>Chak 260 R.B</t>
  </si>
  <si>
    <t>Riaz Ul Haq</t>
  </si>
  <si>
    <t>GGES GHANG SHARIF</t>
  </si>
  <si>
    <t>Ghngsharif</t>
  </si>
  <si>
    <t>village Ghang Sharif lahore</t>
  </si>
  <si>
    <t>Amna Mudassar</t>
  </si>
  <si>
    <t>GGPS MODEL THATHA BAHADAR SHAH</t>
  </si>
  <si>
    <t>Thatha bahadur shah</t>
  </si>
  <si>
    <t>GGPS thatha bahadur shah post office farooqabad Teh . skp dis. skp</t>
  </si>
  <si>
    <t>Saira Azam</t>
  </si>
  <si>
    <t>GPS NASIR ABAD MAJOKA</t>
  </si>
  <si>
    <t>Nasirabad Majoka</t>
  </si>
  <si>
    <t>GMPS 85/15-L, P/O 84/15-L, MIAN CHANNU</t>
  </si>
  <si>
    <t>85/15L</t>
  </si>
  <si>
    <t>chak no 85/15L</t>
  </si>
  <si>
    <t>Zanaib Naz</t>
  </si>
  <si>
    <t>GGES 57 EB</t>
  </si>
  <si>
    <t>57eb</t>
  </si>
  <si>
    <t>Chak No 59eb</t>
  </si>
  <si>
    <t>Tahira Maqbool</t>
  </si>
  <si>
    <t>18617</t>
  </si>
  <si>
    <t>GES CHAK 162 GB</t>
  </si>
  <si>
    <t>GES 162 GB, GOJRA, DISTRICT: TOBA TEK SINGH</t>
  </si>
  <si>
    <t>162GB</t>
  </si>
  <si>
    <t>161GB</t>
  </si>
  <si>
    <t>GGES CHAK NO. 533 TDA</t>
  </si>
  <si>
    <t>Kuachi</t>
  </si>
  <si>
    <t>chak no 533 tda</t>
  </si>
  <si>
    <t>Chak No 533 TDA</t>
  </si>
  <si>
    <t>Farkhanda Younes</t>
  </si>
  <si>
    <t>GGES NAKA AFGHAN</t>
  </si>
  <si>
    <t>Nakka Afghanan</t>
  </si>
  <si>
    <t>vpo nakka afghanan the jand Dist Attock</t>
  </si>
  <si>
    <t>Ishrat Begum</t>
  </si>
  <si>
    <t>GPS KORRIAN</t>
  </si>
  <si>
    <t>Korrian</t>
  </si>
  <si>
    <t>Mouza korrian p/o Bagh teh/Distt jhang</t>
  </si>
  <si>
    <t>As Haba</t>
  </si>
  <si>
    <t>Khizar Hayat HT</t>
  </si>
  <si>
    <t>GGES KATTIAN WALA</t>
  </si>
  <si>
    <t>Kattianwala</t>
  </si>
  <si>
    <t>kattianwala Chak no.167/RB,Tehsil Shahkot,District Nankana Sahib</t>
  </si>
  <si>
    <t>GMES URA</t>
  </si>
  <si>
    <t>govt model elementary school ura</t>
  </si>
  <si>
    <t>Ura</t>
  </si>
  <si>
    <t>Sughran Begum</t>
  </si>
  <si>
    <t>GPS NOOR PUR SHAMSABAD</t>
  </si>
  <si>
    <t>village and post office noorpur tehsil hazro district attock</t>
  </si>
  <si>
    <t>35478</t>
  </si>
  <si>
    <t>GGPS 487 EB BASTI CHANIN NAWAZ</t>
  </si>
  <si>
    <t>,Ggps 487/EB basti chanin nawaz</t>
  </si>
  <si>
    <t>487/EB</t>
  </si>
  <si>
    <t>Ajaz Batool</t>
  </si>
  <si>
    <t>35323</t>
  </si>
  <si>
    <t>39145</t>
  </si>
  <si>
    <t>GGES LUND</t>
  </si>
  <si>
    <t>Lund</t>
  </si>
  <si>
    <t>g g e s lund vpo lund teh fateh jang district attock</t>
  </si>
  <si>
    <t>Attia  Rubab</t>
  </si>
  <si>
    <t>45562</t>
  </si>
  <si>
    <t>GGPS CHAK NO.16/TDA</t>
  </si>
  <si>
    <t>chak no 16tda</t>
  </si>
  <si>
    <t>Chak No 16tda</t>
  </si>
  <si>
    <t>Asmat kalsoom</t>
  </si>
  <si>
    <t>GGPS KHARIAN NO.2</t>
  </si>
  <si>
    <t>new ara, kharian</t>
  </si>
  <si>
    <t>GGES KASHMIR BADAMI BAGH</t>
  </si>
  <si>
    <t>Badami Bagh Lhr</t>
  </si>
  <si>
    <t>farooq gunj lhr</t>
  </si>
  <si>
    <t>Farooq Gunj Lhr</t>
  </si>
  <si>
    <t>Chanda Parveen</t>
  </si>
  <si>
    <t>GGHS 5B-1 TOWNSHIP, LAHORE</t>
  </si>
  <si>
    <t>GGHS 5-B-1 TOWNSHIP LAHORE</t>
  </si>
  <si>
    <t>Mrs. Safoora Bibi</t>
  </si>
  <si>
    <t>GGPS CHAK 296 JB I JAFA PUR</t>
  </si>
  <si>
    <t>GGPS 296 JB  Jafa pur</t>
  </si>
  <si>
    <t>Chak no296 JB Jafa Pur</t>
  </si>
  <si>
    <t>Chak no 296 Jafa Pur</t>
  </si>
  <si>
    <t>NASRA PERVEEN</t>
  </si>
  <si>
    <t>GGES PURANA BHALWAL</t>
  </si>
  <si>
    <t>G.G E/S purana bhalwal tehsil bhalwal district sargodha</t>
  </si>
  <si>
    <t>19787</t>
  </si>
  <si>
    <t>GGES CHAK NO. 195 JB</t>
  </si>
  <si>
    <t>GGES 195</t>
  </si>
  <si>
    <t>195 Bhallo</t>
  </si>
  <si>
    <t>HUMAIRA JABEEN</t>
  </si>
  <si>
    <t>44634</t>
  </si>
  <si>
    <t>GGPS HEAD BHADWAL</t>
  </si>
  <si>
    <t>Khan Pur Junabi</t>
  </si>
  <si>
    <t>Govt .Girls.. p/S Head Bhidwal</t>
  </si>
  <si>
    <t>Head  Bhidwal</t>
  </si>
  <si>
    <t>GPS KARIM DAD</t>
  </si>
  <si>
    <t>Karim Dad</t>
  </si>
  <si>
    <t>village Karim Dad P/O jpj T/D gujrat</t>
  </si>
  <si>
    <t>GMPS CHAK NO. 113/M</t>
  </si>
  <si>
    <t>113/M</t>
  </si>
  <si>
    <t>Chak No113/M P.O112/M Teh CTN Distt BWN</t>
  </si>
  <si>
    <t>113M</t>
  </si>
  <si>
    <t>GGES PUL GAMOON WALI,NO, 1 SARAI SIDHU</t>
  </si>
  <si>
    <t>Baqir Poor</t>
  </si>
  <si>
    <t>the kbirwala district khanewal moza baqir poor nazd bhatta mehmood kot pull gamoon wali</t>
  </si>
  <si>
    <t>Mehwish Raoof</t>
  </si>
  <si>
    <t>GGPS CHAK NO. 321/EB</t>
  </si>
  <si>
    <t>321 EB</t>
  </si>
  <si>
    <t>327 EB</t>
  </si>
  <si>
    <t>Shagufta Anwar</t>
  </si>
  <si>
    <t>47096</t>
  </si>
  <si>
    <t>GGES WATTA KHEL</t>
  </si>
  <si>
    <t>govt girls elementary school watta khel district and tehsil mianwali</t>
  </si>
  <si>
    <t>rasheeda perveen</t>
  </si>
  <si>
    <t>GHS BLOCK NO.13 TOWNSHIP</t>
  </si>
  <si>
    <t>Ghs block no 13 Township Lahore</t>
  </si>
  <si>
    <t>GPS JAMKAY CHEEMA</t>
  </si>
  <si>
    <t>Govt Primary School Jamke Cheema Tehseel Daska District Sialkot</t>
  </si>
  <si>
    <t>18670</t>
  </si>
  <si>
    <t>GES CHAK 415 JB</t>
  </si>
  <si>
    <t>Chandarkay</t>
  </si>
  <si>
    <t>GES 415 JB TEHSIL GOJRA</t>
  </si>
  <si>
    <t>415 Jb</t>
  </si>
  <si>
    <t>GPS KASSI JOOTA, NAWAN SHEHR</t>
  </si>
  <si>
    <t>Kassi joota</t>
  </si>
  <si>
    <t>Gps kassi joota</t>
  </si>
  <si>
    <t>GES 130/10-R, JAHANIAN</t>
  </si>
  <si>
    <t>Chak No 130/10R</t>
  </si>
  <si>
    <t>chak no 130/10-R</t>
  </si>
  <si>
    <t>Chak 130/10r</t>
  </si>
  <si>
    <t>132/10r</t>
  </si>
  <si>
    <t>Siraj Ud Din</t>
  </si>
  <si>
    <t>15299</t>
  </si>
  <si>
    <t>GGES CHAK NO 233 GB I</t>
  </si>
  <si>
    <t>Kot Barseer</t>
  </si>
  <si>
    <t>GGES 233 GB TEH JRW DISTT FSD</t>
  </si>
  <si>
    <t>Chak No 233 Gb</t>
  </si>
  <si>
    <t>591 Gangapur</t>
  </si>
  <si>
    <t>Afsana  Yasmin</t>
  </si>
  <si>
    <t>GPS CHAK 95 JB II</t>
  </si>
  <si>
    <t>GPS 95/jb Gill</t>
  </si>
  <si>
    <t>95/ Jb Gill</t>
  </si>
  <si>
    <t>97/jb</t>
  </si>
  <si>
    <t>Wakeel Ahmad Khan  E S T</t>
  </si>
  <si>
    <t>GGPS DAMIAN</t>
  </si>
  <si>
    <t>Domian</t>
  </si>
  <si>
    <t>Village Domian PO Kharian Tehsil Kharian District Gujrat</t>
  </si>
  <si>
    <t>Rizwana Jubeen</t>
  </si>
  <si>
    <t>GMPS JHANGI DAIM</t>
  </si>
  <si>
    <t>village Jhangi daim Po Chak beli Khan tehsil and dist rwp</t>
  </si>
  <si>
    <t>Jhangi Daim</t>
  </si>
  <si>
    <t>Fareena Khalid</t>
  </si>
  <si>
    <t>GPS ABDULLAH WALA</t>
  </si>
  <si>
    <t>Tibba Mustaqil Sharqi Daira Din Panah</t>
  </si>
  <si>
    <t>Abdullah wala</t>
  </si>
  <si>
    <t>GMPS JAND PIR</t>
  </si>
  <si>
    <t>Peer Jand</t>
  </si>
  <si>
    <t>peer jand tehsil kharian distt gujtat</t>
  </si>
  <si>
    <t>Jourah</t>
  </si>
  <si>
    <t>Fakhira Sultana</t>
  </si>
  <si>
    <t>GPS HAKEEM WALA CHAH KARMU WALA</t>
  </si>
  <si>
    <t>GPS Hakeem wala chah karmu wala markz lar multan</t>
  </si>
  <si>
    <t>Karmu Wala</t>
  </si>
  <si>
    <t>Bili Wala</t>
  </si>
  <si>
    <t>Rifaqat Masih</t>
  </si>
  <si>
    <t>GGES TRET</t>
  </si>
  <si>
    <t>GGE/S Tret.Murree</t>
  </si>
  <si>
    <t>GPS CHAK 107 THAL ABADI PAWLI WALA</t>
  </si>
  <si>
    <t>Uch Gull Imam</t>
  </si>
  <si>
    <t>chah Bhatti Nagar Chak no 11/2 thall</t>
  </si>
  <si>
    <t>Bhatti NAGAR</t>
  </si>
  <si>
    <t>Rustam Khan Shehzad</t>
  </si>
  <si>
    <t>GPS BANGLA FEROZ</t>
  </si>
  <si>
    <t>Feroze Wattwan</t>
  </si>
  <si>
    <t>Bangla feroze p.o feroze wattwan</t>
  </si>
  <si>
    <t>Bangla Feroze</t>
  </si>
  <si>
    <t>Feroze Wattwan 1</t>
  </si>
  <si>
    <t>GGPS SHAH RANG PUR</t>
  </si>
  <si>
    <t>Shah Rang Pur</t>
  </si>
  <si>
    <t>GGPS shahrangpur bhutta Pur m garh</t>
  </si>
  <si>
    <t>Shah Rung Pur</t>
  </si>
  <si>
    <t>GGPS JHUMBIAN DALALAN</t>
  </si>
  <si>
    <t>Jhumian Dalalan</t>
  </si>
  <si>
    <t>vilg jhumian dalalan post office chaprar teh and distt sialkot</t>
  </si>
  <si>
    <t>Zakia Bagum</t>
  </si>
  <si>
    <t>GGPS BAGGA SANGRAL</t>
  </si>
  <si>
    <t>bagga sangral p/o rawat teh &amp; distt rwp</t>
  </si>
  <si>
    <t>Bagga sangral</t>
  </si>
  <si>
    <t>Bagga shaikhain</t>
  </si>
  <si>
    <t>GGCMES KARI WALA CHAK 49/RB</t>
  </si>
  <si>
    <t>kariwala chak49</t>
  </si>
  <si>
    <t>Samra Nazir</t>
  </si>
  <si>
    <t>39318</t>
  </si>
  <si>
    <t>GPS KEHWAL</t>
  </si>
  <si>
    <t>kehwala p.o Ikhlas</t>
  </si>
  <si>
    <t>GMPS VIJHAN (VIJHI)</t>
  </si>
  <si>
    <t>Gmps vijhi</t>
  </si>
  <si>
    <t>GGPS KOTIAN</t>
  </si>
  <si>
    <t>Kotian  Marrha  chok</t>
  </si>
  <si>
    <t>GGES RAM GARH</t>
  </si>
  <si>
    <t>Govt Girls Elementary School Ramgarh Nodha 179/RB</t>
  </si>
  <si>
    <t>Saira Khalil</t>
  </si>
  <si>
    <t>GGPS AL-DITTA</t>
  </si>
  <si>
    <t>Al Ditta</t>
  </si>
  <si>
    <t>village alditta po.bopra kalan teh nowsheran virkan distt grw</t>
  </si>
  <si>
    <t>All Ditta</t>
  </si>
  <si>
    <t>Sadaf Asif</t>
  </si>
  <si>
    <t>GMPS BHARIAN</t>
  </si>
  <si>
    <t>Bhraiayan</t>
  </si>
  <si>
    <t>G M P S bhraiyan</t>
  </si>
  <si>
    <t>Boprakalan</t>
  </si>
  <si>
    <t>GMPS MATA HARIAN</t>
  </si>
  <si>
    <t>G</t>
  </si>
  <si>
    <t>matta Hari post office dugri hariyan tehsil pasrur district sialkot</t>
  </si>
  <si>
    <t>Matta Hariyan</t>
  </si>
  <si>
    <t>Dugri Hariyan</t>
  </si>
  <si>
    <t>Wasiaha</t>
  </si>
  <si>
    <t>GGPS 196 WB</t>
  </si>
  <si>
    <t>196wb</t>
  </si>
  <si>
    <t>Abira Shahid</t>
  </si>
  <si>
    <t>GGPS 94 D</t>
  </si>
  <si>
    <t>94/d</t>
  </si>
  <si>
    <t>94/d, post office malka hans</t>
  </si>
  <si>
    <t>Anjum Un Nisa</t>
  </si>
  <si>
    <t>GPS CHHANI SYEDAN</t>
  </si>
  <si>
    <t>Channi Syedan</t>
  </si>
  <si>
    <t>village channi syedan p.o Hazoor pur  tehsil Bhera Distt Sargodha</t>
  </si>
  <si>
    <t>Nadeem Qasim Sherazi</t>
  </si>
  <si>
    <t>26326</t>
  </si>
  <si>
    <t>GGPS KUKER</t>
  </si>
  <si>
    <t>Kuker</t>
  </si>
  <si>
    <t>GGPS Kuker p/o Kot Naina</t>
  </si>
  <si>
    <t>GPS PARI CITY</t>
  </si>
  <si>
    <t>Parri City</t>
  </si>
  <si>
    <t>Parri</t>
  </si>
  <si>
    <t>39319</t>
  </si>
  <si>
    <t>Qurban Hussain</t>
  </si>
  <si>
    <t>GPS CHAK NO.73 SB</t>
  </si>
  <si>
    <t>Chak No 73 S B</t>
  </si>
  <si>
    <t>Chak No 71 S B</t>
  </si>
  <si>
    <t>Muzma Noreen</t>
  </si>
  <si>
    <t>23556</t>
  </si>
  <si>
    <t>GGPS BHAGU SHAH PUR</t>
  </si>
  <si>
    <t>Bhagushahpur</t>
  </si>
  <si>
    <t>Bhagushahpur p/o Mansoompur Sarai Alamgir Gujrat</t>
  </si>
  <si>
    <t>Mandi Balwal</t>
  </si>
  <si>
    <t>Shaista Begum</t>
  </si>
  <si>
    <t>GGPS KANAT</t>
  </si>
  <si>
    <t>kanat</t>
  </si>
  <si>
    <t>Nazia Bibi</t>
  </si>
  <si>
    <t>GPS SHAHPUR</t>
  </si>
  <si>
    <t>govt.boys primary school shahpur</t>
  </si>
  <si>
    <t>Taxila Cantt</t>
  </si>
  <si>
    <t>GMPS GORIAN</t>
  </si>
  <si>
    <t>village gorian post office sadat pur tehsil sarai alamgir district gujrat</t>
  </si>
  <si>
    <t>Sehrish Naz</t>
  </si>
  <si>
    <t>GMES AKBAR ABAD</t>
  </si>
  <si>
    <t>Akbarabad</t>
  </si>
  <si>
    <t>Akbarabad village Tehsil and District Sialkot</t>
  </si>
  <si>
    <t>Purani Jhelum</t>
  </si>
  <si>
    <t>purani jhelum p/o sarai alamgir govt girls primary school jalil pur purani jhelum</t>
  </si>
  <si>
    <t>GPS ALI MURADAN</t>
  </si>
  <si>
    <t>Basti Almani Moza Ali Mardan Sadiq Abad</t>
  </si>
  <si>
    <t>Muhammad Manzoor Hussain</t>
  </si>
  <si>
    <t>GMPS CHAK 292 GB I JINNAH ABADI</t>
  </si>
  <si>
    <t>292 gb ll</t>
  </si>
  <si>
    <t>chak no 292gb ll Jinnah abadi. toba Tek singh</t>
  </si>
  <si>
    <t>chk no 292 gbll</t>
  </si>
  <si>
    <t>295 barianwala</t>
  </si>
  <si>
    <t>GES CHAK NO.48 NB</t>
  </si>
  <si>
    <t>Chak No 48 Nb</t>
  </si>
  <si>
    <t>chak no 48 nb</t>
  </si>
  <si>
    <t>48 Nb</t>
  </si>
  <si>
    <t>Cant 10</t>
  </si>
  <si>
    <t>GHS F-BLOCK GULBERG-II LAHORE</t>
  </si>
  <si>
    <t>Main market gulberg 2 lahore</t>
  </si>
  <si>
    <t>Muhammad Rasheed tahir</t>
  </si>
  <si>
    <t>GGES GOLPUR</t>
  </si>
  <si>
    <t>gges golpur</t>
  </si>
  <si>
    <t>Gul Yasmeen</t>
  </si>
  <si>
    <t>23547</t>
  </si>
  <si>
    <t>GMPS KHOHAR KHURD</t>
  </si>
  <si>
    <t>Khohar Khurd</t>
  </si>
  <si>
    <t>Post office khohar khurd p/okhohar</t>
  </si>
  <si>
    <t>7459</t>
  </si>
  <si>
    <t>GGPS KOT LASHMAN SINGH</t>
  </si>
  <si>
    <t>GGPS kot luchman singh Post office JDW Sadiqabad</t>
  </si>
  <si>
    <t>Kot Luchman Singh</t>
  </si>
  <si>
    <t>Firdous Akhtar</t>
  </si>
  <si>
    <t>GPS DHOK HASSU</t>
  </si>
  <si>
    <t>DhoK Hassu</t>
  </si>
  <si>
    <t>dhok hasuu</t>
  </si>
  <si>
    <t>Dhok Hassu</t>
  </si>
  <si>
    <t>Dhok Hasu</t>
  </si>
  <si>
    <t>Rabia Isma</t>
  </si>
  <si>
    <t>GGES CHAK 295 GB I</t>
  </si>
  <si>
    <t>chak no  295 GB</t>
  </si>
  <si>
    <t>gGES 295 GB i</t>
  </si>
  <si>
    <t>barianwala</t>
  </si>
  <si>
    <t>Chak no 295 GB</t>
  </si>
  <si>
    <t>GGPS KOTLI SANIANAN</t>
  </si>
  <si>
    <t>Kotli Sanian</t>
  </si>
  <si>
    <t>village kotli sanian post office koat nainan</t>
  </si>
  <si>
    <t>Fazeelat Un Nisa</t>
  </si>
  <si>
    <t>GGPS KAMAL ZAI</t>
  </si>
  <si>
    <t>wandha kamal zai kammar mushani tehsil Esa khel distrct Mianwali</t>
  </si>
  <si>
    <t>Kammarmushani</t>
  </si>
  <si>
    <t>GGES BHUTTA  ABAD</t>
  </si>
  <si>
    <t>G G E Schools  Bhutta Abad</t>
  </si>
  <si>
    <t>Bhuttyan  Wala</t>
  </si>
  <si>
    <t>Balqis Bano</t>
  </si>
  <si>
    <t>GGPS 60/15-L JADEED, MIAN CHANNU</t>
  </si>
  <si>
    <t>60/15-L</t>
  </si>
  <si>
    <t>GGPS 60B/15-L , 60B/15-L, Tehsil Mian Channu, District Khanewal</t>
  </si>
  <si>
    <t>60B/15-L</t>
  </si>
  <si>
    <t>61A/15-L</t>
  </si>
  <si>
    <t>Ghazala Bashir</t>
  </si>
  <si>
    <t>GES CHAK NO.12 MR MULTAN</t>
  </si>
  <si>
    <t>Chak NO12MR</t>
  </si>
  <si>
    <t>Chak no.12 MR P/O Chak No.18 MR Tehsil Multan Sadar District Multan</t>
  </si>
  <si>
    <t>Chak No18MR</t>
  </si>
  <si>
    <t>GGPS BASTI KHIRANI</t>
  </si>
  <si>
    <t>Bait Wasawa S</t>
  </si>
  <si>
    <t>basti kherani bait wasawa shumali p/o kotsultan district layyah</t>
  </si>
  <si>
    <t>Basti Kherani</t>
  </si>
  <si>
    <t>Shahida Rasool</t>
  </si>
  <si>
    <t>dhok kund tehsil jand district attock</t>
  </si>
  <si>
    <t>Sumble Nisa</t>
  </si>
  <si>
    <t>GMPS SARMAT KHEL</t>
  </si>
  <si>
    <t>govt model primary school  hospital colony kamar mushani</t>
  </si>
  <si>
    <t>Mauza Jalal Pur</t>
  </si>
  <si>
    <t>Jagroi</t>
  </si>
  <si>
    <t>Farah Iqbal</t>
  </si>
  <si>
    <t>GGPS BUDHAY WALA</t>
  </si>
  <si>
    <t>chah budhay wala khan pur bagga sher</t>
  </si>
  <si>
    <t>NOSHEEN SAHAR</t>
  </si>
  <si>
    <t>GPS CHAK NO. 374 TDA</t>
  </si>
  <si>
    <t>374/tda choubara</t>
  </si>
  <si>
    <t>Munir Nasir</t>
  </si>
  <si>
    <t>GGCMS DHEDIAN WALA</t>
  </si>
  <si>
    <t>Dhedian Wala</t>
  </si>
  <si>
    <t>Govt girls community model school dhedian wala</t>
  </si>
  <si>
    <t>Balqees Fatima</t>
  </si>
  <si>
    <t>GES TARANDA MOULVIAN</t>
  </si>
  <si>
    <t>Govt. E/S Taranda Moulvian Moza Mohal basti Taranda moulvian Markaz Zahirpir Tehsil Khanpur District Rahimyar Khan</t>
  </si>
  <si>
    <t>taranda moulvian</t>
  </si>
  <si>
    <t>SHAFI AHMAD</t>
  </si>
  <si>
    <t>24495</t>
  </si>
  <si>
    <t>GGPS MAKHNEY WALA</t>
  </si>
  <si>
    <t>Headr Dasti</t>
  </si>
  <si>
    <t>Basti talai mouza Haider dasti po basira</t>
  </si>
  <si>
    <t>Talai</t>
  </si>
  <si>
    <t>Tahira Mujahid</t>
  </si>
  <si>
    <t>GPS CHAK NO. 370/TDA</t>
  </si>
  <si>
    <t>Chak No370.TDA</t>
  </si>
  <si>
    <t>Chak No 370TDA</t>
  </si>
  <si>
    <t>Jamal Chspree</t>
  </si>
  <si>
    <t>Hameed Anwar</t>
  </si>
  <si>
    <t>GGPS BAHARI SHARKI</t>
  </si>
  <si>
    <t>GGPS BEHARI SHARQI</t>
  </si>
  <si>
    <t>Behari Sharqi</t>
  </si>
  <si>
    <t>34924</t>
  </si>
  <si>
    <t>GGPS CHAK NO. 82 / M</t>
  </si>
  <si>
    <t>82/M</t>
  </si>
  <si>
    <t>govt girls primary school chak 82 m</t>
  </si>
  <si>
    <t>GGMES MEHSIAN</t>
  </si>
  <si>
    <t>GMESMehsian</t>
  </si>
  <si>
    <t>Sidra Anser</t>
  </si>
  <si>
    <t>GGPS TEHZEEB U NISA GOJRA</t>
  </si>
  <si>
    <t>Muhalla Sheikhan Gojra</t>
  </si>
  <si>
    <t>Urbban</t>
  </si>
  <si>
    <t>23297</t>
  </si>
  <si>
    <t>GGPS DINGA NO.2</t>
  </si>
  <si>
    <t>Mohalla Mughal pura dinga</t>
  </si>
  <si>
    <t>E-pump</t>
  </si>
  <si>
    <t>GHSS ARIF MUSTAFA ABAD</t>
  </si>
  <si>
    <t>govt. arif higher secondary school mustafa abad lahore</t>
  </si>
  <si>
    <t>Muhammad Rafiqe Baluch</t>
  </si>
  <si>
    <t>17518</t>
  </si>
  <si>
    <t>GGPS CHAH RUSTAM WALA</t>
  </si>
  <si>
    <t>Havili Lal</t>
  </si>
  <si>
    <t>Moza and p/o box Haveli Lal jhang</t>
  </si>
  <si>
    <t>Naveed Fatima</t>
  </si>
  <si>
    <t>GGPS DHOK TERBHATI (GOLRA)</t>
  </si>
  <si>
    <t>Dhok Terbethi</t>
  </si>
  <si>
    <t>Village Dhoke Terbethi PO Sanjwal</t>
  </si>
  <si>
    <t>GPS MODEL TAJIK RANGOO</t>
  </si>
  <si>
    <t>rangoo tajak</t>
  </si>
  <si>
    <t>Rangoo Tajak</t>
  </si>
  <si>
    <t>Zaitoon Begum</t>
  </si>
  <si>
    <t>GPS CHAK NO 376 TDA</t>
  </si>
  <si>
    <t>376/TDA</t>
  </si>
  <si>
    <t>Chak No. 376</t>
  </si>
  <si>
    <t>Chak 376</t>
  </si>
  <si>
    <t>GPS DERVASHKAY</t>
  </si>
  <si>
    <t>Dervaishkey</t>
  </si>
  <si>
    <t>dervaishkey, p.o box dhamonkey,tehsil Daska, Distt sialkot</t>
  </si>
  <si>
    <t>GPS MODEL FORT ABBAS</t>
  </si>
  <si>
    <t>near grane markete Fort Abbas</t>
  </si>
  <si>
    <t>MC I</t>
  </si>
  <si>
    <t>MUHAMMAD Iftikhar Ahmad</t>
  </si>
  <si>
    <t>20111</t>
  </si>
  <si>
    <t>GGPS CHAK NO 137 JB MACHIAN WALA</t>
  </si>
  <si>
    <t>Chak 137</t>
  </si>
  <si>
    <t>ggp/s 137 J. b</t>
  </si>
  <si>
    <t>Bhukri Jhok</t>
  </si>
  <si>
    <t>17167</t>
  </si>
  <si>
    <t>GGES 44/15-L, MIAN CHANNU</t>
  </si>
  <si>
    <t>44/15-L</t>
  </si>
  <si>
    <t>Chak # 44/15-L Post Office.Mian Channu</t>
  </si>
  <si>
    <t>Chak No 44/15-L</t>
  </si>
  <si>
    <t>Fakhira Jabeen</t>
  </si>
  <si>
    <t>GGPS MUHAMMAD PUR SYEDAN</t>
  </si>
  <si>
    <t>muahammad pur sydian basti tariq nagar</t>
  </si>
  <si>
    <t>Basti Tariq Nagar</t>
  </si>
  <si>
    <t>salamat bibi</t>
  </si>
  <si>
    <t>GES CHAK NO. 60/4-R</t>
  </si>
  <si>
    <t>Chak No 60/4R</t>
  </si>
  <si>
    <t>Munsif Ali</t>
  </si>
  <si>
    <t>GGES CHAK NO. 82 JB II</t>
  </si>
  <si>
    <t>82 Jbll</t>
  </si>
  <si>
    <t>Chak no. 82 jb ll, norangaabad</t>
  </si>
  <si>
    <t>82 JB Il</t>
  </si>
  <si>
    <t>82jb I Jgtpur</t>
  </si>
  <si>
    <t>samira tajjamal</t>
  </si>
  <si>
    <t>34911</t>
  </si>
  <si>
    <t>bsati bohar jppw district multan</t>
  </si>
  <si>
    <t>Moza Bohar</t>
  </si>
  <si>
    <t>Juggu Wals</t>
  </si>
  <si>
    <t>Farzana kausar</t>
  </si>
  <si>
    <t>19714</t>
  </si>
  <si>
    <t>GGES TAHLI MANGINI</t>
  </si>
  <si>
    <t>G GES  Tahli Mangini</t>
  </si>
  <si>
    <t>Safia Anwar</t>
  </si>
  <si>
    <t>GPS AMIR SINGH</t>
  </si>
  <si>
    <t>GHS GHOUS PUR</t>
  </si>
  <si>
    <t>samoka road ghous pur</t>
  </si>
  <si>
    <t>48497</t>
  </si>
  <si>
    <t>GGES CHAK NO.14 NB</t>
  </si>
  <si>
    <t>Chak No 14 Nb</t>
  </si>
  <si>
    <t>chak no. 14nb bhalwal</t>
  </si>
  <si>
    <t>GPS CHAK NO 369 TDA</t>
  </si>
  <si>
    <t>Chk No 369 Tda</t>
  </si>
  <si>
    <t>Chak No 369TDA</t>
  </si>
  <si>
    <t>35415</t>
  </si>
  <si>
    <t>GGPS 401 EB</t>
  </si>
  <si>
    <t>401/EB</t>
  </si>
  <si>
    <t>chak no 401/EB  Burewala</t>
  </si>
  <si>
    <t>Samrana Kanwal</t>
  </si>
  <si>
    <t>GPS DARAB PUR SHARQI BASTI KOTLA MOZA DARAB PUR</t>
  </si>
  <si>
    <t>Durab pur sharqi</t>
  </si>
  <si>
    <t>Basti kotla durab pur sharqi</t>
  </si>
  <si>
    <t>Basti kotla</t>
  </si>
  <si>
    <t>durab pur</t>
  </si>
  <si>
    <t>Yousuf Ali Nasir</t>
  </si>
  <si>
    <t>GGPS CPC NO. 2 JALALPUR JATTAN</t>
  </si>
  <si>
    <t>GGps cpc no 2 jpj</t>
  </si>
  <si>
    <t>GGES GHULEY KEY BAGHELAY</t>
  </si>
  <si>
    <t>Ghuley Key Baughly</t>
  </si>
  <si>
    <t>GGES Ghuley Key Baghelay</t>
  </si>
  <si>
    <t>Ghuley Key Baughely Baghely</t>
  </si>
  <si>
    <t>Mehvish Habib</t>
  </si>
  <si>
    <t>GMPS TAJA BAIR WALA</t>
  </si>
  <si>
    <t>Taja Bair Wala</t>
  </si>
  <si>
    <t>Taja Bair Wala P/O Bhowana</t>
  </si>
  <si>
    <t>GGCMS CHAK NO.46 TDA BHAKKAR</t>
  </si>
  <si>
    <t>Chak No 46TDA</t>
  </si>
  <si>
    <t>chak no 46TDA</t>
  </si>
  <si>
    <t>SHAKEELA  PARVEEN</t>
  </si>
  <si>
    <t>GGCMES 6/14-L</t>
  </si>
  <si>
    <t>Chak No 6/14l</t>
  </si>
  <si>
    <t>GGCMES6/14L</t>
  </si>
  <si>
    <t>48593</t>
  </si>
  <si>
    <t>GGPS NO. 2 PHULARWAN</t>
  </si>
  <si>
    <t>school no 2 Phularwan girls school</t>
  </si>
  <si>
    <t>Suriya</t>
  </si>
  <si>
    <t>GGES ABADI RAB NAWAZ</t>
  </si>
  <si>
    <t>P/o karari kot chah akkan wala tahsil and district bhakkar</t>
  </si>
  <si>
    <t>Chah Akkan Wala</t>
  </si>
  <si>
    <t>farhat yasmin</t>
  </si>
  <si>
    <t>48506</t>
  </si>
  <si>
    <t>GMPS CHAK NO.23 NB</t>
  </si>
  <si>
    <t>Chak No 23 NB</t>
  </si>
  <si>
    <t>govt model p school chak no 23 ,N.B</t>
  </si>
  <si>
    <t>Muhammmad Sarwar</t>
  </si>
  <si>
    <t>23034</t>
  </si>
  <si>
    <t>GPS BANSRIAN</t>
  </si>
  <si>
    <t>Bansrian</t>
  </si>
  <si>
    <t>VPO Bansrian Tehsil Kharian District Gujrat</t>
  </si>
  <si>
    <t>GGCMS CHAK NO.10 NB</t>
  </si>
  <si>
    <t>Chsk 10nb</t>
  </si>
  <si>
    <t>GGcms chsk10nb</t>
  </si>
  <si>
    <t>Chak10nb</t>
  </si>
  <si>
    <t>GGES CHAK 269 RB I BARAN</t>
  </si>
  <si>
    <t>G.G.E/School 269rb barn</t>
  </si>
  <si>
    <t>269rb Baran</t>
  </si>
  <si>
    <t>Cheema Chack</t>
  </si>
  <si>
    <t>Manwar Sultana</t>
  </si>
  <si>
    <t>GPS 199 RB</t>
  </si>
  <si>
    <t>Fakhara Abad</t>
  </si>
  <si>
    <t>GPS 199 RB Fakhara Abad</t>
  </si>
  <si>
    <t>GPS GEHAL BALA</t>
  </si>
  <si>
    <t>Gehal Bala</t>
  </si>
  <si>
    <t>govt primary school gehal bala tehsil sarai alamgir dist gujrat</t>
  </si>
  <si>
    <t>GGPS MAHES SHUMALI</t>
  </si>
  <si>
    <t>mahais shumali ch#286</t>
  </si>
  <si>
    <t>Mahes Shumali</t>
  </si>
  <si>
    <t>Shafqat Naseem</t>
  </si>
  <si>
    <t>GGPS MAHY KHURD</t>
  </si>
  <si>
    <t>Mahey Khurd</t>
  </si>
  <si>
    <t>village mahey khurd</t>
  </si>
  <si>
    <t>GGPS MAMEY WAL</t>
  </si>
  <si>
    <t>Mameywal</t>
  </si>
  <si>
    <t>village Mameywal post office satuwal tehs.shakargarh distr.Narrowal</t>
  </si>
  <si>
    <t>Khalida Dasreen</t>
  </si>
  <si>
    <t>GES HASSU WALI</t>
  </si>
  <si>
    <t>Hassu Wali</t>
  </si>
  <si>
    <t>hassu wali</t>
  </si>
  <si>
    <t>muhammad shoaib</t>
  </si>
  <si>
    <t>GGPS CHAK 284 JB-I</t>
  </si>
  <si>
    <t>Chak No 284 Jb1</t>
  </si>
  <si>
    <t>chak no 284 jb1</t>
  </si>
  <si>
    <t>Chak No 284jb1</t>
  </si>
  <si>
    <t>water cooler4</t>
  </si>
  <si>
    <t>GMPS CHAK 286 GB III</t>
  </si>
  <si>
    <t>Group Arayain</t>
  </si>
  <si>
    <t>gmps286gb3rd</t>
  </si>
  <si>
    <t>286gb3rd</t>
  </si>
  <si>
    <t>285gb</t>
  </si>
  <si>
    <t>Sadaf Tasneem</t>
  </si>
  <si>
    <t>GMPS DOGRAN WALA</t>
  </si>
  <si>
    <t>village dogranwala tehsil and district sialkot</t>
  </si>
  <si>
    <t>Samera Zareen Siddique</t>
  </si>
  <si>
    <t>GMPS KHARAL SIPRA</t>
  </si>
  <si>
    <t>Kharal Sipra</t>
  </si>
  <si>
    <t>gmps kharal sipra</t>
  </si>
  <si>
    <t>Kharal sipra</t>
  </si>
  <si>
    <t>26731</t>
  </si>
  <si>
    <t>GGPS ATTAY WALI</t>
  </si>
  <si>
    <t>Attay Wali</t>
  </si>
  <si>
    <t>attay wali post office sangial</t>
  </si>
  <si>
    <t>GGPS NAGRI</t>
  </si>
  <si>
    <t>post office bilomar dhok nagri, tehsil talagang,district chakwal</t>
  </si>
  <si>
    <t>Dhok Nagri</t>
  </si>
  <si>
    <t>Tehmina  Bibi</t>
  </si>
  <si>
    <t>GGPS RAKH RAI</t>
  </si>
  <si>
    <t>Govt. Girl's Primary School Rakh Rai Raiwind Road Lahore</t>
  </si>
  <si>
    <t>Rakh Rai</t>
  </si>
  <si>
    <t>GGPS 3-1L</t>
  </si>
  <si>
    <t>GPS CHAOW WALA</t>
  </si>
  <si>
    <t>Tibbi Bukan wali, rakh khan pur Teh and district Muzaffargarh</t>
  </si>
  <si>
    <t>Tibbi Bukan Wali</t>
  </si>
  <si>
    <t>GGPS QADAR PUR</t>
  </si>
  <si>
    <t>post office bhilomar,village qadir pur</t>
  </si>
  <si>
    <t>39278</t>
  </si>
  <si>
    <t>GGPS SABO SANDHA</t>
  </si>
  <si>
    <t>Sabo Sanda</t>
  </si>
  <si>
    <t>sabo sanda Sialkot</t>
  </si>
  <si>
    <t>Langerali</t>
  </si>
  <si>
    <t>Ashraf Bano</t>
  </si>
  <si>
    <t>46377</t>
  </si>
  <si>
    <t>GES DHAMAK</t>
  </si>
  <si>
    <t>Ges dhamak Village Dhamak Tehsil Noor Pur Thal District Khushab</t>
  </si>
  <si>
    <t>GPS GOJAR WALLY</t>
  </si>
  <si>
    <t>Gujjerwali</t>
  </si>
  <si>
    <t>gujjerwali post office Ahmad abad</t>
  </si>
  <si>
    <t>43023</t>
  </si>
  <si>
    <t>GGPS DHAMMALI</t>
  </si>
  <si>
    <t>p.o dhamali the Kallar syedan disdt rwp</t>
  </si>
  <si>
    <t>bore electric moter</t>
  </si>
  <si>
    <t>GPS GOPY RAI NO. 2</t>
  </si>
  <si>
    <t>thokar Multan road lahore</t>
  </si>
  <si>
    <t>Gopay Ray</t>
  </si>
  <si>
    <t>GGPS DARA PATHER</t>
  </si>
  <si>
    <t>DARA PATHAR</t>
  </si>
  <si>
    <t>GGP/S DARA PATHER  POST OFFICE CHENAB NAGER</t>
  </si>
  <si>
    <t>AHAMAD NAGAR</t>
  </si>
  <si>
    <t>Rafia Badar</t>
  </si>
  <si>
    <t>GES 42/15-L, P/O 43/15-L, MIAN CHANNU</t>
  </si>
  <si>
    <t>Chak No 42/15L,Mian Channu,Khanewal.</t>
  </si>
  <si>
    <t>42/15L</t>
  </si>
  <si>
    <t>GPS CHAK 337 GB DHOLAN</t>
  </si>
  <si>
    <t>chak no 337 GB</t>
  </si>
  <si>
    <t>GMPS 3-HANS</t>
  </si>
  <si>
    <t>3 Chak Hance</t>
  </si>
  <si>
    <t>Chak 3 Hanse P/O Kot Abbas Shaheed</t>
  </si>
  <si>
    <t>Kurri Tumak</t>
  </si>
  <si>
    <t>Khalida Touqeer</t>
  </si>
  <si>
    <t>GPS DAR-UL-ALOOM LARKES COLONY GHAZI ABAD</t>
  </si>
  <si>
    <t>Larex colony Ghaziabad</t>
  </si>
  <si>
    <t>Dryport Mughalpura</t>
  </si>
  <si>
    <t>Syed Zahid Hassan</t>
  </si>
  <si>
    <t>23212</t>
  </si>
  <si>
    <t>GMPS KATWAR</t>
  </si>
  <si>
    <t>Katwar</t>
  </si>
  <si>
    <t>vill katwar po bhaddar teh kharian</t>
  </si>
  <si>
    <t>Tamseela Tabassum</t>
  </si>
  <si>
    <t>GPS CHAK 680/21 GB I</t>
  </si>
  <si>
    <t>chak 680/21 GB</t>
  </si>
  <si>
    <t>chak no 680/21 GB</t>
  </si>
  <si>
    <t>Shakeel Ahmad Khan</t>
  </si>
  <si>
    <t>GGPS MOHALLAH GHARBI</t>
  </si>
  <si>
    <t>GGPS Moh Gharbi Moh pehelwankhel post office wan bhachran</t>
  </si>
  <si>
    <t>Surriya bibi</t>
  </si>
  <si>
    <t>30227</t>
  </si>
  <si>
    <t>GHS MODEL KAHNA NAU</t>
  </si>
  <si>
    <t>Kacha Road</t>
  </si>
  <si>
    <t>Ch. Rahmat Ali</t>
  </si>
  <si>
    <t>Chukamar</t>
  </si>
  <si>
    <t>basti Mumtaz Abad p/o qasba gujrat</t>
  </si>
  <si>
    <t>Basti Mumtaz Abad</t>
  </si>
  <si>
    <t>GPS RATREIAN</t>
  </si>
  <si>
    <t>Ratrian</t>
  </si>
  <si>
    <t>Village Ratrian P.O Khour Tehsil Pindigheb District Attock</t>
  </si>
  <si>
    <t>Ghaffar Khan</t>
  </si>
  <si>
    <t>GGPS BAINBABA SHER ALI SHAH</t>
  </si>
  <si>
    <t>Bain Baba</t>
  </si>
  <si>
    <t>Bain baba,p/o Dhammali,Tehsil kallar syedan,Distt RWP</t>
  </si>
  <si>
    <t>GES BADOOKI SANI</t>
  </si>
  <si>
    <t>Baddoki Sani</t>
  </si>
  <si>
    <t>Baddoki Sani Tehsil Raiwind Lahore</t>
  </si>
  <si>
    <t>GGPS 78 M BASTI PAHOR</t>
  </si>
  <si>
    <t>umer Pur</t>
  </si>
  <si>
    <t>GGPS Chak 78M Pahoor Jalalpur Pirwala</t>
  </si>
  <si>
    <t>Pahoor</t>
  </si>
  <si>
    <t>Karmu wali</t>
  </si>
  <si>
    <t>Shamsa Zia</t>
  </si>
  <si>
    <t>GPS PIR WALI MUHAMMAD SULTAN</t>
  </si>
  <si>
    <t>Peer Wali Muhammad Sultan</t>
  </si>
  <si>
    <t>P/O Badli Sharif basti Peer Wali Muhammad Sultan RYK</t>
  </si>
  <si>
    <t>Badli Sharief</t>
  </si>
  <si>
    <t>AZHER HUSSAIN</t>
  </si>
  <si>
    <t>GGPS CHAK 284 GB III</t>
  </si>
  <si>
    <t>284 GB III</t>
  </si>
  <si>
    <t>284gb III</t>
  </si>
  <si>
    <t>291gb</t>
  </si>
  <si>
    <t>Sadaf Rashid</t>
  </si>
  <si>
    <t>GGES MACHARRALA</t>
  </si>
  <si>
    <t>machrala wahndo Kamonki</t>
  </si>
  <si>
    <t>GES 78/15-L, KACHA KHUH</t>
  </si>
  <si>
    <t>Chak No 78/15L</t>
  </si>
  <si>
    <t>ges78/15L</t>
  </si>
  <si>
    <t>Liaqat Ali Zafar</t>
  </si>
  <si>
    <t>GPS DHOK MISTRIAN</t>
  </si>
  <si>
    <t>Govt boys primary school dhoke mistriyan , dhoke syedan road Rawalpindi</t>
  </si>
  <si>
    <t>GPS 21 JB</t>
  </si>
  <si>
    <t>RANEKAY</t>
  </si>
  <si>
    <t>CHAK NO 21 JB</t>
  </si>
  <si>
    <t>GGPS SHAH KOT NO.1</t>
  </si>
  <si>
    <t>Shahkot City 2</t>
  </si>
  <si>
    <t>GGPS no 1 shahkot tehsil shahkot distt NNS</t>
  </si>
  <si>
    <t>Nazeefa Ashraf</t>
  </si>
  <si>
    <t>water arranged from outside</t>
  </si>
  <si>
    <t>GGES SHAMPUR KHOKHRAN</t>
  </si>
  <si>
    <t>Shampur Khokran</t>
  </si>
  <si>
    <t>shampur khokran</t>
  </si>
  <si>
    <t>Mari Khokran</t>
  </si>
  <si>
    <t>Tunweer Zahra</t>
  </si>
  <si>
    <t>GGCMS CHAK 560 GB I WEST LUNDIANWALA</t>
  </si>
  <si>
    <t>Kalokhail</t>
  </si>
  <si>
    <t>Govt girls community model p school 560gb</t>
  </si>
  <si>
    <t>560gb East</t>
  </si>
  <si>
    <t>562gb</t>
  </si>
  <si>
    <t>Samra Jabeen</t>
  </si>
  <si>
    <t>Bhikhi Khurd</t>
  </si>
  <si>
    <t>Bhikhi khurd</t>
  </si>
  <si>
    <t>Ferhat  Naseem</t>
  </si>
  <si>
    <t>GGPS UMRI KHEL</t>
  </si>
  <si>
    <t>Mohla kachu khel p/o kamar mushani</t>
  </si>
  <si>
    <t>Mc Kamar Mushani</t>
  </si>
  <si>
    <t>Khalida Naureen</t>
  </si>
  <si>
    <t>30202</t>
  </si>
  <si>
    <t>GHS GHOWIND</t>
  </si>
  <si>
    <t>village ghowind lahore cantt</t>
  </si>
  <si>
    <t>GMPS CHAK NO. 9/3-L</t>
  </si>
  <si>
    <t>chak no 9/3-l</t>
  </si>
  <si>
    <t>p/o pirabdulrehman chak no 9/3*l tehsil ahmad pur sial distic jhang</t>
  </si>
  <si>
    <t>chak no9/3-l</t>
  </si>
  <si>
    <t>banga yasmeen</t>
  </si>
  <si>
    <t>Shamim AKHTAR</t>
  </si>
  <si>
    <t>GGPS TIBBA DARKHANAN WALA</t>
  </si>
  <si>
    <t>Dagar Surani Nasheb</t>
  </si>
  <si>
    <t>tibba dirkhanawala</t>
  </si>
  <si>
    <t>Tibba Dirkhanawala</t>
  </si>
  <si>
    <t>Kuhawar Kalan</t>
  </si>
  <si>
    <t>Ghulam Batool Fatima</t>
  </si>
  <si>
    <t>GES 69 WB</t>
  </si>
  <si>
    <t>Chak No. 69/WB</t>
  </si>
  <si>
    <t>Chak No. 69/WB Tehsil Mailsi District Vehari</t>
  </si>
  <si>
    <t>GGES CHAK NO 241 JB MANGUANA</t>
  </si>
  <si>
    <t>241 jb manguana</t>
  </si>
  <si>
    <t>GGCMS CHAK NO. 431/EB</t>
  </si>
  <si>
    <t>Chak 431</t>
  </si>
  <si>
    <t>CHAK NO. 431/EB BUREWALA</t>
  </si>
  <si>
    <t>CHAK NO. 431/EBBUREWALA</t>
  </si>
  <si>
    <t>CHAK NO. 425 FARIDAABAD</t>
  </si>
  <si>
    <t>Nabila Ayub Baig</t>
  </si>
  <si>
    <t>22676</t>
  </si>
  <si>
    <t>GGES MC MURREE</t>
  </si>
  <si>
    <t>Gges MC Murree Lower Bazar Murree</t>
  </si>
  <si>
    <t>Bushra Faraz</t>
  </si>
  <si>
    <t>GPS PHUSKAN WALA</t>
  </si>
  <si>
    <t>pati Farooq choubara</t>
  </si>
  <si>
    <t>Pati Farooq</t>
  </si>
  <si>
    <t>Muhammad Ameen Tabasam</t>
  </si>
  <si>
    <t>GGPS UMER PUR 1</t>
  </si>
  <si>
    <t>permat road near bngla dewan sahb</t>
  </si>
  <si>
    <t>Shiekh Ismail</t>
  </si>
  <si>
    <t>GGPS CHAK NO.60-61 ML</t>
  </si>
  <si>
    <t>ggps 60 61 ml</t>
  </si>
  <si>
    <t>GMPS 44/F ISLAM PURA</t>
  </si>
  <si>
    <t>chak no44f islampura</t>
  </si>
  <si>
    <t>44f Islam Pura</t>
  </si>
  <si>
    <t>10671</t>
  </si>
  <si>
    <t>GMES KOTLI NONAN</t>
  </si>
  <si>
    <t>Kotli Noona</t>
  </si>
  <si>
    <t>G G E S Kootli noona</t>
  </si>
  <si>
    <t>Ally Wali</t>
  </si>
  <si>
    <t>Muddasar Shahzade</t>
  </si>
  <si>
    <t>GGPS PATHAR WALI CHAK NO.167/RB</t>
  </si>
  <si>
    <t>Patherwali</t>
  </si>
  <si>
    <t>patherwali chk no 167rb tehsil shahkot dist nankana sahib</t>
  </si>
  <si>
    <t>Shahida Parvveen</t>
  </si>
  <si>
    <t>GPS GAJJO WAHIN</t>
  </si>
  <si>
    <t>Bsati and mouza gajuwahin</t>
  </si>
  <si>
    <t>GHS GOVERNOR HOUSE LAHORE</t>
  </si>
  <si>
    <t>GOVERNOR House HOUSE</t>
  </si>
  <si>
    <t>GHS GOVERNOR HOUSE LAAORE</t>
  </si>
  <si>
    <t>GOVERNOR HOUSE</t>
  </si>
  <si>
    <t>GOR1</t>
  </si>
  <si>
    <t>Muhammad Yousaf Athar</t>
  </si>
  <si>
    <t>GPS CHAK 15-MR NO. 2</t>
  </si>
  <si>
    <t>chak no.15 MR Multan saddar</t>
  </si>
  <si>
    <t>15MR</t>
  </si>
  <si>
    <t>Umair Latif</t>
  </si>
  <si>
    <t>GGES JOURIAN KHURD</t>
  </si>
  <si>
    <t>Jourian Khurd</t>
  </si>
  <si>
    <t>p/o Jourian kalan vill.Jourian Kurd teh&amp;dist  sialkot</t>
  </si>
  <si>
    <t>40476</t>
  </si>
  <si>
    <t>GGPS KOTLI PIRAN</t>
  </si>
  <si>
    <t>Kotly Pran</t>
  </si>
  <si>
    <t>Kotly piran</t>
  </si>
  <si>
    <t>Kotly Piran</t>
  </si>
  <si>
    <t>SaimaSaeed</t>
  </si>
  <si>
    <t>GGPS VARINA</t>
  </si>
  <si>
    <t>Varina</t>
  </si>
  <si>
    <t>P O Puran Village Varina Tehsil Sara-i-Alamgir district Gujrat</t>
  </si>
  <si>
    <t>Naila Perveen</t>
  </si>
  <si>
    <t>GGES MIDH</t>
  </si>
  <si>
    <t>Midh shahpur</t>
  </si>
  <si>
    <t>GGPS BASTI LUGHARI</t>
  </si>
  <si>
    <t>basti laghari</t>
  </si>
  <si>
    <t>Ghulam Sakeena</t>
  </si>
  <si>
    <t>GGMPS KANIAN WALA</t>
  </si>
  <si>
    <t>Kanianwala</t>
  </si>
  <si>
    <t>Gmps kanianwala p/o dharyala jalip</t>
  </si>
  <si>
    <t>kanianwala</t>
  </si>
  <si>
    <t>chakshadi</t>
  </si>
  <si>
    <t>Nabila Naz</t>
  </si>
  <si>
    <t>16176</t>
  </si>
  <si>
    <t>GES CHAK NO. 19 MR</t>
  </si>
  <si>
    <t>19mr</t>
  </si>
  <si>
    <t>GES 19mr</t>
  </si>
  <si>
    <t>Chak No 18-mr</t>
  </si>
  <si>
    <t>KHALIL-UR-REHMAN</t>
  </si>
  <si>
    <t>GGCMS DATORAY WALA</t>
  </si>
  <si>
    <t>datori wala</t>
  </si>
  <si>
    <t>Datori Wala</t>
  </si>
  <si>
    <t>Nosheen Iqbal</t>
  </si>
  <si>
    <t>GMPS SAMBLE KALAN</t>
  </si>
  <si>
    <t>Sambla Kalan</t>
  </si>
  <si>
    <t>sambla kalan</t>
  </si>
  <si>
    <t>Sambls Kalan</t>
  </si>
  <si>
    <t>GES AHMED PUR</t>
  </si>
  <si>
    <t>village Ahmad pur , p/o Bakho Bhatti, Tehsil Pasrur, District Sialkot</t>
  </si>
  <si>
    <t>Pindi Bagho</t>
  </si>
  <si>
    <t>GGHS CDG RAILWAY COLONY MUGHAL PURA</t>
  </si>
  <si>
    <t>CDG G/H school Railway colony Mughalpura Lahore</t>
  </si>
  <si>
    <t>Old Military Baracks</t>
  </si>
  <si>
    <t>Chotay Mian</t>
  </si>
  <si>
    <t>FARZANA ASLAM</t>
  </si>
  <si>
    <t>GPS JALLH JEEM NO 2</t>
  </si>
  <si>
    <t>muhalla wajar pur jallah jeem</t>
  </si>
  <si>
    <t>17628</t>
  </si>
  <si>
    <t>GGPS CHAK 442 WASEERAN</t>
  </si>
  <si>
    <t>442 Waseeran</t>
  </si>
  <si>
    <t>GGPS chak no.442 waseeran jhang</t>
  </si>
  <si>
    <t>40469</t>
  </si>
  <si>
    <t>GGCMS NAWAN LOKE</t>
  </si>
  <si>
    <t>GGCMS Nawanlok Loke</t>
  </si>
  <si>
    <t>24867</t>
  </si>
  <si>
    <t>GPS 59/D</t>
  </si>
  <si>
    <t>59/D</t>
  </si>
  <si>
    <t>Chak 59/D</t>
  </si>
  <si>
    <t>Heela Watuan</t>
  </si>
  <si>
    <t>Haroon ur rashid</t>
  </si>
  <si>
    <t>17631</t>
  </si>
  <si>
    <t>GES KOTLA MUHAMMAD ZARIF KHAN</t>
  </si>
  <si>
    <t>kotla muhammad zarif khan</t>
  </si>
  <si>
    <t>kotla muhammad  zarif khan</t>
  </si>
  <si>
    <t>ALI  SHER</t>
  </si>
  <si>
    <t>GES BATH KALAN TEH PATTOKI</t>
  </si>
  <si>
    <t>bath kalan</t>
  </si>
  <si>
    <t>bath kalan Tehsil pattoki disst kasur</t>
  </si>
  <si>
    <t>GPS CHAK NO 239 A TDA</t>
  </si>
  <si>
    <t>239A/TDA</t>
  </si>
  <si>
    <t>chak no 239A/tda  P/o 241 tahsil Katie distrc layyah</t>
  </si>
  <si>
    <t>239A/Tda</t>
  </si>
  <si>
    <t>12435</t>
  </si>
  <si>
    <t>24532</t>
  </si>
  <si>
    <t>GMPS SIAN</t>
  </si>
  <si>
    <t>GPS PANDAK</t>
  </si>
  <si>
    <t>PANDAK</t>
  </si>
  <si>
    <t>village pandak p.o nartopa tehsil hazro distt Attock</t>
  </si>
  <si>
    <t>Pandak</t>
  </si>
  <si>
    <t>NISAR AHMED KHAN</t>
  </si>
  <si>
    <t>govt girls school</t>
  </si>
  <si>
    <t>GPS PEER KAMAL</t>
  </si>
  <si>
    <t>Peer kamal</t>
  </si>
  <si>
    <t>Peer kamal Teh. Pindi Bhattain Distc. Hafizabad</t>
  </si>
  <si>
    <t>Matte ki</t>
  </si>
  <si>
    <t>GGHSS Attached Quaid Azam Academy H-9  ISLAMABAD</t>
  </si>
  <si>
    <t>H-9Islamabad</t>
  </si>
  <si>
    <t>Govt Higher Secondary School attached with QAED H-9,ISLAMABAD</t>
  </si>
  <si>
    <t>Katchi Basti</t>
  </si>
  <si>
    <t>I 9 Ibd</t>
  </si>
  <si>
    <t>22723</t>
  </si>
  <si>
    <t>awana</t>
  </si>
  <si>
    <t>Sumera Kunwal</t>
  </si>
  <si>
    <t>GGPS CHHALAY SHARIF</t>
  </si>
  <si>
    <t>Chhalay shrif</t>
  </si>
  <si>
    <t>chhalay shrif</t>
  </si>
  <si>
    <t>Nosheela Tahseen</t>
  </si>
  <si>
    <t>35192</t>
  </si>
  <si>
    <t>Basti kanyal p/o jhok Qalandar Bux tehsil darya khan distt bhakkar</t>
  </si>
  <si>
    <t>Punjgrain nasheeb</t>
  </si>
  <si>
    <t>Sayyid Kamran Hussain</t>
  </si>
  <si>
    <t>GGES CHAK NO. 61 TDA</t>
  </si>
  <si>
    <t>60-61TDA</t>
  </si>
  <si>
    <t>GGES  chak no 60-61 TDA</t>
  </si>
  <si>
    <t>60-61 TDA</t>
  </si>
  <si>
    <t>Mubashra Rubab</t>
  </si>
  <si>
    <t>GPS MUD HAJI HABTAN</t>
  </si>
  <si>
    <t>CHAK SOHRANI</t>
  </si>
  <si>
    <t>GPS MUD HAJI HABTAN BASTI SHAHNAWAZ CHANG</t>
  </si>
  <si>
    <t>CHAK SARANI</t>
  </si>
  <si>
    <t>GPS NAWAN MANEKA KHURD</t>
  </si>
  <si>
    <t>Nawan Maneka Khurd</t>
  </si>
  <si>
    <t>Sajjad Arif</t>
  </si>
  <si>
    <t>39615</t>
  </si>
  <si>
    <t>GPS DHOK BAZGUL</t>
  </si>
  <si>
    <t>Gbps dk bazgul po lakarmar tehsil jand district attock</t>
  </si>
  <si>
    <t>Dhoke Bazgul</t>
  </si>
  <si>
    <t>SAI KHAN</t>
  </si>
  <si>
    <t>GMPS CHAK 173 MURAD</t>
  </si>
  <si>
    <t>chak no.173mr teh ctn disst bahawalnagar</t>
  </si>
  <si>
    <t>GES BAIR WALA</t>
  </si>
  <si>
    <t>Wazir Pura</t>
  </si>
  <si>
    <t>Bair Wala Mouza Wazir Pura</t>
  </si>
  <si>
    <t>Kaporian</t>
  </si>
  <si>
    <t>GPS KHAIRAY WALA</t>
  </si>
  <si>
    <t>Pathi Daya Chokha</t>
  </si>
  <si>
    <t>chah khairay wala post office sinawan tehsil kot addu district m.garh</t>
  </si>
  <si>
    <t>GPS JABBI (JHAMAT)</t>
  </si>
  <si>
    <t>village jabbi teh jand distt attock</t>
  </si>
  <si>
    <t>GPS CHAK 534 GB II</t>
  </si>
  <si>
    <t>Kukar wali</t>
  </si>
  <si>
    <t>GPS 534 GB II</t>
  </si>
  <si>
    <t>648 Gb</t>
  </si>
  <si>
    <t>52356</t>
  </si>
  <si>
    <t>GGES RATTA KHANA</t>
  </si>
  <si>
    <t>Ratta Khanna</t>
  </si>
  <si>
    <t>govt girls elementary school ratta khanna</t>
  </si>
  <si>
    <t>Nusrat Farooq</t>
  </si>
  <si>
    <t>GMPS CHAH GACHAH</t>
  </si>
  <si>
    <t>kalwal</t>
  </si>
  <si>
    <t>Post office kalwal</t>
  </si>
  <si>
    <t>GPS TOREWALI</t>
  </si>
  <si>
    <t>torewali</t>
  </si>
  <si>
    <t>Dhaknir</t>
  </si>
  <si>
    <t>24385</t>
  </si>
  <si>
    <t>GPS CM PURAB KLAIR</t>
  </si>
  <si>
    <t>purab klair</t>
  </si>
  <si>
    <t>village and P/O purab klair, Tehsil pasrur, district sialkot.</t>
  </si>
  <si>
    <t>GES CHAK NO.261/EB</t>
  </si>
  <si>
    <t>Chak No. 261/EB Burewala</t>
  </si>
  <si>
    <t>24652</t>
  </si>
  <si>
    <t>Kalowali</t>
  </si>
  <si>
    <t>Village kalowali</t>
  </si>
  <si>
    <t>Robina Khushi</t>
  </si>
  <si>
    <t>ggps ashraf abad chah gul wala moza Lashari Tehsil 18Hazari District Jhang</t>
  </si>
  <si>
    <t>Parveen Zahra</t>
  </si>
  <si>
    <t>GGES CHAK 339 GB I KALAN</t>
  </si>
  <si>
    <t>339GB</t>
  </si>
  <si>
    <t>339 G.B toba tek singh</t>
  </si>
  <si>
    <t>Mehnaz Anwaar</t>
  </si>
  <si>
    <t>GGES ADRANA</t>
  </si>
  <si>
    <t>vpo adrana teh sohawa distt jhelum</t>
  </si>
  <si>
    <t>49539</t>
  </si>
  <si>
    <t>GGES GUJRANWALA SHAHPUR</t>
  </si>
  <si>
    <t>Government GIrls elementary school GUJRANWALA</t>
  </si>
  <si>
    <t>GPS THATTI NOOR AHMED SHAH</t>
  </si>
  <si>
    <t>Thatti Noor Ahmed Shah</t>
  </si>
  <si>
    <t>Village Thatti Noor Ahmed Shah Teh. Pindi Gheb District Attock</t>
  </si>
  <si>
    <t>GGCMS CHAK NO. 84 SHAHKOT</t>
  </si>
  <si>
    <t>Chak 88</t>
  </si>
  <si>
    <t>GGCMS Ck 84 Shahkot</t>
  </si>
  <si>
    <t>shamaila younis</t>
  </si>
  <si>
    <t>GMPS DHOK HUMA KHAIL</t>
  </si>
  <si>
    <t>74nb</t>
  </si>
  <si>
    <t>67 NB</t>
  </si>
  <si>
    <t>Um-e-kaloom</t>
  </si>
  <si>
    <t>GGES SHAHKOT NO. 2</t>
  </si>
  <si>
    <t>GGES SHAHKOT NO 2</t>
  </si>
  <si>
    <t>Abida sanam</t>
  </si>
  <si>
    <t>GGPS 183/P</t>
  </si>
  <si>
    <t>183/P</t>
  </si>
  <si>
    <t>chak 183/p</t>
  </si>
  <si>
    <t>Khalida ishaq</t>
  </si>
  <si>
    <t>GGPS NAWAN SHER SHUJABAD DISTT. MULTAN</t>
  </si>
  <si>
    <t>Gardaz pur</t>
  </si>
  <si>
    <t>GPS DHALKE KALAN</t>
  </si>
  <si>
    <t>Dhalkay kalan</t>
  </si>
  <si>
    <t>city hafizabad</t>
  </si>
  <si>
    <t>Mudahra Kalan</t>
  </si>
  <si>
    <t>Muhammad Haris Naeem</t>
  </si>
  <si>
    <t>GGES KANWAN WALI CHAK 166/RB</t>
  </si>
  <si>
    <t>kanwanwali</t>
  </si>
  <si>
    <t>Kanwanwai</t>
  </si>
  <si>
    <t>GGMPS SULTANPUR AFGHANAN</t>
  </si>
  <si>
    <t>Sultan Pur afganan</t>
  </si>
  <si>
    <t>GMPSSUlLTANPUR AFGHANAN TEH SHAKARGARH NAROWAL</t>
  </si>
  <si>
    <t>Sultanpur afghanan</t>
  </si>
  <si>
    <t>Iangah</t>
  </si>
  <si>
    <t>GMPS BIJARIAN WALA</t>
  </si>
  <si>
    <t>po box shadia mianwali</t>
  </si>
  <si>
    <t>I shrat Bilqees Sher Mohammad</t>
  </si>
  <si>
    <t>GPS RAKA GHUMAN</t>
  </si>
  <si>
    <t>Raka Ghumman</t>
  </si>
  <si>
    <t>Raka  Ghummam Teshil Pattoki District Kasur</t>
  </si>
  <si>
    <t>Rakhwala</t>
  </si>
  <si>
    <t>Muhammad Zulifqar Ali</t>
  </si>
  <si>
    <t>GGPS DHAMALA</t>
  </si>
  <si>
    <t>DHAMALA</t>
  </si>
  <si>
    <t>GGPS DHAMALA TEH PASRUR DISTT SIALKOT</t>
  </si>
  <si>
    <t>Qamar Farooq</t>
  </si>
  <si>
    <t>GGPS FATEH ABAD</t>
  </si>
  <si>
    <t>bait uttra ghazi ghat distt m garh tehsil kot adu</t>
  </si>
  <si>
    <t>Nasreen Qasim</t>
  </si>
  <si>
    <t>GGES JADA CHANDIA</t>
  </si>
  <si>
    <t>Jada chandia</t>
  </si>
  <si>
    <t>GGES Jada chandia post office basira</t>
  </si>
  <si>
    <t>New Shah Wala</t>
  </si>
  <si>
    <t>44899</t>
  </si>
  <si>
    <t>GGES SHAHEEDAN</t>
  </si>
  <si>
    <t>PO and Village Shaheedan Shumali Kallurkot Bhakkar</t>
  </si>
  <si>
    <t>Ali Kheil</t>
  </si>
  <si>
    <t>Amna Zulfiqar</t>
  </si>
  <si>
    <t>GGES THEKERIAN KALAN</t>
  </si>
  <si>
    <t>Thekrian Kalan</t>
  </si>
  <si>
    <t>village thikrian kalan tehsil shakargarh district narowal</t>
  </si>
  <si>
    <t>39717</t>
  </si>
  <si>
    <t>GGES DHOK SARFARAZ</t>
  </si>
  <si>
    <t>VPO DHOKE SARFARAZ JAND ATTOCK</t>
  </si>
  <si>
    <t>DHOKE SARFARAZ</t>
  </si>
  <si>
    <t>38110</t>
  </si>
  <si>
    <t>Pagalwarri</t>
  </si>
  <si>
    <t>Basti yousaf wala Mouza Pugalwari dak khana qureshi wala district &amp; teh. Lodhran</t>
  </si>
  <si>
    <t>Safeera Abida</t>
  </si>
  <si>
    <t>GPS DERA WALI MUHAMMAD</t>
  </si>
  <si>
    <t>Dera Wali Muhammad</t>
  </si>
  <si>
    <t>p/o Pindi rawan Distt M B din</t>
  </si>
  <si>
    <t>GGPS CHAK NO. 273/TDA</t>
  </si>
  <si>
    <t>chak no 119/tda tehsil and distict layyah</t>
  </si>
  <si>
    <t>Chak No 273/tda</t>
  </si>
  <si>
    <t>Shakila Akhter</t>
  </si>
  <si>
    <t>GGPS QILA SHER SING</t>
  </si>
  <si>
    <t>Qila Sher Singh</t>
  </si>
  <si>
    <t>Gg ps qila sher singh manga</t>
  </si>
  <si>
    <t>Qila Ser Singh</t>
  </si>
  <si>
    <t>Iffat Tabinda Joya</t>
  </si>
  <si>
    <t>GGPS MADDAN</t>
  </si>
  <si>
    <t>Maddan</t>
  </si>
  <si>
    <t>GGPS MADDAN,P.O JAJIAL,TEH.SOHAWA,DIS.JHELUM</t>
  </si>
  <si>
    <t>11806</t>
  </si>
  <si>
    <t>GGPS DHENGANAY WALA</t>
  </si>
  <si>
    <t>basti dhengany wala p/o peer barkhurdar disst m ghat tehsil kot adu</t>
  </si>
  <si>
    <t>Dhengany Wala</t>
  </si>
  <si>
    <t>Fozia Batool</t>
  </si>
  <si>
    <t>GGPS RATAN PUR</t>
  </si>
  <si>
    <t>RATAN PUR</t>
  </si>
  <si>
    <t>RATAN PUR, P/ O. KOTNAINA, TEH. SHAKARGARH, DISTT. NAROWAL</t>
  </si>
  <si>
    <t>GGPS BAGGA SHIKHAN NO 1</t>
  </si>
  <si>
    <t>bagga sheikhan</t>
  </si>
  <si>
    <t>Farhana Altaf</t>
  </si>
  <si>
    <t>GGPS 66 KV GRID CHAK NO.50 NB</t>
  </si>
  <si>
    <t>G G P/ S 66 KV CHAK 50 nb wapdha Colony Sargodha</t>
  </si>
  <si>
    <t>50N B</t>
  </si>
  <si>
    <t>GPS DHOK HAFZAAL</t>
  </si>
  <si>
    <t>GPS  DHOK HAFZAL DHERMOND TEH TALAGANG DIST CHAKWAL</t>
  </si>
  <si>
    <t>Muhammad riaz</t>
  </si>
  <si>
    <t>GPS ALLAH BAKHSH KHAN WALA</t>
  </si>
  <si>
    <t>moza pati daya chokha</t>
  </si>
  <si>
    <t>GGES JAJIAL</t>
  </si>
  <si>
    <t>GGES Jajial</t>
  </si>
  <si>
    <t>GGPS KOHALA SYEDAN</t>
  </si>
  <si>
    <t>Kohala Syedan new abadi</t>
  </si>
  <si>
    <t>Kohala Syedan</t>
  </si>
  <si>
    <t>Yasmin Akthar</t>
  </si>
  <si>
    <t>GGCMS RATTIAN ARAIYAN CHAK 5/RB</t>
  </si>
  <si>
    <t>Rattian Arraiyan</t>
  </si>
  <si>
    <t>rattian arraiyan chak#5teh sangla hill dist.nankana sahib</t>
  </si>
  <si>
    <t>GGPS MORLI</t>
  </si>
  <si>
    <t>morli Skg narowal</t>
  </si>
  <si>
    <t>GPS SORI MANKI</t>
  </si>
  <si>
    <t>Sori Manki</t>
  </si>
  <si>
    <t>p,/o barthi distt.DG khsn</t>
  </si>
  <si>
    <t>Theaker</t>
  </si>
  <si>
    <t>Saadet Faiz</t>
  </si>
  <si>
    <t>GGPS PARRERY WALI</t>
  </si>
  <si>
    <t>dhoke parray wali</t>
  </si>
  <si>
    <t>Dhoke Parray Wali</t>
  </si>
  <si>
    <t>Raheela Yasmeen</t>
  </si>
  <si>
    <t>Badh  Rajbana</t>
  </si>
  <si>
    <t>Government Girls primary school Dhoor kot</t>
  </si>
  <si>
    <t>daya choka gharbi</t>
  </si>
  <si>
    <t>Basti Sarang wala, mouza daya chokha gharbi. Tehsil Kot Adu</t>
  </si>
  <si>
    <t>sarang wala</t>
  </si>
  <si>
    <t>28601</t>
  </si>
  <si>
    <t>GGPS RANDIALI</t>
  </si>
  <si>
    <t>Randialy</t>
  </si>
  <si>
    <t>GGPS Randialy</t>
  </si>
  <si>
    <t>Randiali</t>
  </si>
  <si>
    <t>GGPS NIA MIANA PURA</t>
  </si>
  <si>
    <t>Mianapura</t>
  </si>
  <si>
    <t>Govt Girls primary school Nia Miana pura  roras road Sialkot</t>
  </si>
  <si>
    <t>Mubashra Sultana</t>
  </si>
  <si>
    <t>GGPS EASAN KHAIL</t>
  </si>
  <si>
    <t>Peelowains tehsil noor pur thal khushab</t>
  </si>
  <si>
    <t>Umme kalsoom</t>
  </si>
  <si>
    <t>40467</t>
  </si>
  <si>
    <t>GGMPS DIWAN PUR</t>
  </si>
  <si>
    <t>Dewan pur Teh pind Dadan Khan</t>
  </si>
  <si>
    <t>37458</t>
  </si>
  <si>
    <t>GES HUSSAIN PUR AARI WALA, TULAMBA</t>
  </si>
  <si>
    <t>Hussain Pur Aariwala</t>
  </si>
  <si>
    <t>hussain pur ariwala markaz tulamba</t>
  </si>
  <si>
    <t>9B/8r</t>
  </si>
  <si>
    <t>51745</t>
  </si>
  <si>
    <t>GGPS CHAK NO. 60/D</t>
  </si>
  <si>
    <t>60d</t>
  </si>
  <si>
    <t>Hella Watoowa</t>
  </si>
  <si>
    <t>GGPS MITHA KHOH</t>
  </si>
  <si>
    <t>Mitha Khoo</t>
  </si>
  <si>
    <t>mitha kho</t>
  </si>
  <si>
    <t>Mitha Kho</t>
  </si>
  <si>
    <t>Rashida  Tanveer</t>
  </si>
  <si>
    <t>50431</t>
  </si>
  <si>
    <t>GGES CHAK 88 SHAHKOT</t>
  </si>
  <si>
    <t>ward no 5</t>
  </si>
  <si>
    <t>Municipal Comity</t>
  </si>
  <si>
    <t>SONODIA ASHRAF</t>
  </si>
  <si>
    <t>GGPS CHAK 94/P</t>
  </si>
  <si>
    <t>A bass Nager</t>
  </si>
  <si>
    <t>GGPS 94P Rahim Yar Khan</t>
  </si>
  <si>
    <t>94p</t>
  </si>
  <si>
    <t>Nafeesa Ashraf</t>
  </si>
  <si>
    <t>GPS SHAHBAZIAN WALA</t>
  </si>
  <si>
    <t>Hassan Pur Tiw Tiwana</t>
  </si>
  <si>
    <t>vpo hassan pur tiwana hamoka khushab</t>
  </si>
  <si>
    <t>ALI AKHTAR</t>
  </si>
  <si>
    <t>GGPS GOMMTI</t>
  </si>
  <si>
    <t>Gummti</t>
  </si>
  <si>
    <t>Sikryali</t>
  </si>
  <si>
    <t>Iram Batool</t>
  </si>
  <si>
    <t>23534</t>
  </si>
  <si>
    <t>GMPS MEH KALAN</t>
  </si>
  <si>
    <t>village mahay kalan ,p/O sarai Alamgir,tehsil sarai alamgir,distt gujrat.</t>
  </si>
  <si>
    <t>Mahay Kalan</t>
  </si>
  <si>
    <t>GMPS CHANBAL</t>
  </si>
  <si>
    <t>Chanbal</t>
  </si>
  <si>
    <t>chanbal pail</t>
  </si>
  <si>
    <t>GGES DHARO WALI NO. 33/RB</t>
  </si>
  <si>
    <t>Dharowli</t>
  </si>
  <si>
    <t>dharowali chak no 33 teh shahkot distt nankana sahib</t>
  </si>
  <si>
    <t>Dharowali Chak No 33</t>
  </si>
  <si>
    <t>Nazam Pura Chak 80</t>
  </si>
  <si>
    <t>Nazia Allah Ditta</t>
  </si>
  <si>
    <t>37705</t>
  </si>
  <si>
    <t>GPS NOORANG ABAD 1/8-R, TULAMBA</t>
  </si>
  <si>
    <t>Chak No1/8R</t>
  </si>
  <si>
    <t>Noorang abad chak no 1/8.R</t>
  </si>
  <si>
    <t>Noorang Abad</t>
  </si>
  <si>
    <t>Chak no 20/8BR</t>
  </si>
  <si>
    <t>Akmal Rashid</t>
  </si>
  <si>
    <t>51747</t>
  </si>
  <si>
    <t>GGPS CHAK NO. 62/D</t>
  </si>
  <si>
    <t>62d</t>
  </si>
  <si>
    <t>Shahen Roniq</t>
  </si>
  <si>
    <t>GMES CHAK 741 GB</t>
  </si>
  <si>
    <t>741gb</t>
  </si>
  <si>
    <t>chak nmbr 741 g b</t>
  </si>
  <si>
    <t>Kot  Pathana</t>
  </si>
  <si>
    <t>GGPS MUBARA</t>
  </si>
  <si>
    <t>mubara</t>
  </si>
  <si>
    <t>Udoki</t>
  </si>
  <si>
    <t>ggps noora shareef</t>
  </si>
  <si>
    <t>Zuha Ahsan</t>
  </si>
  <si>
    <t>ggps khanwala basti kotwal muzaffargarh</t>
  </si>
  <si>
    <t>Kotwal Wala</t>
  </si>
  <si>
    <t>Shaista Mushtaq</t>
  </si>
  <si>
    <t>GMPS RAJA HARPAL</t>
  </si>
  <si>
    <t>Raja Harpal</t>
  </si>
  <si>
    <t>Vill. P/O Raja harpal tehsil and Disttrict Sialkot</t>
  </si>
  <si>
    <t>ZAREENA AKHTER</t>
  </si>
  <si>
    <t>GGES IRRIGATION WORKSHOP COLONY BHALWAL</t>
  </si>
  <si>
    <t>Irrigation Workshop Colony Bhalwal</t>
  </si>
  <si>
    <t>g,g elementary model school  irrigation Workshop Colony Bhalwal</t>
  </si>
  <si>
    <t>GMPS CHAK NO 238/9-R</t>
  </si>
  <si>
    <t>238/9r</t>
  </si>
  <si>
    <t>Musrrat Bagum</t>
  </si>
  <si>
    <t>GMPS THATHA QURESHI</t>
  </si>
  <si>
    <t>Balarky</t>
  </si>
  <si>
    <t>gmps thatha qureshi</t>
  </si>
  <si>
    <t>38854</t>
  </si>
  <si>
    <t>GGPS APWA</t>
  </si>
  <si>
    <t>GGPS APWA ATTOCK</t>
  </si>
  <si>
    <t>Nusrat Taj</t>
  </si>
  <si>
    <t>GGPS SAIDU KHEL</t>
  </si>
  <si>
    <t>Urban Kamar Mushani</t>
  </si>
  <si>
    <t>mohala lohan khel wandha agr khel kammar mushani</t>
  </si>
  <si>
    <t>Kacha Kammar Mushani</t>
  </si>
  <si>
    <t>39616</t>
  </si>
  <si>
    <t>GES GIRDI</t>
  </si>
  <si>
    <t>girdi,jand,attock</t>
  </si>
  <si>
    <t>GES CHAK NO. 379/WB P.O. CHAK NO. 379/WB</t>
  </si>
  <si>
    <t>Chak No 379/Wb</t>
  </si>
  <si>
    <t>Chak no 377/wb</t>
  </si>
  <si>
    <t>Chak No 384/Wb</t>
  </si>
  <si>
    <t>GGCMS WAGHARY</t>
  </si>
  <si>
    <t>govt girls community model school wahgray</t>
  </si>
  <si>
    <t>Fozia Nazeer</t>
  </si>
  <si>
    <t>GGES 103-4/7-R</t>
  </si>
  <si>
    <t>chak no103-4/7R</t>
  </si>
  <si>
    <t>chak No 103-4/7R</t>
  </si>
  <si>
    <t>Chak No103-4/7R</t>
  </si>
  <si>
    <t>Sumbal Aziz</t>
  </si>
  <si>
    <t>24024</t>
  </si>
  <si>
    <t>GPS KOTLI MIRZA DAD BAIG</t>
  </si>
  <si>
    <t>Kotli Mirza Dad Baig</t>
  </si>
  <si>
    <t>mirza dad baig P/O jamke cheema Teh. Daska dist. sialkot</t>
  </si>
  <si>
    <t>GPS CHAK NO. 8/FW JATTAN WALA</t>
  </si>
  <si>
    <t>CHAK 8/fw</t>
  </si>
  <si>
    <t>8/fw Jattan wala</t>
  </si>
  <si>
    <t>CHAK 8/fw Jattan Wala</t>
  </si>
  <si>
    <t>9/fw</t>
  </si>
  <si>
    <t>Habib Khan</t>
  </si>
  <si>
    <t>GGES KARTAR PURA CHAK NO. 177/RB</t>
  </si>
  <si>
    <t>Kartarpur 177</t>
  </si>
  <si>
    <t>Ram Gharh Nodha</t>
  </si>
  <si>
    <t>Saima Rafeeq</t>
  </si>
  <si>
    <t>filtered water from plant</t>
  </si>
  <si>
    <t>GGPS WAKEEL WALA</t>
  </si>
  <si>
    <t>wakeel wala</t>
  </si>
  <si>
    <t>chak # 574 GB wakeelwala NNS</t>
  </si>
  <si>
    <t>dhere da wara</t>
  </si>
  <si>
    <t>Mahnaz Zaidi</t>
  </si>
  <si>
    <t>GPS CHAK NO. 38 TDA</t>
  </si>
  <si>
    <t>Jakhar Daggar Sharqi</t>
  </si>
  <si>
    <t>Chak No. 38 TDA</t>
  </si>
  <si>
    <t>Chak No 38 TDA</t>
  </si>
  <si>
    <t>19841</t>
  </si>
  <si>
    <t>GMES THATHA FATEH ALI</t>
  </si>
  <si>
    <t>thata fateh Ali</t>
  </si>
  <si>
    <t>Thata Fateh Ali</t>
  </si>
  <si>
    <t>GMPS CHAK NO.14 SB LOKRI</t>
  </si>
  <si>
    <t>chak 14 sb</t>
  </si>
  <si>
    <t>chak 14 sb lokri p.o. chak 13 sb tehsil bhalwal district sargodha</t>
  </si>
  <si>
    <t>chak 14 sb lokri</t>
  </si>
  <si>
    <t>chak 15 sb</t>
  </si>
  <si>
    <t>Aasia Allah Ditta</t>
  </si>
  <si>
    <t>16422</t>
  </si>
  <si>
    <t>GES CHAK JHUMRA</t>
  </si>
  <si>
    <t>Railway Road Chak Jhumra, District Faisalabad.</t>
  </si>
  <si>
    <t>Muhammad Irfan Iqbal</t>
  </si>
  <si>
    <t>GPS BALOCHAN WALI, P/O 141/10-R, JAHANIAN</t>
  </si>
  <si>
    <t>Zor kot</t>
  </si>
  <si>
    <t>Blouchanwali</t>
  </si>
  <si>
    <t>Muhammad Younas Soh</t>
  </si>
  <si>
    <t>GES 265 RB NAGKALAN</t>
  </si>
  <si>
    <t>265RB</t>
  </si>
  <si>
    <t>chak no 265RB Faisalabad</t>
  </si>
  <si>
    <t>267RB</t>
  </si>
  <si>
    <t>Muhammad Musaab Javaid</t>
  </si>
  <si>
    <t>GGPS MANZOOR ABAD KAMAR MUSHANI</t>
  </si>
  <si>
    <t>Kacha Kmar Mushani</t>
  </si>
  <si>
    <t>street purana bazar mohalla lal bag khel kacha kmar mushani</t>
  </si>
  <si>
    <t>Kmar Mushani</t>
  </si>
  <si>
    <t>Ruqia Shereen</t>
  </si>
  <si>
    <t>GMPS DHUP SARRI TEH BHERA DIST SARGODHA</t>
  </si>
  <si>
    <t>KALYANPUR</t>
  </si>
  <si>
    <t>48221</t>
  </si>
  <si>
    <t>GMPS CHAK NO.14 SB PATHAN WALA</t>
  </si>
  <si>
    <t>chak 14 sb pathan wala</t>
  </si>
  <si>
    <t>chak no 14 sb pathan wala</t>
  </si>
  <si>
    <t>rida iftikhar</t>
  </si>
  <si>
    <t>GGPS KALAL WALA</t>
  </si>
  <si>
    <t>Kalal Wala</t>
  </si>
  <si>
    <t>kalal wala</t>
  </si>
  <si>
    <t>GGPS KOT NIJABAT KHAN</t>
  </si>
  <si>
    <t>GGPS kotnijabat</t>
  </si>
  <si>
    <t>Rasul Pur Chak No 82</t>
  </si>
  <si>
    <t>GhazalaJamil</t>
  </si>
  <si>
    <t>GGES KOT MOHAMMAD YAR</t>
  </si>
  <si>
    <t>GGE School Kot Muhammad Yar</t>
  </si>
  <si>
    <t>Sajida Sultan</t>
  </si>
  <si>
    <t>31477</t>
  </si>
  <si>
    <t>GGPS SHAMKEY</t>
  </si>
  <si>
    <t>Shamkey Ferozwala</t>
  </si>
  <si>
    <t>Safia khanum</t>
  </si>
  <si>
    <t>19467</t>
  </si>
  <si>
    <t>GPS CHAK 336 GB NIA SARABA</t>
  </si>
  <si>
    <t>Chak No 336 GB Nia saraba T T Singh</t>
  </si>
  <si>
    <t>Chak No 517 Gb</t>
  </si>
  <si>
    <t>Syed AbdulRehman</t>
  </si>
  <si>
    <t>GGES MOHLANWAL KALAN</t>
  </si>
  <si>
    <t>GGES MOHLANWAL kalan</t>
  </si>
  <si>
    <t>MOHLANWAL Kalan</t>
  </si>
  <si>
    <t>33342</t>
  </si>
  <si>
    <t>GGPS AMAR KOT</t>
  </si>
  <si>
    <t>Amar Kot</t>
  </si>
  <si>
    <t>ggps amar kot khanqha dogran</t>
  </si>
  <si>
    <t>Rati Tibbi</t>
  </si>
  <si>
    <t>Najma Fardous</t>
  </si>
  <si>
    <t>GGCMES CHAK 338 GB</t>
  </si>
  <si>
    <t>GGCMES 338GB</t>
  </si>
  <si>
    <t>338GB</t>
  </si>
  <si>
    <t>Fareeha Arshad</t>
  </si>
  <si>
    <t>GPS DOGRAI KALAN</t>
  </si>
  <si>
    <t>Villege</t>
  </si>
  <si>
    <t>dograi kalan batapur jallo mor lahore</t>
  </si>
  <si>
    <t>Bunyaz Ahmed</t>
  </si>
  <si>
    <t>GPS NOOR PUR PO TAMMAN</t>
  </si>
  <si>
    <t>GPS Noorpur Markaz Tamman  Teh Talagang Dist Chakwal</t>
  </si>
  <si>
    <t>Muhammad SAEED</t>
  </si>
  <si>
    <t>GPS LABH SINGH EAST</t>
  </si>
  <si>
    <t>Khrajpura</t>
  </si>
  <si>
    <t>Chak Labh Singh East tehsil and distt Bahawal Nagar</t>
  </si>
  <si>
    <t>Labh Singh East</t>
  </si>
  <si>
    <t>Mohammad Asif Javed</t>
  </si>
  <si>
    <t>GPS CHAK NO 35 TDA</t>
  </si>
  <si>
    <t>35 TDA</t>
  </si>
  <si>
    <t>chak no.35 TDA</t>
  </si>
  <si>
    <t>29686</t>
  </si>
  <si>
    <t>GGES HANJAR WAL CHAK NO. 31</t>
  </si>
  <si>
    <t>GGES Hanjerwal Chak no 31</t>
  </si>
  <si>
    <t>Hanjerwal Chak No 31</t>
  </si>
  <si>
    <t>Phulyani</t>
  </si>
  <si>
    <t>Surriya kalsoom</t>
  </si>
  <si>
    <t>GGES 155/3-L</t>
  </si>
  <si>
    <t>chak 155</t>
  </si>
  <si>
    <t>Anila Mehnaz</t>
  </si>
  <si>
    <t>GGPS MAI DA FARM</t>
  </si>
  <si>
    <t>chah bhatal wala</t>
  </si>
  <si>
    <t>38932</t>
  </si>
  <si>
    <t>GPS SOJHANDA</t>
  </si>
  <si>
    <t>villege sojhanda Attock</t>
  </si>
  <si>
    <t>Khalil Khan</t>
  </si>
  <si>
    <t>30978</t>
  </si>
  <si>
    <t>GGPS BERIDGH SARGANA, P/O CHAH MALKEY WALA, SARAI SIDHU</t>
  </si>
  <si>
    <t>Brajh Srgana</t>
  </si>
  <si>
    <t>GGPS bradgh sargana, p/o chah malkey wala, Sarai sidhu</t>
  </si>
  <si>
    <t>Chah Malky Wala</t>
  </si>
  <si>
    <t>Zahora Begum</t>
  </si>
  <si>
    <t>GGPS BASTI RISALA</t>
  </si>
  <si>
    <t>Khanwa Ghulwa</t>
  </si>
  <si>
    <t>basti risala</t>
  </si>
  <si>
    <t>Mumo Wala</t>
  </si>
  <si>
    <t>GES MACHIANA</t>
  </si>
  <si>
    <t>Machiana village</t>
  </si>
  <si>
    <t>GPS MC JADEED NO. 7</t>
  </si>
  <si>
    <t>mohalah usmanabad</t>
  </si>
  <si>
    <t>44656</t>
  </si>
  <si>
    <t>GMPS CHAK NO.69/TDA</t>
  </si>
  <si>
    <t>69tda</t>
  </si>
  <si>
    <t>Chak No 69tda</t>
  </si>
  <si>
    <t>Iffat tahira</t>
  </si>
  <si>
    <t>GGPS TIBBI ARAIN</t>
  </si>
  <si>
    <t>Tibi Arain</t>
  </si>
  <si>
    <t>ggps tibi arain</t>
  </si>
  <si>
    <t>GES SURAJ GUNJ</t>
  </si>
  <si>
    <t>suraj gunj p/o dunga bunga</t>
  </si>
  <si>
    <t>M Islam</t>
  </si>
  <si>
    <t>GGPS BASTI JARAHI</t>
  </si>
  <si>
    <t>govet girls primary school basti jarahi</t>
  </si>
  <si>
    <t>Basti Jarahi</t>
  </si>
  <si>
    <t>Samina Tahira</t>
  </si>
  <si>
    <t>GGES CHAK 329 GB</t>
  </si>
  <si>
    <t>Chak No 329gb</t>
  </si>
  <si>
    <t>chak no 329gb</t>
  </si>
  <si>
    <t>Chak No 327gb</t>
  </si>
  <si>
    <t>GGPS 161/P</t>
  </si>
  <si>
    <t>161p</t>
  </si>
  <si>
    <t>chak no 161p manthar road</t>
  </si>
  <si>
    <t>9299</t>
  </si>
  <si>
    <t>GGPS JARH LEGHARI</t>
  </si>
  <si>
    <t>basti jarh leghari</t>
  </si>
  <si>
    <t>14027</t>
  </si>
  <si>
    <t>GPS KOTLA KABEER</t>
  </si>
  <si>
    <t>KOTLA KABIR</t>
  </si>
  <si>
    <t>MOZA KOTLA KABIR, BASTI ATTA MUHAMMAD LAKHA</t>
  </si>
  <si>
    <t>BASTI ATTA MUHAMMAD LAKHA</t>
  </si>
  <si>
    <t>KOTLA KHAN Muhammad MUHAMMAD</t>
  </si>
  <si>
    <t>Shams ul Haq</t>
  </si>
  <si>
    <t>GGPS ESSA LANGAH</t>
  </si>
  <si>
    <t>Essalangah</t>
  </si>
  <si>
    <t>essay langah P.O kanjroor tehsil shakar Garh district narowal</t>
  </si>
  <si>
    <t>EssaLangah</t>
  </si>
  <si>
    <t>GGPS CHACHER WALI</t>
  </si>
  <si>
    <t>Checharwali</t>
  </si>
  <si>
    <t>checharwali</t>
  </si>
  <si>
    <t>GGPS CHAK MANIK</t>
  </si>
  <si>
    <t>GGPS CHAK MANIK p/o Kanjroor teh shakargarh narowal</t>
  </si>
  <si>
    <t>Chak Manik</t>
  </si>
  <si>
    <t>Shamila Maqbool</t>
  </si>
  <si>
    <t>24588</t>
  </si>
  <si>
    <t>GGES CM GOGIAL</t>
  </si>
  <si>
    <t>gogial</t>
  </si>
  <si>
    <t>Iffat Rana</t>
  </si>
  <si>
    <t>Patti Sultan Mehmod</t>
  </si>
  <si>
    <t>Chah sharey wala patti sultan mehmood</t>
  </si>
  <si>
    <t>Chah Sharey Wala</t>
  </si>
  <si>
    <t>Muhammad javed</t>
  </si>
  <si>
    <t>12593</t>
  </si>
  <si>
    <t>Basti moza Gudpur sial</t>
  </si>
  <si>
    <t>25060</t>
  </si>
  <si>
    <t>GMPS MALOWAL</t>
  </si>
  <si>
    <t>malowal sialkot</t>
  </si>
  <si>
    <t>35674</t>
  </si>
  <si>
    <t>GPS ZAREEN P/O JALLAH JEEM</t>
  </si>
  <si>
    <t>Zareen</t>
  </si>
  <si>
    <t>Imtiaz Noreen</t>
  </si>
  <si>
    <t>GGPS 151/2-L</t>
  </si>
  <si>
    <t>Chak No 151/2L</t>
  </si>
  <si>
    <t>GG primary school 151/2L</t>
  </si>
  <si>
    <t>Rehana Shahnaz</t>
  </si>
  <si>
    <t>GGPS SHER WALA</t>
  </si>
  <si>
    <t>GGPS SHER WALA JAMPUR</t>
  </si>
  <si>
    <t>GES NO. 1 JAND</t>
  </si>
  <si>
    <t>mohallah paracha jand</t>
  </si>
  <si>
    <t>GPS KALU PIND</t>
  </si>
  <si>
    <t>Kalu Pind</t>
  </si>
  <si>
    <t>post office sabaz pir village kalu Pind</t>
  </si>
  <si>
    <t>Sultanpur Pur</t>
  </si>
  <si>
    <t>GPS 41/M</t>
  </si>
  <si>
    <t>Chak No 41/m</t>
  </si>
  <si>
    <t>Chak no. 41/m tehsil dunyapur district lodhran.</t>
  </si>
  <si>
    <t>Siraj Wala 37/m</t>
  </si>
  <si>
    <t>11449</t>
  </si>
  <si>
    <t>ALI WALI</t>
  </si>
  <si>
    <t>GGPS BAHARY WALI</t>
  </si>
  <si>
    <t>NAWAN MANKI</t>
  </si>
  <si>
    <t>Farah Naheed</t>
  </si>
  <si>
    <t>GPS CHAK NO 98 TDA</t>
  </si>
  <si>
    <t>chak 98 tda</t>
  </si>
  <si>
    <t>Chak 98 Tda</t>
  </si>
  <si>
    <t>23851</t>
  </si>
  <si>
    <t>GGPS CHAK GILLAN SHARQI</t>
  </si>
  <si>
    <t>Chak Gilan Sharqi</t>
  </si>
  <si>
    <t>chak gillan sharqi p.o box glotian kalan</t>
  </si>
  <si>
    <t>Chak Gillan Sharqi</t>
  </si>
  <si>
    <t>glotian Kalan</t>
  </si>
  <si>
    <t>GGES MALIK ARAIN WALA</t>
  </si>
  <si>
    <t>Pirhar Shrqi</t>
  </si>
  <si>
    <t>GGES malik araen wala. near superior group of colleges kot adu.</t>
  </si>
  <si>
    <t>chah mjtho wala</t>
  </si>
  <si>
    <t>MC KotAddu</t>
  </si>
  <si>
    <t>Saeeda Khatoon</t>
  </si>
  <si>
    <t>GPS GAWARA</t>
  </si>
  <si>
    <t>GAWARA</t>
  </si>
  <si>
    <t>GAWARA post office sultan pur Hassan Abdal attock</t>
  </si>
  <si>
    <t>SHAZIA MUGHAL</t>
  </si>
  <si>
    <t>GGES CHAK NO 314 TDA</t>
  </si>
  <si>
    <t>Kanal Nashaib</t>
  </si>
  <si>
    <t>chak NO 314/TDA TEHSIL CHOUBARA DISTRICT LAYYAH</t>
  </si>
  <si>
    <t>chak NO 314/TDA</t>
  </si>
  <si>
    <t>OLAK THAL KALAN</t>
  </si>
  <si>
    <t>kulsoom kousar</t>
  </si>
  <si>
    <t>44086</t>
  </si>
  <si>
    <t>GGES WAULAH</t>
  </si>
  <si>
    <t>P/o waulah choha saidan shah</t>
  </si>
  <si>
    <t>Mamooma Ashraf</t>
  </si>
  <si>
    <t>GPS 112/10-R, JAHANIAN</t>
  </si>
  <si>
    <t>112/10r</t>
  </si>
  <si>
    <t>chak#112/10r</t>
  </si>
  <si>
    <t>Ghulam Abbas Summra</t>
  </si>
  <si>
    <t>GES CHAK HOTIYANA</t>
  </si>
  <si>
    <t>Qamar Deen Hans</t>
  </si>
  <si>
    <t>Govt. E/S Chak Hotiana</t>
  </si>
  <si>
    <t>Musa Bhoota</t>
  </si>
  <si>
    <t>GPS CHAK NO 105 TDA</t>
  </si>
  <si>
    <t>Chak No 105TDA</t>
  </si>
  <si>
    <t>Chak No.105TDA.Tehsil Karpr District Layyah</t>
  </si>
  <si>
    <t>GPS KOT LAL SHAH</t>
  </si>
  <si>
    <t>moza kot lal shah tehsil and district lodhran</t>
  </si>
  <si>
    <t>GGES TARA GHAR</t>
  </si>
  <si>
    <t>Tara Garh Kalan</t>
  </si>
  <si>
    <t>gges tara Garh Kalan p.o. box Qilladar via shadiwal</t>
  </si>
  <si>
    <t>Sammah</t>
  </si>
  <si>
    <t>Nosheen Shafaat</t>
  </si>
  <si>
    <t>52065</t>
  </si>
  <si>
    <t>GMPS JHANB</t>
  </si>
  <si>
    <t>moza jhanb</t>
  </si>
  <si>
    <t>Pir Sadar Deen</t>
  </si>
  <si>
    <t>GES CHAK 197 RB</t>
  </si>
  <si>
    <t>Chak No. 197 RB FAISALABAD</t>
  </si>
  <si>
    <t>chak no. 197 rB</t>
  </si>
  <si>
    <t>CHAK NO. 197 RB</t>
  </si>
  <si>
    <t>KHALID SHARIF SAJJAD</t>
  </si>
  <si>
    <t>GPS 166/9-L</t>
  </si>
  <si>
    <t>166/9L</t>
  </si>
  <si>
    <t>chak#166/9L</t>
  </si>
  <si>
    <t>Chak#168/9L</t>
  </si>
  <si>
    <t>GGPS MOZO BAND ALI PUR</t>
  </si>
  <si>
    <t>basti band ali pur</t>
  </si>
  <si>
    <t>Sadullah Pur</t>
  </si>
  <si>
    <t>Zainab Saeed</t>
  </si>
  <si>
    <t>GGPS BHALWAL COLONY</t>
  </si>
  <si>
    <t>street#4chak8 nb bhl</t>
  </si>
  <si>
    <t>Raheela Tanweer</t>
  </si>
  <si>
    <t>GPS DHORI</t>
  </si>
  <si>
    <t>ADA 2R TEHSIL KOT ADDU</t>
  </si>
  <si>
    <t>ADA 2R</t>
  </si>
  <si>
    <t>GGPS MADRISA MAKTIB</t>
  </si>
  <si>
    <t>Whi Imam Bakhsh</t>
  </si>
  <si>
    <t>basti sidhu wala moza wahi imam bakhsh lodhran</t>
  </si>
  <si>
    <t>Sidhu Wala</t>
  </si>
  <si>
    <t>Sajida Dawood</t>
  </si>
  <si>
    <t>GPS BAIT NASRULLAH</t>
  </si>
  <si>
    <t>maza towng</t>
  </si>
  <si>
    <t>GGPS HASSAN SHAH WALA</t>
  </si>
  <si>
    <t>Maher Shaha</t>
  </si>
  <si>
    <t>basti Hasan Shah wala</t>
  </si>
  <si>
    <t>Hasan Shah Wala</t>
  </si>
  <si>
    <t>GGPS 166/P</t>
  </si>
  <si>
    <t>Chak 166/p</t>
  </si>
  <si>
    <t>Chak 166/p mohalla green town sadik abad</t>
  </si>
  <si>
    <t>Shahina Kausar</t>
  </si>
  <si>
    <t>nearby water plant</t>
  </si>
  <si>
    <t>GPS CHAK 11 THAL COLONY NO 3</t>
  </si>
  <si>
    <t>Mouza Lashari  Tehsil 18 Hazari  Distt J</t>
  </si>
  <si>
    <t>Saeed Ahmed Khan</t>
  </si>
  <si>
    <t>GPS BHANO CHAK</t>
  </si>
  <si>
    <t>village bhano chak  tehsil shalimar lahore</t>
  </si>
  <si>
    <t>GGPS MUBARAK PURA KHURD</t>
  </si>
  <si>
    <t>Mubark Pura Khurd</t>
  </si>
  <si>
    <t>village mubark pura khurd tehsil muridkey district sheikhpura</t>
  </si>
  <si>
    <t>Mahein</t>
  </si>
  <si>
    <t>Ruby  Shamim</t>
  </si>
  <si>
    <t>GMPS BHOONI</t>
  </si>
  <si>
    <t>Bhooni</t>
  </si>
  <si>
    <t>gmps bhooni sialkot</t>
  </si>
  <si>
    <t>Purag Pur</t>
  </si>
  <si>
    <t>Antal Kabir</t>
  </si>
  <si>
    <t>GGPS HAKEEM DOST MUHAMMAD (De-consolidated April-2016)</t>
  </si>
  <si>
    <t>hakeeman wala</t>
  </si>
  <si>
    <t>Habiba Rehman</t>
  </si>
  <si>
    <t>GGES 43/15-L, MIAN CHANNU</t>
  </si>
  <si>
    <t>43/15L</t>
  </si>
  <si>
    <t>chak no 43/15-L</t>
  </si>
  <si>
    <t>Chak No 43/15-L</t>
  </si>
  <si>
    <t>Mandhal,Post Office CHAPRAR, Sialkot</t>
  </si>
  <si>
    <t>12305</t>
  </si>
  <si>
    <t>GGPS BASIRA</t>
  </si>
  <si>
    <t>mozha chudhary cha dophhan wala</t>
  </si>
  <si>
    <t>Dophhan</t>
  </si>
  <si>
    <t>GMPS BELA SARBANA</t>
  </si>
  <si>
    <t>Bela Surbana</t>
  </si>
  <si>
    <t>Bela surbana</t>
  </si>
  <si>
    <t>Mehram sial</t>
  </si>
  <si>
    <t>GPS MANGLA NAI WALA</t>
  </si>
  <si>
    <t>Mangla Nai Wala P/O Swai Wala Tehsil &amp; District Bahawalnagar</t>
  </si>
  <si>
    <t>GGES CHAK NO 338 HR</t>
  </si>
  <si>
    <t>338 hr</t>
  </si>
  <si>
    <t>338 Hr</t>
  </si>
  <si>
    <t>Hajira Ferman</t>
  </si>
  <si>
    <t>17532</t>
  </si>
  <si>
    <t>35333</t>
  </si>
  <si>
    <t>GGPS 521 EB</t>
  </si>
  <si>
    <t>521/EB Old</t>
  </si>
  <si>
    <t>521/EB old</t>
  </si>
  <si>
    <t>521/EB O ld</t>
  </si>
  <si>
    <t>Marryaum Batool</t>
  </si>
  <si>
    <t>GGPS FATEH KHAN  KHELAN WALA</t>
  </si>
  <si>
    <t>Govt girls primary school fateh khan khelanwala</t>
  </si>
  <si>
    <t>Tanki system</t>
  </si>
  <si>
    <t>35804</t>
  </si>
  <si>
    <t>GPS GULHARI MAILSI</t>
  </si>
  <si>
    <t>Mouza GULHARI</t>
  </si>
  <si>
    <t>13930</t>
  </si>
  <si>
    <t>GGPS GOHRA BARATA</t>
  </si>
  <si>
    <t>Gohara Rajgan</t>
  </si>
  <si>
    <t>School Gohara Bharatha P/O Rawat Tehsil/ District Rawalpindi</t>
  </si>
  <si>
    <t>Gohara Bharatha</t>
  </si>
  <si>
    <t>Sidra Rani</t>
  </si>
  <si>
    <t>53263</t>
  </si>
  <si>
    <t>GES CHAK 44/2-L</t>
  </si>
  <si>
    <t>Chak no 44/2 L Okara</t>
  </si>
  <si>
    <t>Chak#44/2L</t>
  </si>
  <si>
    <t>37492</t>
  </si>
  <si>
    <t>GGES 123/7-ER TULAMBA</t>
  </si>
  <si>
    <t>Kot Sikandar</t>
  </si>
  <si>
    <t>123 /7ER POSTOFFICE 124/7ER</t>
  </si>
  <si>
    <t>GPS 201 GB</t>
  </si>
  <si>
    <t>chak no 201 GB</t>
  </si>
  <si>
    <t>201 Gb</t>
  </si>
  <si>
    <t>205 Gb</t>
  </si>
  <si>
    <t>M Sarwar Saleem</t>
  </si>
  <si>
    <t>GGPS CHAK NO. 145-B/TDA</t>
  </si>
  <si>
    <t>Govt. Girls Primary School Chack # 145-B TDA</t>
  </si>
  <si>
    <t>Sidra Bashir</t>
  </si>
  <si>
    <t>GPS SAIDRA KALAN</t>
  </si>
  <si>
    <t>Saidra Kalan</t>
  </si>
  <si>
    <t>village saidra kalan p/o gondal teh and district sialkot</t>
  </si>
  <si>
    <t>muhammad arshad shad</t>
  </si>
  <si>
    <t>GGES DHIBBA</t>
  </si>
  <si>
    <t>Kotshams</t>
  </si>
  <si>
    <t>vpo kotshams,Teh.lawa,distt,chakwal</t>
  </si>
  <si>
    <t>Niaz Begum</t>
  </si>
  <si>
    <t>GGPS SAMBLA KHURD</t>
  </si>
  <si>
    <t>SAMBLA KHURD</t>
  </si>
  <si>
    <t>VILLAGE SAMBLA KHURD TEHSIL KAMOKE DIST GUJRANWALA</t>
  </si>
  <si>
    <t>Aqsa  Rashid</t>
  </si>
  <si>
    <t>GPS BASTI LATKI</t>
  </si>
  <si>
    <t>P/S Basti Latki</t>
  </si>
  <si>
    <t>26329</t>
  </si>
  <si>
    <t>GGPS KAINTH</t>
  </si>
  <si>
    <t>Kainth</t>
  </si>
  <si>
    <t>kainth.post office kotnaina.</t>
  </si>
  <si>
    <t>Amber Munir</t>
  </si>
  <si>
    <t>GGPS THILL</t>
  </si>
  <si>
    <t>THILL</t>
  </si>
  <si>
    <t>GGPS THILL P/O THILL TEHSIL SARAI ALAMGIR DISTRICT GUJRAT</t>
  </si>
  <si>
    <t>SOBIA GULNAZ</t>
  </si>
  <si>
    <t>23573</t>
  </si>
  <si>
    <t>GGES MASOOM PUR KHURD</t>
  </si>
  <si>
    <t>Masoom Pur Khurd</t>
  </si>
  <si>
    <t>Village Masoom pur khurd p/o Masoom pur kalan Teh Sara I Alamgir Dist Gujrat</t>
  </si>
  <si>
    <t>Muddasar parveen</t>
  </si>
  <si>
    <t>GGPS KARKAN WAGHA</t>
  </si>
  <si>
    <t>Karkan Wagha</t>
  </si>
  <si>
    <t>karkan Wagha chak 168rb Teh.shahkot</t>
  </si>
  <si>
    <t>Rukhsana Jahan</t>
  </si>
  <si>
    <t>23589</t>
  </si>
  <si>
    <t>GGPS BAKOHAL CHIBBAN</t>
  </si>
  <si>
    <t>Bakohal Chibban</t>
  </si>
  <si>
    <t>village Bakohal Chibban p.o. Thill Tehsil Sarai Alamgir District Gujrat</t>
  </si>
  <si>
    <t>GES BHOMAN BATTH</t>
  </si>
  <si>
    <t>vpo bhoman bath teh sil  wazirabad district gujranwala</t>
  </si>
  <si>
    <t>mohammad Javed</t>
  </si>
  <si>
    <t>GGPS TANI KHEL</t>
  </si>
  <si>
    <t>mohalla Tani khel teh Isa khel dis Mianwali</t>
  </si>
  <si>
    <t>Kammer Mushani</t>
  </si>
  <si>
    <t>Kamr Mushani</t>
  </si>
  <si>
    <t>GPS CHAK NO. 29/NP</t>
  </si>
  <si>
    <t>29 N/p</t>
  </si>
  <si>
    <t>Govt. primary school,chak no. 29 n/p,sadiqabad</t>
  </si>
  <si>
    <t>Sultan Mehmood Khokhar</t>
  </si>
  <si>
    <t>GGPS CHAK NO.75/ML</t>
  </si>
  <si>
    <t>chak no 75ML</t>
  </si>
  <si>
    <t>Chak no 75ML tehsil mankera district bhakkar</t>
  </si>
  <si>
    <t>Chak no 75ML</t>
  </si>
  <si>
    <t>Chak no 67ML</t>
  </si>
  <si>
    <t>Munazza latif</t>
  </si>
  <si>
    <t>GGPS CHAK NO 337 HR W</t>
  </si>
  <si>
    <t>337/hr west</t>
  </si>
  <si>
    <t>337/hr thsil fort abbs district BWN</t>
  </si>
  <si>
    <t>337/hr</t>
  </si>
  <si>
    <t>23561</t>
  </si>
  <si>
    <t>GGPS POTHI MAHRA</t>
  </si>
  <si>
    <t>Maira Pothi</t>
  </si>
  <si>
    <t>maira pothi</t>
  </si>
  <si>
    <t>GGPS DARAN WALI PINDI GHEB</t>
  </si>
  <si>
    <t>Muh.hurriewala pindighebi</t>
  </si>
  <si>
    <t>TMA Pindigheb</t>
  </si>
  <si>
    <t>Ma moona Iram</t>
  </si>
  <si>
    <t>GPS CHECHI</t>
  </si>
  <si>
    <t>vpo chechi tehsil hazro distt attock</t>
  </si>
  <si>
    <t>Saad Ullah Pur</t>
  </si>
  <si>
    <t>bastibaloch wala lodhran</t>
  </si>
  <si>
    <t>GMPS THATHI BAJWA</t>
  </si>
  <si>
    <t>Thathi Bajwa</t>
  </si>
  <si>
    <t>Govt.model primary school thathi bajwa</t>
  </si>
  <si>
    <t>GMPS MANDI JATTAN</t>
  </si>
  <si>
    <t>Mandi Jattan</t>
  </si>
  <si>
    <t>village.  mandi Jattan post office mandi Jattan tehsil sarai alamgir district   gujrat</t>
  </si>
  <si>
    <t>Sundas Rashid</t>
  </si>
  <si>
    <t>GPS DUPPER</t>
  </si>
  <si>
    <t>Dupper</t>
  </si>
  <si>
    <t>village dupper.post office ratti Keri.tehsil hand.distt.Attock</t>
  </si>
  <si>
    <t>GMPS LODHARAN</t>
  </si>
  <si>
    <t>Lodhara</t>
  </si>
  <si>
    <t>Pingu moza Lodhara p.o Muhammadi Sharif tehsil Bhowana District Chiniot</t>
  </si>
  <si>
    <t>Pingu</t>
  </si>
  <si>
    <t>Sumandar</t>
  </si>
  <si>
    <t>GPS BASTI BISHARAT WALA</t>
  </si>
  <si>
    <t>basti bisharat wala moza downa tehseel kot adu district m garh</t>
  </si>
  <si>
    <t>GPS KHIZAR ABAD</t>
  </si>
  <si>
    <t>khizar abad defence road Multan road</t>
  </si>
  <si>
    <t>GGPS BAGARIAN KOHNA</t>
  </si>
  <si>
    <t>Bhagrian Kohna</t>
  </si>
  <si>
    <t>bhagrian kohna teh wazirabad disst gujranwala</t>
  </si>
  <si>
    <t>Rehana Hyder</t>
  </si>
  <si>
    <t>GGPS MAKTA</t>
  </si>
  <si>
    <t>Makta</t>
  </si>
  <si>
    <t>village Makta p/o kotli faqir chand teh pasrur dist Sialkot</t>
  </si>
  <si>
    <t>GGPS CHAK NO 244 JB</t>
  </si>
  <si>
    <t>Chak No 244 Deoka</t>
  </si>
  <si>
    <t>chak no 244 deoka</t>
  </si>
  <si>
    <t>244 Deoka</t>
  </si>
  <si>
    <t>Chak No 210 Tarar</t>
  </si>
  <si>
    <t>GGES DEPUTY WALA CHAK NO 34</t>
  </si>
  <si>
    <t>Deputy Wala chak No 34</t>
  </si>
  <si>
    <t>Deputy wala chak no 34 tehsil shahkot dist nankana Sahib</t>
  </si>
  <si>
    <t>Najma Nafees</t>
  </si>
  <si>
    <t>GMPS CHAK NO.9 NB LOKRI</t>
  </si>
  <si>
    <t>Chack No9 Nb Lokri</t>
  </si>
  <si>
    <t>9NB Lokri Dakkhana khas kotmomin road, Bhalwal</t>
  </si>
  <si>
    <t>9NB Lokri</t>
  </si>
  <si>
    <t>9NB</t>
  </si>
  <si>
    <t>Nimra Anwar</t>
  </si>
  <si>
    <t>39617</t>
  </si>
  <si>
    <t>GPS RATTI KERI</t>
  </si>
  <si>
    <t>Ratti Keri,jand,attock</t>
  </si>
  <si>
    <t>Ratti Keri</t>
  </si>
  <si>
    <t>NABEELA PERVEEN</t>
  </si>
  <si>
    <t>GPS BELLAN</t>
  </si>
  <si>
    <t>P/O Lakar Wali Tehsil Sadiq Abad</t>
  </si>
  <si>
    <t>Sohrab Mohana</t>
  </si>
  <si>
    <t>Liaquat Ali Rehmani</t>
  </si>
  <si>
    <t>GGES BORA</t>
  </si>
  <si>
    <t>bora teh and distt.gujrat</t>
  </si>
  <si>
    <t>Sadia Khaliq Butt</t>
  </si>
  <si>
    <t>GGPS TIBBA KUMHARAN</t>
  </si>
  <si>
    <t>GGPS Tibba kumharan</t>
  </si>
  <si>
    <t>Tibba Kumharan</t>
  </si>
  <si>
    <t>sidra tul Muntaha</t>
  </si>
  <si>
    <t>GPS KOTLI KUPA</t>
  </si>
  <si>
    <t>Kotli Kuppa</t>
  </si>
  <si>
    <t>kotli kuppa PO Kallah Kalan Tehsil Daska Distt Sialkot</t>
  </si>
  <si>
    <t>Muhammad Afzal Sahi</t>
  </si>
  <si>
    <t>GMPS Dilawar</t>
  </si>
  <si>
    <t>Rashida Rahim</t>
  </si>
  <si>
    <t>GES DHANA KUMHARAN</t>
  </si>
  <si>
    <t>Dhana Kumharan</t>
  </si>
  <si>
    <t>Dhana Kumharan Mandi Faizabad Tehsil &amp; Distt. Nankana Sahib</t>
  </si>
  <si>
    <t>GGPS CHAK 296 JB II FAISAL BAHAR COLONY GOJRA</t>
  </si>
  <si>
    <t>296 II</t>
  </si>
  <si>
    <t>bahar colony gojra</t>
  </si>
  <si>
    <t>GES MUBARAK WALA</t>
  </si>
  <si>
    <t>Patti Daya Chokha tehsil kot adu</t>
  </si>
  <si>
    <t>GGPS NANGLIAN</t>
  </si>
  <si>
    <t>village nanglian</t>
  </si>
  <si>
    <t>GGPS Basti  ISLAM ABAD</t>
  </si>
  <si>
    <t>Haydr Abad</t>
  </si>
  <si>
    <t>P/O  Basti Islamabad  Markaz Dhingana mankra</t>
  </si>
  <si>
    <t>GMPS CHAK NO.21 NB</t>
  </si>
  <si>
    <t>Chak No 21 Nb</t>
  </si>
  <si>
    <t>Chak No 10 Nb</t>
  </si>
  <si>
    <t>GPS CHAK NAHI</t>
  </si>
  <si>
    <t>Chak Nahi</t>
  </si>
  <si>
    <t>p/o wasanday wali mouza chak nahi Tah. &amp; Disst M. Garh</t>
  </si>
  <si>
    <t>Sarwar Hussain Zaffar</t>
  </si>
  <si>
    <t>GGPS QILA DAR</t>
  </si>
  <si>
    <t>QILADAR</t>
  </si>
  <si>
    <t>GGPS QILADAR</t>
  </si>
  <si>
    <t>GGPS RAFIQ KOT</t>
  </si>
  <si>
    <t>GGPS Rafiq kot village Muhammad pur syedian</t>
  </si>
  <si>
    <t>Muhammad pur syedian</t>
  </si>
  <si>
    <t>moza kot lal</t>
  </si>
  <si>
    <t>chah jawali moza patti Ghulam Ali gharbi tehsil Kot Addu m garh</t>
  </si>
  <si>
    <t>Jawali</t>
  </si>
  <si>
    <t>Patti Ghulam Ali 12</t>
  </si>
  <si>
    <t>GPS CHAK 268 RB III FSD</t>
  </si>
  <si>
    <t>QURESHEANWALA</t>
  </si>
  <si>
    <t>CHAK NO.268 R.B PAKKI PANDORI FSD</t>
  </si>
  <si>
    <t>CHAK NO 268 RB</t>
  </si>
  <si>
    <t>LADHA CHAK 268 RB</t>
  </si>
  <si>
    <t>RASHID NISAR</t>
  </si>
  <si>
    <t>54891</t>
  </si>
  <si>
    <t>GPS CHAK NO. 197 JB</t>
  </si>
  <si>
    <t>Chak 197 JB</t>
  </si>
  <si>
    <t>Chak No. 197 JB West Tehail Bhowana</t>
  </si>
  <si>
    <t>Chak No 197 JB</t>
  </si>
  <si>
    <t>Chak No 200 Jb Nasrana</t>
  </si>
  <si>
    <t>GMPS BASTI MOLVI ABDUL REHMAN</t>
  </si>
  <si>
    <t>Pir Fateh Darya</t>
  </si>
  <si>
    <t>basti Molvi abdul rehman</t>
  </si>
  <si>
    <t>Basti Molvi abdul Rehman</t>
  </si>
  <si>
    <t>GGES CHOWKI GABOOL</t>
  </si>
  <si>
    <t>govt girls e/s chowki gabool</t>
  </si>
  <si>
    <t>Farah Shahzad</t>
  </si>
  <si>
    <t>GGPS DHOK BALOCH</t>
  </si>
  <si>
    <t>Dk Baloch</t>
  </si>
  <si>
    <t>village Dk baloch,post office ameer khan,teh fateh jang,distt Attock</t>
  </si>
  <si>
    <t>Ghazala Bibi</t>
  </si>
  <si>
    <t>GPS MOZA DAHER</t>
  </si>
  <si>
    <t>Moza dahar tehsil Arifwala dist pakpatn</t>
  </si>
  <si>
    <t>Moza Dahar</t>
  </si>
  <si>
    <t>GGPS ISHAQ WALA</t>
  </si>
  <si>
    <t>Ajub arain</t>
  </si>
  <si>
    <t>ggp/s ishaq wala</t>
  </si>
  <si>
    <t>bahawal nala</t>
  </si>
  <si>
    <t>gull qaim mustui</t>
  </si>
  <si>
    <t>SYEDA Um-ul-Banin</t>
  </si>
  <si>
    <t>GGES KHADIM ABAD</t>
  </si>
  <si>
    <t>khadimabad</t>
  </si>
  <si>
    <t>GGES KHADIMABAD</t>
  </si>
  <si>
    <t>Mahmooda Riffat</t>
  </si>
  <si>
    <t>GPS SHAH BURHAN</t>
  </si>
  <si>
    <t>Mohallah Shah Burhan Chiniot.</t>
  </si>
  <si>
    <t>Chiniott</t>
  </si>
  <si>
    <t>Mohammad Suleman</t>
  </si>
  <si>
    <t>mouza Fatah  pur teh Dunya pur Distt lodhran</t>
  </si>
  <si>
    <t>FATEH Pur</t>
  </si>
  <si>
    <t>Zahooran Bibi</t>
  </si>
  <si>
    <t>GGES JASWAL</t>
  </si>
  <si>
    <t>Government Girls Elementary School Jaswal</t>
  </si>
  <si>
    <t>Maryam  Khan</t>
  </si>
  <si>
    <t>GPS SHAHEED WALA</t>
  </si>
  <si>
    <t>basti dullay wala muaza patti gadi</t>
  </si>
  <si>
    <t>Basti Dullay wala</t>
  </si>
  <si>
    <t>Jan Muhammad Khan</t>
  </si>
  <si>
    <t>GGPS BAGHAR GLOTRAN NO. 1</t>
  </si>
  <si>
    <t>Baghar Glatoran</t>
  </si>
  <si>
    <t>moza baghar glotran chiniot</t>
  </si>
  <si>
    <t>Baghar Glatron</t>
  </si>
  <si>
    <t>GGPS ISLAM PURA WILSON PUR</t>
  </si>
  <si>
    <t>Islampora</t>
  </si>
  <si>
    <t>ggps islampora wilsonpor</t>
  </si>
  <si>
    <t>Noor ul ain riaz</t>
  </si>
  <si>
    <t>47426</t>
  </si>
  <si>
    <t>GGPS NEW AHMED WALA</t>
  </si>
  <si>
    <t>muzafar pur janubi</t>
  </si>
  <si>
    <t>ggps new ahmad wala wan bhachran</t>
  </si>
  <si>
    <t>GGPS MAHEY CHATHA</t>
  </si>
  <si>
    <t>Mahay Chattha</t>
  </si>
  <si>
    <t>Mahay chattha Tehsil kamoke District Gujranwala</t>
  </si>
  <si>
    <t>Eshrat Jahan</t>
  </si>
  <si>
    <t>19793</t>
  </si>
  <si>
    <t>GGPS DRUTAH KHURLAN</t>
  </si>
  <si>
    <t>GGps daruttah kharlan</t>
  </si>
  <si>
    <t>Uzma Zahra</t>
  </si>
  <si>
    <t>GPS CHAK SHAMAS</t>
  </si>
  <si>
    <t>Chak Shamas</t>
  </si>
  <si>
    <t>Village chak shamas , p.o jalalpur jattan Gujrat.</t>
  </si>
  <si>
    <t>GPS TALEEM UL QURAN, P/O MAKHDOOM PUR, KHANEWAL</t>
  </si>
  <si>
    <t>noori muhla mukhdoom pur tehsil and District khanewal</t>
  </si>
  <si>
    <t>GGPS TIBBI LARAN PURANI ABADI</t>
  </si>
  <si>
    <t>Tibi Laran Old</t>
  </si>
  <si>
    <t>tibi laran old</t>
  </si>
  <si>
    <t>Cot Kamo Shah</t>
  </si>
  <si>
    <t>Abida Qadeer</t>
  </si>
  <si>
    <t>GGES 13/1-L</t>
  </si>
  <si>
    <t>govt.girls elementary school13/1.l</t>
  </si>
  <si>
    <t>13/1l</t>
  </si>
  <si>
    <t>GMPS MANJ PUR</t>
  </si>
  <si>
    <t>Manjpur</t>
  </si>
  <si>
    <t>Gao manjpur</t>
  </si>
  <si>
    <t>GES DODHAR NAJJAR</t>
  </si>
  <si>
    <t>Dadhar najjar</t>
  </si>
  <si>
    <t>village and p.o dadhar najjar via saghri tehs and distt Rawalpindi</t>
  </si>
  <si>
    <t>DADHAR Najjar</t>
  </si>
  <si>
    <t>waheed akhter</t>
  </si>
  <si>
    <t>GGCMS 7-FAIZ</t>
  </si>
  <si>
    <t>7f</t>
  </si>
  <si>
    <t>GGCMS,7f</t>
  </si>
  <si>
    <t>sabra khatoon</t>
  </si>
  <si>
    <t>35467</t>
  </si>
  <si>
    <t>GGPS 337 EB</t>
  </si>
  <si>
    <t>chak no 331/EB</t>
  </si>
  <si>
    <t>333/EB</t>
  </si>
  <si>
    <t>Tayaba saleem</t>
  </si>
  <si>
    <t>ggps tahli wala madduki jhang saddar</t>
  </si>
  <si>
    <t>Lake Badhr</t>
  </si>
  <si>
    <t>kALSOOM AKHTAR</t>
  </si>
  <si>
    <t>GGES CHAK NO 102/F</t>
  </si>
  <si>
    <t>Govt Girls Elementary school 102/F.</t>
  </si>
  <si>
    <t>Shafqat Siddique</t>
  </si>
  <si>
    <t>GGES CDG JUNIOR MODEL SADDIQUE PURA WAPDA COLONY</t>
  </si>
  <si>
    <t>siddique pura</t>
  </si>
  <si>
    <t>Badami Bagh</t>
  </si>
  <si>
    <t>Nusrat Tara</t>
  </si>
  <si>
    <t>GGPS MASTAN SHAH</t>
  </si>
  <si>
    <t>norywaly</t>
  </si>
  <si>
    <t>GGPS mastan shah</t>
  </si>
  <si>
    <t>mc-ryk</t>
  </si>
  <si>
    <t>khalida rahman</t>
  </si>
  <si>
    <t>electric water moter</t>
  </si>
  <si>
    <t>GGES CHAK NO. 141/M</t>
  </si>
  <si>
    <t>Chak No 141/M</t>
  </si>
  <si>
    <t>Chak No.141/M, Dahranwala, Teh. CTN, Dist.BWN</t>
  </si>
  <si>
    <t>Chak No 169/M</t>
  </si>
  <si>
    <t>Ismat Javeed</t>
  </si>
  <si>
    <t>GGPS DHAMOKE</t>
  </si>
  <si>
    <t>Dhamonke</t>
  </si>
  <si>
    <t>GGPS ,dhamonke</t>
  </si>
  <si>
    <t>GMPS CHANJLOT</t>
  </si>
  <si>
    <t>Chanjlot</t>
  </si>
  <si>
    <t>Chanjlot PO Domeli Tehsil Sohawa Distt Jhelum</t>
  </si>
  <si>
    <t>Uzma Yasmeen</t>
  </si>
  <si>
    <t>GGES MAHRAM SIAL</t>
  </si>
  <si>
    <t>mahram sial p/o haveli bahadur shah</t>
  </si>
  <si>
    <t>Maria Saleem</t>
  </si>
  <si>
    <t>GMPS PANWAL</t>
  </si>
  <si>
    <t>Panwal</t>
  </si>
  <si>
    <t>vill panwal p.o.box najwal teh&amp;distt sialkot</t>
  </si>
  <si>
    <t>Plorah Killan</t>
  </si>
  <si>
    <t>muryam manzoor</t>
  </si>
  <si>
    <t>GPS CHAK NO 164/P</t>
  </si>
  <si>
    <t>GPS 164 p ....khatcha shahi road chak 164p</t>
  </si>
  <si>
    <t>Chak 164 P</t>
  </si>
  <si>
    <t>Adham Shaba</t>
  </si>
  <si>
    <t>SHAIR MUHAMMAD KHAN</t>
  </si>
  <si>
    <t>Fazalabad</t>
  </si>
  <si>
    <t>GMPS fazalabad Markaz gadiala teh. Sambrial distt:Sailkot</t>
  </si>
  <si>
    <t>UZMA KHALIL</t>
  </si>
  <si>
    <t>GGPS GORAHA</t>
  </si>
  <si>
    <t>Ggps goraha p/o mari shah sakhira Tehsil 18 hazari district jhang.</t>
  </si>
  <si>
    <t>Rukhsana Ali</t>
  </si>
  <si>
    <t>GGPS.Basti Dhudian</t>
  </si>
  <si>
    <t>Aziz fatima</t>
  </si>
  <si>
    <t>GGPS CHAK NO. 32/ML</t>
  </si>
  <si>
    <t>chak# 32ml tehsil kallurkot district bhakkar</t>
  </si>
  <si>
    <t>Chk # 32ml</t>
  </si>
  <si>
    <t>GGPS NANDKOT</t>
  </si>
  <si>
    <t>Nandkot</t>
  </si>
  <si>
    <t>village Nandkot p/0 tret Tehsil Murree</t>
  </si>
  <si>
    <t>GPS BASTI MAN  P/O BUDHLA SANT</t>
  </si>
  <si>
    <t>GGPS JALL DHUP SARI</t>
  </si>
  <si>
    <t>Jal</t>
  </si>
  <si>
    <t>Mohallah kanialanwala jal dhup sari</t>
  </si>
  <si>
    <t>GGES MUNDAY SYED</t>
  </si>
  <si>
    <t>Munday syed</t>
  </si>
  <si>
    <t>Shumila Bukhari</t>
  </si>
  <si>
    <t>GPS KHARLI</t>
  </si>
  <si>
    <t>gps kharli markaz nur pur sethi po Nurpur tehsil kallar kahar chakwal</t>
  </si>
  <si>
    <t>Jameel Khaliq</t>
  </si>
  <si>
    <t>41145</t>
  </si>
  <si>
    <t>GMPS BAMLOT</t>
  </si>
  <si>
    <t>Bamlot</t>
  </si>
  <si>
    <t>Village bamlot po sai Teh kahuta distt Rawalpindi</t>
  </si>
  <si>
    <t>boer</t>
  </si>
  <si>
    <t>GGPS MARI SHAH SAKHERA SHUMALI</t>
  </si>
  <si>
    <t>P/o mari shah sakhira Tehsil 18 hazari district jhang</t>
  </si>
  <si>
    <t>GMPS CHAKIAN KHURD</t>
  </si>
  <si>
    <t>Chakian khurd</t>
  </si>
  <si>
    <t>Govt model primary school chakian khurd</t>
  </si>
  <si>
    <t>Kiran Afshan</t>
  </si>
  <si>
    <t>GGES CHAK 731 GB</t>
  </si>
  <si>
    <t>Khan Da Chak</t>
  </si>
  <si>
    <t>731/1 GB Kamalia</t>
  </si>
  <si>
    <t>Chakra No 737gB</t>
  </si>
  <si>
    <t>Shahnaz Bhatti</t>
  </si>
  <si>
    <t>22525</t>
  </si>
  <si>
    <t>GGPS KHATANA</t>
  </si>
  <si>
    <t>Khatana  P/O Karianwala District Gujrat</t>
  </si>
  <si>
    <t>36868</t>
  </si>
  <si>
    <t>GMPS KOTHY NO.7 KABIRWALA</t>
  </si>
  <si>
    <t>kothi no.7</t>
  </si>
  <si>
    <t>Kothi No 7</t>
  </si>
  <si>
    <t>39151</t>
  </si>
  <si>
    <t>GGPS GADU WALA</t>
  </si>
  <si>
    <t>Gaduwala</t>
  </si>
  <si>
    <t>GGPS Gaduwala  Tehsil Fatehjang District attock</t>
  </si>
  <si>
    <t>Badar i Munir</t>
  </si>
  <si>
    <t>962758</t>
  </si>
  <si>
    <t>GGES BULLO</t>
  </si>
  <si>
    <t>P/O Box Bullo Tehsil 18 hazari district jhang.</t>
  </si>
  <si>
    <t>Mari Shah Sagihra</t>
  </si>
  <si>
    <t>HIFSA SADIA</t>
  </si>
  <si>
    <t>GGPS CHAK 332 JB DUHANI PUR</t>
  </si>
  <si>
    <t>GGPS 332jb Teh.Gojra Distt. Toba Tek Singh</t>
  </si>
  <si>
    <t>332jb</t>
  </si>
  <si>
    <t>H Iram Shehzadi</t>
  </si>
  <si>
    <t>38468</t>
  </si>
  <si>
    <t>GMES 23/M DUNAYARPUR</t>
  </si>
  <si>
    <t>23M</t>
  </si>
  <si>
    <t>GMES 23M. Dunyapur. Lodhran</t>
  </si>
  <si>
    <t>Chak no 384WB</t>
  </si>
  <si>
    <t>Hafiza Humera Batool</t>
  </si>
  <si>
    <t>GPS CHAK NO 246 A TDA</t>
  </si>
  <si>
    <t>Chak No 246a/tda</t>
  </si>
  <si>
    <t>chak no.246a/tda, tehsil choubara, district layyah</t>
  </si>
  <si>
    <t>Chak No246a/tda</t>
  </si>
  <si>
    <t>Olakh Thal  Kakan</t>
  </si>
  <si>
    <t>19786</t>
  </si>
  <si>
    <t>GMPS DURTA COLONY</t>
  </si>
  <si>
    <t>Darutta Kharlan</t>
  </si>
  <si>
    <t>Drutah colony</t>
  </si>
  <si>
    <t>Drutah Colony</t>
  </si>
  <si>
    <t>Naseem Jahangir</t>
  </si>
  <si>
    <t>GGPS CHAK 58/1 TUKRA</t>
  </si>
  <si>
    <t>58/1 tukra</t>
  </si>
  <si>
    <t>58 /1 tukra</t>
  </si>
  <si>
    <t>chak 737</t>
  </si>
  <si>
    <t>Sana Tehsen</t>
  </si>
  <si>
    <t>GPS DARBAR INAYAT SHAH</t>
  </si>
  <si>
    <t>darbar inayat shah olakh thal kalan tehsil chobara</t>
  </si>
  <si>
    <t>29111</t>
  </si>
  <si>
    <t>basti charagh shah wala</t>
  </si>
  <si>
    <t>Olakh Thal kalan</t>
  </si>
  <si>
    <t>Syed Muhammad Umair  Shah</t>
  </si>
  <si>
    <t>GGES THAKHER KHOKHRAN</t>
  </si>
  <si>
    <t>Sohal Garbi</t>
  </si>
  <si>
    <t>GGES Thakar khokhran</t>
  </si>
  <si>
    <t>Thakar Khokhran</t>
  </si>
  <si>
    <t>Aysha Tul Rashida</t>
  </si>
  <si>
    <t>GES NOSHERA THAL KALAN NO.2</t>
  </si>
  <si>
    <t>Noshahra Thal Kalan</t>
  </si>
  <si>
    <t>NOSHERA THAL KALAN NO 2 TEHSIL CHOBARA</t>
  </si>
  <si>
    <t>NOSHERA THAL</t>
  </si>
  <si>
    <t>GPS JAHAN PUR NO.2 P/O NOOR PUR, KABIRWALA</t>
  </si>
  <si>
    <t>Muhammad Arman Sohail</t>
  </si>
  <si>
    <t>36714</t>
  </si>
  <si>
    <t>GPS JAHAN PUR, P/O MAKHDOOM PUR, KABIRWALA</t>
  </si>
  <si>
    <t>Moza Jahan Pur Tehsil Kabirwala District Khanewal</t>
  </si>
  <si>
    <t>Muhammad Umar Hayat</t>
  </si>
  <si>
    <t>GG Model PS NATT</t>
  </si>
  <si>
    <t>GGMPS NATT</t>
  </si>
  <si>
    <t>Dror Muslim</t>
  </si>
  <si>
    <t>Noureen George</t>
  </si>
  <si>
    <t>kuler</t>
  </si>
  <si>
    <t>GGPS AKHTAR ABAD NO. 2</t>
  </si>
  <si>
    <t>Baila Phulai</t>
  </si>
  <si>
    <t>GGPS Akhtar abad no 2, Tehsil shorkot, District Jhang</t>
  </si>
  <si>
    <t>Hina ishfaq</t>
  </si>
  <si>
    <t>36892</t>
  </si>
  <si>
    <t>GGPS KOT GOHAR MUHAMMAD, SARAI SIDHU</t>
  </si>
  <si>
    <t>mouza kot gohar Mohammad</t>
  </si>
  <si>
    <t>Shakila Salim</t>
  </si>
  <si>
    <t>40694</t>
  </si>
  <si>
    <t>GMPS HAYAL</t>
  </si>
  <si>
    <t>Hayal</t>
  </si>
  <si>
    <t>Village Hayal</t>
  </si>
  <si>
    <t>Maryam Mumtaz</t>
  </si>
  <si>
    <t>GGPS MOZO BONTRA</t>
  </si>
  <si>
    <t>Bontra</t>
  </si>
  <si>
    <t>GGPS MOZA BONTRA Manthar Road Sadiq Abad</t>
  </si>
  <si>
    <t>Moza Bontra</t>
  </si>
  <si>
    <t>BUSHRA Bibi</t>
  </si>
  <si>
    <t>GGPS BANOOT</t>
  </si>
  <si>
    <t>Banoot</t>
  </si>
  <si>
    <t>banoot p/o chaprar t/d sialkot</t>
  </si>
  <si>
    <t>GGPS NAI ABADI CHAPRARI</t>
  </si>
  <si>
    <t>Naiabadi Chprari</t>
  </si>
  <si>
    <t>Nai Abadi Chaprari tehsil district sialkot</t>
  </si>
  <si>
    <t>Nazma Shafi</t>
  </si>
  <si>
    <t>GPS CHANAWAN</t>
  </si>
  <si>
    <t>Village Chanawan Tehsil Sialkot.</t>
  </si>
  <si>
    <t>31969</t>
  </si>
  <si>
    <t>GGES DERA MALLA SINGH</t>
  </si>
  <si>
    <t>GGES Dera Malla Singh Tehsil,District Sheikhupura</t>
  </si>
  <si>
    <t>Shabnam Qadri</t>
  </si>
  <si>
    <t>GGPS 93/P-B RYK</t>
  </si>
  <si>
    <t>GGPS 93 p B</t>
  </si>
  <si>
    <t>93p B</t>
  </si>
  <si>
    <t>93 P</t>
  </si>
  <si>
    <t>GGPS 17-1L</t>
  </si>
  <si>
    <t>17/1-L</t>
  </si>
  <si>
    <t>17/1L</t>
  </si>
  <si>
    <t>Saima tahira</t>
  </si>
  <si>
    <t>GGPS KOTLI JOIAN</t>
  </si>
  <si>
    <t>Kotli Joian</t>
  </si>
  <si>
    <t>GGPS kotli Joian</t>
  </si>
  <si>
    <t>Sameera Nazir</t>
  </si>
  <si>
    <t>43906</t>
  </si>
  <si>
    <t>GGES DHOK MAIL</t>
  </si>
  <si>
    <t>Dhoke Mail</t>
  </si>
  <si>
    <t>Govt girls elmntry school dhoke mail u c kotgula tehsil lawa</t>
  </si>
  <si>
    <t>Kotgula</t>
  </si>
  <si>
    <t>GES 19/8-R, TULAMBA</t>
  </si>
  <si>
    <t>Chak No 19/8R</t>
  </si>
  <si>
    <t>chak no 19/8R tulamba</t>
  </si>
  <si>
    <t>GGPS SAMAHAL</t>
  </si>
  <si>
    <t>SAMAHAL</t>
  </si>
  <si>
    <t>village Samhall, P/O Padri, Tehsil Sohawa, District Jhelum</t>
  </si>
  <si>
    <t>Zaib UN Nisa</t>
  </si>
  <si>
    <t>GMPS BHATOLI BRHAMNA</t>
  </si>
  <si>
    <t>Bajwat</t>
  </si>
  <si>
    <t>village Bhatoli p/o kachi mand Sialkot Bajwat</t>
  </si>
  <si>
    <t>Bhatoli Brhamna</t>
  </si>
  <si>
    <t>Ferzana Kusar</t>
  </si>
  <si>
    <t>GGPS JHANTLA</t>
  </si>
  <si>
    <t>Jhantla</t>
  </si>
  <si>
    <t>Vill Jhantla P/O Gulyana distt Gujrat</t>
  </si>
  <si>
    <t>Somia Shaheen</t>
  </si>
  <si>
    <t>GMPS DHOK AWAN</t>
  </si>
  <si>
    <t>Samahal</t>
  </si>
  <si>
    <t>dhok dharyali p/o padhri teh Sohawa disst jhelum</t>
  </si>
  <si>
    <t>32261</t>
  </si>
  <si>
    <t>GGCMS KALIA</t>
  </si>
  <si>
    <t>village kalia p/o T&amp;D Shiekhupura</t>
  </si>
  <si>
    <t>Kurlke Androon</t>
  </si>
  <si>
    <t>GGPS PINDI KALAN</t>
  </si>
  <si>
    <t>Pindi Kalan</t>
  </si>
  <si>
    <t>Mudasira Tufail</t>
  </si>
  <si>
    <t>GGPS BINDAH SARBANA</t>
  </si>
  <si>
    <t>Binda Sarbaa</t>
  </si>
  <si>
    <t>Ggps binda subana</t>
  </si>
  <si>
    <t>Binda Sarbana</t>
  </si>
  <si>
    <t>26324</t>
  </si>
  <si>
    <t>GGPS MOSA PUR</t>
  </si>
  <si>
    <t>Musa pur, P/O Kotnainan</t>
  </si>
  <si>
    <t>GGPS GOLRA HASHAM</t>
  </si>
  <si>
    <t>Golra Hashim</t>
  </si>
  <si>
    <t>Village Golra Hashim, P.O Bhagwal,Tehsil Kharian,District Gujrat</t>
  </si>
  <si>
    <t>GMES CHAK 410 JB</t>
  </si>
  <si>
    <t>Chak No 410 JB</t>
  </si>
  <si>
    <t>chak no. 410 j.b</t>
  </si>
  <si>
    <t>Chak No410 JB</t>
  </si>
  <si>
    <t>Chak No 314 GB</t>
  </si>
  <si>
    <t>Asima Bashir</t>
  </si>
  <si>
    <t>GES SHEIKH PUR</t>
  </si>
  <si>
    <t>ges sheikh pur</t>
  </si>
  <si>
    <t>Yasir Amanat</t>
  </si>
  <si>
    <t>GGES LOHARKAY</t>
  </si>
  <si>
    <t>Loharkey</t>
  </si>
  <si>
    <t>loharkey</t>
  </si>
  <si>
    <t>Saubia Tabassam</t>
  </si>
  <si>
    <t>GGES CHAK NO. 27/2-L</t>
  </si>
  <si>
    <t>27/2-L</t>
  </si>
  <si>
    <t>chak#27/2-L Renala khurd Okara</t>
  </si>
  <si>
    <t>Sobia Naz Qamar</t>
  </si>
  <si>
    <t>GGCMES FALEEZ PUR</t>
  </si>
  <si>
    <t>Misbah Sherazi</t>
  </si>
  <si>
    <t>52845</t>
  </si>
  <si>
    <t>GGES CHAK 262 GB</t>
  </si>
  <si>
    <t>Chak no 262 Gb</t>
  </si>
  <si>
    <t>chak no 262 gb</t>
  </si>
  <si>
    <t>zubaida Akhtar</t>
  </si>
  <si>
    <t>GPS CHAK NO.237/TDA</t>
  </si>
  <si>
    <t>237 Tda</t>
  </si>
  <si>
    <t>chak number 237/tda post office 239/tda</t>
  </si>
  <si>
    <t>237/tda</t>
  </si>
  <si>
    <t>Sarfraz Ali</t>
  </si>
  <si>
    <t>GMPS DODKEE</t>
  </si>
  <si>
    <t>Dhodky</t>
  </si>
  <si>
    <t>Dhodky Teh kamoki Dist Gujranwala</t>
  </si>
  <si>
    <t>Chakramdas</t>
  </si>
  <si>
    <t>GGPS BROOTA</t>
  </si>
  <si>
    <t>Broota</t>
  </si>
  <si>
    <t>village broota p/o hanesar tehsil Kahuta district Rawalpindi</t>
  </si>
  <si>
    <t>Rehana bibi</t>
  </si>
  <si>
    <t>GGPS ALI PUR REHAN</t>
  </si>
  <si>
    <t>moza ali pur madh,teh lalian,disst chiniot</t>
  </si>
  <si>
    <t>Ali Pu Rehan</t>
  </si>
  <si>
    <t>24346</t>
  </si>
  <si>
    <t>GGPS KAK</t>
  </si>
  <si>
    <t>p.o bhagowal tehsil pasrur district sialkot</t>
  </si>
  <si>
    <t>GPS CHAH TARKHANA WALA</t>
  </si>
  <si>
    <t>Chaspan Badry</t>
  </si>
  <si>
    <t>Chah tarkhana wala</t>
  </si>
  <si>
    <t>Chah Tarkhana wala</t>
  </si>
  <si>
    <t>M Anwar</t>
  </si>
  <si>
    <t>village and post office tanda tehsil hasanabdal distt attock</t>
  </si>
  <si>
    <t>GGES CHAK NO 108/F</t>
  </si>
  <si>
    <t>108/F</t>
  </si>
  <si>
    <t>GGES 108/F</t>
  </si>
  <si>
    <t>39108</t>
  </si>
  <si>
    <t>GMPS BANGO</t>
  </si>
  <si>
    <t>vpo Bango tehsil Fateh Jang district Attock</t>
  </si>
  <si>
    <t>Faiza Bibi</t>
  </si>
  <si>
    <t>GPS MOHRA ROPIAL</t>
  </si>
  <si>
    <t>Mohra Ropial</t>
  </si>
  <si>
    <t>Village Mohra Ropial post office chowk pindori tehsil kallar syedan district rawalpindi</t>
  </si>
  <si>
    <t>Aamer Iqbal</t>
  </si>
  <si>
    <t>GMPS KARIM BUX GHALEJA</t>
  </si>
  <si>
    <t>Basti Mughal Abad,  bakhrani, uc chandia</t>
  </si>
  <si>
    <t>25814</t>
  </si>
  <si>
    <t>GGES QYAMPUR</t>
  </si>
  <si>
    <t>village qayampur p/o jassar narowal</t>
  </si>
  <si>
    <t>52829</t>
  </si>
  <si>
    <t>GGPS KARI WALA JAGIR</t>
  </si>
  <si>
    <t>Kari Wala Jagir</t>
  </si>
  <si>
    <t>kari wala jagir</t>
  </si>
  <si>
    <t>Farid Pur Jagir</t>
  </si>
  <si>
    <t>Fouzia Ajmal Thathyala</t>
  </si>
  <si>
    <t>GGES CHAK NO. 59 D</t>
  </si>
  <si>
    <t>59d</t>
  </si>
  <si>
    <t>59/d</t>
  </si>
  <si>
    <t>Heela Watwan</t>
  </si>
  <si>
    <t>Samia Sajid</t>
  </si>
  <si>
    <t>GPS 62/4-R</t>
  </si>
  <si>
    <t>chak 62/4-R</t>
  </si>
  <si>
    <t>Naweeda Kousar</t>
  </si>
  <si>
    <t>15815</t>
  </si>
  <si>
    <t>GPS CHAK 2 JB</t>
  </si>
  <si>
    <t>Chak No 2 Jb Fsd</t>
  </si>
  <si>
    <t>chak no 2 j.b fsd</t>
  </si>
  <si>
    <t>GPS ARANG</t>
  </si>
  <si>
    <t>Arrang</t>
  </si>
  <si>
    <t>village Arrang distt attock tehsil attock</t>
  </si>
  <si>
    <t>Bulianwal</t>
  </si>
  <si>
    <t>GGES DAMAN</t>
  </si>
  <si>
    <t>govt girls elementary school daman village daman</t>
  </si>
  <si>
    <t>Abida sultan</t>
  </si>
  <si>
    <t>GES JODHALA</t>
  </si>
  <si>
    <t>JUDHALA</t>
  </si>
  <si>
    <t>V/PO JUDHALA TEH PASRUR DISTT SIALKOT</t>
  </si>
  <si>
    <t>GPS DHOK JOGIAN</t>
  </si>
  <si>
    <t>dk.tarbethi</t>
  </si>
  <si>
    <t>viil.dk. jogian po sanjwal attock</t>
  </si>
  <si>
    <t>dk.jogian</t>
  </si>
  <si>
    <t>golra</t>
  </si>
  <si>
    <t>MUHAMMAD IFZAL</t>
  </si>
  <si>
    <t>GPS DHOK UMRA</t>
  </si>
  <si>
    <t>DK.UMRA ATTOCK</t>
  </si>
  <si>
    <t>Dhok Umra</t>
  </si>
  <si>
    <t>SHEEN BAGH</t>
  </si>
  <si>
    <t>GMPS GARYALA</t>
  </si>
  <si>
    <t>Choi Garyala</t>
  </si>
  <si>
    <t>Village Garyala District Attock</t>
  </si>
  <si>
    <t>Garyala</t>
  </si>
  <si>
    <t>Dk Muhammad Khan</t>
  </si>
  <si>
    <t>VPO Kotqazi teh. lawa district chakwal</t>
  </si>
  <si>
    <t>GPS CHAK NO.38/WB</t>
  </si>
  <si>
    <t>Chak # 38/WB</t>
  </si>
  <si>
    <t>38/WB</t>
  </si>
  <si>
    <t>Rahim shah</t>
  </si>
  <si>
    <t>51029</t>
  </si>
  <si>
    <t>GES 120/9-L NAI ABADI</t>
  </si>
  <si>
    <t>120/9l kamir</t>
  </si>
  <si>
    <t>Mc Kamir</t>
  </si>
  <si>
    <t>Zulfiqar Ali Sajid</t>
  </si>
  <si>
    <t>GPS CHAK NO.46/WB</t>
  </si>
  <si>
    <t>46WB</t>
  </si>
  <si>
    <t>Chak No.46/WB Merkaz Rahim Shah Cluster Thingi Vehari</t>
  </si>
  <si>
    <t>Chak No. 46/WB</t>
  </si>
  <si>
    <t>GPS CUSTOM COLONY WAHGA</t>
  </si>
  <si>
    <t>Gps custom colony wahga lahore</t>
  </si>
  <si>
    <t>51587</t>
  </si>
  <si>
    <t>GGPS 84 D</t>
  </si>
  <si>
    <t>84 /D</t>
  </si>
  <si>
    <t>GGPS 84/D</t>
  </si>
  <si>
    <t>Mubbara Irum</t>
  </si>
  <si>
    <t>GES CHAK 721 GB</t>
  </si>
  <si>
    <t>721GB</t>
  </si>
  <si>
    <t>chak no.721G.B</t>
  </si>
  <si>
    <t>GGES KOREY KOT</t>
  </si>
  <si>
    <t>Koreykoot</t>
  </si>
  <si>
    <t>koreykoot</t>
  </si>
  <si>
    <t>GGES TRIDAY WALI</t>
  </si>
  <si>
    <t>Triday Wali</t>
  </si>
  <si>
    <t>GGES Triday wali</t>
  </si>
  <si>
    <t>Tridy Wali</t>
  </si>
  <si>
    <t>Farzana Rafi</t>
  </si>
  <si>
    <t>GGPS 54/5-L</t>
  </si>
  <si>
    <t>54/5-L</t>
  </si>
  <si>
    <t>Shahida Tehseen</t>
  </si>
  <si>
    <t>GES MEHDI PUR</t>
  </si>
  <si>
    <t>MEHDI PUR</t>
  </si>
  <si>
    <t>MEHDI PUR P/O CHAPRAR T/D Sialkot</t>
  </si>
  <si>
    <t>Mumtaz Bashir</t>
  </si>
  <si>
    <t>GPS GANGOTHI</t>
  </si>
  <si>
    <t>village gangothi po chowkpindori teh,kallarsyedan distt,rwp uc guff markaz guff.</t>
  </si>
  <si>
    <t>Saqib Nawaz</t>
  </si>
  <si>
    <t>GGES CM PAJOKAY</t>
  </si>
  <si>
    <t>Pajokay Teh Pasrur distt Sialkot</t>
  </si>
  <si>
    <t>GMPS BAI</t>
  </si>
  <si>
    <t>Bai</t>
  </si>
  <si>
    <t>Village Bai p, o Munno Nagar Teh Hassan abdal Distt Attock</t>
  </si>
  <si>
    <t>AZIA BIBI</t>
  </si>
  <si>
    <t>GGPS DHOK MERA</t>
  </si>
  <si>
    <t>Dhok mera po box village bahter</t>
  </si>
  <si>
    <t>Dhok Mera</t>
  </si>
  <si>
    <t>Summera Naz</t>
  </si>
  <si>
    <t>GGPS SALAMBER</t>
  </si>
  <si>
    <t>village and p.o salamber tehsil kahuta district Rawalpindi</t>
  </si>
  <si>
    <t>iram shaheen</t>
  </si>
  <si>
    <t>GPS CHAK 101/P JADEED</t>
  </si>
  <si>
    <t>Chak 101/p</t>
  </si>
  <si>
    <t>Government Primary School Chak#101/p(Jadeed), Rahim Yar Khan</t>
  </si>
  <si>
    <t>101/p</t>
  </si>
  <si>
    <t>Sehrish Gulzar</t>
  </si>
  <si>
    <t>GGPS ADHOWANA</t>
  </si>
  <si>
    <t>Adhowana</t>
  </si>
  <si>
    <t>street masjid ghosiya teh skg district narowal</t>
  </si>
  <si>
    <t>Rahila Tabssum</t>
  </si>
  <si>
    <t>53775</t>
  </si>
  <si>
    <t>GGCMES CHAK NO. 9/1-L</t>
  </si>
  <si>
    <t>GGCMES 9/1L</t>
  </si>
  <si>
    <t>12/1L</t>
  </si>
  <si>
    <t>Najma Mukhtar</t>
  </si>
  <si>
    <t>GGMS SARMANDAL</t>
  </si>
  <si>
    <t>Sarmandal</t>
  </si>
  <si>
    <t>village sarmandal teh kotli sattian district rwp</t>
  </si>
  <si>
    <t>Lubna Nawaz</t>
  </si>
  <si>
    <t>25918</t>
  </si>
  <si>
    <t>GGPS ADDOKE KALAN</t>
  </si>
  <si>
    <t>Aadoke Kalan</t>
  </si>
  <si>
    <t>village Aadoke kalan p\0 box Talwandi bhindran</t>
  </si>
  <si>
    <t>Azmat Tahira</t>
  </si>
  <si>
    <t>GGES CHAK DINAL</t>
  </si>
  <si>
    <t>Chak Daniyal</t>
  </si>
  <si>
    <t>chak daniyal</t>
  </si>
  <si>
    <t>Chwkdaniyal</t>
  </si>
  <si>
    <t>source</t>
  </si>
  <si>
    <t>49545</t>
  </si>
  <si>
    <t>GGPS SHAH YOUSAF</t>
  </si>
  <si>
    <t>shahyousaf</t>
  </si>
  <si>
    <t>Faraht Nahid</t>
  </si>
  <si>
    <t>GGES BANDA</t>
  </si>
  <si>
    <t>Village Banda Chakbeli khan road Rawakpindi</t>
  </si>
  <si>
    <t>Mubeen Ul Haq</t>
  </si>
  <si>
    <t>GGPS GHOUS PURA</t>
  </si>
  <si>
    <t>Muhallah Ghouse Pura Sialkot.</t>
  </si>
  <si>
    <t>Ghouse Pura</t>
  </si>
  <si>
    <t>GES MASSOT</t>
  </si>
  <si>
    <t>MASSOT</t>
  </si>
  <si>
    <t>massot murree rawalpindi</t>
  </si>
  <si>
    <t>Adeeb  Qais</t>
  </si>
  <si>
    <t>P/O mahey chatta village Dholan</t>
  </si>
  <si>
    <t>Lubna Siddique</t>
  </si>
  <si>
    <t>18906</t>
  </si>
  <si>
    <t>GMES DUL THE BHANI 57/4 TUKRA</t>
  </si>
  <si>
    <t>Darsana</t>
  </si>
  <si>
    <t>tukra 57/4 p/o 739 gb jakhar teshil kamalia</t>
  </si>
  <si>
    <t>Tukra 57/4</t>
  </si>
  <si>
    <t>Plot 57/4 Tukra</t>
  </si>
  <si>
    <t>GGPS CHAK NO 278 HR E</t>
  </si>
  <si>
    <t>278 Hr e</t>
  </si>
  <si>
    <t>ggp/s chak # 278 HR E</t>
  </si>
  <si>
    <t>278H/R E</t>
  </si>
  <si>
    <t>281 HR</t>
  </si>
  <si>
    <t>Nida Mehboob</t>
  </si>
  <si>
    <t>basti jarh</t>
  </si>
  <si>
    <t>Tabassum Fatima</t>
  </si>
  <si>
    <t>GGPS CHAK 458 AHATA BAHADAR</t>
  </si>
  <si>
    <t>Ahata Bahadar Khan</t>
  </si>
  <si>
    <t>chak 458 ahata Bahadar Khan</t>
  </si>
  <si>
    <t>Ahata Bahadar</t>
  </si>
  <si>
    <t>Shafqat Noureen</t>
  </si>
  <si>
    <t>GPS TUBEWEL BILAL WALA</t>
  </si>
  <si>
    <t>chah barhgi nawan kot tehsil choubara</t>
  </si>
  <si>
    <t>Chan Barhgi</t>
  </si>
  <si>
    <t>GGES CHAK NO. 7 SB SYEDAN WALA</t>
  </si>
  <si>
    <t>7/sb</t>
  </si>
  <si>
    <t>chak#7/sb syedan wala</t>
  </si>
  <si>
    <t>Chak7/sb</t>
  </si>
  <si>
    <t>Chak# 9/nb</t>
  </si>
  <si>
    <t>Shazia Mehnaz</t>
  </si>
  <si>
    <t>GGPS QILA KANGRAN</t>
  </si>
  <si>
    <t>Qila Kangran</t>
  </si>
  <si>
    <t>Qila kangran</t>
  </si>
  <si>
    <t>Kurak Muhammdi</t>
  </si>
  <si>
    <t>GES CHAK SARWANI</t>
  </si>
  <si>
    <t>Chak Sarwani</t>
  </si>
  <si>
    <t>chak sarwani via Lalamusa tehsil Kharian distt gujrat</t>
  </si>
  <si>
    <t>Sakaser Bar</t>
  </si>
  <si>
    <t>40021</t>
  </si>
  <si>
    <t>ggps darya po darya dis attock</t>
  </si>
  <si>
    <t>Mosa</t>
  </si>
  <si>
    <t>38906</t>
  </si>
  <si>
    <t>GGES MIRZA NO.2</t>
  </si>
  <si>
    <t>mohallah tariq abad, mirza</t>
  </si>
  <si>
    <t>Munaza Sbahat</t>
  </si>
  <si>
    <t>GMPS NO.2 BHALWAL</t>
  </si>
  <si>
    <t>City Bhalwal</t>
  </si>
  <si>
    <t>Block No. 5 Mandar road Bhalwal</t>
  </si>
  <si>
    <t>M C Bhalwal</t>
  </si>
  <si>
    <t>M.c. program changa pani</t>
  </si>
  <si>
    <t>GGES 108/12-L</t>
  </si>
  <si>
    <t>108/12.L</t>
  </si>
  <si>
    <t>48825</t>
  </si>
  <si>
    <t>GES LALU WALI</t>
  </si>
  <si>
    <t>laluwali teh&amp;distt sargodha</t>
  </si>
  <si>
    <t>Ghazanfar Raza Rizvi</t>
  </si>
  <si>
    <t>GPS BASTI CHEENA</t>
  </si>
  <si>
    <t>Mad Haji Mushtaq Chang near pull Dhundi</t>
  </si>
  <si>
    <t>Mad Haji Mushtaq Chang</t>
  </si>
  <si>
    <t>Chak  Lassa</t>
  </si>
  <si>
    <t>Shehzad Iqbal</t>
  </si>
  <si>
    <t>GPS SYEDAN WALI SHARQI</t>
  </si>
  <si>
    <t>SYEDAN WALI EAST SIALKOT</t>
  </si>
  <si>
    <t>IMRAN QAISAR</t>
  </si>
  <si>
    <t>29934</t>
  </si>
  <si>
    <t>GMPS KOT SADDIQUE</t>
  </si>
  <si>
    <t>Jago K Ghumman</t>
  </si>
  <si>
    <t>p/o phadana CH 45 kot siddique</t>
  </si>
  <si>
    <t>Kot Siddique</t>
  </si>
  <si>
    <t>Sadia Qaisara</t>
  </si>
  <si>
    <t>34051</t>
  </si>
  <si>
    <t>GMPS JAMAL WALA SHUJABAD</t>
  </si>
  <si>
    <t>Basti Jamal Wala Teh Shujabd District Multan post office khass Punjani</t>
  </si>
  <si>
    <t>GGPS FATEH PUR DITTAN</t>
  </si>
  <si>
    <t>Fatah Pur Dittan</t>
  </si>
  <si>
    <t>vill Fateh pur Dittan post office kanjurr tehsil shakargarh Dist narowal</t>
  </si>
  <si>
    <t>Fatehpurdittan</t>
  </si>
  <si>
    <t>Kanjurr</t>
  </si>
  <si>
    <t>Arifa Zia</t>
  </si>
  <si>
    <t>51878</t>
  </si>
  <si>
    <t>GGPS MAIL WASAVI</t>
  </si>
  <si>
    <t>ps Mail Wasavi Mangrotha sharqi,</t>
  </si>
  <si>
    <t>Hafeez Akhtar</t>
  </si>
  <si>
    <t>GGPS CM SABAZ KOT</t>
  </si>
  <si>
    <t>GGCM Schol sabazkot</t>
  </si>
  <si>
    <t>Safina Kousar</t>
  </si>
  <si>
    <t>GGPS SHAH NAWAZ COLONY</t>
  </si>
  <si>
    <t>Shah Nawaz Colony</t>
  </si>
  <si>
    <t>Shah Nawaz colony  St no 02</t>
  </si>
  <si>
    <t>Shah Nawaz colony</t>
  </si>
  <si>
    <t>Shabnam Yasmeen</t>
  </si>
  <si>
    <t>GGPS JATTAR</t>
  </si>
  <si>
    <t>vpo kanjrur tehsil shakargarh district Narowal</t>
  </si>
  <si>
    <t>Nassem Akhter</t>
  </si>
  <si>
    <t>GES SHEIKH NASEER</t>
  </si>
  <si>
    <t>Shaikh Naseer</t>
  </si>
  <si>
    <t>near sheikh wain station qaimpur</t>
  </si>
  <si>
    <t>Sheikh Naseer</t>
  </si>
  <si>
    <t>Chak 75/db</t>
  </si>
  <si>
    <t>Alam Hussain</t>
  </si>
  <si>
    <t>GGPS CHAK NO.60 NB KHIZAR ABAD</t>
  </si>
  <si>
    <t>Khizaraabad</t>
  </si>
  <si>
    <t>chak# 60nb khizarabad</t>
  </si>
  <si>
    <t>Chak 60nb</t>
  </si>
  <si>
    <t>Chak#19nb</t>
  </si>
  <si>
    <t>Mehwish Yaqoob</t>
  </si>
  <si>
    <t>GPS CHAK NO.178/7-R</t>
  </si>
  <si>
    <t>CHAK 178/7-R near gulshan fraud choki</t>
  </si>
  <si>
    <t>CHAK 178/7-R</t>
  </si>
  <si>
    <t>GES CHAK RAJADI</t>
  </si>
  <si>
    <t>VPO Chak Rajadj Tehsil Kharian District Gujrat</t>
  </si>
  <si>
    <t>ganja</t>
  </si>
  <si>
    <t>Zaighum Nazir</t>
  </si>
  <si>
    <t>GPS KHIR SAR</t>
  </si>
  <si>
    <t>GPS khir Sar  yazman</t>
  </si>
  <si>
    <t>Khir Sar</t>
  </si>
  <si>
    <t>21402</t>
  </si>
  <si>
    <t>GGES KOTLI DIL BAGHRAI</t>
  </si>
  <si>
    <t>Kotli Dilbagh Ray</t>
  </si>
  <si>
    <t>kotli dilbagh ray</t>
  </si>
  <si>
    <t>Amara Shaukat</t>
  </si>
  <si>
    <t>37573</t>
  </si>
  <si>
    <t>GGES MC CENTRE, MIAN CHANNU</t>
  </si>
  <si>
    <t>circular road mian channu</t>
  </si>
  <si>
    <t>GGPS MUHALLA MOCHAIN WALA</t>
  </si>
  <si>
    <t>GGPS Muhalla Mochianwala Jandanwala Tehsil Kallur Kot Bhakkar</t>
  </si>
  <si>
    <t>GPS SADIOT</t>
  </si>
  <si>
    <t>Sadiot</t>
  </si>
  <si>
    <t>vill sadiot,p/o sadiot,teh kallar syedan,district rawalpindi</t>
  </si>
  <si>
    <t>Gulbahar Begum</t>
  </si>
  <si>
    <t>GMPS CHAK CHOUR</t>
  </si>
  <si>
    <t>Chak Ckohar</t>
  </si>
  <si>
    <t>chak chour</t>
  </si>
  <si>
    <t>Chak Chohar</t>
  </si>
  <si>
    <t>Chak Chodhary</t>
  </si>
  <si>
    <t>govt primary school bara</t>
  </si>
  <si>
    <t>Muhammad Ansar Khan</t>
  </si>
  <si>
    <t>GGPS CHAK NO. 578 TDA</t>
  </si>
  <si>
    <t>578/tda</t>
  </si>
  <si>
    <t>ggps578nazmabad</t>
  </si>
  <si>
    <t>Mira Pur Bhagal</t>
  </si>
  <si>
    <t>GGES 49/12-L</t>
  </si>
  <si>
    <t>49/12-l</t>
  </si>
  <si>
    <t>chak no 49/12-l</t>
  </si>
  <si>
    <t>Chak No 49/12-l</t>
  </si>
  <si>
    <t>Chak No 45/12-l</t>
  </si>
  <si>
    <t>Fahmida Tul Fatima</t>
  </si>
  <si>
    <t>GGPS KASANA</t>
  </si>
  <si>
    <t>Kisana</t>
  </si>
  <si>
    <t>village post office kisana tehsil fateh jang district Attock</t>
  </si>
  <si>
    <t>41169</t>
  </si>
  <si>
    <t>GGPS BAIT</t>
  </si>
  <si>
    <t>Baith</t>
  </si>
  <si>
    <t>GGPS Baith.Village Jamaitar.P/O Narh</t>
  </si>
  <si>
    <t>Jamaitar</t>
  </si>
  <si>
    <t>Iram Zafar</t>
  </si>
  <si>
    <t>GMPS KUSSAK</t>
  </si>
  <si>
    <t>Kussak</t>
  </si>
  <si>
    <t>Vill Kussak P/O watli Tehsil Choa Saiden Shah District</t>
  </si>
  <si>
    <t>Rehna tabasam</t>
  </si>
  <si>
    <t>GGPS SHAROO WALA</t>
  </si>
  <si>
    <t>Chah sheroo wala</t>
  </si>
  <si>
    <t>Javeria Rasheed</t>
  </si>
  <si>
    <t>GGES CHAK BHOLA</t>
  </si>
  <si>
    <t>Chak Bhoola tehsil and distt. Gujrat</t>
  </si>
  <si>
    <t>Saima Naheed</t>
  </si>
  <si>
    <t>GGPS DHALATER</t>
  </si>
  <si>
    <t>Jillah</t>
  </si>
  <si>
    <t>GGPS Dhalater</t>
  </si>
  <si>
    <t>Dhalater</t>
  </si>
  <si>
    <t>Anum Bashir</t>
  </si>
  <si>
    <t>GGPS BASTI NIAMAT</t>
  </si>
  <si>
    <t>Basti Niamat Tehsil Hasilpur District Bahawalpur</t>
  </si>
  <si>
    <t>Basti Niamat</t>
  </si>
  <si>
    <t>GPS BHAKRAYWALI</t>
  </si>
  <si>
    <t>Bhakraywali</t>
  </si>
  <si>
    <t>Bhakraywali,P/O Mitranwali Tehsil Daska District Sialkot.</t>
  </si>
  <si>
    <t>Syed Shahid Nadeem</t>
  </si>
  <si>
    <t>51549</t>
  </si>
  <si>
    <t>GPS HELLA WATWAN</t>
  </si>
  <si>
    <t>Hella wattowan</t>
  </si>
  <si>
    <t>cahck hella wattowan</t>
  </si>
  <si>
    <t>41218</t>
  </si>
  <si>
    <t>GGPS JANTRA</t>
  </si>
  <si>
    <t>Jantrah</t>
  </si>
  <si>
    <t>vill jantrah p.o Lehtrar Teh kahuta Rwp</t>
  </si>
  <si>
    <t>GPS SUMRA THAL KALAN</t>
  </si>
  <si>
    <t>Basti Bhundral mor Tehsile Choubara Distt.Layyah</t>
  </si>
  <si>
    <t>Bhundral Wala</t>
  </si>
  <si>
    <t>GPS SUMRA THAL KALAN NO. 2</t>
  </si>
  <si>
    <t>Sumra Thal Kalan Shumaila</t>
  </si>
  <si>
    <t>cha Gujjar wala muza sumra that Klan shumali</t>
  </si>
  <si>
    <t>Jamalchapri</t>
  </si>
  <si>
    <t>GMPS GUJAR PUR</t>
  </si>
  <si>
    <t>Gujjar Pur</t>
  </si>
  <si>
    <t>Moin Un Din Pur</t>
  </si>
  <si>
    <t>Khawar Yasmin</t>
  </si>
  <si>
    <t>GGPS ARI LAL KHAN</t>
  </si>
  <si>
    <t>GGPS Ari lal khan</t>
  </si>
  <si>
    <t>Ari Lal Khan</t>
  </si>
  <si>
    <t>Humaira Nazneen Aslam</t>
  </si>
  <si>
    <t>GPS GARMAN</t>
  </si>
  <si>
    <t>Garman</t>
  </si>
  <si>
    <t>moza garman</t>
  </si>
  <si>
    <t>GGPS KULU PIARA</t>
  </si>
  <si>
    <t>Kallu Piara</t>
  </si>
  <si>
    <t>kallu piara p/o bhattay kalan sialkot</t>
  </si>
  <si>
    <t>GPS KOT GHULAM RASOOL</t>
  </si>
  <si>
    <t>post office Helan village Kot Ghulam Rasool Teh Phalia Distt M B din</t>
  </si>
  <si>
    <t>GPS DHOK MANGIAL</t>
  </si>
  <si>
    <t>dhok mangial talagang</t>
  </si>
  <si>
    <t>MUNAZZA ZAHRA Malik</t>
  </si>
  <si>
    <t>GGCMS CHAK 196 GB III SANDOORI</t>
  </si>
  <si>
    <t>196gb</t>
  </si>
  <si>
    <t>196 gb new abadi</t>
  </si>
  <si>
    <t>198gb</t>
  </si>
  <si>
    <t>49061</t>
  </si>
  <si>
    <t>Mitha Lak Deh</t>
  </si>
  <si>
    <t>kot Zulifqar Ali Dakhli Mitha Lak Deh Sargodha</t>
  </si>
  <si>
    <t>Mithalak Deh</t>
  </si>
  <si>
    <t>GPS MIR KHANI</t>
  </si>
  <si>
    <t>Mir Khani</t>
  </si>
  <si>
    <t>village Mir khani p!o kisana teh,kharian district gujrat</t>
  </si>
  <si>
    <t>Mir khani</t>
  </si>
  <si>
    <t>Jora</t>
  </si>
  <si>
    <t>Syed  Kazim Hussain</t>
  </si>
  <si>
    <t>GGPS JALANDHAR WALA</t>
  </si>
  <si>
    <t>Jalandher Wala Mianwali</t>
  </si>
  <si>
    <t>Zahida Azeem</t>
  </si>
  <si>
    <t>GPS LUQMAN NO.1</t>
  </si>
  <si>
    <t>Village Luqman  p/o Barnali  tehsil kharian district gujrat</t>
  </si>
  <si>
    <t>GGPS BERI WALA TARAF DAIRA</t>
  </si>
  <si>
    <t>wan chatta</t>
  </si>
  <si>
    <t>g.g.p.s beri wala mouza wan chatta</t>
  </si>
  <si>
    <t>qasba murrel</t>
  </si>
  <si>
    <t>kayan pur</t>
  </si>
  <si>
    <t>Saira Fatmee</t>
  </si>
  <si>
    <t>GPS CHAK DERIA</t>
  </si>
  <si>
    <t>Chak Daria</t>
  </si>
  <si>
    <t>Village Chak Daria po karariwala</t>
  </si>
  <si>
    <t>Imran Aslam</t>
  </si>
  <si>
    <t>49064</t>
  </si>
  <si>
    <t>GPS MC OLD CIVIL LINE SARGODHA</t>
  </si>
  <si>
    <t>Old civilline</t>
  </si>
  <si>
    <t>Old Civilline</t>
  </si>
  <si>
    <t>out side from school</t>
  </si>
  <si>
    <t>GGPS BALA SAIR WALA</t>
  </si>
  <si>
    <t>Mansaram Ram  Sandila</t>
  </si>
  <si>
    <t>basti mahbob wala</t>
  </si>
  <si>
    <t>Mahobab Wala</t>
  </si>
  <si>
    <t>Durdana Iram</t>
  </si>
  <si>
    <t>GPS CHAK NO. 464 JB JAURI WALA</t>
  </si>
  <si>
    <t>Chak No  464</t>
  </si>
  <si>
    <t>Chak No..464</t>
  </si>
  <si>
    <t>Chak No 464</t>
  </si>
  <si>
    <t>Chak No259</t>
  </si>
  <si>
    <t>GGPS KIKAR WALA NO 2</t>
  </si>
  <si>
    <t>kot sahib</t>
  </si>
  <si>
    <t>Kot Sahib</t>
  </si>
  <si>
    <t>Rabia Tabassum</t>
  </si>
  <si>
    <t>GGES 229/9-R</t>
  </si>
  <si>
    <t>229/ 9 R</t>
  </si>
  <si>
    <t>Chak No. 229/9-R</t>
  </si>
  <si>
    <t>Zarina Azmat</t>
  </si>
  <si>
    <t>GGES CHAK NO 234/9-R</t>
  </si>
  <si>
    <t>234/9R</t>
  </si>
  <si>
    <t>Chak No. 234/9R</t>
  </si>
  <si>
    <t>GES KHARORA BAQIR EAST</t>
  </si>
  <si>
    <t>Tubark hussain</t>
  </si>
  <si>
    <t>GGPS GHORA GALI</t>
  </si>
  <si>
    <t>post office and village: ghora gali , tehsil murree, district rawalpindi</t>
  </si>
  <si>
    <t>Asma Safdar</t>
  </si>
  <si>
    <t>GGES CHAK NO.138/DB</t>
  </si>
  <si>
    <t>138DB</t>
  </si>
  <si>
    <t>chak No. 138DB Yazman</t>
  </si>
  <si>
    <t>138 DB</t>
  </si>
  <si>
    <t>67DB</t>
  </si>
  <si>
    <t>GPS CHAK NO. 41/DB (W)</t>
  </si>
  <si>
    <t>Chak No 41 DB W</t>
  </si>
  <si>
    <t>Chak No. 41/DB(W)</t>
  </si>
  <si>
    <t>Chak No 41 DB</t>
  </si>
  <si>
    <t>Khursheed   Ahmad</t>
  </si>
  <si>
    <t>GGPS CHAK 143 GB SAMUNDRI</t>
  </si>
  <si>
    <t>Khalisa Abad</t>
  </si>
  <si>
    <t>Chak No. 143 GB  Tehsil Samundri, District Faisalabad</t>
  </si>
  <si>
    <t>Chak  No 143 GB</t>
  </si>
  <si>
    <t>City Ward No</t>
  </si>
  <si>
    <t>49698</t>
  </si>
  <si>
    <t>GGES CHAK NO.146 NB</t>
  </si>
  <si>
    <t>146 NB</t>
  </si>
  <si>
    <t>Chak no 146 N.B Sillanwali</t>
  </si>
  <si>
    <t>Anam Mumtaz</t>
  </si>
  <si>
    <t>GMPS KAHLIAN</t>
  </si>
  <si>
    <t>Kahlian</t>
  </si>
  <si>
    <t>vill kahlian</t>
  </si>
  <si>
    <t>faqeer alam tahir</t>
  </si>
  <si>
    <t>GGPS MADDA PLOT</t>
  </si>
  <si>
    <t>MADDA PLOT</t>
  </si>
  <si>
    <t>village madda plat markaz malkpur p/o kot naina</t>
  </si>
  <si>
    <t>Zahra Shafique</t>
  </si>
  <si>
    <t>Ghs fateh pur</t>
  </si>
  <si>
    <t>Aamir Farooq Sukhera</t>
  </si>
  <si>
    <t>GGPS SHAH JALLA BUKHARI</t>
  </si>
  <si>
    <t>Shah Jala</t>
  </si>
  <si>
    <t>GGPS CHAK NO 280 HR</t>
  </si>
  <si>
    <t>Chak No.280/H.R</t>
  </si>
  <si>
    <t>Chak No281/HR</t>
  </si>
  <si>
    <t>Irum Javied</t>
  </si>
  <si>
    <t>GPS MC JADEED NO. 2</t>
  </si>
  <si>
    <t>Mohallah Aali Chiniot</t>
  </si>
  <si>
    <t>ABDUL SATTAR SHAD</t>
  </si>
  <si>
    <t>GMPS KANGRA</t>
  </si>
  <si>
    <t>Kangra</t>
  </si>
  <si>
    <t>gmps kangra</t>
  </si>
  <si>
    <t>GGPS ONARA</t>
  </si>
  <si>
    <t>mouza onara p/of mandi shah jewna</t>
  </si>
  <si>
    <t>Paber Wala</t>
  </si>
  <si>
    <t>GMPS BAIR WALI</t>
  </si>
  <si>
    <t>bair wali</t>
  </si>
  <si>
    <t>Bairwali</t>
  </si>
  <si>
    <t>GGPS CHAK 263 GB</t>
  </si>
  <si>
    <t>ggpschool263asifa</t>
  </si>
  <si>
    <t>263gb</t>
  </si>
  <si>
    <t>Asifa Afzal</t>
  </si>
  <si>
    <t>GGES SORANGIAN</t>
  </si>
  <si>
    <t>vill and p o sorangian teh pasrur dis skt</t>
  </si>
  <si>
    <t>Iqra Tanveer</t>
  </si>
  <si>
    <t>GGES 62/5-L</t>
  </si>
  <si>
    <t>62/5-L</t>
  </si>
  <si>
    <t>GGES chak# 62/5-L</t>
  </si>
  <si>
    <t>58/5-L Ghunu</t>
  </si>
  <si>
    <t>Shabana Amin</t>
  </si>
  <si>
    <t>GGCMS PIR GHAIB P/O SHUJABAD</t>
  </si>
  <si>
    <t>Hilal Wajha</t>
  </si>
  <si>
    <t>jalal pur road ada peer gaib</t>
  </si>
  <si>
    <t>Gatton Wala</t>
  </si>
  <si>
    <t>GGPS DOGAL</t>
  </si>
  <si>
    <t>Dogal</t>
  </si>
  <si>
    <t>Government girls primary school Dougal</t>
  </si>
  <si>
    <t>Shazia Firdous</t>
  </si>
  <si>
    <t>GGPS CHAK 170/P</t>
  </si>
  <si>
    <t>170/p</t>
  </si>
  <si>
    <t>chak 170 0</t>
  </si>
  <si>
    <t>170 /p</t>
  </si>
  <si>
    <t>rukshana   khadim</t>
  </si>
  <si>
    <t>GPS KHUDIAN CHAK NO.41</t>
  </si>
  <si>
    <t>khudian chak 41</t>
  </si>
  <si>
    <t>Khudian Chak 41</t>
  </si>
  <si>
    <t>Tara Ghar Chak 44</t>
  </si>
  <si>
    <t>thabal ducha</t>
  </si>
  <si>
    <t>GGES BAHRI</t>
  </si>
  <si>
    <t>BAHRI</t>
  </si>
  <si>
    <t>GGES BAHRI P/O BAHRI TEHSIL PHALIA  DISTRICTM.B.DIN</t>
  </si>
  <si>
    <t>Mubeen Abbas</t>
  </si>
  <si>
    <t>GES 10/8-R, KACHA KHUH</t>
  </si>
  <si>
    <t>10/8-R</t>
  </si>
  <si>
    <t>chak no 10/8-R markaz makhdumpur tehsil &amp; district khanewal</t>
  </si>
  <si>
    <t>14/8-R</t>
  </si>
  <si>
    <t>GGPS DERA PIR MAHI</t>
  </si>
  <si>
    <t>Nokher</t>
  </si>
  <si>
    <t>Dera Pir Mahi p/o box Nokher Teh# N/Virkan District GRW</t>
  </si>
  <si>
    <t>Dera Peer Mahi</t>
  </si>
  <si>
    <t>Nikher</t>
  </si>
  <si>
    <t>Sumaira Boota</t>
  </si>
  <si>
    <t>GGPS GILL KALAN</t>
  </si>
  <si>
    <t>Gill Kalan p/o Ahmad Abad</t>
  </si>
  <si>
    <t>Anjum Yasmeen</t>
  </si>
  <si>
    <t>GGES WALAYAT ABAD</t>
  </si>
  <si>
    <t>Walaytabad</t>
  </si>
  <si>
    <t>VPO walaytabad tehsil kallar syedan distt rawalpindi</t>
  </si>
  <si>
    <t>Tayaba Parveen</t>
  </si>
  <si>
    <t>Gul Mhmd Lar</t>
  </si>
  <si>
    <t>GMPSBASTIQAZIAN Mrkz khanbela Female tehsl lqt pur District Ryk</t>
  </si>
  <si>
    <t>BASTIQAZIAN</t>
  </si>
  <si>
    <t>Syeda Gamo Bibi</t>
  </si>
  <si>
    <t>41945</t>
  </si>
  <si>
    <t>GGPS KHILRI</t>
  </si>
  <si>
    <t>village Khilri P/o khilri</t>
  </si>
  <si>
    <t>Tehzeeb-un-Nisa</t>
  </si>
  <si>
    <t>boring /motor</t>
  </si>
  <si>
    <t>GGPS KOT ARRIAN</t>
  </si>
  <si>
    <t>Kotaraiya</t>
  </si>
  <si>
    <t>kot ariyan</t>
  </si>
  <si>
    <t>Kot Arian</t>
  </si>
  <si>
    <t>Rohma Ashraf</t>
  </si>
  <si>
    <t>GPS TORANG MELA</t>
  </si>
  <si>
    <t>Narrah Taraf</t>
  </si>
  <si>
    <t>vpo nandrakabad the jand attock</t>
  </si>
  <si>
    <t>Torang Mela</t>
  </si>
  <si>
    <t>5541</t>
  </si>
  <si>
    <t>GGES CHAK NO 193/1-L</t>
  </si>
  <si>
    <t>193/1L</t>
  </si>
  <si>
    <t>Asma Hussain</t>
  </si>
  <si>
    <t>GGCMS 451/EB</t>
  </si>
  <si>
    <t>chak no 451 /e.b bhag wali lat</t>
  </si>
  <si>
    <t>Chak No 451 /eb</t>
  </si>
  <si>
    <t>Nighat Hussain</t>
  </si>
  <si>
    <t>GES CHAK NO.15 NB</t>
  </si>
  <si>
    <t>15 NB</t>
  </si>
  <si>
    <t>chak 15 NB</t>
  </si>
  <si>
    <t>Chak 15 NB</t>
  </si>
  <si>
    <t>Chak No 18NB</t>
  </si>
  <si>
    <t>43265</t>
  </si>
  <si>
    <t>GPS PINDI GUJRAN</t>
  </si>
  <si>
    <t>Pindi Gujran</t>
  </si>
  <si>
    <t>Village and Post Office Pindi Gujran</t>
  </si>
  <si>
    <t>kaleem javed aftab</t>
  </si>
  <si>
    <t>GMPS DHUBULA</t>
  </si>
  <si>
    <t>Dhabula</t>
  </si>
  <si>
    <t>GMPS Dhabula post office Harrar  Sialkot</t>
  </si>
  <si>
    <t>GGPS MODEL NOKHAR NAU</t>
  </si>
  <si>
    <t>Nokhar nou</t>
  </si>
  <si>
    <t>Abdul Razzaq Rehan</t>
  </si>
  <si>
    <t>GMPS BINI SULAHERIAN</t>
  </si>
  <si>
    <t>BINI SULEHRIAN</t>
  </si>
  <si>
    <t>GMPS BINI SULEHRIAN P.O. BINI SULEHRIAN TEHSIL PASRUR DISTRICT SIALKOT</t>
  </si>
  <si>
    <t>RIFFAT SARFRAZ</t>
  </si>
  <si>
    <t>GGPS BASTI JALAL</t>
  </si>
  <si>
    <t>chah jhangi vala oposite to new tahsil ps basti jalal</t>
  </si>
  <si>
    <t>Basti  Jhangi Vala</t>
  </si>
  <si>
    <t>GPS CHAK NO.14 MR P/O MAKHDOOM RASHID</t>
  </si>
  <si>
    <t>Chak No 14 Mr</t>
  </si>
  <si>
    <t>P/o khan pur marral district multan</t>
  </si>
  <si>
    <t>P/o Khan Pur Marral</t>
  </si>
  <si>
    <t>GPS DHOK RANJHA</t>
  </si>
  <si>
    <t>village dhok ranjha tehsil fateh jang</t>
  </si>
  <si>
    <t>Mehwish Bibi</t>
  </si>
  <si>
    <t>GGPS BELA ALI KHANAN NORTH</t>
  </si>
  <si>
    <t>ggps balia alikhanana kot umar draz</t>
  </si>
  <si>
    <t>Kot Umar Draz</t>
  </si>
  <si>
    <t>Farhat Rasheed</t>
  </si>
  <si>
    <t>GGES DERA MANAK</t>
  </si>
  <si>
    <t>Dara Manak</t>
  </si>
  <si>
    <t>muhala naseer Abad chenab nagar tehsil lalian district chiniot</t>
  </si>
  <si>
    <t>Mohammad Ali</t>
  </si>
  <si>
    <t>GGPS CHAK NO. 23 TDA</t>
  </si>
  <si>
    <t>Chak No 23 Tda</t>
  </si>
  <si>
    <t>Ggps chak no 23.tda p/o kohawar kalan tehsil darya khan distt bhakkar
.</t>
  </si>
  <si>
    <t>Chak Mo 23 Tda</t>
  </si>
  <si>
    <t>Tahira Shameem</t>
  </si>
  <si>
    <t>GPS CHAK 211 RB</t>
  </si>
  <si>
    <t>chak  no 211rb</t>
  </si>
  <si>
    <t>Faisal Tanveer Ali</t>
  </si>
  <si>
    <t>34896</t>
  </si>
  <si>
    <t>GGPS KOREY WALA JALALPUR PIRWALA</t>
  </si>
  <si>
    <t>moza motha shumali chah korray wala Tehsil jalalpur pirwala multan</t>
  </si>
  <si>
    <t>Korray Wala</t>
  </si>
  <si>
    <t>GPS NARALI JABBAIR</t>
  </si>
  <si>
    <t>Narali Jabair</t>
  </si>
  <si>
    <t>narali jabair Teh. Gujar Khan Distt. Rawalpindi</t>
  </si>
  <si>
    <t>Toseer Ahmed</t>
  </si>
  <si>
    <t>23251</t>
  </si>
  <si>
    <t>GMPS DOIAN</t>
  </si>
  <si>
    <t>Doian</t>
  </si>
  <si>
    <t>Village Doian post office dilawarpur tehsil kharian district gujrat</t>
  </si>
  <si>
    <t>Aafia Iqbal</t>
  </si>
  <si>
    <t>39819</t>
  </si>
  <si>
    <t>GPS DHERI MALHU</t>
  </si>
  <si>
    <t>Dheri malhu</t>
  </si>
  <si>
    <t>Village, dherimalhu, PO BOX, godhu, Tehsil Hassan abdal attock.</t>
  </si>
  <si>
    <t>12009</t>
  </si>
  <si>
    <t>GGPS MACHAR WALA</t>
  </si>
  <si>
    <t>chah machar wala</t>
  </si>
  <si>
    <t>Machar Wala</t>
  </si>
  <si>
    <t>GPS ASAR GILANI WALA</t>
  </si>
  <si>
    <t>assar Gillani wala Moza nawankot</t>
  </si>
  <si>
    <t>Dera Ghulam Muhammad Assar Wala</t>
  </si>
  <si>
    <t>RUBNAWAZ</t>
  </si>
  <si>
    <t>31487</t>
  </si>
  <si>
    <t>GGPS MODEL KOT NOOR SHAH</t>
  </si>
  <si>
    <t>kot noor shah tehsil ferozwala disst skp</t>
  </si>
  <si>
    <t>Ranabhtti</t>
  </si>
  <si>
    <t>Fouzia Siddique</t>
  </si>
  <si>
    <t>GGPS CHAH AHMAD WALA</t>
  </si>
  <si>
    <t>moza kot Sai Singh jhang</t>
  </si>
  <si>
    <t>GGPS KUTCHERY CHOWK</t>
  </si>
  <si>
    <t>Muhallah Karim Pura Gujrat</t>
  </si>
  <si>
    <t>Gharib Pura</t>
  </si>
  <si>
    <t>Bisma Siddique</t>
  </si>
  <si>
    <t>52681</t>
  </si>
  <si>
    <t>GGCMS QILA TARA SINGH</t>
  </si>
  <si>
    <t>Mahoota</t>
  </si>
  <si>
    <t>Asif abad dulywala darya khan road</t>
  </si>
  <si>
    <t>Shamshad Zahra</t>
  </si>
  <si>
    <t>GPS NAIN WALA</t>
  </si>
  <si>
    <t>nawan wadoo Wala</t>
  </si>
  <si>
    <t>Nawan Wadoo Wala</t>
  </si>
  <si>
    <t>GGPS NO.2 JHAWARIAN</t>
  </si>
  <si>
    <t>shahi masjad</t>
  </si>
  <si>
    <t>FARRUKH JABEEN</t>
  </si>
  <si>
    <t>GGES BOBKAN WALA</t>
  </si>
  <si>
    <t>Village and post office Boobkanwala, tehsil Daska</t>
  </si>
  <si>
    <t>Sumera Asghar</t>
  </si>
  <si>
    <t>GGPS JINNAH ABADI</t>
  </si>
  <si>
    <t>5 Marhla Skeem  near Khyban-e-Faiz</t>
  </si>
  <si>
    <t>5 Marhla Skeem</t>
  </si>
  <si>
    <t>GGPS NO.2 SHAHPUR CITY</t>
  </si>
  <si>
    <t>SHAHPUR CITY</t>
  </si>
  <si>
    <t>shahpur city mohallah kila wala</t>
  </si>
  <si>
    <t>Zarina  Akhtar</t>
  </si>
  <si>
    <t>GGPS MC MEHMDA</t>
  </si>
  <si>
    <t>Mehmada</t>
  </si>
  <si>
    <t>opposite canal colony mehmada</t>
  </si>
  <si>
    <t>Robina Qasir</t>
  </si>
  <si>
    <t>GGPS FAQIROO ARAIN</t>
  </si>
  <si>
    <t>Chaudhri</t>
  </si>
  <si>
    <t>chah khojy wala kot addu</t>
  </si>
  <si>
    <t>Chah Khojy Wala</t>
  </si>
  <si>
    <t>Chuhdhri</t>
  </si>
  <si>
    <t>Bushra Qadir</t>
  </si>
  <si>
    <t>GGPS DARI NO. 9</t>
  </si>
  <si>
    <t>Chuhdri</t>
  </si>
  <si>
    <t>chah pachar wala</t>
  </si>
  <si>
    <t>Chah Pachar Wala</t>
  </si>
  <si>
    <t>GUL SHAMIM</t>
  </si>
  <si>
    <t>GPS NAWAN GIRAN</t>
  </si>
  <si>
    <t>Nawan Giran, P.O chak jani, PD Khan, Jhelum</t>
  </si>
  <si>
    <t>49528</t>
  </si>
  <si>
    <t>GGPS NOON KALLU</t>
  </si>
  <si>
    <t>Noonklu</t>
  </si>
  <si>
    <t>noon kalu</t>
  </si>
  <si>
    <t>Noon Kalu</t>
  </si>
  <si>
    <t>GPS NO. 1 ADHI SARGAL</t>
  </si>
  <si>
    <t>VPO ADHI SARGAL TEHSIL NOOR PUR THAL DISTRICT  KHUSHAB</t>
  </si>
  <si>
    <t>GES CHAK 290 GB</t>
  </si>
  <si>
    <t>GGPS KAKU WALA (De-consolidated April-2016)</t>
  </si>
  <si>
    <t>Kaku Wala</t>
  </si>
  <si>
    <t>kaku wala</t>
  </si>
  <si>
    <t>Qaime Bharvana</t>
  </si>
  <si>
    <t>GPS KOTLI MAQBRA</t>
  </si>
  <si>
    <t>Kotli Maqbra</t>
  </si>
  <si>
    <t>kotli maqbra tehsil kamonky Gujranwala</t>
  </si>
  <si>
    <t>Muhammad Babar Khan</t>
  </si>
  <si>
    <t>GGCMS PURANA BUDHU ANA</t>
  </si>
  <si>
    <t>Budhuana</t>
  </si>
  <si>
    <t>govt.  girls community  model school purana  budhuana tehsil  shorkot</t>
  </si>
  <si>
    <t>GMPS SHERGHAR KALAN</t>
  </si>
  <si>
    <t>SHAIR GHAR KALAN</t>
  </si>
  <si>
    <t>SHAIR Ghar kalan</t>
  </si>
  <si>
    <t>SHAIR Ghar Kalan</t>
  </si>
  <si>
    <t>GGPS CHAK 453 ABADI KLASAN</t>
  </si>
  <si>
    <t>chak 453 abadi kalasan</t>
  </si>
  <si>
    <t>chak 453 Khandanwala</t>
  </si>
  <si>
    <t>18184</t>
  </si>
  <si>
    <t>GMPS NAWAN SHEHRA BUDHOANA</t>
  </si>
  <si>
    <t>gmps nawan shehar budhuana</t>
  </si>
  <si>
    <t>MEHBOOB MUSTAFA</t>
  </si>
  <si>
    <t>GGES CDG JUNIOR MODEL CENTRAL ROAD CHAH MIRAN</t>
  </si>
  <si>
    <t>Central Road Chah Miran Takiya Bhamy Shah</t>
  </si>
  <si>
    <t>central road chah miran</t>
  </si>
  <si>
    <t>Dhobi Ghat Chah Miran</t>
  </si>
  <si>
    <t>Shamim Shabeer</t>
  </si>
  <si>
    <t>GGPS SHERGHAR KHURD</t>
  </si>
  <si>
    <t>Shar Ghar</t>
  </si>
  <si>
    <t>GGPS SHAR GHAR KHURD</t>
  </si>
  <si>
    <t>Shair Ghar Khurd</t>
  </si>
  <si>
    <t>Faiza Shareef</t>
  </si>
  <si>
    <t>34099</t>
  </si>
  <si>
    <t>GGPS MARAHA BASTI CHAH DARKHAN WALA SHUJABAD</t>
  </si>
  <si>
    <t>GGPSMahra</t>
  </si>
  <si>
    <t>Rokan Hati</t>
  </si>
  <si>
    <t>Shahida Babar</t>
  </si>
  <si>
    <t>GGCMS GHULLA PUR, KOTMOMIN</t>
  </si>
  <si>
    <t>ghullapur</t>
  </si>
  <si>
    <t>Hajra Zafar</t>
  </si>
  <si>
    <t>GPS CHAH RAB NAWAZ WALA</t>
  </si>
  <si>
    <t>Dagger Kotali</t>
  </si>
  <si>
    <t>Chah Rab Nawaz wala</t>
  </si>
  <si>
    <t>Chah Rab Nawaz Wala</t>
  </si>
  <si>
    <t>Muhammad Ejaz Aamir</t>
  </si>
  <si>
    <t>GES PIRANA</t>
  </si>
  <si>
    <t>V.po.Pirana Teh.Pindigheb District Attock</t>
  </si>
  <si>
    <t>GPS BAIT THATHA SIALAN</t>
  </si>
  <si>
    <t>BAIT THATHA SIALAN</t>
  </si>
  <si>
    <t>THATHA SIALAN</t>
  </si>
  <si>
    <t>MURADABAD</t>
  </si>
  <si>
    <t>Ali Islam</t>
  </si>
  <si>
    <t>GPS 15/8-BR, TULAMBA</t>
  </si>
  <si>
    <t>chack no 15/8br</t>
  </si>
  <si>
    <t>158br</t>
  </si>
  <si>
    <t>GGES JANJATTAY</t>
  </si>
  <si>
    <t>Janjatey</t>
  </si>
  <si>
    <t>village janjatey adda plot raiwind road Lahore</t>
  </si>
  <si>
    <t>Jiabgga</t>
  </si>
  <si>
    <t>SAMIA KHURAM</t>
  </si>
  <si>
    <t>GGPS NOOR PUR PIRAN</t>
  </si>
  <si>
    <t>Noorpur Piran</t>
  </si>
  <si>
    <t>noorpur piran</t>
  </si>
  <si>
    <t>Sana Saeed</t>
  </si>
  <si>
    <t>chah yaroowala.daggar kotli shumali.teh mankera.dst bhakkar</t>
  </si>
  <si>
    <t>Yaroowala</t>
  </si>
  <si>
    <t>MISBAH NASEEM</t>
  </si>
  <si>
    <t>khokhar Isra Thal</t>
  </si>
  <si>
    <t>Chak no. 100-A/TDA Near Rajan shah station Tehsil Karor lal eason District Layyah</t>
  </si>
  <si>
    <t>Chalk No 100-A/TDA</t>
  </si>
  <si>
    <t>GGES KULAK</t>
  </si>
  <si>
    <t>Kulak</t>
  </si>
  <si>
    <t>village kulak post office raryala tehsil kharian district Gujrat</t>
  </si>
  <si>
    <t>Ansa Khanam</t>
  </si>
  <si>
    <t>GES TARIQ ABAD, KHANEWAL</t>
  </si>
  <si>
    <t>Tariqabad Khanewal</t>
  </si>
  <si>
    <t>25215</t>
  </si>
  <si>
    <t>GGPS DOGRAI KHURD</t>
  </si>
  <si>
    <t>Dograi Khurd</t>
  </si>
  <si>
    <t>GGPS dogarikhurd</t>
  </si>
  <si>
    <t>Bhengali</t>
  </si>
  <si>
    <t>Farhat Yamin</t>
  </si>
  <si>
    <t>81225</t>
  </si>
  <si>
    <t>paragon city</t>
  </si>
  <si>
    <t>GMPS CHAK NO. 20/G</t>
  </si>
  <si>
    <t>20/G</t>
  </si>
  <si>
    <t>Govt.model primary school 20/G</t>
  </si>
  <si>
    <t>Wajida Ramzan</t>
  </si>
  <si>
    <t>GGPS TEACHER COLONY</t>
  </si>
  <si>
    <t>Ghlwa No 1</t>
  </si>
  <si>
    <t>fateh pur road near stadium alipur</t>
  </si>
  <si>
    <t>Jenah Colony</t>
  </si>
  <si>
    <t>Aak Wala Basti</t>
  </si>
  <si>
    <t>zareena altaf</t>
  </si>
  <si>
    <t>43334</t>
  </si>
  <si>
    <t>GGPS DHOK PHULAH</t>
  </si>
  <si>
    <t>Dhoke Phullah</t>
  </si>
  <si>
    <t>Dhoke Phullah Dakhil Dhoke Kanial P.O Dhoke Loona</t>
  </si>
  <si>
    <t>Rabia Naeem</t>
  </si>
  <si>
    <t>GGPS BASTI AHMED SHAH WALI</t>
  </si>
  <si>
    <t>Maharishi Amanda Shah</t>
  </si>
  <si>
    <t>ggps basti Ahmad shah wali punjgrain darya khan Bhakkar</t>
  </si>
  <si>
    <t>Ahmad shah Wali</t>
  </si>
  <si>
    <t>Kaneez Ruqia</t>
  </si>
  <si>
    <t>GGES UDOWAL KHURD</t>
  </si>
  <si>
    <t>Udhowal Khurd</t>
  </si>
  <si>
    <t>post office udhowal khurd teh &amp; dist Gujrat</t>
  </si>
  <si>
    <t>Anjum Saqib</t>
  </si>
  <si>
    <t>GGPS DAR-UL-SADAR EAST</t>
  </si>
  <si>
    <t>darul Sadar East Chenab Nagar Teh. Lalian District Chiniot</t>
  </si>
  <si>
    <t>darul Sadar East</t>
  </si>
  <si>
    <t>Alia Nuzhat</t>
  </si>
  <si>
    <t>GES SWAI WALA</t>
  </si>
  <si>
    <t>Sawai wala Bahawalnagar</t>
  </si>
  <si>
    <t>44389</t>
  </si>
  <si>
    <t>GGES KALLAR WALA</t>
  </si>
  <si>
    <t>Muhammad  Parhar  PARHAR</t>
  </si>
  <si>
    <t>basti kallarwala, moza Muhammad Parhar tehsil and district muzaffargar</t>
  </si>
  <si>
    <t>Kallarwala</t>
  </si>
  <si>
    <t>Samina Bukhari</t>
  </si>
  <si>
    <t>38918</t>
  </si>
  <si>
    <t>GGPS ROOMIAN</t>
  </si>
  <si>
    <t>village roomian teh /dist Attock</t>
  </si>
  <si>
    <t>Fahmeeda Manzoor</t>
  </si>
  <si>
    <t>GPS KUND SHAMAS DIN NO 1</t>
  </si>
  <si>
    <t>Kund Shamas</t>
  </si>
  <si>
    <t>kund shamas p/o noora rath tehsil arifwala disst pakpattangp</t>
  </si>
  <si>
    <t>GGEMS SANTHAL</t>
  </si>
  <si>
    <t>Santhel</t>
  </si>
  <si>
    <t>v po santhel</t>
  </si>
  <si>
    <t>Saima Yousaf</t>
  </si>
  <si>
    <t>GGES CHAK 303 JB KATHORE KALAN</t>
  </si>
  <si>
    <t>Chak # 303 JB I</t>
  </si>
  <si>
    <t>GGES 303 JB KATHORE KALAN</t>
  </si>
  <si>
    <t>GPS SADIQ PUR</t>
  </si>
  <si>
    <t>govt primary school basti sadiq pur</t>
  </si>
  <si>
    <t>GGPS YARA  WALA</t>
  </si>
  <si>
    <t>yaray wala qadir abad younion councel no 1</t>
  </si>
  <si>
    <t>Rukhsana Nawaz</t>
  </si>
  <si>
    <t>GGPS HAJI JINDI</t>
  </si>
  <si>
    <t>tibba chandia</t>
  </si>
  <si>
    <t>GGPS MC QUTAB ABAD GUJRAT</t>
  </si>
  <si>
    <t>Qutab Abad</t>
  </si>
  <si>
    <t>qutab abad  gujrat</t>
  </si>
  <si>
    <t>Daswandipura</t>
  </si>
  <si>
    <t>46307</t>
  </si>
  <si>
    <t>GGPS MC FEROZ ABAD</t>
  </si>
  <si>
    <t>mohl rehmatabad sargodha road gurat</t>
  </si>
  <si>
    <t>Dasundipura</t>
  </si>
  <si>
    <t>GPS JHOKE ARBI</t>
  </si>
  <si>
    <t>Jhoke Arbi</t>
  </si>
  <si>
    <t>Mouza jhoke Arbi Multan</t>
  </si>
  <si>
    <t>Inayat Pur Mahotta</t>
  </si>
  <si>
    <t>Ashfaq Rasool</t>
  </si>
  <si>
    <t>GGPS BANJRA TEH TALAGANG</t>
  </si>
  <si>
    <t>vpo Banjra Teh Lawa Dist Chakwal</t>
  </si>
  <si>
    <t>GGPS BASTI HAJI SHAMS DIN</t>
  </si>
  <si>
    <t>83/p</t>
  </si>
  <si>
    <t>basti Haji shams din rahim yar khan</t>
  </si>
  <si>
    <t>Basti Haji shams Din</t>
  </si>
  <si>
    <t>GGCMS CHAK NO. 21/A</t>
  </si>
  <si>
    <t>Chk 21/A</t>
  </si>
  <si>
    <t>ch 23/A Liaquat pur</t>
  </si>
  <si>
    <t>GES TRIMU HEAD</t>
  </si>
  <si>
    <t>Dohin Muhammad</t>
  </si>
  <si>
    <t>mouza dohin muhammad canal colony trimu head teh dist jhang</t>
  </si>
  <si>
    <t>Canal Colony Trimu Head</t>
  </si>
  <si>
    <t>Allah Ditta Fayyaz</t>
  </si>
  <si>
    <t>GGPS ALLAH WASAYA</t>
  </si>
  <si>
    <t>g g p s basti Allah Wasaya</t>
  </si>
  <si>
    <t>Basti Allah Wasaya</t>
  </si>
  <si>
    <t>Rajian Pur</t>
  </si>
  <si>
    <t>Shabana Irshaad</t>
  </si>
  <si>
    <t>GGPS CHAK NO. 156 JB KHOKHAR</t>
  </si>
  <si>
    <t>Chak 156 Khokhar</t>
  </si>
  <si>
    <t>chak no.156 khokhar</t>
  </si>
  <si>
    <t>156 Khokhar</t>
  </si>
  <si>
    <t>NAHEED Akhter</t>
  </si>
  <si>
    <t>GPS BASTI PANWARAN</t>
  </si>
  <si>
    <t>moza mari wala basti panwaran po chani goth tehsil ahmed pur east district bahawalpur</t>
  </si>
  <si>
    <t>GGMES CHAK NO 234 JB</t>
  </si>
  <si>
    <t>Chak No 234 Jb</t>
  </si>
  <si>
    <t>chak no 234 jb bhowana chiniot</t>
  </si>
  <si>
    <t>GPS BELA MOHAL</t>
  </si>
  <si>
    <t>Bela Mohal</t>
  </si>
  <si>
    <t>Mouza Bela Mohal</t>
  </si>
  <si>
    <t>GGPS WARNI SHARIF</t>
  </si>
  <si>
    <t>warni shareef</t>
  </si>
  <si>
    <t>Ggps Warni Shareef</t>
  </si>
  <si>
    <t>Nadra Sultana</t>
  </si>
  <si>
    <t>54917</t>
  </si>
  <si>
    <t>GGPS BLOCK Y NST, SARGODHA</t>
  </si>
  <si>
    <t>Ggps y block N. S. T</t>
  </si>
  <si>
    <t>Y Block</t>
  </si>
  <si>
    <t>Anam Khalid</t>
  </si>
  <si>
    <t>GPS TAHOU</t>
  </si>
  <si>
    <t>Tahou</t>
  </si>
  <si>
    <t>Village Tahou P. O. Dalowali Tehsil Sialkot</t>
  </si>
  <si>
    <t>GPS DERA MUHAMMAD ALI</t>
  </si>
  <si>
    <t>Gps Dera Muhammad ali</t>
  </si>
  <si>
    <t>Kamran Naseem</t>
  </si>
  <si>
    <t>GPS CHAK NO. 25 MB</t>
  </si>
  <si>
    <t>23 MB</t>
  </si>
  <si>
    <t>chak No 25 MB Khushab</t>
  </si>
  <si>
    <t>25 MB</t>
  </si>
  <si>
    <t>GPS THILL</t>
  </si>
  <si>
    <t>GPS THILL vpo Thill Tehsil Pind Dadan Khan District Jhelum</t>
  </si>
  <si>
    <t>SHAHID ABBAS</t>
  </si>
  <si>
    <t>from local community</t>
  </si>
  <si>
    <t>49840</t>
  </si>
  <si>
    <t>GMPS NO.1 CHAK NO.130 NB</t>
  </si>
  <si>
    <t>Cahk no 130 NB</t>
  </si>
  <si>
    <t>Chak No 130 NB Teh. Sillanwali Distt.Sargodha</t>
  </si>
  <si>
    <t>Chak No 130 NB</t>
  </si>
  <si>
    <t>chak no 138 sB</t>
  </si>
  <si>
    <t>village Kundal p o Lilla teh pd Khan district. jhelum</t>
  </si>
  <si>
    <t>32714</t>
  </si>
  <si>
    <t>GGES CHAK NO. 15 GB SHAMSA</t>
  </si>
  <si>
    <t>Chak No15  Shamsa</t>
  </si>
  <si>
    <t>chak no.15 Shamsa</t>
  </si>
  <si>
    <t>Chak No15 Shamsa</t>
  </si>
  <si>
    <t>Zeb-un-Nisa</t>
  </si>
  <si>
    <t>GES SETTLITE TOWN NO.2 GULSHAN-E-IQBAL</t>
  </si>
  <si>
    <t>govt E/S GULSHAN Iqbal</t>
  </si>
  <si>
    <t>GULSHAN Iqbal</t>
  </si>
  <si>
    <t>City Aria</t>
  </si>
  <si>
    <t>GGPS KOT SARDAR SHAUKAT</t>
  </si>
  <si>
    <t>Kot Sardar Shaukat Ali</t>
  </si>
  <si>
    <t>Madeeha Mushtaque</t>
  </si>
  <si>
    <t>36822</t>
  </si>
  <si>
    <t>GMPS 8-KASSI JADEED, KABIRWALA</t>
  </si>
  <si>
    <t>8 Kasi Jadeed</t>
  </si>
  <si>
    <t>Govt model primary school 8 kasi jadeed</t>
  </si>
  <si>
    <t>Jamesbad</t>
  </si>
  <si>
    <t>GGPS BHULAY BANEWAL</t>
  </si>
  <si>
    <t>Bhullay Baniwal</t>
  </si>
  <si>
    <t>GPPS Bhullay Baniwal</t>
  </si>
  <si>
    <t>GPS BASTI ABDUL MAJEED</t>
  </si>
  <si>
    <t>GPS basti Abdul majeed, rajarhoo</t>
  </si>
  <si>
    <t>Basti Majeed</t>
  </si>
  <si>
    <t>Kulaab</t>
  </si>
  <si>
    <t>48479</t>
  </si>
  <si>
    <t>GGES CHAK NO.8 ML</t>
  </si>
  <si>
    <t>CHAK NO 8 ML BHALWAL</t>
  </si>
  <si>
    <t>Chak On 8 Ml</t>
  </si>
  <si>
    <t>Farzana Gulzar</t>
  </si>
  <si>
    <t>GMPS DONA KAREEM NAGAR</t>
  </si>
  <si>
    <t>basti Abdul kareem rahim yar khan</t>
  </si>
  <si>
    <t>Basti Abdul kareem</t>
  </si>
  <si>
    <t>GGES GHANOOLA</t>
  </si>
  <si>
    <t>Ghanoola</t>
  </si>
  <si>
    <t>GMES ghanoola dak khana khaas tehsil bhalwal district sargodha</t>
  </si>
  <si>
    <t>Chak 18NB</t>
  </si>
  <si>
    <t>Hira Farid</t>
  </si>
  <si>
    <t>GPS FAIZ-E-AM QAZAFI COLONY BADAMI BAGH</t>
  </si>
  <si>
    <t>Basti Bela Ram</t>
  </si>
  <si>
    <t>Qaddafi colony Badami Bagh lhr</t>
  </si>
  <si>
    <t>20 Larex Colony</t>
  </si>
  <si>
    <t>28896</t>
  </si>
  <si>
    <t>GGES KANDOO KHARA</t>
  </si>
  <si>
    <t>kandu khara</t>
  </si>
  <si>
    <t>Saliqa Dilnawaz</t>
  </si>
  <si>
    <t>GGPS MC KOCHA MIR MUHAMMAD HUSSAIN</t>
  </si>
  <si>
    <t>kucha al hussain Rahim Yar khan</t>
  </si>
  <si>
    <t>Anees Farooq</t>
  </si>
  <si>
    <t>basti inayat pur union council no 179</t>
  </si>
  <si>
    <t>Sameera Saeed</t>
  </si>
  <si>
    <t>GGPS KOT FAQEERA</t>
  </si>
  <si>
    <t>Kot Faqeera</t>
  </si>
  <si>
    <t>ggps kot faqeera moza kot faqeera sadiqabad rahimyar khan</t>
  </si>
  <si>
    <t>Mohammadpur</t>
  </si>
  <si>
    <t>electric motor3</t>
  </si>
  <si>
    <t>GMPS 153/10-R QADEEM, JAHANIAN</t>
  </si>
  <si>
    <t>153/10r</t>
  </si>
  <si>
    <t>chk no 153/10r</t>
  </si>
  <si>
    <t>GPS DONGGA KHETAR</t>
  </si>
  <si>
    <t>dongga khetar</t>
  </si>
  <si>
    <t>dongga khetar malot sattian</t>
  </si>
  <si>
    <t>WAJID YAQOOB</t>
  </si>
  <si>
    <t>GGPS TAJA BAJA</t>
  </si>
  <si>
    <t>taja baja</t>
  </si>
  <si>
    <t>village taja baja p o shams abad tehsil Hazro Attock</t>
  </si>
  <si>
    <t>shams abad</t>
  </si>
  <si>
    <t>Shazia Waheed</t>
  </si>
  <si>
    <t>GGPS KHAIR MUHAMMAD LAR</t>
  </si>
  <si>
    <t>dari akbar Ali sangi</t>
  </si>
  <si>
    <t>basti khair muhammad lar</t>
  </si>
  <si>
    <t>shakila nasir</t>
  </si>
  <si>
    <t>GPS MALHU SANGHOI</t>
  </si>
  <si>
    <t>Malhu</t>
  </si>
  <si>
    <t>post office malhu, tehsil &amp; dist jhelum.</t>
  </si>
  <si>
    <t>Noman Jabbar</t>
  </si>
  <si>
    <t>40010</t>
  </si>
  <si>
    <t>GGPS SAIDEN</t>
  </si>
  <si>
    <t>village saiden post office hatian tehsil hazro district attock</t>
  </si>
  <si>
    <t>Bhadur khan</t>
  </si>
  <si>
    <t>zubia shaheen</t>
  </si>
  <si>
    <t>GPS MANGHOT</t>
  </si>
  <si>
    <t>GPS manghot</t>
  </si>
  <si>
    <t>GMPS CHAK NO.138/A</t>
  </si>
  <si>
    <t>138/A</t>
  </si>
  <si>
    <t>chak  no.138 a</t>
  </si>
  <si>
    <t>138-a</t>
  </si>
  <si>
    <t>GPS KURI DOLAL P.O KURI DOLAL</t>
  </si>
  <si>
    <t>village and post off kuri dolal distt rawalpindi teh gujarkhan</t>
  </si>
  <si>
    <t>Tayyaba Tabassum</t>
  </si>
  <si>
    <t>GGES 106/10-R, JAHANIAN</t>
  </si>
  <si>
    <t>GGES 106/10-R JAHANIA</t>
  </si>
  <si>
    <t>Shakila Zubair</t>
  </si>
  <si>
    <t>52311</t>
  </si>
  <si>
    <t>GGES AWAN KALAN</t>
  </si>
  <si>
    <t>awan kalan</t>
  </si>
  <si>
    <t>AMTUL MATEEN</t>
  </si>
  <si>
    <t>GGES KHUDA</t>
  </si>
  <si>
    <t>village khudda teh Hassan abdall dis attock</t>
  </si>
  <si>
    <t>Sumaira Gull</t>
  </si>
  <si>
    <t>GGPS RAHMO WALA SHUJABAD</t>
  </si>
  <si>
    <t>GGPS Rahmoo wala. Post Office: Zarif Shaheed</t>
  </si>
  <si>
    <t>Rahmoo wala</t>
  </si>
  <si>
    <t>GGPS 95/D</t>
  </si>
  <si>
    <t>95/d</t>
  </si>
  <si>
    <t>Anila Riaz</t>
  </si>
  <si>
    <t>36037</t>
  </si>
  <si>
    <t>GGPS CHAK LANGAH</t>
  </si>
  <si>
    <t>chak Langah, chowk maitla, mailsi</t>
  </si>
  <si>
    <t>158w/b</t>
  </si>
  <si>
    <t>Ayesha Irshad</t>
  </si>
  <si>
    <t>GGPS CHAK NO.140/A</t>
  </si>
  <si>
    <t>ch140a</t>
  </si>
  <si>
    <t>govt girls primary school chack 140a</t>
  </si>
  <si>
    <t>azra naheed</t>
  </si>
  <si>
    <t>near by well</t>
  </si>
  <si>
    <t>54358</t>
  </si>
  <si>
    <t>GGPS RAM GARH GADAN</t>
  </si>
  <si>
    <t>Ram Garh Guddan</t>
  </si>
  <si>
    <t>GGPs Ram Garh guddan</t>
  </si>
  <si>
    <t>Ram Garh Gadan</t>
  </si>
  <si>
    <t>Farda Iram</t>
  </si>
  <si>
    <t>GGPS CHAK NO.139/A</t>
  </si>
  <si>
    <t>Chak No 139A</t>
  </si>
  <si>
    <t>Chak no 139A Liaquat pur Rahim yar khan</t>
  </si>
  <si>
    <t>chak No139A</t>
  </si>
  <si>
    <t>Batool Murtaza</t>
  </si>
  <si>
    <t>GGPS CHAK 360 GB TURBALA TOWN</t>
  </si>
  <si>
    <t>Chak No 360 gb Tarbela town</t>
  </si>
  <si>
    <t>GPS KAKHRI</t>
  </si>
  <si>
    <t>Kakhari</t>
  </si>
  <si>
    <t>GBPS kakhri near chakwal road mandra</t>
  </si>
  <si>
    <t>GGPS CHAK  NO    142 /A</t>
  </si>
  <si>
    <t>chak 142</t>
  </si>
  <si>
    <t>46/4</t>
  </si>
  <si>
    <t>Mariam Iftikhar</t>
  </si>
  <si>
    <t>GGES CHAK 150 GB</t>
  </si>
  <si>
    <t>Chak No 150 GB</t>
  </si>
  <si>
    <t>GGES150GB</t>
  </si>
  <si>
    <t>Chak No150gb</t>
  </si>
  <si>
    <t>Shama Parveen</t>
  </si>
  <si>
    <t>GGPS CHAK 265 GB MANGHALIAN WALA</t>
  </si>
  <si>
    <t>265gb</t>
  </si>
  <si>
    <t>chak no 265gb</t>
  </si>
  <si>
    <t>Saba Qamar</t>
  </si>
  <si>
    <t>GPS NATAL WALA</t>
  </si>
  <si>
    <t>Village Natal Wala Post office Wan bhachran teh &amp; dist Mianwali</t>
  </si>
  <si>
    <t>Natal Wala</t>
  </si>
  <si>
    <t>Muhammad Khlass</t>
  </si>
  <si>
    <t>GGES THARIAN</t>
  </si>
  <si>
    <t>siri raam pura</t>
  </si>
  <si>
    <t>Govt. girls elemantary school tharian</t>
  </si>
  <si>
    <t>tharian</t>
  </si>
  <si>
    <t>dhror muslim</t>
  </si>
  <si>
    <t>Farhin Shehzadi</t>
  </si>
  <si>
    <t>GGPS LANMBRAY</t>
  </si>
  <si>
    <t>Lanmbray</t>
  </si>
  <si>
    <t>village lanmbray tehsil muridke district sheikhupura</t>
  </si>
  <si>
    <t>Tasneem  Koser</t>
  </si>
  <si>
    <t>GPS KARNAB USMAN</t>
  </si>
  <si>
    <t>Krumb Usman</t>
  </si>
  <si>
    <t>GPS krumb usman</t>
  </si>
  <si>
    <t>Krumb Ilyas</t>
  </si>
  <si>
    <t>AtifSaleem</t>
  </si>
  <si>
    <t>GGPS 5/1R HAROON ABAD</t>
  </si>
  <si>
    <t>5/1R</t>
  </si>
  <si>
    <t>Chak no 5 /1.R, P. O Chak no 4/1.R, tehsil Haroonabad, district BWN</t>
  </si>
  <si>
    <t>53009</t>
  </si>
  <si>
    <t>GGES DHOOL CHOHAR</t>
  </si>
  <si>
    <t>dhool chohar</t>
  </si>
  <si>
    <t>GGES WARD NO.8 HASILPUR</t>
  </si>
  <si>
    <t>ward no 8</t>
  </si>
  <si>
    <t>GGES ward no 8</t>
  </si>
  <si>
    <t>city hasilpur</t>
  </si>
  <si>
    <t>GMPS 87/D</t>
  </si>
  <si>
    <t>87d</t>
  </si>
  <si>
    <t>chalk no 87d post office 85d</t>
  </si>
  <si>
    <t>32302</t>
  </si>
  <si>
    <t>GGPS UPPER BERGRAN</t>
  </si>
  <si>
    <t>Nehrgol</t>
  </si>
  <si>
    <t>moza nehrgol village upper birgran post office sehr bagla teh murree dist rawalpindi</t>
  </si>
  <si>
    <t>Upper Birgran</t>
  </si>
  <si>
    <t>Sehr bagla</t>
  </si>
  <si>
    <t>Mehwish Ishfaq</t>
  </si>
  <si>
    <t>private water connection</t>
  </si>
  <si>
    <t>GGES CHAK NO 19 GB NANKANA</t>
  </si>
  <si>
    <t>Chak No 19 GB</t>
  </si>
  <si>
    <t>chak  no 19 GB nns</t>
  </si>
  <si>
    <t>Chak No19 GB</t>
  </si>
  <si>
    <t>12 Chak Gharmula</t>
  </si>
  <si>
    <t>GGPS CHAK 14/FW HAKEEM WALA</t>
  </si>
  <si>
    <t>Chak 10 Fw</t>
  </si>
  <si>
    <t>chak 14 fw basti Hakeem Wala tehsil chishtian district Bhawalnagar</t>
  </si>
  <si>
    <t>Basti 14 Fw Hakeem Wala</t>
  </si>
  <si>
    <t>Asma Naheed</t>
  </si>
  <si>
    <t>GPS SONIK BELA JADEED</t>
  </si>
  <si>
    <t>Sonik Bela</t>
  </si>
  <si>
    <t>Moza Sonak Bela UC Dhor kot</t>
  </si>
  <si>
    <t>Adnan Ayaz</t>
  </si>
  <si>
    <t>GPS ABDUL KHALIQ FARASH</t>
  </si>
  <si>
    <t>GPS abdul khaliq frash</t>
  </si>
  <si>
    <t>Abdul Khaliq Frash</t>
  </si>
  <si>
    <t>GGPS PATTAL KALAN</t>
  </si>
  <si>
    <t>Patal Kalan</t>
  </si>
  <si>
    <t>patal kalan</t>
  </si>
  <si>
    <t>53371</t>
  </si>
  <si>
    <t>GGPS KOT SULTAN 19/GD</t>
  </si>
  <si>
    <t>chak #19/gd kot sultan</t>
  </si>
  <si>
    <t>19/kot Sultan</t>
  </si>
  <si>
    <t>24/gd</t>
  </si>
  <si>
    <t>Naimash parveen</t>
  </si>
  <si>
    <t>GGES SONDHA SINGH</t>
  </si>
  <si>
    <t>Qia Sondha Singh</t>
  </si>
  <si>
    <t>qila sondha singh</t>
  </si>
  <si>
    <t>Aziza Bibi</t>
  </si>
  <si>
    <t>25258</t>
  </si>
  <si>
    <t>GMPS CHAK MALO</t>
  </si>
  <si>
    <t>Chak Malo</t>
  </si>
  <si>
    <t>Post office gadarey district Sialkot.</t>
  </si>
  <si>
    <t>Shabana Arshed</t>
  </si>
  <si>
    <t>GMPS AMAN WALA NO. 1</t>
  </si>
  <si>
    <t>Aman Wala</t>
  </si>
  <si>
    <t>GMPS Aman wala</t>
  </si>
  <si>
    <t>52725</t>
  </si>
  <si>
    <t>GGPS BUTTIAN</t>
  </si>
  <si>
    <t>village battian p\ o hujra dist. okara</t>
  </si>
  <si>
    <t>Fozia Makkia</t>
  </si>
  <si>
    <t>52699</t>
  </si>
  <si>
    <t>GGPS QILA DEEWAN SINGH</t>
  </si>
  <si>
    <t>ggps qila Dewan Singh</t>
  </si>
  <si>
    <t>GGPS Mahtam</t>
  </si>
  <si>
    <t>Syeda Azwa Ijaz</t>
  </si>
  <si>
    <t>GGPS CHAK NO.12/F.W</t>
  </si>
  <si>
    <t>12/FW</t>
  </si>
  <si>
    <t>Chak No.12/FW</t>
  </si>
  <si>
    <t>58Fateh</t>
  </si>
  <si>
    <t>Sobia Kalsoom</t>
  </si>
  <si>
    <t>GGPS CHAK NO.13/F.W JONDAY WALI</t>
  </si>
  <si>
    <t>13/FW-B</t>
  </si>
  <si>
    <t>chak no 13/fw-b</t>
  </si>
  <si>
    <t>Chak No 13/FW-B</t>
  </si>
  <si>
    <t>GGPS EESAI COLONY HASILPUR</t>
  </si>
  <si>
    <t>Eesai colony hasilpur</t>
  </si>
  <si>
    <t>Eesai colony</t>
  </si>
  <si>
    <t>ward no 12</t>
  </si>
  <si>
    <t>GGPS CHAK NO.16/F.W-A</t>
  </si>
  <si>
    <t>Chak 16/FW-A</t>
  </si>
  <si>
    <t>Chak No.16/f.w , City Hasilpur , District Bahawalpur ,Punjab , Pakistan.</t>
  </si>
  <si>
    <t>16/FW-A</t>
  </si>
  <si>
    <t>26-58/f</t>
  </si>
  <si>
    <t>34089</t>
  </si>
  <si>
    <t>GGPS PARMAT STOP MUZA HALALWAJA</t>
  </si>
  <si>
    <t>Halalwaja</t>
  </si>
  <si>
    <t>g.g.p/s permat.</t>
  </si>
  <si>
    <t>Permat</t>
  </si>
  <si>
    <t>GGPS CHAK 30/3-R AB</t>
  </si>
  <si>
    <t>30/3rab</t>
  </si>
  <si>
    <t>chak no 30/3r tehseil HND Distric BWN</t>
  </si>
  <si>
    <t>30/3r AB</t>
  </si>
  <si>
    <t>basti Sultan pur</t>
  </si>
  <si>
    <t>Asifa Akhter</t>
  </si>
  <si>
    <t>28864</t>
  </si>
  <si>
    <t>GGPS VEERAM CHAK NO 4</t>
  </si>
  <si>
    <t>Veeram Ch#4</t>
  </si>
  <si>
    <t>veeram ch#4</t>
  </si>
  <si>
    <t>Veeram Ch #4</t>
  </si>
  <si>
    <t>Jagu Wala</t>
  </si>
  <si>
    <t>Robina Ismail</t>
  </si>
  <si>
    <t>GPS WAGA</t>
  </si>
  <si>
    <t>P/O Meray Shah Mauza Peeran Bhutta S D K R Y K</t>
  </si>
  <si>
    <t>WANGA</t>
  </si>
  <si>
    <t>GES MOHAR SHAIRF</t>
  </si>
  <si>
    <t>Mohar sharif</t>
  </si>
  <si>
    <t>45683</t>
  </si>
  <si>
    <t>GPS Khakhanwala Roda Thesil and Districts Khushab</t>
  </si>
  <si>
    <t>Muhammad Ayub Sabir</t>
  </si>
  <si>
    <t>GGPS PASRUR NO.2</t>
  </si>
  <si>
    <t>Moh. kakay zain pasrur</t>
  </si>
  <si>
    <t>Samina Sboohy</t>
  </si>
  <si>
    <t>GPS DERA GABULAN</t>
  </si>
  <si>
    <t>Dera Gabulan</t>
  </si>
  <si>
    <t>p/o box sardar garh tehseel nd dist rahim yar khan</t>
  </si>
  <si>
    <t>Ghulam Ajmeri</t>
  </si>
  <si>
    <t>GPS JHULKI</t>
  </si>
  <si>
    <t>Village Jhulki P. O. Saddar Cantt Sialkot</t>
  </si>
  <si>
    <t>GPS CHAK 90 RB I</t>
  </si>
  <si>
    <t>gps 90 rb</t>
  </si>
  <si>
    <t>90 Chitti</t>
  </si>
  <si>
    <t>Dhannuana</t>
  </si>
  <si>
    <t>Amir Waseem</t>
  </si>
  <si>
    <t>GGES ARA JASROTA</t>
  </si>
  <si>
    <t>Ara Jasrota</t>
  </si>
  <si>
    <t>village ara jasrota po box ara teh dina distt jhelum</t>
  </si>
  <si>
    <t>Iram Masood</t>
  </si>
  <si>
    <t>GPS MALOT</t>
  </si>
  <si>
    <t>malot</t>
  </si>
  <si>
    <t>MALOT</t>
  </si>
  <si>
    <t>Aliya Ashraf</t>
  </si>
  <si>
    <t>GGPS SARWAR CHUHAN</t>
  </si>
  <si>
    <t>Ggps sarwar chuhan basti khanpur charchra iqbal abad</t>
  </si>
  <si>
    <t>Basti Khanpur Charchra</t>
  </si>
  <si>
    <t>35106</t>
  </si>
  <si>
    <t>GGES 140 EB</t>
  </si>
  <si>
    <t>Chak 140 EB</t>
  </si>
  <si>
    <t>Chak 140 EB Burewala District Vehari</t>
  </si>
  <si>
    <t>140 EB</t>
  </si>
  <si>
    <t>kot janu ggps karim abad</t>
  </si>
  <si>
    <t>U me Habiba</t>
  </si>
  <si>
    <t>GPS ARA JASROTA</t>
  </si>
  <si>
    <t>ara jasrota</t>
  </si>
  <si>
    <t>p/o ara jasrota distt jhelum</t>
  </si>
  <si>
    <t>mughal  abad</t>
  </si>
  <si>
    <t>Aaisha Naveed</t>
  </si>
  <si>
    <t>15241</t>
  </si>
  <si>
    <t>GPS TIBBA RAJGAN</t>
  </si>
  <si>
    <t>Tibba Rajgan</t>
  </si>
  <si>
    <t>teh dina dist jhelum</t>
  </si>
  <si>
    <t>GGPS 50 KB</t>
  </si>
  <si>
    <t>chak # 50/kb burewala</t>
  </si>
  <si>
    <t>Chak # 50/kb</t>
  </si>
  <si>
    <t>Chak 50/kb</t>
  </si>
  <si>
    <t>Najma Riaz</t>
  </si>
  <si>
    <t>GGPS CHAK NO.126 NB MANGWANA</t>
  </si>
  <si>
    <t>Chak No126nb Mangwana</t>
  </si>
  <si>
    <t>chak no:126nb,chahmangwana</t>
  </si>
  <si>
    <t>Chak 126nb Mangwana</t>
  </si>
  <si>
    <t>Chak129nb</t>
  </si>
  <si>
    <t>Sadia Nasir</t>
  </si>
  <si>
    <t>GGPS BASTI DANGAR</t>
  </si>
  <si>
    <t>basti danger mozah alipur post office Abdul rehman rykhan</t>
  </si>
  <si>
    <t>Basti Dangar</t>
  </si>
  <si>
    <t>24957</t>
  </si>
  <si>
    <t>Sayddianwali</t>
  </si>
  <si>
    <t>GPS MANGAL SINGH WALA</t>
  </si>
  <si>
    <t>KOTWAR</t>
  </si>
  <si>
    <t>JODH SINGH</t>
  </si>
  <si>
    <t>GGES MAL LALU PASRUR</t>
  </si>
  <si>
    <t>Mal-la-lu</t>
  </si>
  <si>
    <t>Mal-la-lu pasrur</t>
  </si>
  <si>
    <t>Pasrur 1</t>
  </si>
  <si>
    <t>GGPS ALI SHER DOGRAN</t>
  </si>
  <si>
    <t>dera Ali sher dogran</t>
  </si>
  <si>
    <t>dera Ali sher dogar</t>
  </si>
  <si>
    <t>dera Ali sher dora</t>
  </si>
  <si>
    <t>GGPS CHAK NO 4 GHAGH</t>
  </si>
  <si>
    <t>4 Ghagh</t>
  </si>
  <si>
    <t>GGPS 4 ghagh</t>
  </si>
  <si>
    <t>ishrat sultana</t>
  </si>
  <si>
    <t>GMPS MALUKAL</t>
  </si>
  <si>
    <t>Malukal</t>
  </si>
  <si>
    <t>VPO: Malokal, Teh &amp; DIstt: Rawalpindi,</t>
  </si>
  <si>
    <t>Malokal</t>
  </si>
  <si>
    <t>from neghbours</t>
  </si>
  <si>
    <t>GPS MACH</t>
  </si>
  <si>
    <t>Mach</t>
  </si>
  <si>
    <t>Village Mach NAROWAL</t>
  </si>
  <si>
    <t>MACH</t>
  </si>
  <si>
    <t>Khurshid Khan</t>
  </si>
  <si>
    <t>GGES IMRAN ABAD</t>
  </si>
  <si>
    <t>gges imran abad</t>
  </si>
  <si>
    <t>32010</t>
  </si>
  <si>
    <t>GPS MAKKI NO. 525</t>
  </si>
  <si>
    <t>Makki 525</t>
  </si>
  <si>
    <t>GGES DHOK USSREE</t>
  </si>
  <si>
    <t>Usri</t>
  </si>
  <si>
    <t>usri vpo thoha mehram khan</t>
  </si>
  <si>
    <t>Thoha Mehrm Khan</t>
  </si>
  <si>
    <t>GGPS DHAMIAN</t>
  </si>
  <si>
    <t>p/o sarankey village dhamian</t>
  </si>
  <si>
    <t>Naureen Iqbal</t>
  </si>
  <si>
    <t>GGES 138/9-L OLD</t>
  </si>
  <si>
    <t>138/9 L old</t>
  </si>
  <si>
    <t>Chak No 138/9L old</t>
  </si>
  <si>
    <t>Chak No 138/9 L old</t>
  </si>
  <si>
    <t>Samina Zaidi</t>
  </si>
  <si>
    <t>GMPS  KHOKHARA KAMALANA</t>
  </si>
  <si>
    <t>GMPS Khokhra Kamlana</t>
  </si>
  <si>
    <t>GES HEER</t>
  </si>
  <si>
    <t>Heer</t>
  </si>
  <si>
    <t>Village Heer P.O. Sialkot Cantt</t>
  </si>
  <si>
    <t>MOHAMMAD JAMIL</t>
  </si>
  <si>
    <t>24971</t>
  </si>
  <si>
    <t>GGPS JALPOHAN WALI</t>
  </si>
  <si>
    <t>Jalphanwali</t>
  </si>
  <si>
    <t>village jalphonwali tehsil and district Sialkot</t>
  </si>
  <si>
    <t>Jalphonwali</t>
  </si>
  <si>
    <t>GGPS SHAHZAD PUR</t>
  </si>
  <si>
    <t>Adeela Arif</t>
  </si>
  <si>
    <t>GGPS JAGAAL</t>
  </si>
  <si>
    <t>vill jaggal p.o box Pindi amuluk teh.zafarwal dist. narowal</t>
  </si>
  <si>
    <t>GGPS NEW KANDAY WALI</t>
  </si>
  <si>
    <t>basti kandy wali</t>
  </si>
  <si>
    <t>GES MEENDAR WAL</t>
  </si>
  <si>
    <t>Meendarwal</t>
  </si>
  <si>
    <t>Village Meendarwal P. O. Dalowali Tehsil Sialkot</t>
  </si>
  <si>
    <t>GES SYED</t>
  </si>
  <si>
    <t>Village Syed post office Rerka Bala</t>
  </si>
  <si>
    <t>GGPS KHANI TAK</t>
  </si>
  <si>
    <t>Khani Tak</t>
  </si>
  <si>
    <t>GMPS Khani Tak Murree</t>
  </si>
  <si>
    <t>GGPS MAHAL KINGRA</t>
  </si>
  <si>
    <t>Mahal Kingra</t>
  </si>
  <si>
    <t>Mahal kingra</t>
  </si>
  <si>
    <t>Farah Diba</t>
  </si>
  <si>
    <t>GGCMS LILLA HINDWANA</t>
  </si>
  <si>
    <t>Lilla hindwana</t>
  </si>
  <si>
    <t>GGPS CHAK 261 GB II</t>
  </si>
  <si>
    <t>Chak No 26111gb</t>
  </si>
  <si>
    <t>chak no 261 gb11</t>
  </si>
  <si>
    <t>Chak No 261 Gb 11</t>
  </si>
  <si>
    <t>Chack No 184gb</t>
  </si>
  <si>
    <t>GPS SONA GOTH FFC</t>
  </si>
  <si>
    <t>Wahid Bukhsh Larr</t>
  </si>
  <si>
    <t>Basti Sona Goth, FFC, Sadiq Abad, Distt. Rahim Yar Khan</t>
  </si>
  <si>
    <t>40325</t>
  </si>
  <si>
    <t>6653</t>
  </si>
  <si>
    <t>GGPS KHADALI SHARIF</t>
  </si>
  <si>
    <t>KHADALI</t>
  </si>
  <si>
    <t>Khadali Sharif</t>
  </si>
  <si>
    <t>GPS HAMROOT MULTAN</t>
  </si>
  <si>
    <t>Hamrot</t>
  </si>
  <si>
    <t>Govt. primary school ,basti siyalan wali mouza hamrot, Multan</t>
  </si>
  <si>
    <t>Mouza Hamrot</t>
  </si>
  <si>
    <t>GPS WARA SIRAJ DIN</t>
  </si>
  <si>
    <t>Wara Qamar Din  DIN</t>
  </si>
  <si>
    <t>Wara Siraj Din Tehsil and District Bahawalnagar</t>
  </si>
  <si>
    <t>WARA SIRAJ DIN</t>
  </si>
  <si>
    <t>GPS HAIDER SHAH</t>
  </si>
  <si>
    <t>Basti Hayder Shah Mauza QasimKa p.o same Tehsil &amp; District Bahawalnagar</t>
  </si>
  <si>
    <t>Hayder Shah</t>
  </si>
  <si>
    <t>Qasim Ka</t>
  </si>
  <si>
    <t>GGES DURANI MODEL</t>
  </si>
  <si>
    <t>fatupura gujrat</t>
  </si>
  <si>
    <t>Shazia bashir</t>
  </si>
  <si>
    <t>GPS CHAK NO. 12 MB</t>
  </si>
  <si>
    <t>village &amp; p/o 12 Mb quaidabad</t>
  </si>
  <si>
    <t>Chak No 12 Mb</t>
  </si>
  <si>
    <t>GGES GHARTAL</t>
  </si>
  <si>
    <t>Ghartal Tehsil Sambrial sialkot</t>
  </si>
  <si>
    <t>basti bahadar wala qaimpur</t>
  </si>
  <si>
    <t>GGPS KUKAR PINDI</t>
  </si>
  <si>
    <t>Kukur Pindi</t>
  </si>
  <si>
    <t>village kukur pindi</t>
  </si>
  <si>
    <t>Dolt Pur</t>
  </si>
  <si>
    <t>Sara Ambreen</t>
  </si>
  <si>
    <t>GGPS KOTLI DHUDIAN</t>
  </si>
  <si>
    <t>Kotli Dhudian</t>
  </si>
  <si>
    <t>kotli dhudian post office chobara tehsil pasrur district Sialkot</t>
  </si>
  <si>
    <t>GPS CHAK NO.194/1-L</t>
  </si>
  <si>
    <t>194/1L</t>
  </si>
  <si>
    <t>chak no.194/1L tehsil Liaquat pur dist Rahi yar khan</t>
  </si>
  <si>
    <t>GGPS SABAL PUR</t>
  </si>
  <si>
    <t>Sabalpur</t>
  </si>
  <si>
    <t>ggps sabal pur pasrur sialkot</t>
  </si>
  <si>
    <t>Sabal Pur</t>
  </si>
  <si>
    <t>Zobia Rasheed</t>
  </si>
  <si>
    <t>GGPS BLASRANWALA</t>
  </si>
  <si>
    <t>Bhalasranwala</t>
  </si>
  <si>
    <t>Waraichanwala</t>
  </si>
  <si>
    <t>Shamsa Kanwel</t>
  </si>
  <si>
    <t>GPS CHAK NO. 2 RM</t>
  </si>
  <si>
    <t>shafi colony mankera</t>
  </si>
  <si>
    <t>GPS KOTLA JAGIR</t>
  </si>
  <si>
    <t>Kotla Jagir</t>
  </si>
  <si>
    <t>gov p/s kotla jagir khushab</t>
  </si>
  <si>
    <t>41198</t>
  </si>
  <si>
    <t>GGPS HAIL JAMERI</t>
  </si>
  <si>
    <t>p.o samblah village hail jumeri tehsil kahuta district rawalpindi</t>
  </si>
  <si>
    <t>Hail Jumeri</t>
  </si>
  <si>
    <t>Khadiyot</t>
  </si>
  <si>
    <t>Saleha Naz</t>
  </si>
  <si>
    <t>GCMPS 25-A/10-R KACHA KHUH</t>
  </si>
  <si>
    <t>25A/10R</t>
  </si>
  <si>
    <t>Saima Chaudri</t>
  </si>
  <si>
    <t>GMES SULTAN MEHMOOD, SARAI SIDHU (UPGRADED SED L#S.O(B-1)KHANEWAL/2017 DATED 03-11-2017)</t>
  </si>
  <si>
    <t>Chak Sultan Mehood</t>
  </si>
  <si>
    <t>Moza chak sultan mehmood</t>
  </si>
  <si>
    <t>Chak Sultan Mehmood</t>
  </si>
  <si>
    <t>GGPS MAST PUR</t>
  </si>
  <si>
    <t>mastpur po malaney pasrur</t>
  </si>
  <si>
    <t>GGES SOAR</t>
  </si>
  <si>
    <t>vill n po sore teh kahuta distt rwp</t>
  </si>
  <si>
    <t>Maryem Atta</t>
  </si>
  <si>
    <t>GPS YASEEN GUJJAR WALA (NEW)</t>
  </si>
  <si>
    <t>nawan kot</t>
  </si>
  <si>
    <t>chan wala kho moza nawan kot tehsil chobara distt layyah</t>
  </si>
  <si>
    <t>chan wala kho</t>
  </si>
  <si>
    <t>GGPS CHAH MUTTAN WALA W-8</t>
  </si>
  <si>
    <t>Muttan wala</t>
  </si>
  <si>
    <t>muhallah chah muttan wala kamalia</t>
  </si>
  <si>
    <t>Anjum  gulzar</t>
  </si>
  <si>
    <t>GGPS CHAK NO. 303/HR</t>
  </si>
  <si>
    <t>Chak No 303/HR</t>
  </si>
  <si>
    <t>Chak No 303/HR ,Tehsile: Fortabbas, District: Bahawalnagar</t>
  </si>
  <si>
    <t>GMPS MUIT WALA</t>
  </si>
  <si>
    <t>Mat wala teh  MinchinAbad  BWN</t>
  </si>
  <si>
    <t>22681</t>
  </si>
  <si>
    <t>P.O.Box Dullanwala</t>
  </si>
  <si>
    <t>Machaina</t>
  </si>
  <si>
    <t>GES PIR BAROO</t>
  </si>
  <si>
    <t>Government Elementary school for Boys Pir Baroo Sharif</t>
  </si>
  <si>
    <t>Chak #300 TDA P/O Pir Baroo Tehsil Choubara Distri</t>
  </si>
  <si>
    <t>GMPS CHAK NO 223/9-R</t>
  </si>
  <si>
    <t>Chak No 223 /9R</t>
  </si>
  <si>
    <t>G.M.P.School 223/9R</t>
  </si>
  <si>
    <t>223 /9R</t>
  </si>
  <si>
    <t>213 /9R</t>
  </si>
  <si>
    <t>Gul Afshan</t>
  </si>
  <si>
    <t>GGPS CHAK NO 256/HR</t>
  </si>
  <si>
    <t>256/HL</t>
  </si>
  <si>
    <t>chak No.256/HL</t>
  </si>
  <si>
    <t>133 Chak No260-HR</t>
  </si>
  <si>
    <t>Fouzia Andleeb</t>
  </si>
  <si>
    <t>GGPS CHAK NO 226/9-R</t>
  </si>
  <si>
    <t>chak 226-9R, Tehsil Fort Abbas, District Bhawalnagar</t>
  </si>
  <si>
    <t>GGES CHAK NO 221/9-R</t>
  </si>
  <si>
    <t>chak 221/9R</t>
  </si>
  <si>
    <t>Shazia Muzaffar</t>
  </si>
  <si>
    <t>GGPS ABDUL REHMAN</t>
  </si>
  <si>
    <t>GGPS p/s Basti Abdul rehman</t>
  </si>
  <si>
    <t>GMPS DULCHEKAY NO.1</t>
  </si>
  <si>
    <t>village Dulchikay near Ugoki Tehsil and District Sialkot</t>
  </si>
  <si>
    <t>Asia Nawaz</t>
  </si>
  <si>
    <t>14852</t>
  </si>
  <si>
    <t>GGES MUJAHID GANGAL</t>
  </si>
  <si>
    <t>mujahid gangal</t>
  </si>
  <si>
    <t>village and po mujahid gangal rawalpindi</t>
  </si>
  <si>
    <t>basali</t>
  </si>
  <si>
    <t>GPS PIR BUX LANJWANI</t>
  </si>
  <si>
    <t>SafdarAbad</t>
  </si>
  <si>
    <t>GPS peer Baksh Lanjwani Chuck SafdarAbad Abad</t>
  </si>
  <si>
    <t>Peer Baksh Lanjwani</t>
  </si>
  <si>
    <t>GGPS CHAK NO.4/NP</t>
  </si>
  <si>
    <t>Chak No 4/N.P Teh SDK Dist RYK</t>
  </si>
  <si>
    <t>Chak 4/NP</t>
  </si>
  <si>
    <t>Zeenat Shabbir</t>
  </si>
  <si>
    <t>40512</t>
  </si>
  <si>
    <t>GMPS THATHI</t>
  </si>
  <si>
    <t>41257</t>
  </si>
  <si>
    <t>GGES THATHI SYEDAN</t>
  </si>
  <si>
    <t>Tathi Seydan</t>
  </si>
  <si>
    <t>Post Office hothla Village tathi Seydan TEHSIL KAHUTA DISTRICT RAWALPINDI</t>
  </si>
  <si>
    <t>Tathi I Seydan</t>
  </si>
  <si>
    <t>GGPS KHIDO WALI</t>
  </si>
  <si>
    <t>Khidowali</t>
  </si>
  <si>
    <t>Khidowali  p/oDugrianwali  Tehsil  Pasrur  Distt   Sialkot</t>
  </si>
  <si>
    <t>Faiza Ismail</t>
  </si>
  <si>
    <t>39183</t>
  </si>
  <si>
    <t>GGPS PAGH</t>
  </si>
  <si>
    <t>Village Pagh post office kot Fateh Khan tehsil Fateh jang district Attock</t>
  </si>
  <si>
    <t>50425</t>
  </si>
  <si>
    <t>GPS MOHRA MANDO</t>
  </si>
  <si>
    <t>GBPS Mohra Mando p.o Mandra Teh Gujar khan Dist Rwp</t>
  </si>
  <si>
    <t>Mohra Mando</t>
  </si>
  <si>
    <t>Hamid Latif</t>
  </si>
  <si>
    <t>22611</t>
  </si>
  <si>
    <t>GGPS MEHMOOD CHIMNA</t>
  </si>
  <si>
    <t>Mehmood Chimna</t>
  </si>
  <si>
    <t>village mehmood chimna p/o dali banth tehsil and district gujrat</t>
  </si>
  <si>
    <t>GGPS KNADANI</t>
  </si>
  <si>
    <t>GGPS Kandani P\0 Notak</t>
  </si>
  <si>
    <t>GPS DIGI MOHALAH FORT ABBAS (TANZEEM)</t>
  </si>
  <si>
    <t>Digi Muhalah</t>
  </si>
  <si>
    <t>digi Muhalah fortabbas</t>
  </si>
  <si>
    <t>Digi Muhala</t>
  </si>
  <si>
    <t>M C Fts</t>
  </si>
  <si>
    <t>GGES FAITEH PUR KAMALIA</t>
  </si>
  <si>
    <t>GGESFATEH pur kamalia</t>
  </si>
  <si>
    <t>GGES GHUNGRILA</t>
  </si>
  <si>
    <t>VPO Ghungrilla Tehsil Gujar Khan</t>
  </si>
  <si>
    <t>Saba Fakhri</t>
  </si>
  <si>
    <t>37857</t>
  </si>
  <si>
    <t>GMPS 148/10-R TARIQ ABAD, JAHANIAN</t>
  </si>
  <si>
    <t>148/10R Tariqabad</t>
  </si>
  <si>
    <t>148/10R tariqabad</t>
  </si>
  <si>
    <t>148/10RTriqabad</t>
  </si>
  <si>
    <t>Mussarat Khalida</t>
  </si>
  <si>
    <t>GGPS 149/10-R, JAHANIAN</t>
  </si>
  <si>
    <t>Govt. Girls Primary School chak no 149/10-R</t>
  </si>
  <si>
    <t>Nighat Sarfraz</t>
  </si>
  <si>
    <t>Bindaor</t>
  </si>
  <si>
    <t>Niazi Colony street no 4</t>
  </si>
  <si>
    <t>Niazi Colony</t>
  </si>
  <si>
    <t>DEH</t>
  </si>
  <si>
    <t>GGPS DASTGEER COLONY NO. 1</t>
  </si>
  <si>
    <t>Dastageer Colony 01</t>
  </si>
  <si>
    <t>dastageer colony 02</t>
  </si>
  <si>
    <t>Dastageer Colony 02</t>
  </si>
  <si>
    <t>Mc R Y Khan -D</t>
  </si>
  <si>
    <t>khalida munwar</t>
  </si>
  <si>
    <t>49529</t>
  </si>
  <si>
    <t>GGES ICHHAR</t>
  </si>
  <si>
    <t>g.g.e.s.ichhar</t>
  </si>
  <si>
    <t>Salim Abad</t>
  </si>
  <si>
    <t>Asima Naheed</t>
  </si>
  <si>
    <t>GGPS BHANI AWAN</t>
  </si>
  <si>
    <t>GGPS Bhani Awan</t>
  </si>
  <si>
    <t>54227</t>
  </si>
  <si>
    <t>GGPS RAFIQUI ROAD Shorkot Cannt</t>
  </si>
  <si>
    <t>ggps rafiqui road cantt</t>
  </si>
  <si>
    <t>GGPS 102/D</t>
  </si>
  <si>
    <t>102 D</t>
  </si>
  <si>
    <t>g g p s 102 d</t>
  </si>
  <si>
    <t>96 D</t>
  </si>
  <si>
    <t>Rabia Mustafa</t>
  </si>
  <si>
    <t>11559</t>
  </si>
  <si>
    <t>GGPS MEERAL WASA</t>
  </si>
  <si>
    <t>Meeral Wasa</t>
  </si>
  <si>
    <t>basti illahi bukhush mouza meeral wasa</t>
  </si>
  <si>
    <t>Nageena Fardous</t>
  </si>
  <si>
    <t>GGPS CM LASU CHAK</t>
  </si>
  <si>
    <t>LASU CHAK</t>
  </si>
  <si>
    <t>village LASU CHAK Post Office Sadnayal</t>
  </si>
  <si>
    <t>Nargis Akhtar</t>
  </si>
  <si>
    <t>GGPS BASTI MOLA BAKHSH</t>
  </si>
  <si>
    <t>Chack 75 P</t>
  </si>
  <si>
    <t>Chack 75 P Gharbi</t>
  </si>
  <si>
    <t>Chack 75 P GHARBI</t>
  </si>
  <si>
    <t>GPS PINDI KORA</t>
  </si>
  <si>
    <t>Narah Shumali</t>
  </si>
  <si>
    <t>pindi kora tehsil &amp;distric Khushab</t>
  </si>
  <si>
    <t>GGPS CHAK MIRDA</t>
  </si>
  <si>
    <t>Chak Mirda</t>
  </si>
  <si>
    <t>Chak Mirda p.o chobara teh pasrur dist sialkot</t>
  </si>
  <si>
    <t>Pundi Bhago</t>
  </si>
  <si>
    <t>GGPS CHOWK BAHADAR PUR</t>
  </si>
  <si>
    <t>ggps bahadarpur</t>
  </si>
  <si>
    <t>Adila Mushtaq</t>
  </si>
  <si>
    <t>GPS CHAK GHULAM MUHAMMAD-WEST</t>
  </si>
  <si>
    <t>mouza chak ghulam Muhammad kot ahmad year bahawalnagar</t>
  </si>
  <si>
    <t>GMPS CHAK NO 154 JB</t>
  </si>
  <si>
    <t>Chak No 154</t>
  </si>
  <si>
    <t>chak no 154 ludhyana</t>
  </si>
  <si>
    <t>Ludhyana</t>
  </si>
  <si>
    <t>Faiz Batool</t>
  </si>
  <si>
    <t>GGPS CHAK MOODA</t>
  </si>
  <si>
    <t>Mooda</t>
  </si>
  <si>
    <t>Chak mooda</t>
  </si>
  <si>
    <t>Shahida Shaban</t>
  </si>
  <si>
    <t>50602</t>
  </si>
  <si>
    <t>GGPS 30/14-L</t>
  </si>
  <si>
    <t>30/14.L Tehsil CCI District sahiwal</t>
  </si>
  <si>
    <t>GMPS BURAKAY</t>
  </si>
  <si>
    <t>Burakay</t>
  </si>
  <si>
    <t>Burakay Pasrur</t>
  </si>
  <si>
    <t>Mcp Pasrur</t>
  </si>
  <si>
    <t>Kishwar</t>
  </si>
  <si>
    <t>48132</t>
  </si>
  <si>
    <t>GGES CHAK NO.3 NB</t>
  </si>
  <si>
    <t>Chak 3 Nb</t>
  </si>
  <si>
    <t>Chak 10 Ml</t>
  </si>
  <si>
    <t>Nusrat Raheel</t>
  </si>
  <si>
    <t>GGES JINNAH ISLAMIA MOHNI ROAD</t>
  </si>
  <si>
    <t>mohni road lahore</t>
  </si>
  <si>
    <t>Peer Maki</t>
  </si>
  <si>
    <t>Farah Rafique</t>
  </si>
  <si>
    <t>GPS MATLAY</t>
  </si>
  <si>
    <t>Matlay</t>
  </si>
  <si>
    <t>GPS Matlay Markaz Badiana Teh Pasrur</t>
  </si>
  <si>
    <t>GPS CHAK 696/38 GB</t>
  </si>
  <si>
    <t>Hasan Abad</t>
  </si>
  <si>
    <t>GPS 696\38gb</t>
  </si>
  <si>
    <t>Chak 696/38gb</t>
  </si>
  <si>
    <t>Chak 694 Gb</t>
  </si>
  <si>
    <t>Asghar Ali Quyyum</t>
  </si>
  <si>
    <t>GGPS PHULLA</t>
  </si>
  <si>
    <t>Phula</t>
  </si>
  <si>
    <t>village phulla Po Takhatpur tehsil pasrur district Sialkot</t>
  </si>
  <si>
    <t>Khalida Nabila</t>
  </si>
  <si>
    <t>26411</t>
  </si>
  <si>
    <t>GGPS BHAI PUR</t>
  </si>
  <si>
    <t>Bhai Pur</t>
  </si>
  <si>
    <t>nomana siddique moh/ sharifpura near umer mosque shakargarh</t>
  </si>
  <si>
    <t>Nomana Siddique</t>
  </si>
  <si>
    <t>GHS CDG WAHDAT COLONY</t>
  </si>
  <si>
    <t>G block wahdat colony Lahore</t>
  </si>
  <si>
    <t>GGPS KOTLI VIRKAN</t>
  </si>
  <si>
    <t>Kotli Virkan</t>
  </si>
  <si>
    <t>p/o dhoda teh/pasrur dis/Sialkot village kotli virkan</t>
  </si>
  <si>
    <t>Tasneem Kusar</t>
  </si>
  <si>
    <t>GGPS CHAK BHARAIN</t>
  </si>
  <si>
    <t>Chak Bharain</t>
  </si>
  <si>
    <t>GGPS chak bharain</t>
  </si>
  <si>
    <t>Summra Shaheen</t>
  </si>
  <si>
    <t>GGPS CHAK NO.14 GB HEARGARH</t>
  </si>
  <si>
    <t>Chak#14</t>
  </si>
  <si>
    <t>chak#14</t>
  </si>
  <si>
    <t>Chak# 14</t>
  </si>
  <si>
    <t>Chak# 13 Randhir</t>
  </si>
  <si>
    <t>GPS MOTI PUR</t>
  </si>
  <si>
    <t>Shehbazpur</t>
  </si>
  <si>
    <t>Basti Motipur</t>
  </si>
  <si>
    <t>Motipur</t>
  </si>
  <si>
    <t>Mihammad Afzal</t>
  </si>
  <si>
    <t>GGES CHAK NO 13 DB</t>
  </si>
  <si>
    <t>Chak No 13 DB</t>
  </si>
  <si>
    <t>Vichween Bala</t>
  </si>
  <si>
    <t>Mehwish Nasim</t>
  </si>
  <si>
    <t>GGPS ALI PUR MASROOR SKG</t>
  </si>
  <si>
    <t>GGPS WARD NO. 2</t>
  </si>
  <si>
    <t>Ggps ward no 2 pindi gheb</t>
  </si>
  <si>
    <t>GMPS SARDAR WALA</t>
  </si>
  <si>
    <t>370 Sardarwala</t>
  </si>
  <si>
    <t>370 Srdarwala</t>
  </si>
  <si>
    <t>Sardarwala</t>
  </si>
  <si>
    <t>Hanifa  Bibi</t>
  </si>
  <si>
    <t>39372</t>
  </si>
  <si>
    <t>GGPS PARRI</t>
  </si>
  <si>
    <t>parri</t>
  </si>
  <si>
    <t>Shehnaz Akhtr</t>
  </si>
  <si>
    <t>GPS TIBBA CHANAWAR</t>
  </si>
  <si>
    <t>Mc Darya Khan</t>
  </si>
  <si>
    <t>gps tibba chanawar tehsil darya khan distt.bhakkar</t>
  </si>
  <si>
    <t>Tibba Chanawar</t>
  </si>
  <si>
    <t>MC Darya khan</t>
  </si>
  <si>
    <t>GGPS DHOONDAY SHAH</t>
  </si>
  <si>
    <t>G G P/s Dhunday Shah</t>
  </si>
  <si>
    <t>Darbar Dhunday Shah</t>
  </si>
  <si>
    <t>Thatta Mohammad Shah</t>
  </si>
  <si>
    <t>Bilqis Akhter</t>
  </si>
  <si>
    <t>GGPS JOHRRAN WALI</t>
  </si>
  <si>
    <t>school jhodran wali basti rawan wali,qazi wala qureshiaan ,post office dunga bunga tehsil and district bahawalnagar</t>
  </si>
  <si>
    <t>Jhodran Wali</t>
  </si>
  <si>
    <t>Masud Parveen</t>
  </si>
  <si>
    <t>39774</t>
  </si>
  <si>
    <t>GPS KOT CHHAJI NO.2</t>
  </si>
  <si>
    <t>vpo kot chhajji</t>
  </si>
  <si>
    <t>Asma Riaz</t>
  </si>
  <si>
    <t>GGES GARRAY WALA</t>
  </si>
  <si>
    <t>Garay wala ,P/O Usman wala, Teh  Chunian Distt Kasur.</t>
  </si>
  <si>
    <t>Ruqia Hassan</t>
  </si>
  <si>
    <t>GGPS BASTI EHSAN TUKRA NO.1</t>
  </si>
  <si>
    <t>ggpsbastiahsanno1bwn</t>
  </si>
  <si>
    <t>BASITAHSAN NO 1</t>
  </si>
  <si>
    <t>Fateh kot</t>
  </si>
  <si>
    <t>GGMES GADARI</t>
  </si>
  <si>
    <t>Gadari</t>
  </si>
  <si>
    <t>Mehmoona Khalid</t>
  </si>
  <si>
    <t>33104</t>
  </si>
  <si>
    <t>GGCMS BHAGWAN PURA CHAK 4/GB</t>
  </si>
  <si>
    <t>4 Chak</t>
  </si>
  <si>
    <t>bhagwan. pura chak # 4</t>
  </si>
  <si>
    <t>GGCMS Bhagwan pura Chak 4</t>
  </si>
  <si>
    <t>Bhawan Pura Chak 4</t>
  </si>
  <si>
    <t>Shamim Akthar</t>
  </si>
  <si>
    <t>GGPS CHAK NO.16 GB BADOMUTTA</t>
  </si>
  <si>
    <t>Chak16</t>
  </si>
  <si>
    <t>Chak 12</t>
  </si>
  <si>
    <t>Farkhanda Khalil</t>
  </si>
  <si>
    <t>Arran Wala</t>
  </si>
  <si>
    <t>GGPS sultanpura</t>
  </si>
  <si>
    <t>Samreen Maqsood</t>
  </si>
  <si>
    <t>GMPS FATAH PUR</t>
  </si>
  <si>
    <t>FATTAHPUR</t>
  </si>
  <si>
    <t>village FATTAHPUR</t>
  </si>
  <si>
    <t>Takthpur</t>
  </si>
  <si>
    <t>GPS MIDH RANJHA</t>
  </si>
  <si>
    <t>gps midh ranjha</t>
  </si>
  <si>
    <t>Midh  Ranjha</t>
  </si>
  <si>
    <t>shams ul hassan</t>
  </si>
  <si>
    <t>GGES 188/P</t>
  </si>
  <si>
    <t>Chak No 188/p</t>
  </si>
  <si>
    <t>chak no 188/p</t>
  </si>
  <si>
    <t>chak no 160/p</t>
  </si>
  <si>
    <t>Naeema Nazir</t>
  </si>
  <si>
    <t>GGES HAMZA GHOUS</t>
  </si>
  <si>
    <t>Hamza Ghous Sialkot</t>
  </si>
  <si>
    <t>Samina Idrees</t>
  </si>
  <si>
    <t>village wahga,tehsile pasrur</t>
  </si>
  <si>
    <t>Hafiza Sehrish Rana</t>
  </si>
  <si>
    <t>GGPS ABADI SANDI</t>
  </si>
  <si>
    <t>GGPS Abadi Sandhi</t>
  </si>
  <si>
    <t>Abadi Sandhi</t>
  </si>
  <si>
    <t>KOMAL KHAN</t>
  </si>
  <si>
    <t>GGPS DHAKUAN WALA</t>
  </si>
  <si>
    <t>GGPS Dhakuanwala</t>
  </si>
  <si>
    <t>Mussrat Perveen</t>
  </si>
  <si>
    <t>50605</t>
  </si>
  <si>
    <t>GGPS 33/14-L</t>
  </si>
  <si>
    <t>33 / 14L</t>
  </si>
  <si>
    <t>33 / 14.L Tehsil chichawatni District sahiwal</t>
  </si>
  <si>
    <t>Hafiza Iqra Yousaf</t>
  </si>
  <si>
    <t>GGPS THUL JANAN</t>
  </si>
  <si>
    <t>thul janan  markz harrand tehsil  jampur district rajanpur</t>
  </si>
  <si>
    <t>Thul  Ali  Muhammad</t>
  </si>
  <si>
    <t>Ghazala Nazli</t>
  </si>
  <si>
    <t>generator pump used petrol</t>
  </si>
  <si>
    <t>GGPS NAVEED COLONY</t>
  </si>
  <si>
    <t>Sharif Shaheed colony Street no.3 Gujranwala</t>
  </si>
  <si>
    <t>Madiha Asif</t>
  </si>
  <si>
    <t>GPS PARI (NARA)</t>
  </si>
  <si>
    <t>gbps parri village parri p.o.nara teh.jand distt.attock</t>
  </si>
  <si>
    <t>Ahmed Nawaz Khan</t>
  </si>
  <si>
    <t>GPS CHAK NO.453 EB LOT P/O BUREWALA</t>
  </si>
  <si>
    <t>check No 453/E.b Lot Burewala</t>
  </si>
  <si>
    <t>453/EB Lot</t>
  </si>
  <si>
    <t>Muhammad Amjad Javed</t>
  </si>
  <si>
    <t>GGES CHAK NO.44</t>
  </si>
  <si>
    <t>chak 44 tehsil Ferozwala, Sheikhupura</t>
  </si>
  <si>
    <t>GGES PIR QATAL PUR, SARAI SIDHU</t>
  </si>
  <si>
    <t>sandianwala</t>
  </si>
  <si>
    <t>shahamand hiraj UC daduana tehsil kabirwala</t>
  </si>
  <si>
    <t>shahamand hiraj</t>
  </si>
  <si>
    <t>Misbah Khizar</t>
  </si>
  <si>
    <t>GGPS RATTE KA</t>
  </si>
  <si>
    <t>Ratte Ka</t>
  </si>
  <si>
    <t>govt girls primary school ratte ka</t>
  </si>
  <si>
    <t>GGPS CHAK NO 184/P JADEED</t>
  </si>
  <si>
    <t>184p Jadeed</t>
  </si>
  <si>
    <t>Chak no.184/p jadeed sdk</t>
  </si>
  <si>
    <t>Chak No184p Jadeed</t>
  </si>
  <si>
    <t>GGPS TAJ PUR</t>
  </si>
  <si>
    <t>basti Tajpur uc missen abad</t>
  </si>
  <si>
    <t>Tajpur</t>
  </si>
  <si>
    <t>Missen Abad</t>
  </si>
  <si>
    <t>Saima Mujeeb Ur Rehman</t>
  </si>
  <si>
    <t>GES KAILU</t>
  </si>
  <si>
    <t>kailu  Teh Phalia  MBDIN</t>
  </si>
  <si>
    <t>GGPS KOTLI GOPI RAI</t>
  </si>
  <si>
    <t>Kotli Gopi Rai</t>
  </si>
  <si>
    <t>post office punjgrain pasrur sialkot</t>
  </si>
  <si>
    <t>Fiaza</t>
  </si>
  <si>
    <t>GGPS CHAK NO.115/DB (W)</t>
  </si>
  <si>
    <t>115 Db West</t>
  </si>
  <si>
    <t>chak no 115 db west tehsil yazman distt.bahawalpur</t>
  </si>
  <si>
    <t>67 Db</t>
  </si>
  <si>
    <t>Mubeen Mustafa</t>
  </si>
  <si>
    <t>GGPS ALAWAL PUR</t>
  </si>
  <si>
    <t>Alawal Pur</t>
  </si>
  <si>
    <t>Alawal Pur p/o Basu punnu tehsile pasrur district Sialkot</t>
  </si>
  <si>
    <t>Sana naz</t>
  </si>
  <si>
    <t>GGES CHAK NO.50/A</t>
  </si>
  <si>
    <t>10a</t>
  </si>
  <si>
    <t>chak 50/a p/o chak  no 50a</t>
  </si>
  <si>
    <t>50/A</t>
  </si>
  <si>
    <t>Shiraza ali</t>
  </si>
  <si>
    <t>GGPS BLAGGAN</t>
  </si>
  <si>
    <t>Ballagan,Teh.Pasrur district Sialkot</t>
  </si>
  <si>
    <t>Saima Zaheer</t>
  </si>
  <si>
    <t>23773</t>
  </si>
  <si>
    <t>GES HATTAR</t>
  </si>
  <si>
    <t>VPO Hattar Tehsil Kalar Kahar District Chakwal</t>
  </si>
  <si>
    <t>Kalar Kahar</t>
  </si>
  <si>
    <t>Ghufran Haider</t>
  </si>
  <si>
    <t>GMPS KAHANA THEINA LALIAN</t>
  </si>
  <si>
    <t>KahanaThain</t>
  </si>
  <si>
    <t>GMPS Kahana Thain Lalian</t>
  </si>
  <si>
    <t>Kahana Thain</t>
  </si>
  <si>
    <t>GGPS KOT KUBA</t>
  </si>
  <si>
    <t>kot kuba pasrur</t>
  </si>
  <si>
    <t>54685</t>
  </si>
  <si>
    <t>Village  Darya Teh&amp;Distt Nankana Sahib</t>
  </si>
  <si>
    <t>Dhary  Da Wara</t>
  </si>
  <si>
    <t>Amir Munir</t>
  </si>
  <si>
    <t>GGPS 40/12-L</t>
  </si>
  <si>
    <t>40/12L</t>
  </si>
  <si>
    <t>Chak 40/12L</t>
  </si>
  <si>
    <t>Chak109/12</t>
  </si>
  <si>
    <t>Shahida Firdous</t>
  </si>
  <si>
    <t>GGES THATHI KHAHWARAN NEAR BIG CANAL MUZAFFAR ABAD</t>
  </si>
  <si>
    <t>Thathi Kahawran</t>
  </si>
  <si>
    <t>G.G E/S thathi kahawran Multan</t>
  </si>
  <si>
    <t>Tasnim Akhter</t>
  </si>
  <si>
    <t>GPS KOT KALAL</t>
  </si>
  <si>
    <t>Kot Kalal</t>
  </si>
  <si>
    <t>village kot kalal</t>
  </si>
  <si>
    <t>Shamas Ud Din</t>
  </si>
  <si>
    <t>45547</t>
  </si>
  <si>
    <t>GGPS KAHAWARR KALAN JANUBI</t>
  </si>
  <si>
    <t>kohawar kalan</t>
  </si>
  <si>
    <t>p/o kohawar kalan  teh. darya khan</t>
  </si>
  <si>
    <t>NASIRA KHATOON</t>
  </si>
  <si>
    <t>GGES TOLO WALA</t>
  </si>
  <si>
    <t>Tolo wala kasur</t>
  </si>
  <si>
    <t>Sheikh Ammad Kohna</t>
  </si>
  <si>
    <t>Ismat Khalid</t>
  </si>
  <si>
    <t>GGPS GAGAR WALI</t>
  </si>
  <si>
    <t>post office budha goriya GaggarWali</t>
  </si>
  <si>
    <t>Malomahay</t>
  </si>
  <si>
    <t>Zara Saeed</t>
  </si>
  <si>
    <t>GPS MALIK PURA</t>
  </si>
  <si>
    <t>Mohammed Saeed Akhter</t>
  </si>
  <si>
    <t>GPS DHANI MALAPAR</t>
  </si>
  <si>
    <t>Dhanraj Pura</t>
  </si>
  <si>
    <t>Dhani Malapar tehsil and district Bahawal Nagar</t>
  </si>
  <si>
    <t>Dhani Malapar</t>
  </si>
  <si>
    <t>GGES GURA MUNG</t>
  </si>
  <si>
    <t>Guramang</t>
  </si>
  <si>
    <t>po dewan e hazori vill gurahmang teh sohawa distt jhelum</t>
  </si>
  <si>
    <t>25297</t>
  </si>
  <si>
    <t>GPS SONDHAY</t>
  </si>
  <si>
    <t>Sondhay</t>
  </si>
  <si>
    <t>Sondhay P.O. Umranwali Tehsil Sialkot</t>
  </si>
  <si>
    <t>Afzal Haider</t>
  </si>
  <si>
    <t>GGES 6-T NO. 2 P/O MAKHDOOM RASHEED</t>
  </si>
  <si>
    <t>6-T</t>
  </si>
  <si>
    <t>Chak 6-T Multan</t>
  </si>
  <si>
    <t>Farzana Kausar Aslam</t>
  </si>
  <si>
    <t>GGPS DHAGGO</t>
  </si>
  <si>
    <t>Dhaggo</t>
  </si>
  <si>
    <t>Moza Dhaggo kot Bahadur</t>
  </si>
  <si>
    <t>GGMPS TARGA</t>
  </si>
  <si>
    <t>p\o pindi amolak govt girls primary school targa</t>
  </si>
  <si>
    <t>GGES AHLI RAWANA</t>
  </si>
  <si>
    <t>Ahli Rawana</t>
  </si>
  <si>
    <t>Ã hli rawana</t>
  </si>
  <si>
    <t>Ahli rawana</t>
  </si>
  <si>
    <t>Chak 19 Sb</t>
  </si>
  <si>
    <t>Obaida Amin</t>
  </si>
  <si>
    <t>GPS CHARAGH SHAH</t>
  </si>
  <si>
    <t>Wang Som</t>
  </si>
  <si>
    <t>wang</t>
  </si>
  <si>
    <t>Dheenghan</t>
  </si>
  <si>
    <t>54258</t>
  </si>
  <si>
    <t>GGPS CHAK NO. 91/P  (JDW Road)</t>
  </si>
  <si>
    <t>ggps 91/p</t>
  </si>
  <si>
    <t>Basti Ghulam muhammad jhulan Muhammad Jhulan</t>
  </si>
  <si>
    <t>Qura Tul Ain Khalid</t>
  </si>
  <si>
    <t>51293</t>
  </si>
  <si>
    <t>ghous pura sahiwal</t>
  </si>
  <si>
    <t>Ghoul Pura</t>
  </si>
  <si>
    <t>abdul salam</t>
  </si>
  <si>
    <t>GGPS CHAUWAL</t>
  </si>
  <si>
    <t>Chauwall</t>
  </si>
  <si>
    <t>Ansar Batool</t>
  </si>
  <si>
    <t>GGPS LORAN WALI</t>
  </si>
  <si>
    <t>post office adhrama Loranwali tehsil kotmomin district sargodha</t>
  </si>
  <si>
    <t>LORAN WAI</t>
  </si>
  <si>
    <t>13246</t>
  </si>
  <si>
    <t>GGPS GHANI LAR</t>
  </si>
  <si>
    <t>Basti Ghani lar</t>
  </si>
  <si>
    <t>Ghani lar</t>
  </si>
  <si>
    <t>Jam pur</t>
  </si>
  <si>
    <t>Shazia Sadiq</t>
  </si>
  <si>
    <t>GGPS MANGAT KALAR</t>
  </si>
  <si>
    <t>village mangat kalar, teh kamoki, dist Gujranwala</t>
  </si>
  <si>
    <t>Mangat Kalar</t>
  </si>
  <si>
    <t>Iqra Qammar</t>
  </si>
  <si>
    <t>GES CHAK NO. 223/P</t>
  </si>
  <si>
    <t>Chak NO 223 P</t>
  </si>
  <si>
    <t>Chak 223 P P/O 140 P Tehsil &amp; District Rahim Yar Khan</t>
  </si>
  <si>
    <t>Chak NO 93 P</t>
  </si>
  <si>
    <t>Muhammad TAHIR RAFIQ</t>
  </si>
  <si>
    <t>GGCMES BADSHAH PUR</t>
  </si>
  <si>
    <t>LEHRI KAKAN-FEMALE</t>
  </si>
  <si>
    <t>vill Badshahpur teh choa saiden shah dis chakwal</t>
  </si>
  <si>
    <t>GPS CHAK NO. 224/P</t>
  </si>
  <si>
    <t>chak no 224 p/o chak no 140 ryk</t>
  </si>
  <si>
    <t>chak no 224</t>
  </si>
  <si>
    <t>Azher Bashir</t>
  </si>
  <si>
    <t>GGPS MUHAMMAD YAR KHAN</t>
  </si>
  <si>
    <t>Kabar Lar</t>
  </si>
  <si>
    <t>Basti M.Y.K Markaz Kotla pathan , Moza Kabal Lar</t>
  </si>
  <si>
    <t>Muhammadyarkhan</t>
  </si>
  <si>
    <t>GGES CHUMBI</t>
  </si>
  <si>
    <t>vpo chumbi teh choa saiden shah distt chakwal</t>
  </si>
  <si>
    <t>Chhumbi</t>
  </si>
  <si>
    <t>Samreen Sadiq</t>
  </si>
  <si>
    <t>GMPS HARRAL</t>
  </si>
  <si>
    <t>Haral</t>
  </si>
  <si>
    <t>haral</t>
  </si>
  <si>
    <t>GES CHAK NO. 229/P</t>
  </si>
  <si>
    <t>Chak No 229p Chamman</t>
  </si>
  <si>
    <t>GES CHAK NO. 229/P RYK</t>
  </si>
  <si>
    <t>Chak No 93p</t>
  </si>
  <si>
    <t>Muhammad Ammar Hassan</t>
  </si>
  <si>
    <t>GMPS JAM ALLAH NAWAZ</t>
  </si>
  <si>
    <t>basti jam Allah nawaz</t>
  </si>
  <si>
    <t>Basti Jam Allah NAWAZ</t>
  </si>
  <si>
    <t>GGPS DHOK GUJAR</t>
  </si>
  <si>
    <t>DhokGujjar</t>
  </si>
  <si>
    <t>ggps dhoke gujar village Dhok gujjar post office Ara teh c sh District chakwal</t>
  </si>
  <si>
    <t>Fouzia Batool</t>
  </si>
  <si>
    <t>GGPS AMBRILA</t>
  </si>
  <si>
    <t>Amreela</t>
  </si>
  <si>
    <t>village Amreela p.o lehri kakan tehsil chia aaiden shah</t>
  </si>
  <si>
    <t>Nagina Sultana</t>
  </si>
  <si>
    <t>44144</t>
  </si>
  <si>
    <t>GGPS DHOK KATHAN</t>
  </si>
  <si>
    <t>Kathan</t>
  </si>
  <si>
    <t>Ggps dhok kathan p/o Ara teh choa.saiden.shah District chakwal</t>
  </si>
  <si>
    <t>Raheela jabeen</t>
  </si>
  <si>
    <t>GGPS LEHRI SHAH NAWAZ</t>
  </si>
  <si>
    <t>Lari shah nawaz</t>
  </si>
  <si>
    <t>Chak Ahmed Yar</t>
  </si>
  <si>
    <t>Dakhana mandi sadak gunj chak ahmed yar</t>
  </si>
  <si>
    <t>Mirzka</t>
  </si>
  <si>
    <t>GGES CHAK NO. 121 MURAD</t>
  </si>
  <si>
    <t>Chak 121 M</t>
  </si>
  <si>
    <t>chak no 121/M Tehsil ctn Distt Bwn</t>
  </si>
  <si>
    <t>121/M</t>
  </si>
  <si>
    <t>GGES CHAK NO.137/MURAD</t>
  </si>
  <si>
    <t>137m</t>
  </si>
  <si>
    <t>137/M</t>
  </si>
  <si>
    <t>Shumaila  Asghar</t>
  </si>
  <si>
    <t>bring it from outside school</t>
  </si>
  <si>
    <t>GGPS KHARI</t>
  </si>
  <si>
    <t>Khari</t>
  </si>
  <si>
    <t>village khari p.o looni sialkot</t>
  </si>
  <si>
    <t>Kachhimand</t>
  </si>
  <si>
    <t>sadia tabbassum</t>
  </si>
  <si>
    <t>GGES 18/D SHER GARH</t>
  </si>
  <si>
    <t>18D</t>
  </si>
  <si>
    <t>GGES18D</t>
  </si>
  <si>
    <t>Dhool Chor</t>
  </si>
  <si>
    <t>Itrat Sultana</t>
  </si>
  <si>
    <t>45082</t>
  </si>
  <si>
    <t>GGPS MANJAR MANJHAR</t>
  </si>
  <si>
    <t>manjhar</t>
  </si>
  <si>
    <t>Manjhar</t>
  </si>
  <si>
    <t>GGES CHAK NO.13 SB</t>
  </si>
  <si>
    <t>Chak 13 Sb Bhalwal</t>
  </si>
  <si>
    <t>chak 13 sb Bhalwal</t>
  </si>
  <si>
    <t>Naveela Gul</t>
  </si>
  <si>
    <t>GGES CHAK NO. 529/EB</t>
  </si>
  <si>
    <t>Konja Wala</t>
  </si>
  <si>
    <t>529/EB burewala</t>
  </si>
  <si>
    <t>Naseem Tariq</t>
  </si>
  <si>
    <t>19666</t>
  </si>
  <si>
    <t>GPS CHAK 258 GB NAI ABADI</t>
  </si>
  <si>
    <t>Chak No 258 Azafi</t>
  </si>
  <si>
    <t>Chak No 258 Gb</t>
  </si>
  <si>
    <t>Chak No 256 Gb</t>
  </si>
  <si>
    <t>Laly Wali</t>
  </si>
  <si>
    <t>Laly wali.p/o.kulluwal.Teh.Sambrial.distt.sialkot.</t>
  </si>
  <si>
    <t>GPS KOTLI KOKIAN</t>
  </si>
  <si>
    <t>Kotli kokian p/o Jamke cheema teh.daska disst sialkot</t>
  </si>
  <si>
    <t>Muzammil Ali</t>
  </si>
  <si>
    <t>GPS CHAK NO 106/6-R</t>
  </si>
  <si>
    <t>106/6r</t>
  </si>
  <si>
    <t>Chak no 106/6r</t>
  </si>
  <si>
    <t>Sana Mehwish</t>
  </si>
  <si>
    <t>GGPS RAHIM ABAD CHAK NO. 524/TDA</t>
  </si>
  <si>
    <t>524tda</t>
  </si>
  <si>
    <t>chak no 524 tda noorshah</t>
  </si>
  <si>
    <t>Chak no 524 tda</t>
  </si>
  <si>
    <t>Norshah</t>
  </si>
  <si>
    <t>Shehla Kanwal</t>
  </si>
  <si>
    <t>GGPS GHOS NAGAR DAKHALI RAJAR</t>
  </si>
  <si>
    <t>ghous nagar dakhli rajar</t>
  </si>
  <si>
    <t>Somyyia Yasmeen</t>
  </si>
  <si>
    <t>GGES 82/P</t>
  </si>
  <si>
    <t>82/p</t>
  </si>
  <si>
    <t>chuck no 82/p post office pull sunny</t>
  </si>
  <si>
    <t>Chalk No 82/p</t>
  </si>
  <si>
    <t>GPS DERA ALLTAN WALA</t>
  </si>
  <si>
    <t>Daggar Waghwara Gharbi</t>
  </si>
  <si>
    <t>Dera Alittan Wala</t>
  </si>
  <si>
    <t>GMPS CHAK NO 202 JB</t>
  </si>
  <si>
    <t>chak no.202 jb salat ke Teh.Bhawana district Chiniot</t>
  </si>
  <si>
    <t>Chak No202 Jb</t>
  </si>
  <si>
    <t>Chak No 203</t>
  </si>
  <si>
    <t>GGES SURAG KHARPA</t>
  </si>
  <si>
    <t>GGES Surag</t>
  </si>
  <si>
    <t>Safia Shaheen</t>
  </si>
  <si>
    <t>GGPS 70/15-L, KACHA KHUH</t>
  </si>
  <si>
    <t>Aqsa Mariam</t>
  </si>
  <si>
    <t>GGES MUHAMMAD NAWAZ WASA</t>
  </si>
  <si>
    <t>Muhammad Nawaz Wasa</t>
  </si>
  <si>
    <t>Basti m nawaz wasa</t>
  </si>
  <si>
    <t>Saadia Iqbal</t>
  </si>
  <si>
    <t>GGPS CHAK 374 JB RANDHIAN</t>
  </si>
  <si>
    <t>Chak No 374jb</t>
  </si>
  <si>
    <t>374jb</t>
  </si>
  <si>
    <t>Masitian</t>
  </si>
  <si>
    <t>Rahima Javed</t>
  </si>
  <si>
    <t>26157</t>
  </si>
  <si>
    <t>GPS KOT NAINAN</t>
  </si>
  <si>
    <t>kot nainam</t>
  </si>
  <si>
    <t>kot nainan</t>
  </si>
  <si>
    <t>Muhammad ansar khan</t>
  </si>
  <si>
    <t>17706</t>
  </si>
  <si>
    <t>GMPS CHAK BALOCHAN</t>
  </si>
  <si>
    <t>Chak Blochan</t>
  </si>
  <si>
    <t>chak 176 chak balochan chund bharwana jhang</t>
  </si>
  <si>
    <t>Sidra Basheer</t>
  </si>
  <si>
    <t>GGES HARNAL</t>
  </si>
  <si>
    <t>harnal</t>
  </si>
  <si>
    <t>teh.g.khan post office harnal</t>
  </si>
  <si>
    <t>GGPS 103/9-L</t>
  </si>
  <si>
    <t>103/9L</t>
  </si>
  <si>
    <t>GGPS 103/9L</t>
  </si>
  <si>
    <t>Chak #103/9L</t>
  </si>
  <si>
    <t>133/9L</t>
  </si>
  <si>
    <t>Fozia Asif</t>
  </si>
  <si>
    <t>GPS CHAK NO. 16/17-MB</t>
  </si>
  <si>
    <t>Chak No 16 Mb</t>
  </si>
  <si>
    <t>govt primary school chak no 16.17,mb</t>
  </si>
  <si>
    <t>Danish Iqbal</t>
  </si>
  <si>
    <t>39532</t>
  </si>
  <si>
    <t>vpo kot chajji tehsil jand district attock</t>
  </si>
  <si>
    <t>GPS 173/9-L</t>
  </si>
  <si>
    <t>173//9L</t>
  </si>
  <si>
    <t>CHAK# 173/9-L CHICHAWATNI DISTT SAHIWAL</t>
  </si>
  <si>
    <t>26293</t>
  </si>
  <si>
    <t>GGPS DANORI</t>
  </si>
  <si>
    <t>Danori</t>
  </si>
  <si>
    <t>danori</t>
  </si>
  <si>
    <t>Samra Noreen</t>
  </si>
  <si>
    <t>GMPS KOTLA NAIK AHMAD</t>
  </si>
  <si>
    <t>Kotla Naik Ahmed</t>
  </si>
  <si>
    <t>Mouza Kotla Naik Ahmed Teh 18 Hazari Distt Jhang</t>
  </si>
  <si>
    <t>Mohammad Mukhtar</t>
  </si>
  <si>
    <t>GGPS SANMOO RANA NEAR SHARIF PURA CHOWK</t>
  </si>
  <si>
    <t>Sanmoorana</t>
  </si>
  <si>
    <t>Chah baghwala moza sanmoorana</t>
  </si>
  <si>
    <t>GGES CHAK NO. 52</t>
  </si>
  <si>
    <t>chak 52 malakwal MB.din</t>
  </si>
  <si>
    <t>mona syedan</t>
  </si>
  <si>
    <t>Syeda Farwa Rubab</t>
  </si>
  <si>
    <t>GGPS NO.1 MANKEY WALA</t>
  </si>
  <si>
    <t>Mankey Wala</t>
  </si>
  <si>
    <t>mankey wala</t>
  </si>
  <si>
    <t>17423</t>
  </si>
  <si>
    <t>24397</t>
  </si>
  <si>
    <t>GGPS SABO MOHAL</t>
  </si>
  <si>
    <t>sabo mahal</t>
  </si>
  <si>
    <t>vill sabo mahal p/o sorangia teh pasrur dist sialkot</t>
  </si>
  <si>
    <t>Adamke nagra</t>
  </si>
  <si>
    <t>Quratulain Zahid</t>
  </si>
  <si>
    <t>GPS 53-GD</t>
  </si>
  <si>
    <t>53/GS</t>
  </si>
  <si>
    <t>GES DHANDI</t>
  </si>
  <si>
    <t>Near Dhandi Railwy station Kot Sabzal Tehsil sadik Abad</t>
  </si>
  <si>
    <t>GGPS 12/FAIZ</t>
  </si>
  <si>
    <t>12 Faiz</t>
  </si>
  <si>
    <t>12 faiz basti malook</t>
  </si>
  <si>
    <t>Tekan Wala</t>
  </si>
  <si>
    <t>Basti malook</t>
  </si>
  <si>
    <t>Shazia Rahim</t>
  </si>
  <si>
    <t>GMES CHAK NO. 18 ML</t>
  </si>
  <si>
    <t>9ml</t>
  </si>
  <si>
    <t>GMES chak #18ml</t>
  </si>
  <si>
    <t>18ml</t>
  </si>
  <si>
    <t>GGPS TAHIR WALI</t>
  </si>
  <si>
    <t>GGPS Tahir wali</t>
  </si>
  <si>
    <t>Ghullain</t>
  </si>
  <si>
    <t>Sonia Naaz</t>
  </si>
  <si>
    <t>GGPS NO. 2 QADIRABAD</t>
  </si>
  <si>
    <t>Qadir abad</t>
  </si>
  <si>
    <t>GPS SONAR KALAN</t>
  </si>
  <si>
    <t>Sonar Kalan</t>
  </si>
  <si>
    <t>GPS Sonar Kalan Tehsil Jaranwala Markaz Lundianwala Dist Faisalabad</t>
  </si>
  <si>
    <t>M Arif</t>
  </si>
  <si>
    <t>GPS MC LINE SUBHAN KHAN</t>
  </si>
  <si>
    <t>Inside Sheranwala Gate</t>
  </si>
  <si>
    <t>Inside sheranwala gate near Govt Blind School Lahore</t>
  </si>
  <si>
    <t>Hafiz Rana Qamar Javed</t>
  </si>
  <si>
    <t>GPS JAN NAGAR</t>
  </si>
  <si>
    <t>jani wala muaza kotla dewan</t>
  </si>
  <si>
    <t>Jani Wala</t>
  </si>
  <si>
    <t>GGES DUNNI</t>
  </si>
  <si>
    <t>GGES Dhunni, Kharian (Gujrat)</t>
  </si>
  <si>
    <t>Kousar Shaheen</t>
  </si>
  <si>
    <t>GGCMS CHAK 6 / M</t>
  </si>
  <si>
    <t>Chak 6/M</t>
  </si>
  <si>
    <t>GGCMS Chak 6/M tehsil dunia pur lodhran</t>
  </si>
  <si>
    <t>Aqsa Inam</t>
  </si>
  <si>
    <t>GGPS MC NO. 5 GUJRANWALA</t>
  </si>
  <si>
    <t>Nowshehra road</t>
  </si>
  <si>
    <t>qabrastan road</t>
  </si>
  <si>
    <t>Mubarak shah road</t>
  </si>
  <si>
    <t>Mamona Butt</t>
  </si>
  <si>
    <t>GGPS MOHANAY WALA DERA BAHAWAL</t>
  </si>
  <si>
    <t>Khawas Khel Thal</t>
  </si>
  <si>
    <t>moza khawas khel thal post office kot sultan</t>
  </si>
  <si>
    <t>Dera Bahawal Wala</t>
  </si>
  <si>
    <t>GGPS BHATAY KHURD</t>
  </si>
  <si>
    <t>GGPS bhattay khurd p/o bhattay kalan</t>
  </si>
  <si>
    <t>Bhattay Khurd</t>
  </si>
  <si>
    <t>Largrali</t>
  </si>
  <si>
    <t>GGPS CHAK NO. 23 TDA DERA SADAAT</t>
  </si>
  <si>
    <t>Kohawar kalan</t>
  </si>
  <si>
    <t>GG PS 23 TDA Dera Sadat</t>
  </si>
  <si>
    <t>Uzma Kiran</t>
  </si>
  <si>
    <t>GGCMS KINGRA</t>
  </si>
  <si>
    <t>P/V Kingra District  Sialkot  Tehsil Pasrur</t>
  </si>
  <si>
    <t>filtet  water</t>
  </si>
  <si>
    <t>45074</t>
  </si>
  <si>
    <t>GGPS CHAK NO.57-DB</t>
  </si>
  <si>
    <t>57db</t>
  </si>
  <si>
    <t>chak 57db</t>
  </si>
  <si>
    <t>Arfa Shahzad</t>
  </si>
  <si>
    <t>GGPS CHAK NO 368 TDA</t>
  </si>
  <si>
    <t>Chak No 368/tda</t>
  </si>
  <si>
    <t>chak no 368/tda tehseel chubara dis layyah</t>
  </si>
  <si>
    <t>368/tda</t>
  </si>
  <si>
    <t>Adila Ishaq</t>
  </si>
  <si>
    <t>GGPS NO 5 CHAK NO 4 REMOUNT DEPOT</t>
  </si>
  <si>
    <t>Chak#4</t>
  </si>
  <si>
    <t>GGPSNO.5 chak#4 remount depot sargodha</t>
  </si>
  <si>
    <t>Chak #4rd</t>
  </si>
  <si>
    <t>Tatheer Zahra</t>
  </si>
  <si>
    <t>54597</t>
  </si>
  <si>
    <t>GPS SAWAN PURA (MARKAZ SHAMIR DINGA)</t>
  </si>
  <si>
    <t>Sawanpura</t>
  </si>
  <si>
    <t>sawanpura p/o khanqah dogran teh disst hafizabad</t>
  </si>
  <si>
    <t>GES DAMAN</t>
  </si>
  <si>
    <t>District Attock Tahsil Hazro VPO Daman</t>
  </si>
  <si>
    <t>GGPS AKBER WALA</t>
  </si>
  <si>
    <t>basti bulla baloach nala khuda dad</t>
  </si>
  <si>
    <t>Basti Bulla Baloach</t>
  </si>
  <si>
    <t>GPS 181/9-L</t>
  </si>
  <si>
    <t>181/9L</t>
  </si>
  <si>
    <t>CHAK NO. 181/9.L CHICHAWATNI</t>
  </si>
  <si>
    <t>GMPS CHAK 458 JB WALI SHAH</t>
  </si>
  <si>
    <t>458 wali Shah</t>
  </si>
  <si>
    <t>Wali Shah</t>
  </si>
  <si>
    <t>Chak No 446.</t>
  </si>
  <si>
    <t>GGES CHAK NO. 11/FW KATARIAN</t>
  </si>
  <si>
    <t>11fw Katarian</t>
  </si>
  <si>
    <t>Govt girls elementary school 11fw katarian</t>
  </si>
  <si>
    <t>Ghazala Kousar</t>
  </si>
  <si>
    <t>26061</t>
  </si>
  <si>
    <t>GPS CHAK NO.16 NB</t>
  </si>
  <si>
    <t>chak 16NB</t>
  </si>
  <si>
    <t>Chak 16 NB</t>
  </si>
  <si>
    <t>Chak18NB</t>
  </si>
  <si>
    <t>33832</t>
  </si>
  <si>
    <t>GGPS KOTHAY WALA INDUSTRIAL STATE NADIRABAD PHATIK</t>
  </si>
  <si>
    <t>Jungle Bahera</t>
  </si>
  <si>
    <t>Govt Girls Primary school kothay wala multan</t>
  </si>
  <si>
    <t>Kothaywala</t>
  </si>
  <si>
    <t>parveen kosar</t>
  </si>
  <si>
    <t>GPS CHAK 133/6-R</t>
  </si>
  <si>
    <t>Chak 133/6r</t>
  </si>
  <si>
    <t>Chak 133/6r p/o 132/6r teshil:Haroonabad Distt:Bahawalnagar</t>
  </si>
  <si>
    <t>18741</t>
  </si>
  <si>
    <t>GGPS MC GHAFAR PARK GOJRA</t>
  </si>
  <si>
    <t>Mohallah Ghafar Park</t>
  </si>
  <si>
    <t>Chak no 365 Jb</t>
  </si>
  <si>
    <t>Misbah Koukab</t>
  </si>
  <si>
    <t>23699</t>
  </si>
  <si>
    <t>GPS GOJRA NO.2</t>
  </si>
  <si>
    <t>vpo Gojra,tehsil Daska district Sialkot.</t>
  </si>
  <si>
    <t>42639</t>
  </si>
  <si>
    <t>GGPS MOHRA NAGIAL</t>
  </si>
  <si>
    <t>Mera Shamas</t>
  </si>
  <si>
    <t>Mohra Nagial</t>
  </si>
  <si>
    <t>GGPS CHAK NO. 363 TDA</t>
  </si>
  <si>
    <t>ggps363tda chak 363chubara road chowk azam</t>
  </si>
  <si>
    <t>Chak  363</t>
  </si>
  <si>
    <t>Ayesha Rasool</t>
  </si>
  <si>
    <t>GES IBRAHIM PUR P/O CHAK HAIDER ABAD</t>
  </si>
  <si>
    <t>Ibraheempur</t>
  </si>
  <si>
    <t>basti muniawala mouza ibraheempur Tehsil kabirwala District khanewal</t>
  </si>
  <si>
    <t>Muniawala</t>
  </si>
  <si>
    <t>31093</t>
  </si>
  <si>
    <t>GES GOWALMANDI</t>
  </si>
  <si>
    <t>Krishna Gali 2 gowalmandi Lahore</t>
  </si>
  <si>
    <t>Krishna Gali 2</t>
  </si>
  <si>
    <t>Bidden Road</t>
  </si>
  <si>
    <t>GES JASSIAN</t>
  </si>
  <si>
    <t>jassian</t>
  </si>
  <si>
    <t>vill.jassian</t>
  </si>
  <si>
    <t>sheen bagh</t>
  </si>
  <si>
    <t>GES CHAK 311/HR</t>
  </si>
  <si>
    <t>Chak No 311/hr</t>
  </si>
  <si>
    <t>chak311-H. R marot tehsil fortabbas distt bahawalnagar</t>
  </si>
  <si>
    <t>Chak311- H R</t>
  </si>
  <si>
    <t>311-H R</t>
  </si>
  <si>
    <t>Muhammad Tanveer Arshad</t>
  </si>
  <si>
    <t>GPS BASTI DAHP WALI</t>
  </si>
  <si>
    <t>Kohawar Nasheb</t>
  </si>
  <si>
    <t>basti dhap wali tehsil darya khan district bhakkar</t>
  </si>
  <si>
    <t>Dhap Wali</t>
  </si>
  <si>
    <t>44921</t>
  </si>
  <si>
    <t>GES CHAK NO. 65 DB</t>
  </si>
  <si>
    <t>Chak 64DB</t>
  </si>
  <si>
    <t>P/O Ali khel Teh kalour kot District Bhakkar</t>
  </si>
  <si>
    <t>Chak 65 DB</t>
  </si>
  <si>
    <t>Chak63db</t>
  </si>
  <si>
    <t>GUL NAWAZ</t>
  </si>
  <si>
    <t>49263</t>
  </si>
  <si>
    <t>GPS DARGAN</t>
  </si>
  <si>
    <t>DARGAN</t>
  </si>
  <si>
    <t>dargan</t>
  </si>
  <si>
    <t>Dargan</t>
  </si>
  <si>
    <t>GPS KOT MACHIAN</t>
  </si>
  <si>
    <t>Kot Haitram</t>
  </si>
  <si>
    <t>kot machian p/o beherwal kalan</t>
  </si>
  <si>
    <t>Kot Machian</t>
  </si>
  <si>
    <t>Bhuni Key Ottar</t>
  </si>
  <si>
    <t>GGPS 125/6-R</t>
  </si>
  <si>
    <t>125/6r</t>
  </si>
  <si>
    <t>Govt girl primary school 125/6.R</t>
  </si>
  <si>
    <t>125/6R</t>
  </si>
  <si>
    <t>Munaza Perveen</t>
  </si>
  <si>
    <t>GPS BHALOWALI</t>
  </si>
  <si>
    <t>Bhallowali</t>
  </si>
  <si>
    <t>village bhallowali</t>
  </si>
  <si>
    <t>GGPS GHUMNANA GHARBI</t>
  </si>
  <si>
    <t>ggps ghamana gharbi toba road jhang</t>
  </si>
  <si>
    <t>Chak Ghamnaba</t>
  </si>
  <si>
    <t>21105</t>
  </si>
  <si>
    <t>GPS MOUZA BAGAR</t>
  </si>
  <si>
    <t>Bagar</t>
  </si>
  <si>
    <t>Mouza bagar Tehsil kamalia District Toba Tek Singh</t>
  </si>
  <si>
    <t>Mouza Bagar</t>
  </si>
  <si>
    <t>26101</t>
  </si>
  <si>
    <t>24239</t>
  </si>
  <si>
    <t>GMPS JAMAL JAND</t>
  </si>
  <si>
    <t>Jamal Jand</t>
  </si>
  <si>
    <t>Govt. Model Primery School Jamal Jand</t>
  </si>
  <si>
    <t>Mehrajke</t>
  </si>
  <si>
    <t>GGPS BAHARI GHARBI</t>
  </si>
  <si>
    <t>R/o Bahari Gharbi p/o shaheedaan uc Ali khail k.kot bhakkar</t>
  </si>
  <si>
    <t>Razia Iqbal</t>
  </si>
  <si>
    <t>24591</t>
  </si>
  <si>
    <t>GGES BHALOOR BRAHMNA</t>
  </si>
  <si>
    <t>bhaloor</t>
  </si>
  <si>
    <t>Farhat Khaliq</t>
  </si>
  <si>
    <t>GGPS JAFRIAN WALA</t>
  </si>
  <si>
    <t>g g p s jafrianwala</t>
  </si>
  <si>
    <t>Jafrinwala</t>
  </si>
  <si>
    <t>Sobia Shoukat</t>
  </si>
  <si>
    <t>GGPS MEHTAB PUR HINJLI</t>
  </si>
  <si>
    <t>Mehtab Pur hunjli</t>
  </si>
  <si>
    <t>GGPS Mehtab Pur Hanjli P /0 Jhatokay Tehsil Pasrur District Sialkot</t>
  </si>
  <si>
    <t>GHAZALA RANI</t>
  </si>
  <si>
    <t>Sarobay</t>
  </si>
  <si>
    <t>sarobay</t>
  </si>
  <si>
    <t>Char Bajwa</t>
  </si>
  <si>
    <t>31182</t>
  </si>
  <si>
    <t>GGPS JADDA MAIN BAZAR SHAHDARA</t>
  </si>
  <si>
    <t>main bazar shahdara town lahore</t>
  </si>
  <si>
    <t>Fareeha Saeed</t>
  </si>
  <si>
    <t>village  gillanwala tehsil pasrur  distt sialkot  post office gadgore</t>
  </si>
  <si>
    <t>Saba Younus</t>
  </si>
  <si>
    <t>31341</t>
  </si>
  <si>
    <t>GPS CDG BADAMI BAGH NO. 2</t>
  </si>
  <si>
    <t>CDG BOYS PRIMARY SCHOOL BADAMI BAGH NO 2 deen road lahore</t>
  </si>
  <si>
    <t>Siddique Colony</t>
  </si>
  <si>
    <t>Amir Shouqet</t>
  </si>
  <si>
    <t>33501</t>
  </si>
  <si>
    <t>GPS WARA LAHIB SINGH</t>
  </si>
  <si>
    <t>Wara Lahab Singh</t>
  </si>
  <si>
    <t>wara lahab singh</t>
  </si>
  <si>
    <t>Muhammad Nauman Hafeez Butt</t>
  </si>
  <si>
    <t>canal water is brought to school on daily basis.</t>
  </si>
  <si>
    <t>GES KHANOOR</t>
  </si>
  <si>
    <t>Khanoor</t>
  </si>
  <si>
    <t>khanoor teh.pasrur sialkot</t>
  </si>
  <si>
    <t>Mehrajky</t>
  </si>
  <si>
    <t>Muhammad Akram Sulehria</t>
  </si>
  <si>
    <t>GPS HALEEM KHICHI</t>
  </si>
  <si>
    <t>Mozambique haleem khichi</t>
  </si>
  <si>
    <t>GPS SHAH HABIB</t>
  </si>
  <si>
    <t>SHAH HABIB</t>
  </si>
  <si>
    <t>SHAH HABIB P/O MORE KHUNDA DISTT. NANKANA SAHIB</t>
  </si>
  <si>
    <t>Muhammad Azam Shahid</t>
  </si>
  <si>
    <t>GGPS JAMAL JAND</t>
  </si>
  <si>
    <t>vill.jamal jand p/o mehrajkey tehsil pasrur dist. sialkot</t>
  </si>
  <si>
    <t>Mehrajkey</t>
  </si>
  <si>
    <t>GGES FATEH WALI</t>
  </si>
  <si>
    <t>Sabo badhyar</t>
  </si>
  <si>
    <t>29691</t>
  </si>
  <si>
    <t>GGES JAJJA KALAN</t>
  </si>
  <si>
    <t>jajka kalan,pattoki,kasur</t>
  </si>
  <si>
    <t>Sry Nosjhehra</t>
  </si>
  <si>
    <t>GGES CHAK NO.1 HANSE MULTAN</t>
  </si>
  <si>
    <t>Chak  no. 1 Hans p/o cot Abbas shahid Multan</t>
  </si>
  <si>
    <t>Mirfat Rasool</t>
  </si>
  <si>
    <t>24604</t>
  </si>
  <si>
    <t>GMPS MALANAY</t>
  </si>
  <si>
    <t>distt. Sialkot, Tehh. Pasrur, P/O &amp; Vill. Malanay</t>
  </si>
  <si>
    <t>35774</t>
  </si>
  <si>
    <t>GPS PEERAN GHAIB</t>
  </si>
  <si>
    <t>Mari Mitroo</t>
  </si>
  <si>
    <t>gps peeran ghaib mouza mari mitroo</t>
  </si>
  <si>
    <t>Peeran Ghaib</t>
  </si>
  <si>
    <t>GGES RAIKA GHUMAN</t>
  </si>
  <si>
    <t>Raika Ghumman</t>
  </si>
  <si>
    <t>Raika Ghumman tehsil pattoki distt kasur</t>
  </si>
  <si>
    <t>Assia Akram</t>
  </si>
  <si>
    <t>31997</t>
  </si>
  <si>
    <t>GPS MC TIBBI HERYA</t>
  </si>
  <si>
    <t>Herya tibbi city sheikhupura</t>
  </si>
  <si>
    <t>Herya Tibbi</t>
  </si>
  <si>
    <t>GPS MIRALI</t>
  </si>
  <si>
    <t>moza mirali</t>
  </si>
  <si>
    <t>43478</t>
  </si>
  <si>
    <t>GPS SARDAR PUR NOON</t>
  </si>
  <si>
    <t>sardar pur noon</t>
  </si>
  <si>
    <t>Imran Rashid</t>
  </si>
  <si>
    <t>GES MUQEEM PUR P/O MATOTLI SHUJABAD</t>
  </si>
  <si>
    <t>Muqeem Pur</t>
  </si>
  <si>
    <t>moza muqeem pur post office matotli</t>
  </si>
  <si>
    <t>GGPS BASTI FOUJA</t>
  </si>
  <si>
    <t>village basti fouja G.G.p.s.basti fouja</t>
  </si>
  <si>
    <t>GGPS KAYAN PUR NO 1 QASBA MARAL ROAD  MULTAN</t>
  </si>
  <si>
    <t>Kayian Pur</t>
  </si>
  <si>
    <t>Qasba Marl Road Chah Chit Vala  Multan.</t>
  </si>
  <si>
    <t>Chah Chit Vala</t>
  </si>
  <si>
    <t>Syeda Farhana Asad</t>
  </si>
  <si>
    <t>GGPS DERA KHALID SHAHZAD</t>
  </si>
  <si>
    <t>Fattah Katta</t>
  </si>
  <si>
    <t>GGP/S Dera khalid shahzad habib colony</t>
  </si>
  <si>
    <t>Gulshan Allah Rakha</t>
  </si>
  <si>
    <t>GES SANDHU KALAN</t>
  </si>
  <si>
    <t>Sandhu Kalan, Via Phool Nagar, Distt. Kasur</t>
  </si>
  <si>
    <t>Sandhu kalan</t>
  </si>
  <si>
    <t>GGHS LADHE KAY NEEVAN</t>
  </si>
  <si>
    <t>ladheykay niwan</t>
  </si>
  <si>
    <t>ladheykay niwan lahore</t>
  </si>
  <si>
    <t>riffat mansur</t>
  </si>
  <si>
    <t>GGPS DHOK INAYAT (DANDI)</t>
  </si>
  <si>
    <t>village dhok inayat</t>
  </si>
  <si>
    <t>GPS LOHA TIBBA</t>
  </si>
  <si>
    <t>LOHA TIBBA</t>
  </si>
  <si>
    <t>PO PAHRIANWALI, V LOHA TIBBA,TEHSIL PHALIA DISST. M B DIN</t>
  </si>
  <si>
    <t>Sadaf Mumtaz</t>
  </si>
  <si>
    <t>GGPS NOKHER QADEEM</t>
  </si>
  <si>
    <t>GGPS Nokhar Qadeem Farooq Abad</t>
  </si>
  <si>
    <t>iffat bano</t>
  </si>
  <si>
    <t>gps nawankot moza Shahbazpur u/c bhutta wahan teh.sdk.dist.ryk</t>
  </si>
  <si>
    <t>Butta Wahan</t>
  </si>
  <si>
    <t>Muhammad Jumma Khan</t>
  </si>
  <si>
    <t>GPS JAMUN WALA</t>
  </si>
  <si>
    <t>GPS Jamun wala, P/O 19 DB, Tehsil piplan,  District Mianwali</t>
  </si>
  <si>
    <t>Jamun Wala</t>
  </si>
  <si>
    <t>Muhammad Owais Khan</t>
  </si>
  <si>
    <t>25199</t>
  </si>
  <si>
    <t>50185</t>
  </si>
  <si>
    <t>GES 47/12-L</t>
  </si>
  <si>
    <t>47/12-L</t>
  </si>
  <si>
    <t>Chak No.47/12-L Teh. Chichawatni</t>
  </si>
  <si>
    <t>Chak No. 54/12-l</t>
  </si>
  <si>
    <t>GMPS FARHAD PUR</t>
  </si>
  <si>
    <t>p.o.box.begowala ,farhadpur</t>
  </si>
  <si>
    <t>Farhadpur</t>
  </si>
  <si>
    <t>Sarwat Ara</t>
  </si>
  <si>
    <t>GGPS NOOR PUR BASTI</t>
  </si>
  <si>
    <t>Sadeeq abad</t>
  </si>
  <si>
    <t>sadeeq abad sargodha near Ali park</t>
  </si>
  <si>
    <t>Nazia Mumtaz</t>
  </si>
  <si>
    <t>GES CHAK NO.521 TDA</t>
  </si>
  <si>
    <t>Chak No 521TDA</t>
  </si>
  <si>
    <t>48833</t>
  </si>
  <si>
    <t>GES CHAK NO.86 SB</t>
  </si>
  <si>
    <t>Chak No 86 Sb</t>
  </si>
  <si>
    <t>chak no 86 sb</t>
  </si>
  <si>
    <t>Chak No 84 Sb</t>
  </si>
  <si>
    <t>GMPS CHAK NO 131/NP</t>
  </si>
  <si>
    <t>Chak no. 131/NP</t>
  </si>
  <si>
    <t>131/ NP</t>
  </si>
  <si>
    <t>Samina Ibrahim</t>
  </si>
  <si>
    <t>GPS LOWER KOTLI</t>
  </si>
  <si>
    <t>village lower kotli kotli sattian RWP</t>
  </si>
  <si>
    <t>MAMOONA KOUSAR</t>
  </si>
  <si>
    <t>GGPS KATHA COLONY</t>
  </si>
  <si>
    <t>village katha colony tehsil fateh jang distt Attock</t>
  </si>
  <si>
    <t>GGPS BASTI BUDHAN</t>
  </si>
  <si>
    <t>ggps basti budhan near akram wala deerah</t>
  </si>
  <si>
    <t>Hadilpur Old</t>
  </si>
  <si>
    <t>Naheed Sardar</t>
  </si>
  <si>
    <t>kalowala</t>
  </si>
  <si>
    <t>GGPS saddique abad</t>
  </si>
  <si>
    <t>GMPS CHAK NO 157 JB</t>
  </si>
  <si>
    <t>157wagh</t>
  </si>
  <si>
    <t>Mamoona Gul</t>
  </si>
  <si>
    <t>GMPS CHAK NO 82 A</t>
  </si>
  <si>
    <t>82/A</t>
  </si>
  <si>
    <t>GMPS chak No 82A Tehsil lqp district R.Y. Khan</t>
  </si>
  <si>
    <t>Chak No 82/A</t>
  </si>
  <si>
    <t>Chak 68 /A</t>
  </si>
  <si>
    <t>Tahira Rahman</t>
  </si>
  <si>
    <t>GGPS BASTI ARAIYAN</t>
  </si>
  <si>
    <t>Basti Ariyan</t>
  </si>
  <si>
    <t>near 18 ford wah</t>
  </si>
  <si>
    <t>Hasil Pur  Old</t>
  </si>
  <si>
    <t>GGPS AZIM BHATTI</t>
  </si>
  <si>
    <t>basti raheem bux bhatti moza rum</t>
  </si>
  <si>
    <t>Raheem bux Bhatti</t>
  </si>
  <si>
    <t>Mughisa Rehman</t>
  </si>
  <si>
    <t>GGES CHAK NO.57 TDA</t>
  </si>
  <si>
    <t>chak no 57tda</t>
  </si>
  <si>
    <t>57 tda</t>
  </si>
  <si>
    <t>Noureen Mehboob</t>
  </si>
  <si>
    <t>GGPS HAMZAY WALI</t>
  </si>
  <si>
    <t>Ggps hamzay wali</t>
  </si>
  <si>
    <t>Bait  Bogha</t>
  </si>
  <si>
    <t>GGPS SOUNTY</t>
  </si>
  <si>
    <t>Sounty</t>
  </si>
  <si>
    <t>Village
Sounty</t>
  </si>
  <si>
    <t>GGPS KHOKHAR WALA</t>
  </si>
  <si>
    <t>Pungirahi</t>
  </si>
  <si>
    <t>GGPS khokharwala</t>
  </si>
  <si>
    <t>Peer Wala Basti</t>
  </si>
  <si>
    <t>Juggutpur Pur</t>
  </si>
  <si>
    <t>Sarah Nasrullah</t>
  </si>
  <si>
    <t>36009</t>
  </si>
  <si>
    <t>GPS CHAK NO 213 WB</t>
  </si>
  <si>
    <t>Chak No 213/WB</t>
  </si>
  <si>
    <t>chak no. 213/WB</t>
  </si>
  <si>
    <t>Chak No213/WB</t>
  </si>
  <si>
    <t>Chak No 151/WB</t>
  </si>
  <si>
    <t>GES CHAH MIANA</t>
  </si>
  <si>
    <t>GGES GANGAN WALA</t>
  </si>
  <si>
    <t>vill Ganganwala PO Chakri Rawalpindi</t>
  </si>
  <si>
    <t>Saadia Altaf</t>
  </si>
  <si>
    <t>GGES CHAK SANGHA</t>
  </si>
  <si>
    <t>Chak Sangha</t>
  </si>
  <si>
    <t>village chak sangha post office Kingra pasrur sialkot</t>
  </si>
  <si>
    <t>Hafza aslam</t>
  </si>
  <si>
    <t>GPS MANDIR NO.1</t>
  </si>
  <si>
    <t>village Mandeer po box kharian.</t>
  </si>
  <si>
    <t>Asif Aziz</t>
  </si>
  <si>
    <t>GPS MUNSHI HITTAR</t>
  </si>
  <si>
    <t>Munshi Hithar</t>
  </si>
  <si>
    <t>MUNSHI Hithar Minchin Abad</t>
  </si>
  <si>
    <t>Munshi hithar</t>
  </si>
  <si>
    <t>GES KHAJI WALA</t>
  </si>
  <si>
    <t>P.O Mehmoodkot adda turk Wala tehsil kot adu muzaffar garh</t>
  </si>
  <si>
    <t>GES ZALA</t>
  </si>
  <si>
    <t>Ges zalla mianwali</t>
  </si>
  <si>
    <t>Gullmeri Wala</t>
  </si>
  <si>
    <t>Ghulam Sadiq Khan</t>
  </si>
  <si>
    <t>GGES ABBAS NAGAR</t>
  </si>
  <si>
    <t>Allah Jawaiya Laar</t>
  </si>
  <si>
    <t>mohala abbas nagar moza allah jawaiya laar p.o box khan bela liaquat pur district rahim yar khan</t>
  </si>
  <si>
    <t>Nafisa Akhtar</t>
  </si>
  <si>
    <t>49524</t>
  </si>
  <si>
    <t>GGES JALALABAD</t>
  </si>
  <si>
    <t>jalalabad shumali multan</t>
  </si>
  <si>
    <t>GPS DOMIAN</t>
  </si>
  <si>
    <t>domian</t>
  </si>
  <si>
    <t>village domian p.o box &amp;tehsil kharian district gujrat</t>
  </si>
  <si>
    <t>GGPS CHAK NO 188 JB</t>
  </si>
  <si>
    <t>chak no 188</t>
  </si>
  <si>
    <t>GGPS MOHALLAH MIANA SHADIA</t>
  </si>
  <si>
    <t>g/g ps mohalah Miana shadia</t>
  </si>
  <si>
    <t>GGES ADDA MOCHI WALA</t>
  </si>
  <si>
    <t>jindy thind Wala, maoza nawankot, teh.choubara</t>
  </si>
  <si>
    <t>Aasia Khan</t>
  </si>
  <si>
    <t>GGES JHAMAT SHUMALI</t>
  </si>
  <si>
    <t>GGES 32/12-L</t>
  </si>
  <si>
    <t>32/12L</t>
  </si>
  <si>
    <t>chak no 32/12L tehsil  chichawatni. Distt. Sahiwal</t>
  </si>
  <si>
    <t>Chak  No 32/12L</t>
  </si>
  <si>
    <t>Chak  No  44/12L</t>
  </si>
  <si>
    <t>GGPS MOLVI WALA FATEH KOT</t>
  </si>
  <si>
    <t>fateh kot</t>
  </si>
  <si>
    <t>Sajida Mahboob</t>
  </si>
  <si>
    <t>GES CHAK 190 RB FSD</t>
  </si>
  <si>
    <t>Karari kalan</t>
  </si>
  <si>
    <t>Chak No 190Rb Karari kalan</t>
  </si>
  <si>
    <t>Moloani</t>
  </si>
  <si>
    <t>Mohallah Farooq Abad darya khan tehsil Darya khan district bhakkar</t>
  </si>
  <si>
    <t>Mohallah Farooq Abad Darya Khan</t>
  </si>
  <si>
    <t>M C Darya Khan</t>
  </si>
  <si>
    <t>Imtiaz Ali Shah</t>
  </si>
  <si>
    <t>GPS DERA GULAB SINGH</t>
  </si>
  <si>
    <t>Dera Gulab Singh</t>
  </si>
  <si>
    <t>villager Bhandoor farooq abad sheikhupura</t>
  </si>
  <si>
    <t>SALMA NOREEN</t>
  </si>
  <si>
    <t>GMPS BASTI NAMAT TULLAH</t>
  </si>
  <si>
    <t>basti namat tullah</t>
  </si>
  <si>
    <t>Basti Naimat Tullah</t>
  </si>
  <si>
    <t>19499</t>
  </si>
  <si>
    <t>GES CHAK 189 GB I</t>
  </si>
  <si>
    <t>189 Gb</t>
  </si>
  <si>
    <t>chak no  189 g b</t>
  </si>
  <si>
    <t>chak no 189 g b</t>
  </si>
  <si>
    <t>GPS DHOK KHOKHAR</t>
  </si>
  <si>
    <t>GPS Dhok Khokhar</t>
  </si>
  <si>
    <t>GPS QADIR PUR SETHAN</t>
  </si>
  <si>
    <t>Qadir Pur Balochan</t>
  </si>
  <si>
    <t>Qadir pur sethan Teh. Minchinabad Dist.Bahawal nagar</t>
  </si>
  <si>
    <t>Qadir Pur Sethan</t>
  </si>
  <si>
    <t>Allah Bakhash Shahid</t>
  </si>
  <si>
    <t>GGES SAGHAR PUR</t>
  </si>
  <si>
    <t>Sagharpur</t>
  </si>
  <si>
    <t>village and post office sagharpur teh pd khan dist jhlm</t>
  </si>
  <si>
    <t>Pindisaidpur</t>
  </si>
  <si>
    <t>Sehrish Saba</t>
  </si>
  <si>
    <t>GGPS NIVEEN RASOOL PUR</t>
  </si>
  <si>
    <t>Niveen Rasool Pur</t>
  </si>
  <si>
    <t>niveen rasool</t>
  </si>
  <si>
    <t>52676</t>
  </si>
  <si>
    <t>GGPS SAHIBA WALA NO. 2</t>
  </si>
  <si>
    <t>moza sahiba wala</t>
  </si>
  <si>
    <t>Rehana Sarwat</t>
  </si>
  <si>
    <t>GGES INDUSTRIAL STATE SHER SHAH ROAD MULTAN</t>
  </si>
  <si>
    <t>Jungle Bhera</t>
  </si>
  <si>
    <t>chah Ratey Wala p obox industrial estate  sher shah road multa</t>
  </si>
  <si>
    <t>Chah Ratey Wala</t>
  </si>
  <si>
    <t>Mamuna Anjum</t>
  </si>
  <si>
    <t>GGPS KOT DHERMAY WALI</t>
  </si>
  <si>
    <t>kat Dharmay wali</t>
  </si>
  <si>
    <t>Govt,G/p School Kat Dharmay wali</t>
  </si>
  <si>
    <t>kot fateh Muhammad</t>
  </si>
  <si>
    <t>Laila Hoor</t>
  </si>
  <si>
    <t>GGPS KATHAN WALA SOUTH</t>
  </si>
  <si>
    <t>Kathan Wala</t>
  </si>
  <si>
    <t>G GPS KATHAN WALA SOUTH</t>
  </si>
  <si>
    <t>Kathan Wala Jnobi</t>
  </si>
  <si>
    <t>NAEEM KOUSAR</t>
  </si>
  <si>
    <t>GGPS CHAK NO. 417 EB</t>
  </si>
  <si>
    <t>chack no 417EB Burewala</t>
  </si>
  <si>
    <t>Arifa Maryam</t>
  </si>
  <si>
    <t>19813</t>
  </si>
  <si>
    <t>GMPS THATHA MUHAMMAD SHAH AT NALKA ADDA</t>
  </si>
  <si>
    <t>Thattha Muhammad Shah</t>
  </si>
  <si>
    <t>thattha muhammad shah</t>
  </si>
  <si>
    <t>Thattha Muhammad  Shah</t>
  </si>
  <si>
    <t>Thattha Muhammad S Shah</t>
  </si>
  <si>
    <t>GGPS BASTI RATHI PO BEHAL</t>
  </si>
  <si>
    <t>Rathi</t>
  </si>
  <si>
    <t>GGPS BASTI RATHI POST OFFICE BEHAL DISTRICT BHAKKAR</t>
  </si>
  <si>
    <t>Bet Bogha</t>
  </si>
  <si>
    <t>Rabia Motalim</t>
  </si>
  <si>
    <t>14833</t>
  </si>
  <si>
    <t>GES CHAK 58 GB</t>
  </si>
  <si>
    <t>Chak No 58GB</t>
  </si>
  <si>
    <t>Chak No 58GB Jaranwala District Faislabad</t>
  </si>
  <si>
    <t>Chak No 58GB Jaranwala</t>
  </si>
  <si>
    <t>pervaiz iqbal</t>
  </si>
  <si>
    <t>GGPS CHAK NO.50 TDA</t>
  </si>
  <si>
    <t>Chak # 50/TDA</t>
  </si>
  <si>
    <t>chak # 50/TDA Mochi Wala</t>
  </si>
  <si>
    <t>Chak # 57/TDA</t>
  </si>
  <si>
    <t>Tasneem akhtar</t>
  </si>
  <si>
    <t>GGES 74/12-L</t>
  </si>
  <si>
    <t>74/12.L</t>
  </si>
  <si>
    <t>GGPS BAIT BOGHA SHUMALI</t>
  </si>
  <si>
    <t>Baitbogha</t>
  </si>
  <si>
    <t>Baitbogha shumal tehsil distt bhakkar</t>
  </si>
  <si>
    <t>50205</t>
  </si>
  <si>
    <t>GGES 107/12-L</t>
  </si>
  <si>
    <t>GGES 107/12L</t>
  </si>
  <si>
    <t>110/12L</t>
  </si>
  <si>
    <t>Shafqat Sitara</t>
  </si>
  <si>
    <t>GGES 42/12-L</t>
  </si>
  <si>
    <t>Shagufta tahir</t>
  </si>
  <si>
    <t>GGPS CHAK NO.5 KHURD</t>
  </si>
  <si>
    <t>Chak No 5 Khurd</t>
  </si>
  <si>
    <t>chak no 5 khurd</t>
  </si>
  <si>
    <t>5 Chak Kallan</t>
  </si>
  <si>
    <t>GGPS FATATOOR</t>
  </si>
  <si>
    <t>Fatta Toor</t>
  </si>
  <si>
    <t>fatta toor post office fatta toor  tehsil zafarwal district Nsrowal</t>
  </si>
  <si>
    <t>GGPS ABYAIL DOGER</t>
  </si>
  <si>
    <t>Abyal Dogar</t>
  </si>
  <si>
    <t>village Abyal dogr markaz masroor tehsil shakargarh distt narowal</t>
  </si>
  <si>
    <t>Ulfat Rani</t>
  </si>
  <si>
    <t>GGPS KALA NOOR CHAK NO.369/GB</t>
  </si>
  <si>
    <t>Klanoor</t>
  </si>
  <si>
    <t>Check no 369 GB klanoor</t>
  </si>
  <si>
    <t>Martunpur</t>
  </si>
  <si>
    <t>GGPS NAKI JUTTAN</t>
  </si>
  <si>
    <t>Neiki Jattan</t>
  </si>
  <si>
    <t>neiki jattan</t>
  </si>
  <si>
    <t>Zubaria Asghar</t>
  </si>
  <si>
    <t>GGPS KALYAN PUR</t>
  </si>
  <si>
    <t>kalyan pur jhoka p/o masroor teh.Shakargarh Distt.Narowal</t>
  </si>
  <si>
    <t>Kalyan Pur Johka</t>
  </si>
  <si>
    <t>GGES 18/8-R, TULAMBA</t>
  </si>
  <si>
    <t>18/8r</t>
  </si>
  <si>
    <t>18/8R</t>
  </si>
  <si>
    <t>3/8Ar</t>
  </si>
  <si>
    <t>26048</t>
  </si>
  <si>
    <t>GGES MALIK PUR</t>
  </si>
  <si>
    <t>malik pur post office kot naian shahkargarh narowal</t>
  </si>
  <si>
    <t>24557</t>
  </si>
  <si>
    <t>village shah hussain teh pasrur dist sialkot</t>
  </si>
  <si>
    <t>Sumera Riasat</t>
  </si>
  <si>
    <t>GGES CHAK 132/NP</t>
  </si>
  <si>
    <t>132/   NP</t>
  </si>
  <si>
    <t>GGES CHAK#132/NP</t>
  </si>
  <si>
    <t>132/ NP</t>
  </si>
  <si>
    <t>44729</t>
  </si>
  <si>
    <t>GGPS CHAK NO.66/TDA</t>
  </si>
  <si>
    <t>66tda</t>
  </si>
  <si>
    <t>chak n0 66tda</t>
  </si>
  <si>
    <t>Chak No66tda</t>
  </si>
  <si>
    <t>Lubna Aziz</t>
  </si>
  <si>
    <t>GGES MUKHTAR ABAD</t>
  </si>
  <si>
    <t>kaluwala</t>
  </si>
  <si>
    <t>GGES mukhtarabad muhallah farooqabad jhang</t>
  </si>
  <si>
    <t>salma khanum</t>
  </si>
  <si>
    <t>fatehpurkamal</t>
  </si>
  <si>
    <t>24638</t>
  </si>
  <si>
    <t>GMES EANGAN</t>
  </si>
  <si>
    <t>Engan</t>
  </si>
  <si>
    <t>village engan ,p/o chahar bajwa ,tehsil passrur</t>
  </si>
  <si>
    <t>Samra Inam</t>
  </si>
  <si>
    <t>15141</t>
  </si>
  <si>
    <t>GGPS CHAK 588 GB LUNDIANWALA</t>
  </si>
  <si>
    <t>588gb</t>
  </si>
  <si>
    <t>ch#588gb</t>
  </si>
  <si>
    <t>Saba Akhtar</t>
  </si>
  <si>
    <t>GGPS CHAK 283 JB I</t>
  </si>
  <si>
    <t>283jb1</t>
  </si>
  <si>
    <t>Alia Tabsum</t>
  </si>
  <si>
    <t>45658</t>
  </si>
  <si>
    <t>GPS BASTI BALOCHAN WALI</t>
  </si>
  <si>
    <t>Sukha Shah Nasheb</t>
  </si>
  <si>
    <t>basti blochan wali post office hassan shah teh. darya khan dist. Bhakkar</t>
  </si>
  <si>
    <t>Basti Balochan Wali</t>
  </si>
  <si>
    <t>GGES BHUDIAL</t>
  </si>
  <si>
    <t>ggesbudhial</t>
  </si>
  <si>
    <t>Tehmina Iffat</t>
  </si>
  <si>
    <t>GGES CHAK NO. 202 M (EAST)</t>
  </si>
  <si>
    <t>202M E</t>
  </si>
  <si>
    <t>chak no 202 M E</t>
  </si>
  <si>
    <t>201M</t>
  </si>
  <si>
    <t>Misbah Rahat</t>
  </si>
  <si>
    <t>29051</t>
  </si>
  <si>
    <t>GHS MAHMOOD PURA</t>
  </si>
  <si>
    <t>mahmood pura</t>
  </si>
  <si>
    <t>village Mahmood pura p/o Khudian Khas</t>
  </si>
  <si>
    <t>mahmood Pura</t>
  </si>
  <si>
    <t>berun Khudian</t>
  </si>
  <si>
    <t>GGCMES NOSHERA</t>
  </si>
  <si>
    <t>nowshera</t>
  </si>
  <si>
    <t>Naeem  Akhter</t>
  </si>
  <si>
    <t>GGPS 19 KASSI P/O M JHOKE LASHKAR PUR MUKHDOOM RASHED</t>
  </si>
  <si>
    <t>Jhok Lashkar</t>
  </si>
  <si>
    <t>ggps 19 kassi chah hidayat wala</t>
  </si>
  <si>
    <t>Chah Hidayat Wala</t>
  </si>
  <si>
    <t>saeeda khanm</t>
  </si>
  <si>
    <t>GES MUHAMMAD ALI WALA</t>
  </si>
  <si>
    <t>Muhammad ali wala p/o tirkhanwala tehsil sahiwal distt sargodha</t>
  </si>
  <si>
    <t>GGES CHIHAN</t>
  </si>
  <si>
    <t>GGES chahan</t>
  </si>
  <si>
    <t>Noor Jehan</t>
  </si>
  <si>
    <t>GGPS THATTA JOIYA</t>
  </si>
  <si>
    <t>Thatta Joyia</t>
  </si>
  <si>
    <t>thatta joyia p/o rabana tehsil sahiwal district sargodha</t>
  </si>
  <si>
    <t>Nooraywala</t>
  </si>
  <si>
    <t>Muhammad Sarfraz Ahmad</t>
  </si>
  <si>
    <t>GGES CHAK NO.87 SB</t>
  </si>
  <si>
    <t>87SB</t>
  </si>
  <si>
    <t>Chak No 87SB sargodha</t>
  </si>
  <si>
    <t>96SB</t>
  </si>
  <si>
    <t>Rabiyah Ali</t>
  </si>
  <si>
    <t>29903</t>
  </si>
  <si>
    <t>GGPS SUR SINGH CHAK NO 53</t>
  </si>
  <si>
    <t>Sursingh 53</t>
  </si>
  <si>
    <t>sursingh chk 53</t>
  </si>
  <si>
    <t>Sursingh Chk 53</t>
  </si>
  <si>
    <t>Meggha</t>
  </si>
  <si>
    <t>G.G. p/sMirwal teh jand dist attock</t>
  </si>
  <si>
    <t>AsmaNajab</t>
  </si>
  <si>
    <t>10142</t>
  </si>
  <si>
    <t>GPS CHAK NO 264 TDA</t>
  </si>
  <si>
    <t>264 TDA</t>
  </si>
  <si>
    <t>Chak  264 TDA  Tehsil Karor District Layyah</t>
  </si>
  <si>
    <t>264TDA</t>
  </si>
  <si>
    <t>Gorsi</t>
  </si>
  <si>
    <t>gorsi</t>
  </si>
  <si>
    <t>Tehmina Saba</t>
  </si>
  <si>
    <t>GGHS DELHI GATE LAHORE</t>
  </si>
  <si>
    <t>dehli gate lahore</t>
  </si>
  <si>
    <t>Miss Sidra Tariq</t>
  </si>
  <si>
    <t>warte cooler</t>
  </si>
  <si>
    <t>45526</t>
  </si>
  <si>
    <t>GGPS NAHUA</t>
  </si>
  <si>
    <t>Jhamat shumili</t>
  </si>
  <si>
    <t>nahua</t>
  </si>
  <si>
    <t>Nahua</t>
  </si>
  <si>
    <t>Jhamat Shumili</t>
  </si>
  <si>
    <t>Toaqeer Kaukab</t>
  </si>
  <si>
    <t>GES MARI KHURD</t>
  </si>
  <si>
    <t>Ges Mari khurd</t>
  </si>
  <si>
    <t>GPS RATTA GORAYA</t>
  </si>
  <si>
    <t>Rattagoraya Noshera virkan Gujranawala</t>
  </si>
  <si>
    <t>Rattagoraya</t>
  </si>
  <si>
    <t>Buprakalan</t>
  </si>
  <si>
    <t>35455</t>
  </si>
  <si>
    <t>GGPS CHAK NO. 309/ EB  (OLD)</t>
  </si>
  <si>
    <t>Chack no 309/e.b</t>
  </si>
  <si>
    <t>309/eb</t>
  </si>
  <si>
    <t>iqra batool</t>
  </si>
  <si>
    <t>GHS 2/AH, 5/AH, KHANEWAL</t>
  </si>
  <si>
    <t>Chak No. 02/AH</t>
  </si>
  <si>
    <t>Chak no. 02/AH P/O Chak NO. 05/AH khanewal</t>
  </si>
  <si>
    <t>Chak NO. 02/AH</t>
  </si>
  <si>
    <t>chak no. 04/AH KWL</t>
  </si>
  <si>
    <t>Muhammad Naeem Muzaffar</t>
  </si>
  <si>
    <t>GGPS SABANA</t>
  </si>
  <si>
    <t>chak sabana tehsil shaha pur district sargodha</t>
  </si>
  <si>
    <t>Hussain Shaha</t>
  </si>
  <si>
    <t>Aasma Muneer</t>
  </si>
  <si>
    <t>GGPS SAI KEY</t>
  </si>
  <si>
    <t>GGPS Sai Kay</t>
  </si>
  <si>
    <t>Sai Kay</t>
  </si>
  <si>
    <t>GGPS ABLOO WALA</t>
  </si>
  <si>
    <t>Kothy Wala</t>
  </si>
  <si>
    <t>basti abloo wala</t>
  </si>
  <si>
    <t>Abloo Wala</t>
  </si>
  <si>
    <t>Sonia Mustafa</t>
  </si>
  <si>
    <t>GGPS 8 MR</t>
  </si>
  <si>
    <t>8mr</t>
  </si>
  <si>
    <t>chk# 8mr</t>
  </si>
  <si>
    <t>Khan Pur Mrul</t>
  </si>
  <si>
    <t>GPS JAMAL CHANNAR</t>
  </si>
  <si>
    <t>Basti mosani moza jamal channar p/o Rehman abad teh sadar bwp district bwp</t>
  </si>
  <si>
    <t>M Rafique Abbasi</t>
  </si>
  <si>
    <t>GPS 182/9-L EAST</t>
  </si>
  <si>
    <t>chak no 182/9-L tehsil chichawatni district sahiwal</t>
  </si>
  <si>
    <t>182/9L</t>
  </si>
  <si>
    <t>GPS BASTI MOULVI</t>
  </si>
  <si>
    <t>Wadanor</t>
  </si>
  <si>
    <t>Basti kalar wali moza wadanor khair pur daha</t>
  </si>
  <si>
    <t>Basti Kalar Walai</t>
  </si>
  <si>
    <t>M Farooq Amjad Farooqi</t>
  </si>
  <si>
    <t>GOVERNMENT PRIMARY SCHOOL GOTH GHANI, MAZRKAZ JAMAL CHANNAR, BAHAWALPUR SADAR</t>
  </si>
  <si>
    <t>Basti Jam Allah Divaya Moza Nonari</t>
  </si>
  <si>
    <t>Jam Allah Divaya</t>
  </si>
  <si>
    <t>GPS BASTI LATKAY</t>
  </si>
  <si>
    <t>tibbi Data Khan</t>
  </si>
  <si>
    <t>Mouza Tibbi data Khan</t>
  </si>
  <si>
    <t>Basti Latkay</t>
  </si>
  <si>
    <t>Shabeer Ahmad</t>
  </si>
  <si>
    <t>45226</t>
  </si>
  <si>
    <t>GPS BAKKAY WALA</t>
  </si>
  <si>
    <t>bakkay wala patti bilanda</t>
  </si>
  <si>
    <t>SAMMAR ABBAS</t>
  </si>
  <si>
    <t>GGPS FAZAL GARH</t>
  </si>
  <si>
    <t>FAZAL GARH</t>
  </si>
  <si>
    <t>CHAK FAZAL GARH UC.BOYALE GANJ PAKPATTAN</t>
  </si>
  <si>
    <t>Boyale Ganj</t>
  </si>
  <si>
    <t>FROZAN JALIL</t>
  </si>
  <si>
    <t>GGES CHAK 8/60</t>
  </si>
  <si>
    <t>Aug-60</t>
  </si>
  <si>
    <t>chak no 8/60</t>
  </si>
  <si>
    <t>Chak No 8/60</t>
  </si>
  <si>
    <t>Chk Haider Abad</t>
  </si>
  <si>
    <t>ZAHIDA ANWAR</t>
  </si>
  <si>
    <t>26804</t>
  </si>
  <si>
    <t>GGPS HARRER KHURD</t>
  </si>
  <si>
    <t>Harar Khurd</t>
  </si>
  <si>
    <t>GGPS Harar Khurd,PO khaira,Teh Shakargarh</t>
  </si>
  <si>
    <t>Kaneez Begum</t>
  </si>
  <si>
    <t>GGPS PAKKI BASTI</t>
  </si>
  <si>
    <t>PAKKI BASTI Rahim Yar Khan</t>
  </si>
  <si>
    <t>PAKKI BASTI</t>
  </si>
  <si>
    <t>Mussarat Saeed</t>
  </si>
  <si>
    <t>GGPS TILK PUR</t>
  </si>
  <si>
    <t>Tilkpur</t>
  </si>
  <si>
    <t>Village Tilkpur P/O Jungmor Sialkot</t>
  </si>
  <si>
    <t>Rimsha Zulfiqar</t>
  </si>
  <si>
    <t>40521</t>
  </si>
  <si>
    <t>GGPS JAITHEL</t>
  </si>
  <si>
    <t>JAITHEL</t>
  </si>
  <si>
    <t>JAITHEL tehsil pd khan DISTRICT jhelum</t>
  </si>
  <si>
    <t>Tehmeena Afzal</t>
  </si>
  <si>
    <t>46056</t>
  </si>
  <si>
    <t>GGES SHAHIAN WALA</t>
  </si>
  <si>
    <t>GGES Shahian wala Mitha Tiwana</t>
  </si>
  <si>
    <t>GGES KOTLI SAID AMIR</t>
  </si>
  <si>
    <t>kotli said amir p/o zahoora teh/distt sialkot</t>
  </si>
  <si>
    <t>asma binet</t>
  </si>
  <si>
    <t>GMPS KULI SALAH</t>
  </si>
  <si>
    <t>GMPS Kulisalah</t>
  </si>
  <si>
    <t>village kulli salah tehsil and distt. sialkot</t>
  </si>
  <si>
    <t>KulliSalah</t>
  </si>
  <si>
    <t>44273</t>
  </si>
  <si>
    <t>GGPS KALOO</t>
  </si>
  <si>
    <t>Kaloo</t>
  </si>
  <si>
    <t>v kaloo po bharpur teh kallar kahar dist chakwal</t>
  </si>
  <si>
    <t>GPS VERHEELAN</t>
  </si>
  <si>
    <t>Verheelan</t>
  </si>
  <si>
    <t>moza verheelan bahawalpur</t>
  </si>
  <si>
    <t>Muhammad Ashiq Hussain</t>
  </si>
  <si>
    <t>GPS 19/11-L</t>
  </si>
  <si>
    <t>19/11-L</t>
  </si>
  <si>
    <t>Chak No.19/11.L, Tehsil Chichawatni,District Sahiwal</t>
  </si>
  <si>
    <t>Chak No.19/11-L</t>
  </si>
  <si>
    <t>Chak No.20/11-L</t>
  </si>
  <si>
    <t>Ghulam Abbas Qamer</t>
  </si>
  <si>
    <t>44282</t>
  </si>
  <si>
    <t>GGPS RANSIAL</t>
  </si>
  <si>
    <t>vpo Ransial tehsil kalar kahar district chakwal</t>
  </si>
  <si>
    <t>Vpo Ransial Tehsil Kalar Kahar District Chakwal</t>
  </si>
  <si>
    <t>ASIA TUFAIL</t>
  </si>
  <si>
    <t>GGPS GURANI</t>
  </si>
  <si>
    <t>basti jurani p/ o pacca laran tehsil liaqut pur distric RYk1989</t>
  </si>
  <si>
    <t>Basti Jurani</t>
  </si>
  <si>
    <t>GGPS CHAK NO.1 NB GHAKRA</t>
  </si>
  <si>
    <t>Ghakra</t>
  </si>
  <si>
    <t>GGPS chak no 1NB ghakra</t>
  </si>
  <si>
    <t>GPS HAJI PERHAR</t>
  </si>
  <si>
    <t>Basti Haji perhar moza tibbi data khan Bahawalpur Saddar</t>
  </si>
  <si>
    <t>Haji Perhar</t>
  </si>
  <si>
    <t>GPS DARKHANAN RUKRANI</t>
  </si>
  <si>
    <t>basti darkhana mouza rukrani</t>
  </si>
  <si>
    <t>Syed Muhammad Qasim Shah</t>
  </si>
  <si>
    <t>GGPS PUNJA SHARIF</t>
  </si>
  <si>
    <t>Punja Sharif tehsil and district khushab</t>
  </si>
  <si>
    <t>GPS CHAK NO.591 TDA</t>
  </si>
  <si>
    <t>591/TDA</t>
  </si>
  <si>
    <t>Chak No 591/TDA</t>
  </si>
  <si>
    <t>Wandharh</t>
  </si>
  <si>
    <t>24277</t>
  </si>
  <si>
    <t>GGPS EAIS PUR</t>
  </si>
  <si>
    <t>Eais Pur</t>
  </si>
  <si>
    <t>eais pur  p.o jhato kay pasrure sialkot</t>
  </si>
  <si>
    <t>Dugrihurian</t>
  </si>
  <si>
    <t>Fouzia</t>
  </si>
  <si>
    <t>GGPS CHAK NO. 79/P</t>
  </si>
  <si>
    <t>TSK</t>
  </si>
  <si>
    <t>ggps chak 79p tranda siway khan ryk</t>
  </si>
  <si>
    <t>Chak 79p</t>
  </si>
  <si>
    <t>Tranda Siway Khan</t>
  </si>
  <si>
    <t>Shehla Abbasi</t>
  </si>
  <si>
    <t>GPS JALLO MORE</t>
  </si>
  <si>
    <t>jallo more</t>
  </si>
  <si>
    <t>Dogra E Kalan</t>
  </si>
  <si>
    <t>51330</t>
  </si>
  <si>
    <t>GGPS GHOGA</t>
  </si>
  <si>
    <t>Gahoga</t>
  </si>
  <si>
    <t>village gÃ hoga p/o bhagowal teh/distt sialkot</t>
  </si>
  <si>
    <t>GPS CHAK NO.10/1-L</t>
  </si>
  <si>
    <t>chak no 10/1.l renala khurd, distt. okara</t>
  </si>
  <si>
    <t>10/1l</t>
  </si>
  <si>
    <t>ASGHAR ALI SHAHEEN</t>
  </si>
  <si>
    <t>GMPS AL HUSSAIN</t>
  </si>
  <si>
    <t>Jangle Bhera</t>
  </si>
  <si>
    <t>Govt m p SCL AL HUSSAIN HAJI BLOCK</t>
  </si>
  <si>
    <t>Haji Block</t>
  </si>
  <si>
    <t>KOUSAR PARVEEN</t>
  </si>
  <si>
    <t>motour hand pump sarkari</t>
  </si>
  <si>
    <t>23148</t>
  </si>
  <si>
    <t>GGPS BHAGO</t>
  </si>
  <si>
    <t>GGPS Bhago, Kharian (Gujrat)</t>
  </si>
  <si>
    <t>Saima Naureen</t>
  </si>
  <si>
    <t>GPS YAKI WALI</t>
  </si>
  <si>
    <t>basti Yakiwali mauza yakiwali Uc Yakiwali Tehsil Alipur District M.garg</t>
  </si>
  <si>
    <t>GGES CHAK NO 111/6-R</t>
  </si>
  <si>
    <t>111/6r</t>
  </si>
  <si>
    <t>GGES111 6/r</t>
  </si>
  <si>
    <t>111 6/r</t>
  </si>
  <si>
    <t>GGPS KOTLA NOOR SHAH MUZAFARABAD</t>
  </si>
  <si>
    <t>near al hussain</t>
  </si>
  <si>
    <t>Al Hussain</t>
  </si>
  <si>
    <t>Tiba Masood Put</t>
  </si>
  <si>
    <t>GGES BAIT ANGRA</t>
  </si>
  <si>
    <t>Mohallah eid gah layyah</t>
  </si>
  <si>
    <t>GGPS AHSAN PUR</t>
  </si>
  <si>
    <t>ehsanpur</t>
  </si>
  <si>
    <t>village ehsanpur</t>
  </si>
  <si>
    <t>Irum Khalid</t>
  </si>
  <si>
    <t>village jhun P.O box Cantt Sialkot</t>
  </si>
  <si>
    <t>Noreen Maqbool</t>
  </si>
  <si>
    <t>GGPS GHASEET PUR</t>
  </si>
  <si>
    <t>Ghaseet Pur</t>
  </si>
  <si>
    <t>Govt.Girls premry school Ghaseet pur Shakar garh.</t>
  </si>
  <si>
    <t>Jalala Sharif</t>
  </si>
  <si>
    <t>Misbah Iqbal</t>
  </si>
  <si>
    <t>GGES CHAK NO. 21/G</t>
  </si>
  <si>
    <t>21/G</t>
  </si>
  <si>
    <t>chak # 21/ G P / O 23 / G teh ctn district bwn</t>
  </si>
  <si>
    <t>21/ G</t>
  </si>
  <si>
    <t>42/ F</t>
  </si>
  <si>
    <t>Tabinda Iqbal</t>
  </si>
  <si>
    <t>GGMES SAHIBA KAMALA</t>
  </si>
  <si>
    <t>sahiba kamala Hazro Attock</t>
  </si>
  <si>
    <t>Sahiba Kamala</t>
  </si>
  <si>
    <t>28258</t>
  </si>
  <si>
    <t>GGCMES LEHRI KAKAN</t>
  </si>
  <si>
    <t>Lehri Kakan</t>
  </si>
  <si>
    <t>GGCMES Lehri Kakan P O Lehri Kakan</t>
  </si>
  <si>
    <t>GGCEMS CHAK NO. 99 ML</t>
  </si>
  <si>
    <t>99/ML</t>
  </si>
  <si>
    <t>Chak No 99/ML</t>
  </si>
  <si>
    <t>99/Ml</t>
  </si>
  <si>
    <t>GGPS CHAK NO. 91/P ELAHI BUX</t>
  </si>
  <si>
    <t>Ggps 91/p elahi bux Ryk</t>
  </si>
  <si>
    <t>91/p Eahi Bux</t>
  </si>
  <si>
    <t>Maqsood Akhter</t>
  </si>
  <si>
    <t>26347</t>
  </si>
  <si>
    <t>GGPS BHIRY KALAN</t>
  </si>
  <si>
    <t>bheri kalan post office bheri khurd</t>
  </si>
  <si>
    <t>Sara Tahir</t>
  </si>
  <si>
    <t>GMPS RODAY WALI KAT</t>
  </si>
  <si>
    <t>Ameen Koat</t>
  </si>
  <si>
    <t>Basti Bashir Koat Jalwala Road Tehsil &amp; Distt.Bahawal Nagar</t>
  </si>
  <si>
    <t>Basti Bashir Koat</t>
  </si>
  <si>
    <t>Koat fateh Shah Muhammad</t>
  </si>
  <si>
    <t>GPS CHAK 108 JB TALUANDI</t>
  </si>
  <si>
    <t>Chak No 108JB Tawalndi Faisalabad</t>
  </si>
  <si>
    <t>108 JB</t>
  </si>
  <si>
    <t>115JB</t>
  </si>
  <si>
    <t>GGPS LODHI LAWARI</t>
  </si>
  <si>
    <t>Lodhi Lawari</t>
  </si>
  <si>
    <t>lodhi lawari p.o box Ikhlaspur tehsil skg. district narowal</t>
  </si>
  <si>
    <t>Jalala Shareef</t>
  </si>
  <si>
    <t>44135</t>
  </si>
  <si>
    <t>GGES SIDHANDI</t>
  </si>
  <si>
    <t>Vpo sidhandi tehsil choa saidan shah district chakwal</t>
  </si>
  <si>
    <t>GMPS CHAK NO. 22/G</t>
  </si>
  <si>
    <t>22G</t>
  </si>
  <si>
    <t>chak no 23g azaafi basti fareed kot tehsil chishtian</t>
  </si>
  <si>
    <t>23g</t>
  </si>
  <si>
    <t>GGPS CHAK ATLA</t>
  </si>
  <si>
    <t>Chak Atla</t>
  </si>
  <si>
    <t>ggps chak atla</t>
  </si>
  <si>
    <t>Fiza Arif</t>
  </si>
  <si>
    <t>44936</t>
  </si>
  <si>
    <t>GPS CHAK NO. 1 RH</t>
  </si>
  <si>
    <t>1/RH</t>
  </si>
  <si>
    <t>Majid Ali Kazmi</t>
  </si>
  <si>
    <t>GGPS DHEROKAY</t>
  </si>
  <si>
    <t>village dherokay p/o sehowal tehsil pasrur distt sialkot</t>
  </si>
  <si>
    <t>Farida Anwar</t>
  </si>
  <si>
    <t>Rahimpur</t>
  </si>
  <si>
    <t>village Rahimpur Ugoki sialkot</t>
  </si>
  <si>
    <t>Ugoki</t>
  </si>
  <si>
    <t>Miss Nasreen Shah</t>
  </si>
  <si>
    <t>GGES 33/12-L</t>
  </si>
  <si>
    <t>Chak No 33/12L</t>
  </si>
  <si>
    <t>chak no 33/12 l tehsil chichawatni district sahiwal</t>
  </si>
  <si>
    <t>Chak No 33/12 L</t>
  </si>
  <si>
    <t>LUBNA SHAHZADI</t>
  </si>
  <si>
    <t>GPS MC GHAFAR PARK STREET 4 GOJRA</t>
  </si>
  <si>
    <t>Kacha gojra</t>
  </si>
  <si>
    <t>ghaffar park, street no. 4, pensra road, gojra</t>
  </si>
  <si>
    <t>GPS BASTI CHAKAR CHANG</t>
  </si>
  <si>
    <t>Noor Ahmad Abad</t>
  </si>
  <si>
    <t>Basti Chakar Chang</t>
  </si>
  <si>
    <t>GMPS TOPA KAIR</t>
  </si>
  <si>
    <t>Topa Kair</t>
  </si>
  <si>
    <t>village topa kair  u/c darya gali tehsil Murree district rwp</t>
  </si>
  <si>
    <t>Madiha Shoukat</t>
  </si>
  <si>
    <t>GPS BANGLA MANTHAR</t>
  </si>
  <si>
    <t>142-p</t>
  </si>
  <si>
    <t>chak no142-p tibba p/o bangla manthar rahim yar khan</t>
  </si>
  <si>
    <t>142-p tibba</t>
  </si>
  <si>
    <t>chak no139-p</t>
  </si>
  <si>
    <t>GPS CHAK NO. 227/P</t>
  </si>
  <si>
    <t>227/P</t>
  </si>
  <si>
    <t>Chak No. 227/P</t>
  </si>
  <si>
    <t>GGPS NANDI PUR</t>
  </si>
  <si>
    <t>Village nandipur tehsil n district sialkot</t>
  </si>
  <si>
    <t>Sabira Aziz</t>
  </si>
  <si>
    <t>19410</t>
  </si>
  <si>
    <t>GES BUKHSHI PARK T.T.SINGH</t>
  </si>
  <si>
    <t>b.park t.t.singh</t>
  </si>
  <si>
    <t>City Toba</t>
  </si>
  <si>
    <t>GGPS KHYZER HAYAT</t>
  </si>
  <si>
    <t>Chack Abbas</t>
  </si>
  <si>
    <t>khizar Hayat basti Malook Chacher</t>
  </si>
  <si>
    <t>Ashfa Noreen</t>
  </si>
  <si>
    <t>26679</t>
  </si>
  <si>
    <t>GGPS SOIAN</t>
  </si>
  <si>
    <t>Soain</t>
  </si>
  <si>
    <t>soian</t>
  </si>
  <si>
    <t>Soian</t>
  </si>
  <si>
    <t>GGPS JHOK LASHKAR PUR</t>
  </si>
  <si>
    <t>Jhoke Lashkar Pur</t>
  </si>
  <si>
    <t>post office khas jhoke lashkar pur tehsil multan sadar</t>
  </si>
  <si>
    <t>Abida Fraz</t>
  </si>
  <si>
    <t>GPS DERA NIGAH</t>
  </si>
  <si>
    <t>Dera Nigah</t>
  </si>
  <si>
    <t>Sucha Soda Gaon</t>
  </si>
  <si>
    <t>GGPS KAHAL</t>
  </si>
  <si>
    <t>vpo kahal teh jand distt attock</t>
  </si>
  <si>
    <t>Zenab Bibi</t>
  </si>
  <si>
    <t>19883</t>
  </si>
  <si>
    <t>GMPS ABADI PIPLI</t>
  </si>
  <si>
    <t>Tattahfatehali</t>
  </si>
  <si>
    <t>AbadiPipli</t>
  </si>
  <si>
    <t>Abadi Pipli</t>
  </si>
  <si>
    <t>158Monara</t>
  </si>
  <si>
    <t>FarzanaAshraf</t>
  </si>
  <si>
    <t>Khairha</t>
  </si>
  <si>
    <t>mouza khairha&amp;</t>
  </si>
  <si>
    <t>GGPS CHAK NO. 235 JB</t>
  </si>
  <si>
    <t>Chak No 235 JB</t>
  </si>
  <si>
    <t>184 Sial</t>
  </si>
  <si>
    <t>Shagufta Nawaz</t>
  </si>
  <si>
    <t>52417</t>
  </si>
  <si>
    <t>GPS SHEIN WALA</t>
  </si>
  <si>
    <t>Sheinwal</t>
  </si>
  <si>
    <t>Sheinwal p/o Hujra Shah Moqeem Tehsil Depalpur District Okara.</t>
  </si>
  <si>
    <t>GES 55/4-R</t>
  </si>
  <si>
    <t>55/4-R</t>
  </si>
  <si>
    <t>GGES HAIDER ABAD NO.2 NAWAN SHEHR</t>
  </si>
  <si>
    <t>nawan shehr chakhaiderabad</t>
  </si>
  <si>
    <t>Aneela Sana</t>
  </si>
  <si>
    <t>29496</t>
  </si>
  <si>
    <t>GGPS CHAH RAKH WALA</t>
  </si>
  <si>
    <t>chah rakh wala</t>
  </si>
  <si>
    <t>chah rakh wala nain wall jageer p.o dholan hithar tehsil and district kasur</t>
  </si>
  <si>
    <t>Nargis Abdul Wakeel</t>
  </si>
  <si>
    <t>GGHS LANG SHUMALI</t>
  </si>
  <si>
    <t>lang shumali</t>
  </si>
  <si>
    <t>lang shumali p.o same jhang</t>
  </si>
  <si>
    <t>D horizontal Wala</t>
  </si>
  <si>
    <t>mrs mussarat iqbal rai</t>
  </si>
  <si>
    <t>GGPS PAGALA</t>
  </si>
  <si>
    <t>Pagala</t>
  </si>
  <si>
    <t>Pagala tehsil nowshera virkan GRW</t>
  </si>
  <si>
    <t>Madifer Un Nisa</t>
  </si>
  <si>
    <t>GGPS CHAK NO. 571 TDA</t>
  </si>
  <si>
    <t>chak No 571/tda,chowk Sarwar shaheed</t>
  </si>
  <si>
    <t>27244</t>
  </si>
  <si>
    <t>GHS ZAKHIRA BERANWALA</t>
  </si>
  <si>
    <t>Chak 2</t>
  </si>
  <si>
    <t>GHSchak no 2 Zakhera baranwala</t>
  </si>
  <si>
    <t>chak 2</t>
  </si>
  <si>
    <t>Nazar Qayyum</t>
  </si>
  <si>
    <t>GPS QILA PACCA MORE KHUNDA</t>
  </si>
  <si>
    <t>Qilla Pacca</t>
  </si>
  <si>
    <t>gps qilla pacca</t>
  </si>
  <si>
    <t>GPS BAHUMAN</t>
  </si>
  <si>
    <t>village BAHUMAN</t>
  </si>
  <si>
    <t>Qasim Ali Kharal</t>
  </si>
  <si>
    <t>GES DHULLIAN CITY</t>
  </si>
  <si>
    <t>VPO Dhullian</t>
  </si>
  <si>
    <t>Dhullian City</t>
  </si>
  <si>
    <t>GPS HILAL WAJAH SHUJABAD</t>
  </si>
  <si>
    <t>mouza hilal wajha</t>
  </si>
  <si>
    <t>GPS DHOK PARI</t>
  </si>
  <si>
    <t>Dk Parri</t>
  </si>
  <si>
    <t>G B P S Dk. Parri</t>
  </si>
  <si>
    <t>Gribwal</t>
  </si>
  <si>
    <t>GPS ANBA SKP</t>
  </si>
  <si>
    <t>Anba</t>
  </si>
  <si>
    <t>Gps Anba</t>
  </si>
  <si>
    <t>Bahoman</t>
  </si>
  <si>
    <t>FAISAL LATIF</t>
  </si>
  <si>
    <t>GGPS KHURRAM PARACHA</t>
  </si>
  <si>
    <t>P. O. Khurram gujjar  Village khurram Paracha Teh. Taxila Disstt . Rawalpindi</t>
  </si>
  <si>
    <t>Shabana Tanveer</t>
  </si>
  <si>
    <t>GGES BASTI MALANA</t>
  </si>
  <si>
    <t>tehsil kot chutta basti malana</t>
  </si>
  <si>
    <t>Asifa Jahangir</t>
  </si>
  <si>
    <t>GGPS CHAK 760 GB I</t>
  </si>
  <si>
    <t>govt.girls primary school 760 GB1</t>
  </si>
  <si>
    <t>Nawaz Kot</t>
  </si>
  <si>
    <t>Nasir Nager</t>
  </si>
  <si>
    <t>GMPS DHUDIAN SHARIF</t>
  </si>
  <si>
    <t>P/O: Jhawarian, Tehsil: Shah Pur, Distt: Sargoda</t>
  </si>
  <si>
    <t>Dhudian Sharif</t>
  </si>
  <si>
    <t>GPS CHAK NO. 59-60</t>
  </si>
  <si>
    <t>Chak  59/60</t>
  </si>
  <si>
    <t>KRK Kasur</t>
  </si>
  <si>
    <t>Chak 59/60</t>
  </si>
  <si>
    <t>Zafarkey</t>
  </si>
  <si>
    <t>Nadeem Nasir</t>
  </si>
  <si>
    <t>GGPS BASTI DAHANA</t>
  </si>
  <si>
    <t>Sabdhi Wala</t>
  </si>
  <si>
    <t>Basti dahna</t>
  </si>
  <si>
    <t>GGPS NO. 1 JAUHARABAD</t>
  </si>
  <si>
    <t>Block no ,1 Jauharabad</t>
  </si>
  <si>
    <t>GPS AGAR KHANI P.O AGAR KHANI MOZA RUKKAN HATI</t>
  </si>
  <si>
    <t>Rukin Hatti</t>
  </si>
  <si>
    <t>tibi drkhan wali muza rukin hatti</t>
  </si>
  <si>
    <t>Tabi Drkhan Wali</t>
  </si>
  <si>
    <t>Mehmood Ul hassan Tariq</t>
  </si>
  <si>
    <t>GPS HATHIANA</t>
  </si>
  <si>
    <t>Hathiana</t>
  </si>
  <si>
    <t>Village Hathiana Manawala</t>
  </si>
  <si>
    <t>GPS MUHAMMAD BIN QASIM COLONY</t>
  </si>
  <si>
    <t>Muhammad Bin Qasim Colony</t>
  </si>
  <si>
    <t>Muhammad bin qasam colony</t>
  </si>
  <si>
    <t>mukhtar masood hasrat</t>
  </si>
  <si>
    <t>GGPS CHAK NO. 1/10 THAL</t>
  </si>
  <si>
    <t>1/10 Thal</t>
  </si>
  <si>
    <t>1/10 thal</t>
  </si>
  <si>
    <t>Bhurahta</t>
  </si>
  <si>
    <t>Basti Qudratabad Dakkhana Israni ,bhurahta</t>
  </si>
  <si>
    <t>Dilshad Rani</t>
  </si>
  <si>
    <t>GGPS MOHRA ROSHAN</t>
  </si>
  <si>
    <t>Vill Mohra Roshan,P/o Pari Darweza,Teh Sohawa,Distt Jhelum.</t>
  </si>
  <si>
    <t>Morha Roshan</t>
  </si>
  <si>
    <t>Shamsa Ghalib</t>
  </si>
  <si>
    <t>GHS NOOR PUR PAKPATTAN</t>
  </si>
  <si>
    <t>Adda Noorpur</t>
  </si>
  <si>
    <t>93/D noorpur</t>
  </si>
  <si>
    <t>MUHAMMAD AKRAM BHATTI</t>
  </si>
  <si>
    <t>32752</t>
  </si>
  <si>
    <t>GPS DEMOON WALA KHURD</t>
  </si>
  <si>
    <t>Govt. primary School Demonwala Khurd Bucheki</t>
  </si>
  <si>
    <t>Demonwala Khurd</t>
  </si>
  <si>
    <t>Jan muhammad</t>
  </si>
  <si>
    <t>GPS BASTI MAIN SAHIB</t>
  </si>
  <si>
    <t>Basti Mian Sahib</t>
  </si>
  <si>
    <t>Basti Main Sahib</t>
  </si>
  <si>
    <t>Mohammad Younas</t>
  </si>
  <si>
    <t>GMPS CHAK ISHAQ</t>
  </si>
  <si>
    <t>Chak Ishaq</t>
  </si>
  <si>
    <t>village chak ishaq p.o dhoda, pasrur</t>
  </si>
  <si>
    <t>Naseem Tufail</t>
  </si>
  <si>
    <t>GGES HUNDO GUJAR</t>
  </si>
  <si>
    <t>Handu Gujjar</t>
  </si>
  <si>
    <t>Village handu gujjar</t>
  </si>
  <si>
    <t>Lakh Dair</t>
  </si>
  <si>
    <t>Asma Asghar Ali</t>
  </si>
  <si>
    <t>GGES BASTI ARSALAN</t>
  </si>
  <si>
    <t>Fathe Sohrani</t>
  </si>
  <si>
    <t>basti arsalan near kd qureshi</t>
  </si>
  <si>
    <t>32416</t>
  </si>
  <si>
    <t>GGPS MC ARANIAN WALA</t>
  </si>
  <si>
    <t>Arianwala</t>
  </si>
  <si>
    <t>GGMCPS arainwala</t>
  </si>
  <si>
    <t>Arainwala</t>
  </si>
  <si>
    <t>Basti Balocha</t>
  </si>
  <si>
    <t>GHS KAWA</t>
  </si>
  <si>
    <t>Kawa</t>
  </si>
  <si>
    <t>TraHada stop, Sanjwal Road</t>
  </si>
  <si>
    <t>Pervaiz Akhter</t>
  </si>
  <si>
    <t>GHS CDG 4-D-II GREEN TOWN</t>
  </si>
  <si>
    <t>4-D-II, GREEN TOWN, LAHORE</t>
  </si>
  <si>
    <t>GREEN TOWN</t>
  </si>
  <si>
    <t>KEER KALAN</t>
  </si>
  <si>
    <t>GPS NIKA KEILA</t>
  </si>
  <si>
    <t>village nikka Kaila p.o mitranwali tehsil daska sialkot</t>
  </si>
  <si>
    <t>Mansoor Ali</t>
  </si>
  <si>
    <t>GPS CHAK NO.2-D</t>
  </si>
  <si>
    <t>2/ D</t>
  </si>
  <si>
    <t>2/D</t>
  </si>
  <si>
    <t>khral klan</t>
  </si>
  <si>
    <t>GGPS BASTI QADIR PUR</t>
  </si>
  <si>
    <t>Basti Ahmad Abad Mouza Qadir Pur P/O Box 335/wb  Tehsil Mails District Vehari</t>
  </si>
  <si>
    <t>Sanam Bibi</t>
  </si>
  <si>
    <t>GGPS CHAPPRI</t>
  </si>
  <si>
    <t>chahpri ranjhy wali</t>
  </si>
  <si>
    <t>Chahpri Ranjhy Wali</t>
  </si>
  <si>
    <t>39160</t>
  </si>
  <si>
    <t>GGPS SUBJAL</t>
  </si>
  <si>
    <t>Subjal</t>
  </si>
  <si>
    <t>village subjal po gaggan tehsil fateh jang district attack</t>
  </si>
  <si>
    <t>GPS MANO CHAK KHURD</t>
  </si>
  <si>
    <t>Mano Chak Khurd</t>
  </si>
  <si>
    <t>VILL.MANO CHAK KHURD. P/O MANO CHAK
TEH:PHALIA  DISTRICT MANDI BAHA UDDIN</t>
  </si>
  <si>
    <t>MANO CHAK Khurd</t>
  </si>
  <si>
    <t>GMES SHATAB GARH</t>
  </si>
  <si>
    <t>shatab garh sialkot</t>
  </si>
  <si>
    <t>Nazish Fardos</t>
  </si>
  <si>
    <t>GGES CHANALA LOOPH</t>
  </si>
  <si>
    <t>Chanala Looph</t>
  </si>
  <si>
    <t>govt.girls elementary school chanala looph</t>
  </si>
  <si>
    <t>FOZIA  ASHRAF</t>
  </si>
  <si>
    <t>GMPS MASEETAN (SOUTH)</t>
  </si>
  <si>
    <t>SYED NIAZ HUSSAIN</t>
  </si>
  <si>
    <t>Rukhshana Majeed</t>
  </si>
  <si>
    <t>GPS DARKHANA WALA</t>
  </si>
  <si>
    <t>Thalagulkala</t>
  </si>
  <si>
    <t>dirkhanawala</t>
  </si>
  <si>
    <t>Dirkhanawala</t>
  </si>
  <si>
    <t>Farrukh Ali</t>
  </si>
  <si>
    <t>GMES BHOTH NO1</t>
  </si>
  <si>
    <t>village Bhoth near Church</t>
  </si>
  <si>
    <t>Sana Hayat</t>
  </si>
  <si>
    <t>GGPS KOTLI SHAMAS</t>
  </si>
  <si>
    <t>Kotli Shamsh</t>
  </si>
  <si>
    <t>kotli Shamsh p.o Bhagat pur</t>
  </si>
  <si>
    <t>Baghat Pur</t>
  </si>
  <si>
    <t>Hafiza Shagufta Andleeb</t>
  </si>
  <si>
    <t>GPS DOUBLI</t>
  </si>
  <si>
    <t>Doubli</t>
  </si>
  <si>
    <t>Dobly</t>
  </si>
  <si>
    <t>50785</t>
  </si>
  <si>
    <t>GGES 97/6-R</t>
  </si>
  <si>
    <t>92/6-r</t>
  </si>
  <si>
    <t>Nighat Naeem</t>
  </si>
  <si>
    <t>GGPS JOOTA KASSI NO.1 NAWAN SHEHR</t>
  </si>
  <si>
    <t>ggps joota Kassi no 1 dak khana mamdal kabirwala</t>
  </si>
  <si>
    <t>Joota Kassi</t>
  </si>
  <si>
    <t>Rabia Asif</t>
  </si>
  <si>
    <t>GGPS CHAK NO.133 NB</t>
  </si>
  <si>
    <t>Chak 133 Nb</t>
  </si>
  <si>
    <t>133 N.B</t>
  </si>
  <si>
    <t>Chak No133 Nb</t>
  </si>
  <si>
    <t>Shaheen Roohi</t>
  </si>
  <si>
    <t>GGPS ADAM ARAIN</t>
  </si>
  <si>
    <t>Adam arien</t>
  </si>
  <si>
    <t>Basti rais manzoor ahmad</t>
  </si>
  <si>
    <t>Basti rais Manzoor Ahmad</t>
  </si>
  <si>
    <t>Galore Masu Khan</t>
  </si>
  <si>
    <t>GGES CHAK NO. 3/4-R</t>
  </si>
  <si>
    <t>Salhi</t>
  </si>
  <si>
    <t>chak#3-4/R</t>
  </si>
  <si>
    <t>3-4/R</t>
  </si>
  <si>
    <t>Tahira Yasin</t>
  </si>
  <si>
    <t>41910</t>
  </si>
  <si>
    <t>GMPS LOHDRA</t>
  </si>
  <si>
    <t>Lohdra</t>
  </si>
  <si>
    <t>Sanam Javed</t>
  </si>
  <si>
    <t>GGES SANJ</t>
  </si>
  <si>
    <t>sanj murree district  rawalpindi</t>
  </si>
  <si>
    <t>Arjumand Perveen</t>
  </si>
  <si>
    <t>GMPS BASTI MUHAMMAD AZAM</t>
  </si>
  <si>
    <t>Tohla</t>
  </si>
  <si>
    <t>Basti M Azam pur Mozah tohla</t>
  </si>
  <si>
    <t>Basti M Azam Pur</t>
  </si>
  <si>
    <t>IRAM ALEEM</t>
  </si>
  <si>
    <t>GGCMS CHANI HANJRAWAN</t>
  </si>
  <si>
    <t>Chani Hanjra</t>
  </si>
  <si>
    <t>Chani Hanjrawan</t>
  </si>
  <si>
    <t>Lalky Dhirnky</t>
  </si>
  <si>
    <t>Rushda Perveen</t>
  </si>
  <si>
    <t>GGPS TIBBI JHULLAN</t>
  </si>
  <si>
    <t>Tibbi Jhulan</t>
  </si>
  <si>
    <t>Ggps Tibbi jhulan</t>
  </si>
  <si>
    <t>GGES CDG JUNIOR MODEL IBRAHIM ROAD</t>
  </si>
  <si>
    <t>Ibrahim road Lahore</t>
  </si>
  <si>
    <t>45515</t>
  </si>
  <si>
    <t>GGPS MOUZA MAHOOTA</t>
  </si>
  <si>
    <t>ggpsmouza mahoota uc gadai</t>
  </si>
  <si>
    <t>Mahotta</t>
  </si>
  <si>
    <t>Yasmin Sultan</t>
  </si>
  <si>
    <t>50386</t>
  </si>
  <si>
    <t>GPS 177/9-L</t>
  </si>
  <si>
    <t>GGES LORAI</t>
  </si>
  <si>
    <t>Lorai</t>
  </si>
  <si>
    <t>GGESLORAI</t>
  </si>
  <si>
    <t>Attia Kokab</t>
  </si>
  <si>
    <t>GGPS DHOK TURIAL</t>
  </si>
  <si>
    <t>Dhok Turial</t>
  </si>
  <si>
    <t>21212</t>
  </si>
  <si>
    <t>GGPS BEHRA KHURD</t>
  </si>
  <si>
    <t>Behra khurd</t>
  </si>
  <si>
    <t>Govt Girls Primary School Behra Khurd</t>
  </si>
  <si>
    <t>Behra Khurd</t>
  </si>
  <si>
    <t>Asiya Parveen</t>
  </si>
  <si>
    <t>GMPS NASEER ABAD DERA TAJEY WALA</t>
  </si>
  <si>
    <t>naseerabad dera tajey wala</t>
  </si>
  <si>
    <t>Sonia Naseer</t>
  </si>
  <si>
    <t>30910</t>
  </si>
  <si>
    <t>GHS SHAMKE BHATTIAN VILLAGE SHAMKE</t>
  </si>
  <si>
    <t>Shamke Bhattian</t>
  </si>
  <si>
    <t>shamke bhattian,lahore</t>
  </si>
  <si>
    <t>GES BHIDWAL WALA</t>
  </si>
  <si>
    <t>Bhidwal wala Tahsil mankera distt Bhakkar</t>
  </si>
  <si>
    <t>GPS CHAK NO. 39/P</t>
  </si>
  <si>
    <t>Chak no.39/p</t>
  </si>
  <si>
    <t>Chak No 39/P</t>
  </si>
  <si>
    <t>GGPS AJJU WALA</t>
  </si>
  <si>
    <t>GG P/S Ajjuwala</t>
  </si>
  <si>
    <t>GGES RASOOL PUR GULLA, NAWAN SHEHR</t>
  </si>
  <si>
    <t>GGES Rasool pur</t>
  </si>
  <si>
    <t>Salarwhen Kohna</t>
  </si>
  <si>
    <t>Hina Gulzar</t>
  </si>
  <si>
    <t>GGPS DERA BACHIAN WALA</t>
  </si>
  <si>
    <t>ggps dera bachianwala Deowal tehsil bhalwal district sargodha</t>
  </si>
  <si>
    <t>Kalsoom Fiaz</t>
  </si>
  <si>
    <t>GGPS 73/12-L.</t>
  </si>
  <si>
    <t>73/12l</t>
  </si>
  <si>
    <t>chak no 73/12l p.o box 82/12l police station shahkot Iqbal nagar chichawatni sshiwal</t>
  </si>
  <si>
    <t>Absara Zafar</t>
  </si>
  <si>
    <t>GPS MULA BUKHSH</t>
  </si>
  <si>
    <t>Basti Moula Bukhsh P.O kot Samaba</t>
  </si>
  <si>
    <t>Basti Moula Bukhsh</t>
  </si>
  <si>
    <t>GGPS CHAK 129/P</t>
  </si>
  <si>
    <t>Chak # 129P</t>
  </si>
  <si>
    <t>GGPS. Chak 129P</t>
  </si>
  <si>
    <t>129P</t>
  </si>
  <si>
    <t>village salgran.p/o tret</t>
  </si>
  <si>
    <t>Maria riaz</t>
  </si>
  <si>
    <t>GPS SANGHER WALA P/O SANGHER WALA</t>
  </si>
  <si>
    <t>Faiz Pur Bhatian</t>
  </si>
  <si>
    <t>sanghar wala P/o sanghar wala</t>
  </si>
  <si>
    <t>Abidabibi</t>
  </si>
  <si>
    <t>GGPS SHEIKHUPURA BEDAD</t>
  </si>
  <si>
    <t>goverment girls primary school sheikhupura bedad</t>
  </si>
  <si>
    <t>25189</t>
  </si>
  <si>
    <t>GMPS BHANAY WALI</t>
  </si>
  <si>
    <t>Bhaneywali</t>
  </si>
  <si>
    <t>GMPS bhaney wali, P/O perro chuk, Teh.Dist. Sialkot</t>
  </si>
  <si>
    <t>Shamaila Asghar</t>
  </si>
  <si>
    <t>GGPS MORAN WALA</t>
  </si>
  <si>
    <t>Government Girls Elementary School Moranwala</t>
  </si>
  <si>
    <t>filter water, hand pump,moter pump</t>
  </si>
  <si>
    <t>GPS DHULAYKAY</t>
  </si>
  <si>
    <t>Dhulaykay</t>
  </si>
  <si>
    <t>village dhulkaykay post office dallakay</t>
  </si>
  <si>
    <t>Javid Ahmed</t>
  </si>
  <si>
    <t>GGCMES 115/7-CR</t>
  </si>
  <si>
    <t>115/7CR</t>
  </si>
  <si>
    <t>chak no 115/7CR Teh.CCI Distt.SWL</t>
  </si>
  <si>
    <t>Ammara Rashid</t>
  </si>
  <si>
    <t>GMES CHAK NO.51 TDA</t>
  </si>
  <si>
    <t>51/TDA</t>
  </si>
  <si>
    <t>GMES chak no. 51TDA</t>
  </si>
  <si>
    <t>Saray Mahojar 205</t>
  </si>
  <si>
    <t>Reehana Yasmin</t>
  </si>
  <si>
    <t>12876</t>
  </si>
  <si>
    <t>GGPS CHAK NO 124/6-R</t>
  </si>
  <si>
    <t>124.6.r</t>
  </si>
  <si>
    <t>1246r</t>
  </si>
  <si>
    <t>Ummara Nargis</t>
  </si>
  <si>
    <t>GGPS 465 EB</t>
  </si>
  <si>
    <t>465/EB</t>
  </si>
  <si>
    <t>Anila Noreen</t>
  </si>
  <si>
    <t>GGPS 54/4-R (KW)</t>
  </si>
  <si>
    <t>54/4r KW</t>
  </si>
  <si>
    <t>GMPS 54/4r K.W, Haroonabad</t>
  </si>
  <si>
    <t>ROBINA KOUSAR</t>
  </si>
  <si>
    <t>52866</t>
  </si>
  <si>
    <t>GMPS CHAK NO. 56/AD</t>
  </si>
  <si>
    <t>56Ad</t>
  </si>
  <si>
    <t>56AD</t>
  </si>
  <si>
    <t>Pipliphar</t>
  </si>
  <si>
    <t>Miraj Naseem</t>
  </si>
  <si>
    <t>GGCMS 32/12-L TENDAR</t>
  </si>
  <si>
    <t>32/12-Ltender</t>
  </si>
  <si>
    <t>chak no.32/12-L tehsil chichawatni district sahiwal</t>
  </si>
  <si>
    <t>Munawar Maqsood</t>
  </si>
  <si>
    <t>GGES CHAK NO.106 EB</t>
  </si>
  <si>
    <t>106/eb</t>
  </si>
  <si>
    <t>Chak No.106/eb Burewala</t>
  </si>
  <si>
    <t>Chak 106/EB</t>
  </si>
  <si>
    <t>Chak 124/eb</t>
  </si>
  <si>
    <t>Faiza Farooq</t>
  </si>
  <si>
    <t>39421</t>
  </si>
  <si>
    <t>GGPS NOORYAL</t>
  </si>
  <si>
    <t>dhok Noryal dakhli Nilhad Tehsil Pindi gheb District attock</t>
  </si>
  <si>
    <t>Malowali</t>
  </si>
  <si>
    <t>Mahwish  Sultana</t>
  </si>
  <si>
    <t>43995</t>
  </si>
  <si>
    <t>GGPS BAN ELLAHI</t>
  </si>
  <si>
    <t>vpo kohtera talagang chakwal</t>
  </si>
  <si>
    <t>rs 200 per month</t>
  </si>
  <si>
    <t>GGPS RAM REHAN</t>
  </si>
  <si>
    <t>Ramrehan</t>
  </si>
  <si>
    <t>ramrehan po halal pur teh kotmomin dist sargodha</t>
  </si>
  <si>
    <t>GGCMS BOLABAJWA</t>
  </si>
  <si>
    <t>village: BolaBajwa markaz Ferozepur Teh Zafarwal. District NWL.</t>
  </si>
  <si>
    <t>BolaBajwa</t>
  </si>
  <si>
    <t>Ferozepur</t>
  </si>
  <si>
    <t>nargis shahzadi ch</t>
  </si>
  <si>
    <t>GGPS THATI BANGLA</t>
  </si>
  <si>
    <t>Thati Bangla</t>
  </si>
  <si>
    <t>thati bngla</t>
  </si>
  <si>
    <t>Shabnam Niaz</t>
  </si>
  <si>
    <t>GGPS ROHTI SHERIF</t>
  </si>
  <si>
    <t>Basti routi sharif p/o jdw tehsil sdk distt. ryk</t>
  </si>
  <si>
    <t>GPS JHOKE SHEIKHUM</t>
  </si>
  <si>
    <t>GGES KHAN PUR WADHAR</t>
  </si>
  <si>
    <t>GGES khanpur wadhra.tehsil shahpur . district sargdha</t>
  </si>
  <si>
    <t>khanpur wadhra</t>
  </si>
  <si>
    <t>Aqeela batool</t>
  </si>
  <si>
    <t>GGPS RANGEEL PUR MULTAN</t>
  </si>
  <si>
    <t>Rangeel pur</t>
  </si>
  <si>
    <t>p/o rangeel pur  suraj kund road multan</t>
  </si>
  <si>
    <t>Benish Uruj</t>
  </si>
  <si>
    <t>GES SOMEEGE</t>
  </si>
  <si>
    <t>tehsiel tribal area post office fazla village someege</t>
  </si>
  <si>
    <t>Someege</t>
  </si>
  <si>
    <t>fazla</t>
  </si>
  <si>
    <t>GPS BHIRDAR GAHI</t>
  </si>
  <si>
    <t>Bhir Darghi</t>
  </si>
  <si>
    <t>bhir darghi taxila</t>
  </si>
  <si>
    <t>Bhir Darghi Taxila</t>
  </si>
  <si>
    <t>Sehrish Nazir</t>
  </si>
  <si>
    <t>GMPS MEHRAJKAY</t>
  </si>
  <si>
    <t>mehrajkey</t>
  </si>
  <si>
    <t>GGPS SULEMAN ABAD</t>
  </si>
  <si>
    <t>Khanpurwadhera</t>
  </si>
  <si>
    <t>GMPS CHAH ZAMAN KHELAN WALA</t>
  </si>
  <si>
    <t>chah zaman khelan wala</t>
  </si>
  <si>
    <t>Zaman Khelan Wala</t>
  </si>
  <si>
    <t>Uzma Firdos</t>
  </si>
  <si>
    <t>GPS MURID ABAD</t>
  </si>
  <si>
    <t>Mureed Abad</t>
  </si>
  <si>
    <t>muza mureed abad</t>
  </si>
  <si>
    <t>m hassan</t>
  </si>
  <si>
    <t>Muhammad Sharif solangi</t>
  </si>
  <si>
    <t>GGPS MC PIRWADHI FOUJI COLONY</t>
  </si>
  <si>
    <t>GGMCPS st no 28fouji colony. Pirwadhai ,Rwp</t>
  </si>
  <si>
    <t>Fouji Colony</t>
  </si>
  <si>
    <t>30011</t>
  </si>
  <si>
    <t>GPS KLARK ABAD KHURD</t>
  </si>
  <si>
    <t>Clark Abad Khurd</t>
  </si>
  <si>
    <t>kasur road ,k r k</t>
  </si>
  <si>
    <t>Kanwar Nasim Rashid</t>
  </si>
  <si>
    <t>GGPS CHAK NO.16/A</t>
  </si>
  <si>
    <t>Chak 16a</t>
  </si>
  <si>
    <t>Ggps chak no 16a</t>
  </si>
  <si>
    <t>GPS MODEL KHARALI KHINGAR</t>
  </si>
  <si>
    <t>KHARALI KHINGER</t>
  </si>
  <si>
    <t>GMPS KHARALI KHINGER</t>
  </si>
  <si>
    <t>SAIQA NOREEN</t>
  </si>
  <si>
    <t>19876</t>
  </si>
  <si>
    <t>GMPS CHAK NO 228 JB</t>
  </si>
  <si>
    <t>chak No. 228/JB</t>
  </si>
  <si>
    <t>Chak No 228</t>
  </si>
  <si>
    <t>MANGOWANA</t>
  </si>
  <si>
    <t>Nudrat Parveen</t>
  </si>
  <si>
    <t>GPS CHAK 431 JB</t>
  </si>
  <si>
    <t>Chak no 431 J.B, umarpur Gojra</t>
  </si>
  <si>
    <t>Chak 431 JB</t>
  </si>
  <si>
    <t>Abdulrazzaq</t>
  </si>
  <si>
    <t>GGPS BHUTTA KOT</t>
  </si>
  <si>
    <t>GGP/S Bhutta kot near Iqbalabad R.Y.K</t>
  </si>
  <si>
    <t>Yasmin Wali</t>
  </si>
  <si>
    <t>GGPS BASTI MURAD ALI</t>
  </si>
  <si>
    <t>GGGPS Basti Murad Ali</t>
  </si>
  <si>
    <t>mehvish tariq</t>
  </si>
  <si>
    <t>GGCMS CHAK NO.147/6-R</t>
  </si>
  <si>
    <t>147/6r</t>
  </si>
  <si>
    <t>chack no 147/6r</t>
  </si>
  <si>
    <t>Asifa Shabbir</t>
  </si>
  <si>
    <t>GGES MEHTA</t>
  </si>
  <si>
    <t>GGES Mehta Chiniot</t>
  </si>
  <si>
    <t>GGPS KUNDAL KHURD</t>
  </si>
  <si>
    <t>p.o.kachi mand village kundal khurd</t>
  </si>
  <si>
    <t>kundal khurd</t>
  </si>
  <si>
    <t>GMPS 29 A JADEED LIAQAT PUR</t>
  </si>
  <si>
    <t>29/a</t>
  </si>
  <si>
    <t>Ggps chak 29/A jaded lqp</t>
  </si>
  <si>
    <t>29/A jaded</t>
  </si>
  <si>
    <t>Adeela Sarwar</t>
  </si>
  <si>
    <t>19854</t>
  </si>
  <si>
    <t>GMPS CHAK NO 226 JB</t>
  </si>
  <si>
    <t>226JB Bharwana</t>
  </si>
  <si>
    <t>GMPS CHAK NO 226JB</t>
  </si>
  <si>
    <t>Chak No 226 JB</t>
  </si>
  <si>
    <t>MANGWANA</t>
  </si>
  <si>
    <t>GGPS CHAK NO. 15/A</t>
  </si>
  <si>
    <t>chak 15A</t>
  </si>
  <si>
    <t>chak 15 A</t>
  </si>
  <si>
    <t>chak 10 A</t>
  </si>
  <si>
    <t>GGPS LADHAR</t>
  </si>
  <si>
    <t>Village &amp; P/O Lahdar, Tehsil and District Sialkot</t>
  </si>
  <si>
    <t>GGPS CHAK NO 190 JB</t>
  </si>
  <si>
    <t>Chak no 190</t>
  </si>
  <si>
    <t>Shaher Bano</t>
  </si>
  <si>
    <t>GPS KOT KHUDA YAR</t>
  </si>
  <si>
    <t>kot khuda yar</t>
  </si>
  <si>
    <t>Rifat Naeem</t>
  </si>
  <si>
    <t>GGPS GHUG</t>
  </si>
  <si>
    <t>Ghug</t>
  </si>
  <si>
    <t>village GHUG Tehsil and district Sialkot</t>
  </si>
  <si>
    <t>GHUG</t>
  </si>
  <si>
    <t>Aneesa</t>
  </si>
  <si>
    <t>GGES CHAK NO 187 JB</t>
  </si>
  <si>
    <t>187jb</t>
  </si>
  <si>
    <t>gges187jb bhowana chiniot</t>
  </si>
  <si>
    <t>187jb Hakmay wala</t>
  </si>
  <si>
    <t>GGES 106/P R.Y.KHAN</t>
  </si>
  <si>
    <t>106/p</t>
  </si>
  <si>
    <t>106/p RAHIM YAR KHAN MARKEZ WAH ATHATTA</t>
  </si>
  <si>
    <t>GMPS CHAK NO 223 JB RAMANA</t>
  </si>
  <si>
    <t>chak no 223 jb</t>
  </si>
  <si>
    <t>GMPS CHAK NO 223 JB</t>
  </si>
  <si>
    <t>arbian</t>
  </si>
  <si>
    <t>GGPS PEER WALI MAHMMAD</t>
  </si>
  <si>
    <t>ggps peer wali muhammad sultan</t>
  </si>
  <si>
    <t>peer wali muhammad sulatan</t>
  </si>
  <si>
    <t>BADLI SHAREEF</t>
  </si>
  <si>
    <t>GMPS CHAK NO 246 JB</t>
  </si>
  <si>
    <t>Gharray</t>
  </si>
  <si>
    <t>GMPS CHAK NO 246 JB TEH BHOWANA DISTT CHINIOT</t>
  </si>
  <si>
    <t>Chak No 246</t>
  </si>
  <si>
    <t>Shehzadi  Noor</t>
  </si>
  <si>
    <t>GMPS CHAK 228/P</t>
  </si>
  <si>
    <t>chak 228/p manther rahimyar khan</t>
  </si>
  <si>
    <t>GGPS MAHMOOD SAHARAN WALA</t>
  </si>
  <si>
    <t>GGPS mahmood saharan wala nawankot</t>
  </si>
  <si>
    <t>Mahmood Saharan Wala</t>
  </si>
  <si>
    <t>Khadijah Parveen</t>
  </si>
  <si>
    <t>52287</t>
  </si>
  <si>
    <t>GES MOHIB ALI OTAR</t>
  </si>
  <si>
    <t>chak Allah Din</t>
  </si>
  <si>
    <t>Falk Sher Mansoor</t>
  </si>
  <si>
    <t>GGPS 149/6-R (W)</t>
  </si>
  <si>
    <t>Chak no 149/6-r W</t>
  </si>
  <si>
    <t>chak no 149/6-r The HND District BWN</t>
  </si>
  <si>
    <t>Chak no149 /6-r W</t>
  </si>
  <si>
    <t>Chak no 98/6-r</t>
  </si>
  <si>
    <t>GGES BEGA MEHRAJ PUR</t>
  </si>
  <si>
    <t>Bega Mehrojpur</t>
  </si>
  <si>
    <t>Village &amp; Post office Bega mehrojpur</t>
  </si>
  <si>
    <t>GMPS DAYAWARA</t>
  </si>
  <si>
    <t>Dayawara</t>
  </si>
  <si>
    <t>dayawar</t>
  </si>
  <si>
    <t>Dayawra</t>
  </si>
  <si>
    <t>Shama Aslam</t>
  </si>
  <si>
    <t>GMPS MODEL LAMERAN</t>
  </si>
  <si>
    <t>Lameran</t>
  </si>
  <si>
    <t>village lameran,rwp</t>
  </si>
  <si>
    <t>Kilian Hameed</t>
  </si>
  <si>
    <t>SALMA BANO</t>
  </si>
  <si>
    <t>GPS NARAGHI</t>
  </si>
  <si>
    <t>VPO Naraghi,Kotsarang Markaz. Tehseel Talagang</t>
  </si>
  <si>
    <t>Mohsin Altaf</t>
  </si>
  <si>
    <t>GGPS CHAK NO 495 JB</t>
  </si>
  <si>
    <t>GGPS495</t>
  </si>
  <si>
    <t>495jb</t>
  </si>
  <si>
    <t>Shah Sadiq Nehanh</t>
  </si>
  <si>
    <t>KHADIJA KHALIL</t>
  </si>
  <si>
    <t>vpo mustafaabad</t>
  </si>
  <si>
    <t>GGPS TIB CHOHAN</t>
  </si>
  <si>
    <t>tib chohan</t>
  </si>
  <si>
    <t>Robina Ashiq</t>
  </si>
  <si>
    <t>GGES KAHNA KOHNA</t>
  </si>
  <si>
    <t>Khana Kohna</t>
  </si>
  <si>
    <t>khana kohna</t>
  </si>
  <si>
    <t>Asma Zia</t>
  </si>
  <si>
    <t>GGES ROSHAN BHAIT</t>
  </si>
  <si>
    <t>Basti roshan bhait</t>
  </si>
  <si>
    <t>Haseena Shah Din</t>
  </si>
  <si>
    <t>GGPS BASTI NOOR DIN KAMBOH</t>
  </si>
  <si>
    <t>Thullwazir Khan</t>
  </si>
  <si>
    <t>Basti haji noor din kamboh</t>
  </si>
  <si>
    <t>Basti Noor Din Kambo</t>
  </si>
  <si>
    <t>Bahodipur Quresian</t>
  </si>
  <si>
    <t>Aqsa Jamshaid</t>
  </si>
  <si>
    <t>GGPS BASTI RAIY ALI</t>
  </si>
  <si>
    <t>Bait Raiy Ali</t>
  </si>
  <si>
    <t>basti Arain muzaffargarh bait Raiy Ali Uc manka Bhutta muzaffargarh</t>
  </si>
  <si>
    <t>GGES 5/9-R, KACHA KHUH</t>
  </si>
  <si>
    <t>chak no.5/9-R p/o box kacha khuh union council 92</t>
  </si>
  <si>
    <t>5/9-R</t>
  </si>
  <si>
    <t>faiza akhtar</t>
  </si>
  <si>
    <t>GGPS OPLAN WALA</t>
  </si>
  <si>
    <t>Oplanwala</t>
  </si>
  <si>
    <t>chah oplanwala p/o bath kalan teh pattoki distt kasur</t>
  </si>
  <si>
    <t>Chah Oplanwala</t>
  </si>
  <si>
    <t>Sumaira Said</t>
  </si>
  <si>
    <t>GGES HAIDER GHAZI</t>
  </si>
  <si>
    <t>pull hazara ddp tehsil kot adu dist m.garh</t>
  </si>
  <si>
    <t>Pull Hazara</t>
  </si>
  <si>
    <t>DDP</t>
  </si>
  <si>
    <t>GGPS BASTI SAMIJA</t>
  </si>
  <si>
    <t>basti samija p/o iqbal abad RYK</t>
  </si>
  <si>
    <t>Basti Samija</t>
  </si>
  <si>
    <t>GMES SULEMAN KHELAN WALA</t>
  </si>
  <si>
    <t>Wanbuhchran</t>
  </si>
  <si>
    <t>pacca Ghanjera</t>
  </si>
  <si>
    <t>Wanbuchran</t>
  </si>
  <si>
    <t>40111</t>
  </si>
  <si>
    <t>GGES HOON HAMWALA</t>
  </si>
  <si>
    <t>village hoon teh &amp; dist.jhelum</t>
  </si>
  <si>
    <t>Mehreen Tariq</t>
  </si>
  <si>
    <t>GGES PIND FATEH JANG</t>
  </si>
  <si>
    <t>Village Pind p /o mian rasheeda Tehsil Fateh Jang district Attock</t>
  </si>
  <si>
    <t>GGPS RAEES KARAM DIN CHACHAR</t>
  </si>
  <si>
    <t>Bhutta kot</t>
  </si>
  <si>
    <t>GGPS  Raees Karam din chachar</t>
  </si>
  <si>
    <t>Raees  Abdul Aziz Chachar</t>
  </si>
  <si>
    <t>Gooda</t>
  </si>
  <si>
    <t>Gps awananwala shumali p/o jhammat shumali tehseel darya khan district bhakkar</t>
  </si>
  <si>
    <t>Awananwala Shumali</t>
  </si>
  <si>
    <t>Summer Abbass</t>
  </si>
  <si>
    <t>GPS MAGHA PATUANA</t>
  </si>
  <si>
    <t>Bela Patoana</t>
  </si>
  <si>
    <t>bela Patoana p/ o pir kot sadhana teh &amp; Distt Jhang</t>
  </si>
  <si>
    <t>Magha Patoana</t>
  </si>
  <si>
    <t>GGPS MIANI ADA</t>
  </si>
  <si>
    <t>vpomiani</t>
  </si>
  <si>
    <t>Sang roraa</t>
  </si>
  <si>
    <t>sang roraa ahmad pur sial</t>
  </si>
  <si>
    <t>Sang Rora</t>
  </si>
  <si>
    <t>Shafaq Usman</t>
  </si>
  <si>
    <t>GPS BASTI SIAL</t>
  </si>
  <si>
    <t>Basti sial mouza rukrani p/o khalilabad tehsil bahawalpur</t>
  </si>
  <si>
    <t>GMMS BASHIR ABAD</t>
  </si>
  <si>
    <t>Chak 14np</t>
  </si>
  <si>
    <t>Basti Muhammad riaz bajwa chak 14,np</t>
  </si>
  <si>
    <t>Basti Muhammed Diaz Bajwa</t>
  </si>
  <si>
    <t>Khalid Mehmood Bajwa</t>
  </si>
  <si>
    <t>GGPS PATRIATA</t>
  </si>
  <si>
    <t>Charian</t>
  </si>
  <si>
    <t>village patriata  po g gali teh murree dist rawal pindi</t>
  </si>
  <si>
    <t>Rehana Babi</t>
  </si>
  <si>
    <t>GPS CHACHOKA</t>
  </si>
  <si>
    <t>Chachoka</t>
  </si>
  <si>
    <t>Govt P/S Chachoka , Teh.Sahiwal ,Dist.Sargodha</t>
  </si>
  <si>
    <t>GGMPS BORI</t>
  </si>
  <si>
    <t>GGMPSBoori Teh.ZWL Distt.NWL Dakhana Jandraan.</t>
  </si>
  <si>
    <t>Langarkay</t>
  </si>
  <si>
    <t>GPS THATHA BAMIAN</t>
  </si>
  <si>
    <t>Thatha Bamia</t>
  </si>
  <si>
    <t>thatha bamia faiz pur kalan &amp; district sheikhupura</t>
  </si>
  <si>
    <t>MUHAMMAD AFZAL SHAAD</t>
  </si>
  <si>
    <t>GMPS CHAK JOYA</t>
  </si>
  <si>
    <t>chak joya</t>
  </si>
  <si>
    <t>Chak Joya</t>
  </si>
  <si>
    <t>12993</t>
  </si>
  <si>
    <t>GGPS KALOO WALI</t>
  </si>
  <si>
    <t>basti Kaloo Wali</t>
  </si>
  <si>
    <t>Basti Kaloo Wali</t>
  </si>
  <si>
    <t>Sadia Irshad</t>
  </si>
  <si>
    <t>GGES JABBI SHAH DILAWAR</t>
  </si>
  <si>
    <t>jabbi shah Dilawar</t>
  </si>
  <si>
    <t>jabbi shah dilawar GGES</t>
  </si>
  <si>
    <t>jabbi shah dilawar</t>
  </si>
  <si>
    <t>Shafqat Riaz</t>
  </si>
  <si>
    <t>GGPS chuk qudratabad (shadia no 1)</t>
  </si>
  <si>
    <t>Chuk Qudratabad</t>
  </si>
  <si>
    <t>49268</t>
  </si>
  <si>
    <t>GGPS BASHIR COLONY SARGODHA</t>
  </si>
  <si>
    <t>Bashir Colony</t>
  </si>
  <si>
    <t>GGPS bashir colony sargodha</t>
  </si>
  <si>
    <t>Nwab Colony</t>
  </si>
  <si>
    <t>Bushra Qamar</t>
  </si>
  <si>
    <t>GPS MIR HAJI</t>
  </si>
  <si>
    <t>mir haji</t>
  </si>
  <si>
    <t>govt primary school mir haji shahjamal m.garh</t>
  </si>
  <si>
    <t>GGPS DAULAT ABAD NO. 1 MULTAN</t>
  </si>
  <si>
    <t>Ratay Wala</t>
  </si>
  <si>
    <t>Basti Ratay Wala</t>
  </si>
  <si>
    <t>GGPS MOTA GHARBI</t>
  </si>
  <si>
    <t>Mota Gharbi</t>
  </si>
  <si>
    <t>v.p.o Mota Gharbi</t>
  </si>
  <si>
    <t>GPS CHAK NO.125/NP JADEED</t>
  </si>
  <si>
    <t>Chak No125 NP</t>
  </si>
  <si>
    <t>p/o firoza tehsil liaqatpur distt ry.khan</t>
  </si>
  <si>
    <t>Chak No 125 NP</t>
  </si>
  <si>
    <t>Meraj Ud Din</t>
  </si>
  <si>
    <t>GGES GADDA</t>
  </si>
  <si>
    <t>village Gadda post office kot fateh khan Tehsil fateh Jang district attock</t>
  </si>
  <si>
    <t>Sohaila Shaheen</t>
  </si>
  <si>
    <t>GGPS 71/12-L</t>
  </si>
  <si>
    <t>71/12-L</t>
  </si>
  <si>
    <t>CHAK # 71/12-L CHICHAWATNI</t>
  </si>
  <si>
    <t>69/12-l</t>
  </si>
  <si>
    <t>HAFIZA WAJEEHA</t>
  </si>
  <si>
    <t>GGPS CHAK NO.176/TDA</t>
  </si>
  <si>
    <t>176TDA</t>
  </si>
  <si>
    <t>chak number 176 TDA</t>
  </si>
  <si>
    <t>176 TDA</t>
  </si>
  <si>
    <t>Rashda Parven</t>
  </si>
  <si>
    <t>GGPS TOWN COMMITTEE</t>
  </si>
  <si>
    <t>Ahmed Pur Sial</t>
  </si>
  <si>
    <t>GGps Town Committee Mohalla Ameer pur Ahmed pur Sial</t>
  </si>
  <si>
    <t>GMES 54 TDA</t>
  </si>
  <si>
    <t>Chena</t>
  </si>
  <si>
    <t>gmes54tda 54tda</t>
  </si>
  <si>
    <t>54tda</t>
  </si>
  <si>
    <t>Maryam  Kouser</t>
  </si>
  <si>
    <t>GMPS GHULLAN LAR CHAK 123/NP</t>
  </si>
  <si>
    <t>Meer Muhammad Lar</t>
  </si>
  <si>
    <t>basti Gullan lar dak khana feroza</t>
  </si>
  <si>
    <t>Hayat Iar</t>
  </si>
  <si>
    <t>Saima Mahmood</t>
  </si>
  <si>
    <t>GGPS JOIYAN WALA</t>
  </si>
  <si>
    <t>moh eidgaah Mitha tiwana</t>
  </si>
  <si>
    <t>Nadia Sharif</t>
  </si>
  <si>
    <t>GGES CHAK NO.63/TDA</t>
  </si>
  <si>
    <t>Govt.Girls.E/S Chak no 63tda</t>
  </si>
  <si>
    <t>Samreena Bibi</t>
  </si>
  <si>
    <t>50432</t>
  </si>
  <si>
    <t>GES  51/12-L</t>
  </si>
  <si>
    <t>51/12 L</t>
  </si>
  <si>
    <t>chak no.51/12L chichawatni</t>
  </si>
  <si>
    <t>51/12L</t>
  </si>
  <si>
    <t>50/2L</t>
  </si>
  <si>
    <t>GGPS ZARREF KHEL RODA</t>
  </si>
  <si>
    <t>GGPS Zarif Khail roda</t>
  </si>
  <si>
    <t>Zareef Khail Roda</t>
  </si>
  <si>
    <t>ASIA BIBI</t>
  </si>
  <si>
    <t>GMPS KATHAN WALA SHUMALI</t>
  </si>
  <si>
    <t>Kathanwala shumali</t>
  </si>
  <si>
    <t>gmps kathanwala shumali</t>
  </si>
  <si>
    <t>Kathanwala Shumali</t>
  </si>
  <si>
    <t>BAIT BOGHA</t>
  </si>
  <si>
    <t>GES 118 JB</t>
  </si>
  <si>
    <t>Chak no 118 jb Bathan</t>
  </si>
  <si>
    <t>Chak No 118 Jb Bathan</t>
  </si>
  <si>
    <t>Chak No 115 jb Fsd</t>
  </si>
  <si>
    <t>Aslam Pervez</t>
  </si>
  <si>
    <t>GGES CHAK 180 GB</t>
  </si>
  <si>
    <t>chak no 180GB</t>
  </si>
  <si>
    <t>Chak No 180GB</t>
  </si>
  <si>
    <t>chak 245gb</t>
  </si>
  <si>
    <t>GGPS CHAK 241 GB I BEHRAM</t>
  </si>
  <si>
    <t>chak 241 GB 1</t>
  </si>
  <si>
    <t>241 GB 1</t>
  </si>
  <si>
    <t>GMPS KASEERAY</t>
  </si>
  <si>
    <t>Kaseeray</t>
  </si>
  <si>
    <t>kaseeray,sialkot</t>
  </si>
  <si>
    <t>GPS ALI ABRIEND</t>
  </si>
  <si>
    <t>Milaoo Koria</t>
  </si>
  <si>
    <t>gps ali ambriend po shah jamal</t>
  </si>
  <si>
    <t>Chak Qutab Ambriend</t>
  </si>
  <si>
    <t>GPS NO. 1 HADALI</t>
  </si>
  <si>
    <t>Govt Primary school No:1 Hadali</t>
  </si>
  <si>
    <t>Ahmed Nawaz</t>
  </si>
  <si>
    <t>GGPS MEHTAB GARH</t>
  </si>
  <si>
    <t>Mehtab Garh</t>
  </si>
  <si>
    <t>govt girls primary school mehtab garh</t>
  </si>
  <si>
    <t>Mohent Darshan</t>
  </si>
  <si>
    <t>Nabeela Amin</t>
  </si>
  <si>
    <t>GGPS BASTI JAM KAMOO</t>
  </si>
  <si>
    <t>Patti Punwaran</t>
  </si>
  <si>
    <t>Basti jam kamoo p/o tranda saway khan</t>
  </si>
  <si>
    <t>Jam Kamoo</t>
  </si>
  <si>
    <t>GMPS JINNAH TOWN</t>
  </si>
  <si>
    <t>Ahmed pur sial</t>
  </si>
  <si>
    <t>Mohalla Muhamdia</t>
  </si>
  <si>
    <t>GPS BAKRA MANDI</t>
  </si>
  <si>
    <t>Bakra Mandi</t>
  </si>
  <si>
    <t>gali Dr zahid bakra Mandi rwp cantt</t>
  </si>
  <si>
    <t>54444</t>
  </si>
  <si>
    <t>GPS KOT LEHNA DAS</t>
  </si>
  <si>
    <t>Mallji</t>
  </si>
  <si>
    <t>Kot Lehna das  Teshil &amp; district Nankana Sahib</t>
  </si>
  <si>
    <t>Dare Da Wara</t>
  </si>
  <si>
    <t>Abbas Ali Shaker</t>
  </si>
  <si>
    <t>GGES HUNJRAI KALAN</t>
  </si>
  <si>
    <t>Hunjrai Kalan</t>
  </si>
  <si>
    <t>Hunjrai kalan</t>
  </si>
  <si>
    <t>zahida kausar</t>
  </si>
  <si>
    <t>42270</t>
  </si>
  <si>
    <t>GGPS WAGHAL</t>
  </si>
  <si>
    <t>Govt gils primary school waghal, tehsil kotli sattian</t>
  </si>
  <si>
    <t>Sajida khalil</t>
  </si>
  <si>
    <t>GES NO. 3 KOT RADHA KISHEN QASIM ALI ROAD</t>
  </si>
  <si>
    <t>Qasim Ali road, Muhallah Judge wala, Kot-Radha-Kishen</t>
  </si>
  <si>
    <t>Judge wala</t>
  </si>
  <si>
    <t>GPS SHUKRANI</t>
  </si>
  <si>
    <t>muza goth Mahi union council allahabad</t>
  </si>
  <si>
    <t>BASTI DAD Putra</t>
  </si>
  <si>
    <t>ZIA UL QADIR</t>
  </si>
  <si>
    <t>25665</t>
  </si>
  <si>
    <t>GES NO. 1 NAROWAL</t>
  </si>
  <si>
    <t>Mohallah Chowkhandi Chann peer road Narowal</t>
  </si>
  <si>
    <t>Muhalla Chowkhandi</t>
  </si>
  <si>
    <t>33887</t>
  </si>
  <si>
    <t>GGPS MC AGHA PURA</t>
  </si>
  <si>
    <t>Agha Pura</t>
  </si>
  <si>
    <t>G.M.C.Girls P/S Agha pura Multan</t>
  </si>
  <si>
    <t>Airport road, Rahim Yar Khan.</t>
  </si>
  <si>
    <t>RajanPur</t>
  </si>
  <si>
    <t>sofia noreen</t>
  </si>
  <si>
    <t>Jangle Jaswant Garh</t>
  </si>
  <si>
    <t>Munirabad BWP Road Multan</t>
  </si>
  <si>
    <t>Munirabad</t>
  </si>
  <si>
    <t>21562</t>
  </si>
  <si>
    <t>GGES AKBAR GHUNOKE</t>
  </si>
  <si>
    <t>akbar Ghanoke</t>
  </si>
  <si>
    <t>Qamar Dar</t>
  </si>
  <si>
    <t>GPS RATHORI</t>
  </si>
  <si>
    <t>village rathori post office sheikhpur thesis kharian</t>
  </si>
  <si>
    <t>5604</t>
  </si>
  <si>
    <t>GGPS CHAK NO.51/A</t>
  </si>
  <si>
    <t>51/a</t>
  </si>
  <si>
    <t>GGPS. 51/a</t>
  </si>
  <si>
    <t>GGPS DARGAN WALI</t>
  </si>
  <si>
    <t>Dargan Wali</t>
  </si>
  <si>
    <t>Village dargan wali district sialkot</t>
  </si>
  <si>
    <t>Sydanwali</t>
  </si>
  <si>
    <t>GGPS CHAK NO 1/RD</t>
  </si>
  <si>
    <t>chak no 1rd</t>
  </si>
  <si>
    <t>1rd</t>
  </si>
  <si>
    <t>GPS CHAK NO 127/6-R W</t>
  </si>
  <si>
    <t>127/6r W</t>
  </si>
  <si>
    <t>127/6_r w</t>
  </si>
  <si>
    <t>Muhammad Asim Saeed</t>
  </si>
  <si>
    <t>25702</t>
  </si>
  <si>
    <t>GPS MODEL RAIB</t>
  </si>
  <si>
    <t>village raib T \ D Narowal</t>
  </si>
  <si>
    <t>GGPS MOHALLAH SHEIKHAN KOT SAMABA</t>
  </si>
  <si>
    <t>Mohallah sheikhan near old eid gah kotsamaba</t>
  </si>
  <si>
    <t>Shumaila Mukhtar</t>
  </si>
  <si>
    <t>Muhammad Aslam Babar</t>
  </si>
  <si>
    <t>GGPS KHOI KORAI</t>
  </si>
  <si>
    <t>Govt.girls primary school jampur</t>
  </si>
  <si>
    <t>Kariya Gamoon</t>
  </si>
  <si>
    <t>33813</t>
  </si>
  <si>
    <t>GGPS FATEH DIN WALA</t>
  </si>
  <si>
    <t>Habiba Syal</t>
  </si>
  <si>
    <t>18 kassi vehari road chah tahli vala</t>
  </si>
  <si>
    <t>Chah Tahli Vala</t>
  </si>
  <si>
    <t>Nadia Tehreem</t>
  </si>
  <si>
    <t>36853</t>
  </si>
  <si>
    <t>GGES NOURANG SHAH, KABIRWALA</t>
  </si>
  <si>
    <t>gges nourang shah</t>
  </si>
  <si>
    <t>GES MOUZA KULL</t>
  </si>
  <si>
    <t>kull</t>
  </si>
  <si>
    <t>MOZA KULL</t>
  </si>
  <si>
    <t>Sher Muhammad Asad</t>
  </si>
  <si>
    <t>GGPS ALLAH KHEL</t>
  </si>
  <si>
    <t>Main road Allah khel</t>
  </si>
  <si>
    <t>GPS KOKI WALA</t>
  </si>
  <si>
    <t>tarukri</t>
  </si>
  <si>
    <t>gpbs koki wala , basti azmat lar moza tarukri</t>
  </si>
  <si>
    <t>Basti Azmat Lar</t>
  </si>
  <si>
    <t>GGPS KHAJUT</t>
  </si>
  <si>
    <t>village khajut p/o Murree tehsil muree district Rawalpindi</t>
  </si>
  <si>
    <t>34176</t>
  </si>
  <si>
    <t>GGPS BAGRAIN NO.2 NEAR GUCHAR WALI PULL</t>
  </si>
  <si>
    <t>Near ghuchar wala Diara pur khan pur Qazi</t>
  </si>
  <si>
    <t>Nasser Wala</t>
  </si>
  <si>
    <t>32337</t>
  </si>
  <si>
    <t>GGPS KAIRAN</t>
  </si>
  <si>
    <t>Kairan</t>
  </si>
  <si>
    <t>kairan</t>
  </si>
  <si>
    <t>GES MODEL MAKHDOOM RASHEED MULTAN</t>
  </si>
  <si>
    <t>Makhdoom Rasheed Rasheed</t>
  </si>
  <si>
    <t>chah pir wala near govt degree makhdoom rasheed</t>
  </si>
  <si>
    <t>Rao M Aslam Khan</t>
  </si>
  <si>
    <t>GPS HARPAL</t>
  </si>
  <si>
    <t>Harpal</t>
  </si>
  <si>
    <t>harpal post office mehrajke pasrur sialkot</t>
  </si>
  <si>
    <t>Bajraghari</t>
  </si>
  <si>
    <t>Ghuffar Ahmad Shad</t>
  </si>
  <si>
    <t>GGPS KHALID WALA</t>
  </si>
  <si>
    <t>mouza wanjhera thal kot sultan</t>
  </si>
  <si>
    <t>kot sultan Urban</t>
  </si>
  <si>
    <t>Fayyaz Bibi</t>
  </si>
  <si>
    <t>GGPS CHAK NO.59/4-R</t>
  </si>
  <si>
    <t>59/4r</t>
  </si>
  <si>
    <t>G G P /s /594r</t>
  </si>
  <si>
    <t>GPS ALKOSAR TAJPURA</t>
  </si>
  <si>
    <t>Moh rasoolabad khushab</t>
  </si>
  <si>
    <t>29759</t>
  </si>
  <si>
    <t>GPS KOT AKBAR</t>
  </si>
  <si>
    <t>kot akbar khan</t>
  </si>
  <si>
    <t>GPS KOT AKBAR KHAN MARKAZ JAMBAR KALAN TEHSIL PATTOKI.</t>
  </si>
  <si>
    <t>BHONIKEY</t>
  </si>
  <si>
    <t>GGPS CHAK NO.8/A</t>
  </si>
  <si>
    <t>Chak No 8/A</t>
  </si>
  <si>
    <t>Chak No8/A post office chak no 10/A Tehsil Lqp Disstrict RYK</t>
  </si>
  <si>
    <t>Noureen Manzoor</t>
  </si>
  <si>
    <t>GGES GHUNDI</t>
  </si>
  <si>
    <t>GGE/S Ghundi Post Office Ghundi Tehsil and District Mianwali</t>
  </si>
  <si>
    <t>GGPS CHAND</t>
  </si>
  <si>
    <t>chand</t>
  </si>
  <si>
    <t>village chand pasrur</t>
  </si>
  <si>
    <t>ballagun</t>
  </si>
  <si>
    <t>Samra Yasmeen</t>
  </si>
  <si>
    <t>GGES WAHI JUMAN SHAH</t>
  </si>
  <si>
    <t>Wahi juman Shah</t>
  </si>
  <si>
    <t>gges wahi JUMAN Shah  r.y.k.</t>
  </si>
  <si>
    <t>Wahi Juman Shah</t>
  </si>
  <si>
    <t>Mau Mubarak</t>
  </si>
  <si>
    <t>Faizan Naseem</t>
  </si>
  <si>
    <t>GGPS AHMED BUKHSH WALI MOZA ADDO WALI</t>
  </si>
  <si>
    <t>Mochi Puhnva</t>
  </si>
  <si>
    <t>aduwali</t>
  </si>
  <si>
    <t>Basti Lohar</t>
  </si>
  <si>
    <t>Inayat pur</t>
  </si>
  <si>
    <t>Sajda Nassem</t>
  </si>
  <si>
    <t>Noorshah  wala</t>
  </si>
  <si>
    <t>NOORSHAH</t>
  </si>
  <si>
    <t>Rural MANKERA</t>
  </si>
  <si>
    <t>Safdar Hayat</t>
  </si>
  <si>
    <t>17588</t>
  </si>
  <si>
    <t>GMPS CHAK 269/3 JHANDAY WALA (April-2016)</t>
  </si>
  <si>
    <t>Chak no 269 j.b west</t>
  </si>
  <si>
    <t>Chak  no 269 Jb West</t>
  </si>
  <si>
    <t>ANWAR SULTANA</t>
  </si>
  <si>
    <t>GGPS BASTI ARA</t>
  </si>
  <si>
    <t>Basti Arra Daira Din Panah</t>
  </si>
  <si>
    <t>Basti Arra</t>
  </si>
  <si>
    <t>MC dd Panah</t>
  </si>
  <si>
    <t>Halima Saadia</t>
  </si>
  <si>
    <t>GPS POL WALA</t>
  </si>
  <si>
    <t>POOL WALA</t>
  </si>
  <si>
    <t>Chah jawai wala mouza pool wala jampur</t>
  </si>
  <si>
    <t>GGPS WANDHA RAJMIR WALA</t>
  </si>
  <si>
    <t>Yaro Khel Paka</t>
  </si>
  <si>
    <t>wandhi arrianwali</t>
  </si>
  <si>
    <t>Rajmirwala</t>
  </si>
  <si>
    <t>GGPS ZAHID PUR</t>
  </si>
  <si>
    <t>Zahid Pur Syedan</t>
  </si>
  <si>
    <t>Po Kanjrur Sakin Zahid Pur Syedan</t>
  </si>
  <si>
    <t>Gurala</t>
  </si>
  <si>
    <t>GGES CHAK JANI</t>
  </si>
  <si>
    <t>Chakjani</t>
  </si>
  <si>
    <t>gges chakjani</t>
  </si>
  <si>
    <t>29741</t>
  </si>
  <si>
    <t>GPS DHOK MADUH WALI</t>
  </si>
  <si>
    <t>Dhoke Maddu Wali</t>
  </si>
  <si>
    <t>easub Khan</t>
  </si>
  <si>
    <t>GGPS ISLAM NAGAR SILLANWALI</t>
  </si>
  <si>
    <t>mahla islamnagar sillanwali</t>
  </si>
  <si>
    <t>Mahla Islamagar</t>
  </si>
  <si>
    <t>GPS HERAY</t>
  </si>
  <si>
    <t>Haray</t>
  </si>
  <si>
    <t>haray teh&amp;disst.narowal</t>
  </si>
  <si>
    <t>Chanderkerajputan</t>
  </si>
  <si>
    <t>M Farooq</t>
  </si>
  <si>
    <t>GMPS PURANA PATWAR KHANA PIPLAN CITY</t>
  </si>
  <si>
    <t>Piplan PKKA</t>
  </si>
  <si>
    <t>GMPS PURANA PATWAR KHANA PIPLAN</t>
  </si>
  <si>
    <t>MC PIPLAN</t>
  </si>
  <si>
    <t>51642</t>
  </si>
  <si>
    <t>GGPS BEHRAM PUR</t>
  </si>
  <si>
    <t>G G P school behram pur</t>
  </si>
  <si>
    <t>GPS DAIRA SHAH</t>
  </si>
  <si>
    <t>village daira shah near deen panah darbar tehsil taunsa sharif district dera ghazi khan</t>
  </si>
  <si>
    <t>Hameed Sana Ullah</t>
  </si>
  <si>
    <t>GGES CHAK NO.91 SB</t>
  </si>
  <si>
    <t>chak no 91 sb bhatianwala sgd</t>
  </si>
  <si>
    <t>GES RAMKAY</t>
  </si>
  <si>
    <t>Ramkay</t>
  </si>
  <si>
    <t>ramkay  teh pasrur  dist.sialkot</t>
  </si>
  <si>
    <t>Nisar Ahmad Rabbani</t>
  </si>
  <si>
    <t>GGPS BAGHOON</t>
  </si>
  <si>
    <t>G g primary school  Baghoon p /o kotsamaba</t>
  </si>
  <si>
    <t>Baghoon</t>
  </si>
  <si>
    <t>Mahnaz Khurshid</t>
  </si>
  <si>
    <t>GGPS MANDI SAMBRIAL NO.1</t>
  </si>
  <si>
    <t>Ggps no 1 mondi sambrial</t>
  </si>
  <si>
    <t>Mondi Sambrial</t>
  </si>
  <si>
    <t>GPS CHAK GILLAN SHARQI</t>
  </si>
  <si>
    <t>chack Gillan sharqi</t>
  </si>
  <si>
    <t>Chack Gillan Sharqi</t>
  </si>
  <si>
    <t>GMPS DHOK KIVIRIAN</t>
  </si>
  <si>
    <t>v Dhok Kivrian.Po Kot Fateh Khan.Teh Fateh jang. Disst Attock.</t>
  </si>
  <si>
    <t>Dhok Kivirian</t>
  </si>
  <si>
    <t>Malkah bibi</t>
  </si>
  <si>
    <t>village wasoo post office Girote</t>
  </si>
  <si>
    <t>Wasoo</t>
  </si>
  <si>
    <t>GIrote</t>
  </si>
  <si>
    <t>Iqtidar Ali</t>
  </si>
  <si>
    <t>GGPS BHAN PUR</t>
  </si>
  <si>
    <t>ggps bhanpur</t>
  </si>
  <si>
    <t>Saba</t>
  </si>
  <si>
    <t>47293</t>
  </si>
  <si>
    <t>GPS MASSAN STATION (JHABBAR)</t>
  </si>
  <si>
    <t>dhok jhabbar chakrala tehsil and distt mianwali</t>
  </si>
  <si>
    <t>GGPS DHARINGAR</t>
  </si>
  <si>
    <t>Dhringer</t>
  </si>
  <si>
    <t>mukhduman wala moza dharangar</t>
  </si>
  <si>
    <t>Mukhduman Wala</t>
  </si>
  <si>
    <t>Zakia Shahnaz</t>
  </si>
  <si>
    <t>GMPS CHAK NO.133 NB DERA ODAN</t>
  </si>
  <si>
    <t>133 Nb</t>
  </si>
  <si>
    <t>chak 133 nb Dara odan sillanwali</t>
  </si>
  <si>
    <t>133 Nb Dara Odan</t>
  </si>
  <si>
    <t>Subhaga</t>
  </si>
  <si>
    <t>GPS BAIT MALANA NO. 1</t>
  </si>
  <si>
    <t>Noria koria</t>
  </si>
  <si>
    <t>chah khojay wala</t>
  </si>
  <si>
    <t>Ladon</t>
  </si>
  <si>
    <t>Ahmed Bakhsh</t>
  </si>
  <si>
    <t>GPS CHAK NO 45 MB</t>
  </si>
  <si>
    <t>Chak no 45mb</t>
  </si>
  <si>
    <t>GGPS TAHTHA THAKAR</t>
  </si>
  <si>
    <t>GG P S Thatha Thakar Chiniot</t>
  </si>
  <si>
    <t>GPS DHILAM TONG</t>
  </si>
  <si>
    <t>village Dhilam tong post office Badiana Tehsil pasrur district sialkot</t>
  </si>
  <si>
    <t>GGPS MISSA KASWAL</t>
  </si>
  <si>
    <t>Missa Kaswal</t>
  </si>
  <si>
    <t>Village Missa kaswal.Tehsil Gujar Khan.District. Rawalpindi</t>
  </si>
  <si>
    <t>GGCMES CHAK NO. 47 DB</t>
  </si>
  <si>
    <t>46db</t>
  </si>
  <si>
    <t>p/o chak No 47db tehsil k kot</t>
  </si>
  <si>
    <t>Chak No 47db</t>
  </si>
  <si>
    <t>GGHS CDG KOT KHAWAJA SAEED</t>
  </si>
  <si>
    <t>Kot Khawaja Saeed, Lahore</t>
  </si>
  <si>
    <t>sarfaraz Colony</t>
  </si>
  <si>
    <t>Sadaqat Tahira</t>
  </si>
  <si>
    <t>50498</t>
  </si>
  <si>
    <t>GGPS KOT HAJI NAWAB 50/12-L</t>
  </si>
  <si>
    <t>50/12l Kot Nawab</t>
  </si>
  <si>
    <t>Basti Kot Nawab 50/12.L Pull</t>
  </si>
  <si>
    <t>Naveed Kousar</t>
  </si>
  <si>
    <t>GPS KOT HAROO</t>
  </si>
  <si>
    <t>mouza Kot Haroo</t>
  </si>
  <si>
    <t>GES JHARAN WALA</t>
  </si>
  <si>
    <t>jharanwala tehsil daska</t>
  </si>
  <si>
    <t>GGES CHAK 361 JB</t>
  </si>
  <si>
    <t>Chak 361 Jb</t>
  </si>
  <si>
    <t>chak 361 jb teh. gojra dist. toba tak singh</t>
  </si>
  <si>
    <t>Chak 361 jb</t>
  </si>
  <si>
    <t>Chak 349 Jb</t>
  </si>
  <si>
    <t>MAFIA PARVEEN</t>
  </si>
  <si>
    <t>GPS JASSO KAY GURDITTA</t>
  </si>
  <si>
    <t>Jasso Key Gurditta</t>
  </si>
  <si>
    <t>jasso key gurditta hujra depalpur</t>
  </si>
  <si>
    <t>Kalassn Peramal</t>
  </si>
  <si>
    <t>Muhammed Saeed</t>
  </si>
  <si>
    <t>GPS CHAK NO 476 JB</t>
  </si>
  <si>
    <t>chak no 476jb</t>
  </si>
  <si>
    <t>476jb</t>
  </si>
  <si>
    <t>GGPS BASTI NAEEM GIRWAH</t>
  </si>
  <si>
    <t>abadi naeem garwah moza dull.tehsile Ahmed pur sial dist.jhang</t>
  </si>
  <si>
    <t>abadi Naeem garwah</t>
  </si>
  <si>
    <t>sultan bahoo</t>
  </si>
  <si>
    <t>GGES TARAT</t>
  </si>
  <si>
    <t>yakiwali</t>
  </si>
  <si>
    <t>basti tarat</t>
  </si>
  <si>
    <t>farzana rasul</t>
  </si>
  <si>
    <t>GPS LANGEY</t>
  </si>
  <si>
    <t>45065</t>
  </si>
  <si>
    <t>GMPS ALI KHEL NO 1</t>
  </si>
  <si>
    <t>Gmps ali khel</t>
  </si>
  <si>
    <t>GGPS MC NO. 1 CHOWK NAWAB SAHIB</t>
  </si>
  <si>
    <t>Moh hayytu nabi  city grt</t>
  </si>
  <si>
    <t>samina bokhari</t>
  </si>
  <si>
    <t>GPS UMEED ALI VIRK</t>
  </si>
  <si>
    <t>RODA.Khushab</t>
  </si>
  <si>
    <t>17604</t>
  </si>
  <si>
    <t>GGES 111/P EAST</t>
  </si>
  <si>
    <t>111/p East</t>
  </si>
  <si>
    <t>GGES 111 p/East Rahim yar Khan</t>
  </si>
  <si>
    <t>48913</t>
  </si>
  <si>
    <t>GGES AJNALA SGD</t>
  </si>
  <si>
    <t>Ajnala Sargodha</t>
  </si>
  <si>
    <t>Zarina Gilani</t>
  </si>
  <si>
    <t>GGES 199 EB</t>
  </si>
  <si>
    <t>chak no. 199/EB</t>
  </si>
  <si>
    <t>sobia tanveer</t>
  </si>
  <si>
    <t>GES CDG MUSLIM COLONY RAJ GARH LAHORE</t>
  </si>
  <si>
    <t>cdg boys middle school muslim colony rajgarh lhr</t>
  </si>
  <si>
    <t>GPS MITRAN WALI</t>
  </si>
  <si>
    <t>mitranwali Tehsil DASKA dist sialkot</t>
  </si>
  <si>
    <t>GGPS CHAK NO. 11/3-L</t>
  </si>
  <si>
    <t>Rafi Abad</t>
  </si>
  <si>
    <t>chak no 11/3-l tehsil Ahmad pur Sial district jhang</t>
  </si>
  <si>
    <t>Chak No 11/3-l</t>
  </si>
  <si>
    <t>GGES CHAK 363 GB SATIANA</t>
  </si>
  <si>
    <t>chak no 363gb</t>
  </si>
  <si>
    <t>Chak No 363gb</t>
  </si>
  <si>
    <t>Naz Sikandar</t>
  </si>
  <si>
    <t>GMPS ALLAH NAWAZ MANIK</t>
  </si>
  <si>
    <t>basti manik p/o head heran</t>
  </si>
  <si>
    <t>Khursheed BiBi</t>
  </si>
  <si>
    <t>GGES CHAK NO 60/4-R</t>
  </si>
  <si>
    <t>60/4R</t>
  </si>
  <si>
    <t>chak no60/4.R P.O.25/3.R Teh. Haroon Abad district bhawal nager</t>
  </si>
  <si>
    <t>Farhat Nisar Malik</t>
  </si>
  <si>
    <t>GES BASTI ALLAH WASAYA</t>
  </si>
  <si>
    <t>Basti Allah WASAYAP/O AKRAM  ABAD</t>
  </si>
  <si>
    <t>Akram Sbad</t>
  </si>
  <si>
    <t>GGPS KARIM BUX CHANDIO</t>
  </si>
  <si>
    <t>Basti Karim Bux</t>
  </si>
  <si>
    <t>basti karim buksh chandio Rajan  pur kalan</t>
  </si>
  <si>
    <t>Karim Bus Chandio</t>
  </si>
  <si>
    <t>Bangla Sheeren</t>
  </si>
  <si>
    <t>Farhat Saddique</t>
  </si>
  <si>
    <t>GGPS CHAK NO. 1 GHAGH</t>
  </si>
  <si>
    <t>1ghagh</t>
  </si>
  <si>
    <t>ggps 1ghagh</t>
  </si>
  <si>
    <t>1  Ghagh</t>
  </si>
  <si>
    <t>Kohsar Perveen</t>
  </si>
  <si>
    <t>GGPS CHAKARA</t>
  </si>
  <si>
    <t>village chakra p/o Rambari Tehsil zafarwal dist narowal</t>
  </si>
  <si>
    <t>Rambari</t>
  </si>
  <si>
    <t>GPS TAXILA</t>
  </si>
  <si>
    <t>gbps railway road taxila</t>
  </si>
  <si>
    <t>bushra ilyas</t>
  </si>
  <si>
    <t>GES MASAR</t>
  </si>
  <si>
    <t>Masar Shah Pur Sargodha</t>
  </si>
  <si>
    <t>Muhammad Siddique Zahid</t>
  </si>
  <si>
    <t>GES CHAK NO 2 MR P/O MUKHDOOM RASHID</t>
  </si>
  <si>
    <t>Chak 2/ MR</t>
  </si>
  <si>
    <t>Chak 2 / MR, P/O Makhdoom Rasheed, Tehsil Multan Sadar, Distt Multan</t>
  </si>
  <si>
    <t>2/ MR</t>
  </si>
  <si>
    <t>GES KOTLI BAQIR SHAH</t>
  </si>
  <si>
    <t>Moza kotli Baqir Shah</t>
  </si>
  <si>
    <t>Doosa</t>
  </si>
  <si>
    <t>Barkat Ali Bhatti</t>
  </si>
  <si>
    <t>54055</t>
  </si>
  <si>
    <t>GGES PAHARWAL</t>
  </si>
  <si>
    <t>PAHARWAL</t>
  </si>
  <si>
    <t>village and pobox PAHARWAL teh sarai alamgir district Gujarat</t>
  </si>
  <si>
    <t>Attiqa Khanam</t>
  </si>
  <si>
    <t>50986</t>
  </si>
  <si>
    <t>GPS BEHNY BHAWANI</t>
  </si>
  <si>
    <t>Bhawani</t>
  </si>
  <si>
    <t>Monza bhawani</t>
  </si>
  <si>
    <t>Moza Bhawani</t>
  </si>
  <si>
    <t>58/gd</t>
  </si>
  <si>
    <t>GGPS CHOUNTARA ATHWAL</t>
  </si>
  <si>
    <t>Feroz Wattwan</t>
  </si>
  <si>
    <t>G G P S ChontrAthwal</t>
  </si>
  <si>
    <t>Chontra Athwal</t>
  </si>
  <si>
    <t>Tahira  Perveen</t>
  </si>
  <si>
    <t>GGPS SHORKOT CANTT NO. 1</t>
  </si>
  <si>
    <t>shor kot cantt</t>
  </si>
  <si>
    <t>GGCMS KHAIR PUR SHAMSABAD NEAR PUL BUKTO</t>
  </si>
  <si>
    <t>Marha road near Pul Bakhtu</t>
  </si>
  <si>
    <t>Nighat Kousar</t>
  </si>
  <si>
    <t>GMPS CHAK NO. 116/P</t>
  </si>
  <si>
    <t>Chak 116P</t>
  </si>
  <si>
    <t>Chak 116 P</t>
  </si>
  <si>
    <t>AzraParveen</t>
  </si>
  <si>
    <t>GGPS RAN</t>
  </si>
  <si>
    <t>village Raan p/o  kotli loharan teh &amp; dist sialkot</t>
  </si>
  <si>
    <t>54290</t>
  </si>
  <si>
    <t>GGPS KHOTAKA AHMAD ABAD</t>
  </si>
  <si>
    <t>ggps ahmadabad</t>
  </si>
  <si>
    <t>GPS 87-A/6-R MANDHALI SHARIF</t>
  </si>
  <si>
    <t>Chak No 87A/ 6R</t>
  </si>
  <si>
    <t>87-A6-R Madhali sharif</t>
  </si>
  <si>
    <t>87-A/6-R Madhali Sharif</t>
  </si>
  <si>
    <t>34661</t>
  </si>
  <si>
    <t>GGCMS GHARYALA NO. 2</t>
  </si>
  <si>
    <t>Chah Chothay Wala P/O Makhdoom Rasheed</t>
  </si>
  <si>
    <t>Amera Afzal Durrani</t>
  </si>
  <si>
    <t>GGES CHAK NO.133 NB</t>
  </si>
  <si>
    <t>133 NB</t>
  </si>
  <si>
    <t>Gges 133 NB</t>
  </si>
  <si>
    <t>GGCMS MARI CHEHLAN</t>
  </si>
  <si>
    <t>Mari Chahlan</t>
  </si>
  <si>
    <t>Mari chahlan</t>
  </si>
  <si>
    <t>Kamberay</t>
  </si>
  <si>
    <t>Shamin Ashraf</t>
  </si>
  <si>
    <t>47317</t>
  </si>
  <si>
    <t>GPS NO.1 CHAKRALA</t>
  </si>
  <si>
    <t>GGPS KOT ALLAH RAKHA</t>
  </si>
  <si>
    <t>Kot ALLAH Rakha</t>
  </si>
  <si>
    <t>kot allah rkha</t>
  </si>
  <si>
    <t>Kot Allah Rakha</t>
  </si>
  <si>
    <t>Hurya Tabsam</t>
  </si>
  <si>
    <t>GPS SIALAN WALA PO HERNOLI TEH PIPLAN</t>
  </si>
  <si>
    <t>sialawala</t>
  </si>
  <si>
    <t>Sialan Wala</t>
  </si>
  <si>
    <t>35135</t>
  </si>
  <si>
    <t>GPS CHAK MAKHDOOM</t>
  </si>
  <si>
    <t>Chak Norang</t>
  </si>
  <si>
    <t>Basti Chak Makhdoom Tehseel Ahmad Pur East District Bshawalpur.</t>
  </si>
  <si>
    <t>Chak Makhdoom</t>
  </si>
  <si>
    <t>Noshehra Jadeed</t>
  </si>
  <si>
    <t>SYED ZAFAR ABBAS</t>
  </si>
  <si>
    <t>GGPS HARI PUR</t>
  </si>
  <si>
    <t>HARIPUR</t>
  </si>
  <si>
    <t>village haripur post office saddar cantt ,tehsil and district Sialkot</t>
  </si>
  <si>
    <t>SYEDAWALI</t>
  </si>
  <si>
    <t>Amina Akram</t>
  </si>
  <si>
    <t>GGPS BAQA PUR KHABAY</t>
  </si>
  <si>
    <t>Baqapur Khabba</t>
  </si>
  <si>
    <t>Baqa pur khabby,Post office Kangan pur,Tehsil Chunian,District Kasur</t>
  </si>
  <si>
    <t>Baqapur Khabbay</t>
  </si>
  <si>
    <t>Rural Kanganpur</t>
  </si>
  <si>
    <t>GGPS CHAK NO. 60/4-R AB</t>
  </si>
  <si>
    <t>CHAK NO 60/4-R</t>
  </si>
  <si>
    <t>CHAK NO 60/4_R TEH HND MARKAZ 3</t>
  </si>
  <si>
    <t>CHAK NO 23/3R</t>
  </si>
  <si>
    <t>Erum Fafima</t>
  </si>
  <si>
    <t>students take their water themselves</t>
  </si>
  <si>
    <t>GGPS HASHIM WALA</t>
  </si>
  <si>
    <t>Amanpur</t>
  </si>
  <si>
    <t>main wala mozar aman pur khangarh muzaffargarh</t>
  </si>
  <si>
    <t>Maria mahnoor</t>
  </si>
  <si>
    <t>GPS KHINGER</t>
  </si>
  <si>
    <t>Village khinger post office padshahan tehsil and District chakwal</t>
  </si>
  <si>
    <t>Jand khanzada</t>
  </si>
  <si>
    <t>GPS SHAHER SULTAN NO. 2</t>
  </si>
  <si>
    <t>M/C SHAHER SULTAN Tehsil Jatoi Distric Muzaffar Garh</t>
  </si>
  <si>
    <t>Muhammad Shahzad Naveed</t>
  </si>
  <si>
    <t>GES BHIKO CHAK</t>
  </si>
  <si>
    <t>Bhiko Chak</t>
  </si>
  <si>
    <t>village bhiko chak p.o baramanga tehsil shakargarh district narowal</t>
  </si>
  <si>
    <t>GMPS CHAK NO 12/3 L (B)</t>
  </si>
  <si>
    <t>govt girls Modal primary school 12/3LB</t>
  </si>
  <si>
    <t>GGPS KAMLAY BHAG</t>
  </si>
  <si>
    <t>Kamlay bhag</t>
  </si>
  <si>
    <t>GGPS Kamlay Bhag</t>
  </si>
  <si>
    <t>Jamila Nighat</t>
  </si>
  <si>
    <t>GGES BASTI KHAIROO NEAR MUZAFFARABAD CANAL MULTAN</t>
  </si>
  <si>
    <t>Tibba Masudpur</t>
  </si>
  <si>
    <t>GGES Basti Khairo Near Muzafarabad Canal Multan</t>
  </si>
  <si>
    <t>Basti Khairoo</t>
  </si>
  <si>
    <t>48470</t>
  </si>
  <si>
    <t>GGPS HAYAT PUR NOON BHALWAL</t>
  </si>
  <si>
    <t>Hayat Pur Noon</t>
  </si>
  <si>
    <t>GGPS HAYAT PUR NOON bhalwal</t>
  </si>
  <si>
    <t>Safia Kouser</t>
  </si>
  <si>
    <t>40029</t>
  </si>
  <si>
    <t>GGCMES BHANGI</t>
  </si>
  <si>
    <t>Bhangi</t>
  </si>
  <si>
    <t>GGCMES Bhangi</t>
  </si>
  <si>
    <t>Hazro 02</t>
  </si>
  <si>
    <t>44549</t>
  </si>
  <si>
    <t>GMPS CHAK NO.40/TDA NO.2</t>
  </si>
  <si>
    <t>chak 40 tda</t>
  </si>
  <si>
    <t>Chak 40 Tda</t>
  </si>
  <si>
    <t>37871</t>
  </si>
  <si>
    <t>GMPS KOT WALA, JAHANIAN</t>
  </si>
  <si>
    <t>RAHEEM SHAH</t>
  </si>
  <si>
    <t>KOTWALA TEHSIL JHANIAN DISTRICT KHANEWAL</t>
  </si>
  <si>
    <t>KOTWALA</t>
  </si>
  <si>
    <t>Zubeda Naseem</t>
  </si>
  <si>
    <t>GGES CHAK NO. 44/SP WALTOYA</t>
  </si>
  <si>
    <t>44/SP WALTOIA</t>
  </si>
  <si>
    <t>Chak 44/SP WALTOIA post office Haveli lakha .Teh. Depalpur Dist. okara</t>
  </si>
  <si>
    <t>44/SP</t>
  </si>
  <si>
    <t>1/SP Wasawe Wala</t>
  </si>
  <si>
    <t>Near Madni cotton facrory janowala road</t>
  </si>
  <si>
    <t>GGES LASOORI</t>
  </si>
  <si>
    <t>Dandha Wala</t>
  </si>
  <si>
    <t>basti lasori</t>
  </si>
  <si>
    <t>Lasori</t>
  </si>
  <si>
    <t>Farhana Kamal</t>
  </si>
  <si>
    <t>GPS CHAK 190 RB KHURD</t>
  </si>
  <si>
    <t>CHAK190RBKhurd</t>
  </si>
  <si>
    <t>CHAK 190/RB khurd</t>
  </si>
  <si>
    <t>Chak 190/RB Khurd</t>
  </si>
  <si>
    <t>Chak 191 Rb</t>
  </si>
  <si>
    <t>M Shafiq</t>
  </si>
  <si>
    <t>35457</t>
  </si>
  <si>
    <t>GGPS 297 EB</t>
  </si>
  <si>
    <t>Sahoka</t>
  </si>
  <si>
    <t>297eb</t>
  </si>
  <si>
    <t>GMPS UTTAM</t>
  </si>
  <si>
    <t>Uttam</t>
  </si>
  <si>
    <t>GMPS Uttam, Kharian (Gujrat)</t>
  </si>
  <si>
    <t>Saima Sarwar</t>
  </si>
  <si>
    <t>GPS SABAZ PEER</t>
  </si>
  <si>
    <t>Gps SABAZ peer p.o chobara</t>
  </si>
  <si>
    <t>RASHID BAIG</t>
  </si>
  <si>
    <t>GMMS CHAORIAN WALA</t>
  </si>
  <si>
    <t>distt. SKP  teh. Ferozewala. p/o babakwal chaorianwala</t>
  </si>
  <si>
    <t>Chaorianwala</t>
  </si>
  <si>
    <t>GPS DAHMKI MOZA DAHMKI NEAR PULL DAHMKI MAILSI</t>
  </si>
  <si>
    <t>GPS Dhamaki</t>
  </si>
  <si>
    <t>Muhammad Saleem-ud-Din</t>
  </si>
  <si>
    <t>GGPS DARA SADIQ CHADHER WALA</t>
  </si>
  <si>
    <t>Dara Saddique Chaddrar</t>
  </si>
  <si>
    <t>Dara Saddique Chaddrar wala</t>
  </si>
  <si>
    <t>Dera Sadique Chaddrar Wala</t>
  </si>
  <si>
    <t>Ali Khil</t>
  </si>
  <si>
    <t>GGCMS 469 EB</t>
  </si>
  <si>
    <t>469/eb</t>
  </si>
  <si>
    <t>Ggcmpschool469/eb</t>
  </si>
  <si>
    <t>Tanveer kousar</t>
  </si>
  <si>
    <t>GES 365/WB PO SAME MAKHDOOM ALI</t>
  </si>
  <si>
    <t>chak #365/wb</t>
  </si>
  <si>
    <t>365/wb</t>
  </si>
  <si>
    <t>Muhammad Khalil Khan</t>
  </si>
  <si>
    <t>GPS ISMAEL PUR</t>
  </si>
  <si>
    <t>Haji Jhabel</t>
  </si>
  <si>
    <t>basti vains mauza Haji Jhabel P/O Hatheji Tehsil Ahmad Pur East</t>
  </si>
  <si>
    <t>Basti Vains</t>
  </si>
  <si>
    <t>Wahi Bahawal Shah</t>
  </si>
  <si>
    <t>Shehzad ahmad sial</t>
  </si>
  <si>
    <t>GES JAWINDA PANWAN</t>
  </si>
  <si>
    <t>JAWINDA PANNUN</t>
  </si>
  <si>
    <t>GPS DERA ALLAH BAKHSH DHAK</t>
  </si>
  <si>
    <t>vpo Dhak  district khushab</t>
  </si>
  <si>
    <t>Zeeshan Mustafa Tahir</t>
  </si>
  <si>
    <t>GGPS MARI SANTRAM</t>
  </si>
  <si>
    <t>GGPS Mari Santram</t>
  </si>
  <si>
    <t>Basri perveen</t>
  </si>
  <si>
    <t>GPS KAAL CENTER</t>
  </si>
  <si>
    <t>Kall</t>
  </si>
  <si>
    <t>Village Kall P. O Panjdhera Teh and dist Chakwal</t>
  </si>
  <si>
    <t>mohsin ali</t>
  </si>
  <si>
    <t>GPS BASTI CHAINY WALI</t>
  </si>
  <si>
    <t>Moza Kachi shahani cheney wali p/o kaneri tehsil district bhakkar</t>
  </si>
  <si>
    <t>Cheney Wali</t>
  </si>
  <si>
    <t>Kachi Shahani 1</t>
  </si>
  <si>
    <t>41174</t>
  </si>
  <si>
    <t>GGES BATALA</t>
  </si>
  <si>
    <t>Vill batala teh kahuta distt rwp</t>
  </si>
  <si>
    <t>Dubaran khurd</t>
  </si>
  <si>
    <t>Naila fardus</t>
  </si>
  <si>
    <t>GMPS SEWA SADAT</t>
  </si>
  <si>
    <t>sewa</t>
  </si>
  <si>
    <t>Government Model primary school sewa sadat</t>
  </si>
  <si>
    <t>sewa sadat</t>
  </si>
  <si>
    <t>kapoori</t>
  </si>
  <si>
    <t>GGPS CHAK NO. 9/A</t>
  </si>
  <si>
    <t>Chak 9A</t>
  </si>
  <si>
    <t>chak 9A tehsil liaquat pur</t>
  </si>
  <si>
    <t>Chak 9/A</t>
  </si>
  <si>
    <t>39827</t>
  </si>
  <si>
    <t>GPS MIRPUR</t>
  </si>
  <si>
    <t>Mir pur</t>
  </si>
  <si>
    <t>GGPS CHAK 241 GB II GHARRA</t>
  </si>
  <si>
    <t>241 GB Garah</t>
  </si>
  <si>
    <t>241GB garah tehsil gojra distric T.T Singh</t>
  </si>
  <si>
    <t>241GB Garah</t>
  </si>
  <si>
    <t>178GB Ghogha</t>
  </si>
  <si>
    <t>Mussart Shahnaz Akhtar</t>
  </si>
  <si>
    <t>GGPS SANGIAL</t>
  </si>
  <si>
    <t>Sanghial</t>
  </si>
  <si>
    <t>v p o  sanghial</t>
  </si>
  <si>
    <t>Merajkay</t>
  </si>
  <si>
    <t>Fakhera Asghar</t>
  </si>
  <si>
    <t>GGPS DHOK KALIAL</t>
  </si>
  <si>
    <t>Dhoke Kalial p/o Dhoke Panah</t>
  </si>
  <si>
    <t>Dhoke Kalial</t>
  </si>
  <si>
    <t>sumaira banaras</t>
  </si>
  <si>
    <t>7216</t>
  </si>
  <si>
    <t>GPS CHAK NO 30/NP</t>
  </si>
  <si>
    <t>Chak 30 Np</t>
  </si>
  <si>
    <t>chak 30 np apl</t>
  </si>
  <si>
    <t>Wallana</t>
  </si>
  <si>
    <t>GES TARGA</t>
  </si>
  <si>
    <t>TARGA</t>
  </si>
  <si>
    <t>VILLAGE AND P/O TARGA TEHSIL DASKA DISTRICT SIALKOT</t>
  </si>
  <si>
    <t>PEROCHAK</t>
  </si>
  <si>
    <t>GGPS MC JUNIOR MODEL JAFRIA COLONY BUND ROAD</t>
  </si>
  <si>
    <t>govt CDGL jaffria colony bund road lahore</t>
  </si>
  <si>
    <t>Niag Baig</t>
  </si>
  <si>
    <t>Jaffria Colony</t>
  </si>
  <si>
    <t>Farzana Qureshi</t>
  </si>
  <si>
    <t>17624</t>
  </si>
  <si>
    <t>GGES CHAK NO 451 JB</t>
  </si>
  <si>
    <t>gges chak no 451 jb</t>
  </si>
  <si>
    <t>Darogha</t>
  </si>
  <si>
    <t>GGPS DAULA BARKHAN</t>
  </si>
  <si>
    <t>guddar ki puli, p/o haveli lakha, depalpur, okara</t>
  </si>
  <si>
    <t>Guddar Ki Puli</t>
  </si>
  <si>
    <t>GMPS CHAK NO.1/A</t>
  </si>
  <si>
    <t>Chak1/a</t>
  </si>
  <si>
    <t>chak no1/a markaz 10/A Liaquatpur</t>
  </si>
  <si>
    <t>1/a</t>
  </si>
  <si>
    <t>GGPS ALI PUR HINJLI</t>
  </si>
  <si>
    <t>Ali Pur Hanjli</t>
  </si>
  <si>
    <t>Ali Pur Hanjli P/O Jhatokay Tehsil Pasrur Distt.Sialkot</t>
  </si>
  <si>
    <t>Dulam Kahalwan</t>
  </si>
  <si>
    <t>TASLEEM KOUSAR</t>
  </si>
  <si>
    <t>GGPS 279 EB</t>
  </si>
  <si>
    <t>ckak no 279/eb</t>
  </si>
  <si>
    <t>279/eb</t>
  </si>
  <si>
    <t>Sidra Amin</t>
  </si>
  <si>
    <t>48461</t>
  </si>
  <si>
    <t>GGPS NOON SUGAR MILLS COLONY BHALWAL</t>
  </si>
  <si>
    <t>Govt.Girls primary School Noon sugar mills(Tahirabad) Bhalwal.</t>
  </si>
  <si>
    <t>Tahirabad Colony</t>
  </si>
  <si>
    <t>32796</t>
  </si>
  <si>
    <t>GPS KANBAN WALA</t>
  </si>
  <si>
    <t>village and post office kanbanwala,Daska,Sialkot</t>
  </si>
  <si>
    <t>GGPS KHUMBAY</t>
  </si>
  <si>
    <t>Khumbay</t>
  </si>
  <si>
    <t>khambay</t>
  </si>
  <si>
    <t>Dugri Hurrian</t>
  </si>
  <si>
    <t>Zunara Naseer Ahmad</t>
  </si>
  <si>
    <t>GGPS NOOR HAYAT COLONY BHALWAL</t>
  </si>
  <si>
    <t>Noor  Hayat Colony</t>
  </si>
  <si>
    <t>noor hayat colony street No 16</t>
  </si>
  <si>
    <t>Noor Hayat Colony Bhalwal</t>
  </si>
  <si>
    <t>Rubeena Yasmeen</t>
  </si>
  <si>
    <t>GPS MALIK PUR NO. 2</t>
  </si>
  <si>
    <t>KOT KAMON SHAH</t>
  </si>
  <si>
    <t>BASTI MALIK PUR</t>
  </si>
  <si>
    <t>Khalid Ahmad Khan</t>
  </si>
  <si>
    <t>GGES CHAK NO. 116/M</t>
  </si>
  <si>
    <t>116/murad</t>
  </si>
  <si>
    <t>chk no 116/murad p.o 115/murad tehsil chishtian district bwn</t>
  </si>
  <si>
    <t>112/murad</t>
  </si>
  <si>
    <t>Robina Abdul Haq</t>
  </si>
  <si>
    <t>GGPS RAJIAN</t>
  </si>
  <si>
    <t>rajian</t>
  </si>
  <si>
    <t>Kapurpur</t>
  </si>
  <si>
    <t>Zahida Hina</t>
  </si>
  <si>
    <t>GGCMS CHAK NO. 299/EB</t>
  </si>
  <si>
    <t>299eb</t>
  </si>
  <si>
    <t>chak # 299eb</t>
  </si>
  <si>
    <t>325eb</t>
  </si>
  <si>
    <t>GES KALLAH KALAN</t>
  </si>
  <si>
    <t>kallah kalan</t>
  </si>
  <si>
    <t>GPS CHAK 11/A</t>
  </si>
  <si>
    <t>Chak 11a</t>
  </si>
  <si>
    <t>Chak no. 11a p/o 13a liaqat pur  R. Y. K</t>
  </si>
  <si>
    <t>GPS ALYAS COLONY</t>
  </si>
  <si>
    <t>ilyas colony St no 11.</t>
  </si>
  <si>
    <t>GGPS CM MEHRAJKEY</t>
  </si>
  <si>
    <t>po box mehrajkey teh pasrur distt sialkot</t>
  </si>
  <si>
    <t>tayyba zafar</t>
  </si>
  <si>
    <t>GPS GOINDKAY</t>
  </si>
  <si>
    <t>village and p o goindke</t>
  </si>
  <si>
    <t>vill kotli khawaja teh pasrur dist sialkot</t>
  </si>
  <si>
    <t>GPS SAHIB REHAN</t>
  </si>
  <si>
    <t>village sahib Rehan</t>
  </si>
  <si>
    <t>GPS JAHANGIR</t>
  </si>
  <si>
    <t>village jahangir</t>
  </si>
  <si>
    <t>brokey kalan</t>
  </si>
  <si>
    <t>GGES CHAK 86/P</t>
  </si>
  <si>
    <t>25/p</t>
  </si>
  <si>
    <t>Chak 86/p Rahim Yar Khan</t>
  </si>
  <si>
    <t>86/p</t>
  </si>
  <si>
    <t>Rubina Mustafa</t>
  </si>
  <si>
    <t>GPS CHAK NO. 53 NP</t>
  </si>
  <si>
    <t>53/NP</t>
  </si>
  <si>
    <t>CHAK NO 53/NP POST OFFICE CHOWK BAHADURPUR RYK</t>
  </si>
  <si>
    <t>Muhammad Masood Iqbal</t>
  </si>
  <si>
    <t>GPS AZMAT ABAD</t>
  </si>
  <si>
    <t>AZMAT ABAD</t>
  </si>
  <si>
    <t>GBPS AZMAT ABAD</t>
  </si>
  <si>
    <t>AZMAT  ABAD</t>
  </si>
  <si>
    <t>GPS AHMA</t>
  </si>
  <si>
    <t>Dhoke Ahma</t>
  </si>
  <si>
    <t>Dhoke Ahma, Dakhili Khichi Post office  Jhatla Tehsil Talagang District Chakwal</t>
  </si>
  <si>
    <t>Zafar Iqbal Awan</t>
  </si>
  <si>
    <t>GPS DOSA</t>
  </si>
  <si>
    <t>Dosa colony tehsil 18 hazari district jhang</t>
  </si>
  <si>
    <t>24776</t>
  </si>
  <si>
    <t>GMES PATHAN WALI</t>
  </si>
  <si>
    <t>Village Pathanwali P/O khaas, Tehsil&amp;District Sialkot.</t>
  </si>
  <si>
    <t>Prag pur</t>
  </si>
  <si>
    <t>IRUM SHAHZADI</t>
  </si>
  <si>
    <t>GGES CHAK NO 177 GB</t>
  </si>
  <si>
    <t>Mari Atari</t>
  </si>
  <si>
    <t>chak no 177gb</t>
  </si>
  <si>
    <t>Chak No 177 GB</t>
  </si>
  <si>
    <t>Maingra</t>
  </si>
  <si>
    <t>Samia Hussain</t>
  </si>
  <si>
    <t>daily canes</t>
  </si>
  <si>
    <t>30734</t>
  </si>
  <si>
    <t>GES DIYAL</t>
  </si>
  <si>
    <t>Village Diyal Post Office Batapur Lahore</t>
  </si>
  <si>
    <t>Muhammad Umar Farooq Tuheedi</t>
  </si>
  <si>
    <t>GGES CHANDOWAL</t>
  </si>
  <si>
    <t>GGEs Chandwal</t>
  </si>
  <si>
    <t>Village chandwal Shakargarh</t>
  </si>
  <si>
    <t>Chandwal</t>
  </si>
  <si>
    <t>Nosheen Anwar</t>
  </si>
  <si>
    <t>GMPS MALAY CHAK PURANA</t>
  </si>
  <si>
    <t>Malay Chak Purana</t>
  </si>
  <si>
    <t>Malay chak purana</t>
  </si>
  <si>
    <t>Langraili</t>
  </si>
  <si>
    <t>Iqra Arslan</t>
  </si>
  <si>
    <t>GPS BASTI WAHI SHAH MUHAMMAD</t>
  </si>
  <si>
    <t>Basti Wahi Shah Muhammad R.Y.K</t>
  </si>
  <si>
    <t>Muhammad Aamir Bashir</t>
  </si>
  <si>
    <t>GPS CHAK NO.36/WB</t>
  </si>
  <si>
    <t>36/Wb</t>
  </si>
  <si>
    <t>chak no 36/wb</t>
  </si>
  <si>
    <t>GPS PURANA BHATTA RYK</t>
  </si>
  <si>
    <t>Kot Drya</t>
  </si>
  <si>
    <t>Gbps purana bhatta</t>
  </si>
  <si>
    <t>Purana bhatta</t>
  </si>
  <si>
    <t>Ward No 3MC</t>
  </si>
  <si>
    <t>Muhammad Pervaiz Anwar</t>
  </si>
  <si>
    <t>GHS CDG MUJAHID ABAD RAM GHAR</t>
  </si>
  <si>
    <t>main bazar mujahiabad</t>
  </si>
  <si>
    <t>khursheed anwar</t>
  </si>
  <si>
    <t>GPS CHAK 109/P</t>
  </si>
  <si>
    <t>GBPS CHAK 109/p</t>
  </si>
  <si>
    <t>109/P</t>
  </si>
  <si>
    <t>GPS JIA</t>
  </si>
  <si>
    <t>JIA</t>
  </si>
  <si>
    <t>JIA BAGGA RAIWIND</t>
  </si>
  <si>
    <t>Tariq Mhmood</t>
  </si>
  <si>
    <t>GGPS MUTTHI</t>
  </si>
  <si>
    <t>Mutthi</t>
  </si>
  <si>
    <t>ggps mutthi</t>
  </si>
  <si>
    <t>GES CHAK NO 68 ML</t>
  </si>
  <si>
    <t>govt e/s chak no68ml p/o 75ml Mankera Bhakkar</t>
  </si>
  <si>
    <t>Mian Fazal Haq</t>
  </si>
  <si>
    <t>GGPS 267/P</t>
  </si>
  <si>
    <t>Sinaward</t>
  </si>
  <si>
    <t>manthar road 267/p</t>
  </si>
  <si>
    <t>267/p</t>
  </si>
  <si>
    <t>Shahnaz Iqbal</t>
  </si>
  <si>
    <t>GHS CDG HARBANS PURA</t>
  </si>
  <si>
    <t>harbanpura Mir lhr</t>
  </si>
  <si>
    <t>hafiz muhammad ishaq</t>
  </si>
  <si>
    <t>30224</t>
  </si>
  <si>
    <t>GHS KACHA</t>
  </si>
  <si>
    <t>Haloki</t>
  </si>
  <si>
    <t>25438</t>
  </si>
  <si>
    <t>GGPS CHHANI GONDAL</t>
  </si>
  <si>
    <t>Channi Gondal</t>
  </si>
  <si>
    <t>GGPS 10/MPR</t>
  </si>
  <si>
    <t>10 MPR</t>
  </si>
  <si>
    <t>Chak No 10 MPR jallah arain teh sail dunya pur lodhran</t>
  </si>
  <si>
    <t>Chak No 10 MPR</t>
  </si>
  <si>
    <t>Kausar Imam</t>
  </si>
  <si>
    <t>GGES AULAAK SIDHU NO.2 SARAI SIDHU (UPGRADED SED L#S.O(B-1)KHANEWAL/2017 DATED 03-11-2017)</t>
  </si>
  <si>
    <t>Olak Sindhu</t>
  </si>
  <si>
    <t>khoh nawab wala olak sindhu</t>
  </si>
  <si>
    <t>Choperhata</t>
  </si>
  <si>
    <t>GGES JOOTA KASSI NO.2, NAWAN SHEHR</t>
  </si>
  <si>
    <t>Joota kassi</t>
  </si>
  <si>
    <t>Fouzia Rubina</t>
  </si>
  <si>
    <t>50561</t>
  </si>
  <si>
    <t>GGES 169/9-L</t>
  </si>
  <si>
    <t>Chak no. 169/9-L</t>
  </si>
  <si>
    <t>Chak No 169/9L</t>
  </si>
  <si>
    <t>Chak No.169/9-L</t>
  </si>
  <si>
    <t>GGPS HUMAYOON WALA</t>
  </si>
  <si>
    <t>Gurmani Sherqi</t>
  </si>
  <si>
    <t>bsti gamoon wala</t>
  </si>
  <si>
    <t>Kainat Fatima</t>
  </si>
  <si>
    <t>GPS BASTI SANGA</t>
  </si>
  <si>
    <t>Basti Sanga</t>
  </si>
  <si>
    <t>mouza basti sanga</t>
  </si>
  <si>
    <t>Wassu Astana</t>
  </si>
  <si>
    <t>Muhammad Balal Aziz</t>
  </si>
  <si>
    <t>24984</t>
  </si>
  <si>
    <t>GGPS SADRAY</t>
  </si>
  <si>
    <t>Sadray</t>
  </si>
  <si>
    <t>Village sadray 
PO Bhatty kslsn</t>
  </si>
  <si>
    <t>GES SHIAN WALA</t>
  </si>
  <si>
    <t>Shianwali P.O Chakrala</t>
  </si>
  <si>
    <t>Muhammad Sajid Khan</t>
  </si>
  <si>
    <t>GGPS MOHALLA GHARBI HAIDER ABAD</t>
  </si>
  <si>
    <t>Hyderabad thall</t>
  </si>
  <si>
    <t>mohallah gharbi hyderabad thall</t>
  </si>
  <si>
    <t>GGES HARPAL</t>
  </si>
  <si>
    <t>GGES Harpal P/O Mehrajkey Teh pasrur District sialkot</t>
  </si>
  <si>
    <t>Bajragaree</t>
  </si>
  <si>
    <t>Razia Rafique</t>
  </si>
  <si>
    <t>GGPS BOOTAY WALA NEAR SEETAL MARI</t>
  </si>
  <si>
    <t>ggps booty wala moza seetal mari</t>
  </si>
  <si>
    <t>47292</t>
  </si>
  <si>
    <t>GPS GHANDI</t>
  </si>
  <si>
    <t>dhoke ghandi p/o chakrala</t>
  </si>
  <si>
    <t>Naeem Farooq</t>
  </si>
  <si>
    <t>GGPS HUBI PUR</t>
  </si>
  <si>
    <t>Hubipur Pur</t>
  </si>
  <si>
    <t>Hubipur, Zafarwal, Narowal</t>
  </si>
  <si>
    <t>Hubipur</t>
  </si>
  <si>
    <t>17998</t>
  </si>
  <si>
    <t>GMPS  FOREST COLONY</t>
  </si>
  <si>
    <t>2 Ghagh</t>
  </si>
  <si>
    <t>mouza 2 ghagh Forest colony tehsil shorkot district jhang</t>
  </si>
  <si>
    <t>03 Ghagh</t>
  </si>
  <si>
    <t>Tanver Kouser</t>
  </si>
  <si>
    <t>30123</t>
  </si>
  <si>
    <t>GHS AWAMI COLONY CHUNGI AMER SIDHU LAHORE</t>
  </si>
  <si>
    <t>Awami colony</t>
  </si>
  <si>
    <t>Awami Colony Behind General Hospital</t>
  </si>
  <si>
    <t>Chungi Amar Sidhu Lahore</t>
  </si>
  <si>
    <t>GGPS DABURJI KAKAY ZAYIAN</t>
  </si>
  <si>
    <t>Doburji kaky zian</t>
  </si>
  <si>
    <t>Kubra begum</t>
  </si>
  <si>
    <t>GGHSS ZAHIR PIR</t>
  </si>
  <si>
    <t>zahir pir</t>
  </si>
  <si>
    <t>Muhammad Pura .Zahir Pir</t>
  </si>
  <si>
    <t>muhammad Pura pura .zahir pir</t>
  </si>
  <si>
    <t>mc. zahir pir</t>
  </si>
  <si>
    <t>Naseem Begum</t>
  </si>
  <si>
    <t>GGPS LADHE KI BHULLAR</t>
  </si>
  <si>
    <t>Ladheky Bhullar</t>
  </si>
  <si>
    <t>ladheky bhullar post office kahna nau tehsil and district Lahore.</t>
  </si>
  <si>
    <t>Ladheky Bhular</t>
  </si>
  <si>
    <t>24793</t>
  </si>
  <si>
    <t>GGES Z.M.OXFORD</t>
  </si>
  <si>
    <t>gandam Mandi sialkot</t>
  </si>
  <si>
    <t>Samia Akhtar</t>
  </si>
  <si>
    <t>GPS WAN MEHAR SHAH</t>
  </si>
  <si>
    <t>Chaht Wan Mahar Shah</t>
  </si>
  <si>
    <t>gps wan mahar shah</t>
  </si>
  <si>
    <t>Wan Mahar Shah</t>
  </si>
  <si>
    <t>Haji Sher</t>
  </si>
  <si>
    <t>GES CHAK NO 6 T P/O MUKHDOOM RASHID</t>
  </si>
  <si>
    <t>CHAK 6/T</t>
  </si>
  <si>
    <t>chak no 6/t p/o Makhdoom Rashif multan</t>
  </si>
  <si>
    <t>6/t</t>
  </si>
  <si>
    <t>Chak 2/mr</t>
  </si>
  <si>
    <t>M Javed Akhtar</t>
  </si>
  <si>
    <t>GGES CHAK NO. 110/P</t>
  </si>
  <si>
    <t>Chak 110/P</t>
  </si>
  <si>
    <t>110p</t>
  </si>
  <si>
    <t>110/P</t>
  </si>
  <si>
    <t>afzaish anwar</t>
  </si>
  <si>
    <t>GGPS CHAK NO 206 RB III</t>
  </si>
  <si>
    <t>GGPS 206 RB III</t>
  </si>
  <si>
    <t>206 Havalian</t>
  </si>
  <si>
    <t>GGPS NAWAN PIND H-II JOHAR TOWN</t>
  </si>
  <si>
    <t>ggps nawan pind h2 johar town lahore</t>
  </si>
  <si>
    <t>GMPS FATEH GARH</t>
  </si>
  <si>
    <t>Fateh Garh teh:Sambrial dist Sialkot</t>
  </si>
  <si>
    <t>Beenish Wazir</t>
  </si>
  <si>
    <t>GGPS MEMO JOYA</t>
  </si>
  <si>
    <t>Memojoya</t>
  </si>
  <si>
    <t>ggps memo Joya p/o kotliloharan west sialkot</t>
  </si>
  <si>
    <t>MemoJoya</t>
  </si>
  <si>
    <t>Memoona Adrees</t>
  </si>
  <si>
    <t>GGPS SHAHU BLOCH</t>
  </si>
  <si>
    <t>Shahu Baloch</t>
  </si>
  <si>
    <t>shahu baloch pakpattan</t>
  </si>
  <si>
    <t>Anam Bilal</t>
  </si>
  <si>
    <t>GPS KHAI KULIA</t>
  </si>
  <si>
    <t>khai kulia Tehsil Jhelum district Jhelum</t>
  </si>
  <si>
    <t>GGPS PURANA KHEWRA</t>
  </si>
  <si>
    <t>near national bank khewra   teh  pind  dadan  Khan   district jhelum</t>
  </si>
  <si>
    <t>shazia Saba</t>
  </si>
  <si>
    <t>26932</t>
  </si>
  <si>
    <t>GGES BAN</t>
  </si>
  <si>
    <t>GGES Ban</t>
  </si>
  <si>
    <t>Mushraf Kousar</t>
  </si>
  <si>
    <t>GES WATOO</t>
  </si>
  <si>
    <t>Village Wattoo teh,distt Khushab</t>
  </si>
  <si>
    <t>FARHAT HUSSAIN KHAN</t>
  </si>
  <si>
    <t>GPS SAMDANEE</t>
  </si>
  <si>
    <t>GPS Basti Samdani</t>
  </si>
  <si>
    <t>private help</t>
  </si>
  <si>
    <t>GGPS BASTI BABA GHARIB SHAH</t>
  </si>
  <si>
    <t>Khadali Shareef</t>
  </si>
  <si>
    <t>basti Baba Gharib Shah</t>
  </si>
  <si>
    <t>Basti Baba Gharib Shah</t>
  </si>
  <si>
    <t>Ameenghard</t>
  </si>
  <si>
    <t>24934</t>
  </si>
  <si>
    <t>GMES LALIAN</t>
  </si>
  <si>
    <t>Kiran Baka</t>
  </si>
  <si>
    <t>GGES SHEIKH TAYYAB</t>
  </si>
  <si>
    <t>sheikh tayyab</t>
  </si>
  <si>
    <t>18448</t>
  </si>
  <si>
    <t>GGPS CHAH MAHMOOD WALA</t>
  </si>
  <si>
    <t>chah mahmood wala</t>
  </si>
  <si>
    <t>Chah Mahmood Wala</t>
  </si>
  <si>
    <t>Maryam Naeem</t>
  </si>
  <si>
    <t>GGPS BAIT BOGHA MUHAMMAD ALI</t>
  </si>
  <si>
    <t>bait bogha basti M.Ali</t>
  </si>
  <si>
    <t>Abiha Zulfiqar Noon</t>
  </si>
  <si>
    <t>GGPS MAJEED AMANAT ALI</t>
  </si>
  <si>
    <t>GGPS Majeed Amanat Ali</t>
  </si>
  <si>
    <t>Basti Majeed Amanat Ali</t>
  </si>
  <si>
    <t>GGHS CHAK NO.4/1-R</t>
  </si>
  <si>
    <t>Chak 4/1R</t>
  </si>
  <si>
    <t>Chak no 4/1.R</t>
  </si>
  <si>
    <t>GGPS 100 EB</t>
  </si>
  <si>
    <t>100/eb</t>
  </si>
  <si>
    <t>chak no 100/eb</t>
  </si>
  <si>
    <t>36859</t>
  </si>
  <si>
    <t>GGPS NOOR MUHAMMAD WALA NO.2 KABIRWALA</t>
  </si>
  <si>
    <t>Okaan Wala</t>
  </si>
  <si>
    <t>P/O KUKKAR HATTA TEHSIL KABIRWALA DISTRICT KHANEWAL</t>
  </si>
  <si>
    <t>Sham Lat</t>
  </si>
  <si>
    <t>GGPS BASTI SAIDAN</t>
  </si>
  <si>
    <t>p/o sheikh umar tehsil kot adu, district M. garh</t>
  </si>
  <si>
    <t>Dhapai village kotli loharan sialkot.</t>
  </si>
  <si>
    <t>GPS CHAK NO. 50-D NEW</t>
  </si>
  <si>
    <t>GPS 50/D NEW</t>
  </si>
  <si>
    <t>chak No 49 D</t>
  </si>
  <si>
    <t>Chak No 49 D</t>
  </si>
  <si>
    <t>GES OLD BOUNTRA</t>
  </si>
  <si>
    <t>Chak 168 P</t>
  </si>
  <si>
    <t>Gulshan e Rehman Tibba Zahar Peer SDK</t>
  </si>
  <si>
    <t>ZARRAR SARWAR</t>
  </si>
  <si>
    <t>hand pump from outside school permisses</t>
  </si>
  <si>
    <t>GGPS WADHAL</t>
  </si>
  <si>
    <t>Wadhal</t>
  </si>
  <si>
    <t>Wadhal PO box kotli loharan W Teh &amp; Distt Sialkot</t>
  </si>
  <si>
    <t>Sara Sarwar</t>
  </si>
  <si>
    <t>f</t>
  </si>
  <si>
    <t>50518</t>
  </si>
  <si>
    <t>GGPS KHAIR KATHIA</t>
  </si>
  <si>
    <t>Srfraz Kot</t>
  </si>
  <si>
    <t>GGPS khair k kathia</t>
  </si>
  <si>
    <t>Kot Sarfraz Dakhli Abadi 113/7-r</t>
  </si>
  <si>
    <t>114/7-r</t>
  </si>
  <si>
    <t>GGHS CHAK NO. 127/6-R</t>
  </si>
  <si>
    <t>127/6,r</t>
  </si>
  <si>
    <t>Shagufta Bagum</t>
  </si>
  <si>
    <t>GGES 491 EB</t>
  </si>
  <si>
    <t>chak 491/E.B Burewala</t>
  </si>
  <si>
    <t>491/EB</t>
  </si>
  <si>
    <t>Sabira Moqaddas</t>
  </si>
  <si>
    <t>GHS RAM PURA BAHAWAL NAGAR</t>
  </si>
  <si>
    <t>rampura</t>
  </si>
  <si>
    <t>chak rampura bahawal nagar</t>
  </si>
  <si>
    <t>Syed Abdul Rauf</t>
  </si>
  <si>
    <t>6962</t>
  </si>
  <si>
    <t>Basti Riaz Abad, Mouza Said Pur, Sadiq Abad, District Rahim Yar Khan</t>
  </si>
  <si>
    <t>GGPS 46 KB</t>
  </si>
  <si>
    <t>46/kb</t>
  </si>
  <si>
    <t>street#13amjad town Burewala</t>
  </si>
  <si>
    <t>50/kb</t>
  </si>
  <si>
    <t>GGES 112/12-L</t>
  </si>
  <si>
    <t>112/12L</t>
  </si>
  <si>
    <t>112/12.L ,Chichawatni ,Distt:Sahiwal</t>
  </si>
  <si>
    <t>25188</t>
  </si>
  <si>
    <t>GMPS Chak Gillan,P/O Ladhar,Tehsil and District ,Sialkot.</t>
  </si>
  <si>
    <t>GPS MC NO. 3 CHICHAWATNI</t>
  </si>
  <si>
    <t>Ahmed Nagar Near Ravi Club Chichawatni</t>
  </si>
  <si>
    <t>Municipal commety</t>
  </si>
  <si>
    <t>Abdul Majeed Abid</t>
  </si>
  <si>
    <t>GPS EK MINAR BLOCK NO.18</t>
  </si>
  <si>
    <t>Mall Mandi Road Chichawatni District Sahiwal</t>
  </si>
  <si>
    <t>Block no18</t>
  </si>
  <si>
    <t>ward no15</t>
  </si>
  <si>
    <t>Asif Bashir Khan</t>
  </si>
  <si>
    <t>GGPS JAT WALA</t>
  </si>
  <si>
    <t>Katchala</t>
  </si>
  <si>
    <t>Govt Girls Primary school Jat wala</t>
  </si>
  <si>
    <t>Jat Wala</t>
  </si>
  <si>
    <t>Rafiqa Tahira</t>
  </si>
  <si>
    <t>GPS TEHAIT</t>
  </si>
  <si>
    <t>Tehait</t>
  </si>
  <si>
    <t>tehait green town lhr</t>
  </si>
  <si>
    <t>GGES CHAK NO.123 NB</t>
  </si>
  <si>
    <t>123NB</t>
  </si>
  <si>
    <t>123NB tehsil sillanwali district sargodha</t>
  </si>
  <si>
    <t>GPS BAICHRA</t>
  </si>
  <si>
    <t>Baichra</t>
  </si>
  <si>
    <t>village baichra p/o makwal kalan Tehsil Taunsa Sharif distt D.G.Khan</t>
  </si>
  <si>
    <t>GES CHAK 284 GB</t>
  </si>
  <si>
    <t>Ges 284 GB, Toba Tek Singh</t>
  </si>
  <si>
    <t>284GB</t>
  </si>
  <si>
    <t>chak No. 291GB</t>
  </si>
  <si>
    <t>GGPS 575 EB</t>
  </si>
  <si>
    <t>575/eb</t>
  </si>
  <si>
    <t>575/EB</t>
  </si>
  <si>
    <t>19/wb</t>
  </si>
  <si>
    <t>GGPS BANBAY</t>
  </si>
  <si>
    <t>Banbay</t>
  </si>
  <si>
    <t>village banbay Tehsil Pasrur District Sialkot</t>
  </si>
  <si>
    <t>Nazia Nazir Ahmad</t>
  </si>
  <si>
    <t>GPS KASRAJ</t>
  </si>
  <si>
    <t>Kasraj</t>
  </si>
  <si>
    <t>Kasraj, P/o Noorkot, Tehsil Shakargarh, District Narowal</t>
  </si>
  <si>
    <t>Muhammad Naveed Arshad</t>
  </si>
  <si>
    <t>GES CHAK 412 GB I TANDLIANWALA</t>
  </si>
  <si>
    <t>chak no 412 GB</t>
  </si>
  <si>
    <t>Chak no 412 gB</t>
  </si>
  <si>
    <t>Chak no 411 gB</t>
  </si>
  <si>
    <t>GMPS LAKHAN PUR</t>
  </si>
  <si>
    <t>Lakhan Pur</t>
  </si>
  <si>
    <t>lakhan pur pasrur road sialkot</t>
  </si>
  <si>
    <t>PragPur</t>
  </si>
  <si>
    <t>GGMPS NANGAL SUDKAN</t>
  </si>
  <si>
    <t>Nangal sudkan</t>
  </si>
  <si>
    <t>Nangal Sudkan</t>
  </si>
  <si>
    <t>GGPS BASTI PANWARAN</t>
  </si>
  <si>
    <t>Shah Garah</t>
  </si>
  <si>
    <t>Ggps basti panwaran</t>
  </si>
  <si>
    <t>Basti Kaleem Ullah</t>
  </si>
  <si>
    <t>GPS KINALAN WALA JANUBI</t>
  </si>
  <si>
    <t>Kanyalanwala janubi</t>
  </si>
  <si>
    <t>Kanyalanwala Janubi</t>
  </si>
  <si>
    <t>malik muhammad yasin</t>
  </si>
  <si>
    <t>GGPS CHAK NO.68 NB</t>
  </si>
  <si>
    <t>Ggps,68nb</t>
  </si>
  <si>
    <t>68nb</t>
  </si>
  <si>
    <t>Zakia Kamir Ali</t>
  </si>
  <si>
    <t>51584</t>
  </si>
  <si>
    <t>GGPS 98 D</t>
  </si>
  <si>
    <t>Sumaira Abbasi</t>
  </si>
  <si>
    <t>Raipur</t>
  </si>
  <si>
    <t>village Rai Pur p/o Uggoki tehsil &amp; distt sialkot</t>
  </si>
  <si>
    <t>Moman kalan</t>
  </si>
  <si>
    <t>GGES CHAK 488 GB NORTH MAMUN KANJAN</t>
  </si>
  <si>
    <t>488 Bow Shamali</t>
  </si>
  <si>
    <t>chak#488north</t>
  </si>
  <si>
    <t>488 NORTH Gb</t>
  </si>
  <si>
    <t>Chak 487 Gb</t>
  </si>
  <si>
    <t>Hira Pervaiz</t>
  </si>
  <si>
    <t>GGPS MANDI SAMBRIAL NO.2</t>
  </si>
  <si>
    <t>g g p s no 2 mandi sambrial</t>
  </si>
  <si>
    <t>MEUNCIPAL COMITTEE</t>
  </si>
  <si>
    <t>ARIFA SULTANA</t>
  </si>
  <si>
    <t>GGES SAHOKE</t>
  </si>
  <si>
    <t>Sahoke sarganay Pindi Bhattian</t>
  </si>
  <si>
    <t>Sahoke Sarganay</t>
  </si>
  <si>
    <t>That ha Karim Daad</t>
  </si>
  <si>
    <t>Maryam Naheed</t>
  </si>
  <si>
    <t>GMPS BAN KOTAL</t>
  </si>
  <si>
    <t>Bun Kotal</t>
  </si>
  <si>
    <t>village Bun Kotal P.O. Kuldana Teh Murree District R W P</t>
  </si>
  <si>
    <t>GES CHAK 47/P VIA KHAN PUR</t>
  </si>
  <si>
    <t>Chak 47/P</t>
  </si>
  <si>
    <t>Bahishiti</t>
  </si>
  <si>
    <t>GGPS DHUDIAN WALI</t>
  </si>
  <si>
    <t>DHUDIANWALI</t>
  </si>
  <si>
    <t>Village Dhudianwali P/O peerochak tehsile sialkot district sialkot</t>
  </si>
  <si>
    <t>HUMERA IDREES</t>
  </si>
  <si>
    <t>GGES 93/6-R</t>
  </si>
  <si>
    <t>Chak No 93</t>
  </si>
  <si>
    <t>93 6-R</t>
  </si>
  <si>
    <t>93 6R</t>
  </si>
  <si>
    <t>Nusrat  Tahir</t>
  </si>
  <si>
    <t>Chak Mohsin</t>
  </si>
  <si>
    <t>chak mohsin basti  arbi wala</t>
  </si>
  <si>
    <t>Thatta Quershi</t>
  </si>
  <si>
    <t>Naeema Noureen</t>
  </si>
  <si>
    <t>47325</t>
  </si>
  <si>
    <t>GPS NO 2 CHAKRALA</t>
  </si>
  <si>
    <t>p/o chakrala</t>
  </si>
  <si>
    <t>Zia Ur Rehman Farooqi</t>
  </si>
  <si>
    <t>49574</t>
  </si>
  <si>
    <t>GMPS BHAGHAR PINDI</t>
  </si>
  <si>
    <t>Bhagarpindi</t>
  </si>
  <si>
    <t>bhagarpindi</t>
  </si>
  <si>
    <t>Qaiser Abbas Shah</t>
  </si>
  <si>
    <t>GGPS KHAIR PUR KHADALI</t>
  </si>
  <si>
    <t>ggps khair Pur new</t>
  </si>
  <si>
    <t>Khair Pur New</t>
  </si>
  <si>
    <t>38408</t>
  </si>
  <si>
    <t>GPS BASTI JADAA</t>
  </si>
  <si>
    <t>basti jada monza rind jada</t>
  </si>
  <si>
    <t>Basti Jada</t>
  </si>
  <si>
    <t>Baqa Muhammad</t>
  </si>
  <si>
    <t>GES GUL BAHAR</t>
  </si>
  <si>
    <t>Gulbahar</t>
  </si>
  <si>
    <t>village Gulbahar P/o GulbaharTehsil &amp; District Sialkot</t>
  </si>
  <si>
    <t>Community Water Supply</t>
  </si>
  <si>
    <t>34129</t>
  </si>
  <si>
    <t>GPS AZIZ KHOKHAR WALA</t>
  </si>
  <si>
    <t>GPS SAIDAN SHAH</t>
  </si>
  <si>
    <t>SAIDAN SHAH</t>
  </si>
  <si>
    <t>ORANG ABAD</t>
  </si>
  <si>
    <t>GGPS MASEETA COLONY GOJRA</t>
  </si>
  <si>
    <t>Maseeta Colony</t>
  </si>
  <si>
    <t>maseeta coloy gojra</t>
  </si>
  <si>
    <t>Sadaf arif</t>
  </si>
  <si>
    <t>GMPS CHAK NO. 33/A BHUTTIAN</t>
  </si>
  <si>
    <t>Chak 20a</t>
  </si>
  <si>
    <t>chak no 20/a GMPS 33/a Bhuttian</t>
  </si>
  <si>
    <t>20/A Liaquatpur</t>
  </si>
  <si>
    <t>GGPS TATLEY MALI</t>
  </si>
  <si>
    <t>Tatley Mali</t>
  </si>
  <si>
    <t>village tatley mali p/o emimnabad tehsil&amp;disst gujranwala</t>
  </si>
  <si>
    <t>GGES MAGHAL</t>
  </si>
  <si>
    <t>vpo maghal tehsil choa saiden shah distt chakwal</t>
  </si>
  <si>
    <t>45759</t>
  </si>
  <si>
    <t>GPS SHAHEEN COLONY</t>
  </si>
  <si>
    <t>Shaheen Colony</t>
  </si>
  <si>
    <t>Shaheen colony</t>
  </si>
  <si>
    <t>GPS CHAK NO 135/6-R</t>
  </si>
  <si>
    <t>135/6R</t>
  </si>
  <si>
    <t>chak 135/6R</t>
  </si>
  <si>
    <t>30663</t>
  </si>
  <si>
    <t>GGPS WISWIAN</t>
  </si>
  <si>
    <t>Wiavian</t>
  </si>
  <si>
    <t>vilagewisvianbatapurlahote</t>
  </si>
  <si>
    <t>Wisvian</t>
  </si>
  <si>
    <t>Shafqatiqbal</t>
  </si>
  <si>
    <t>basti barkat ali</t>
  </si>
  <si>
    <t>GPS BANGAR NAU</t>
  </si>
  <si>
    <t>Bangar Nau</t>
  </si>
  <si>
    <t>bangar Nau</t>
  </si>
  <si>
    <t>Saif Ullah Shakir</t>
  </si>
  <si>
    <t>GGPS MORANI SHUMALI</t>
  </si>
  <si>
    <t>Morani Shumali</t>
  </si>
  <si>
    <t>morani shumali tehsil darya khan district bhakkar</t>
  </si>
  <si>
    <t>Chahh Dabban Wala</t>
  </si>
  <si>
    <t>Chan dabban wala</t>
  </si>
  <si>
    <t>Chah  Dabban Wala</t>
  </si>
  <si>
    <t>Kot Sai  Singh</t>
  </si>
  <si>
    <t>basti Lashari P/O Dagger Kotli Shumali Tehsil Mankera District Bhakkar</t>
  </si>
  <si>
    <t>MUHAMMAD SHAHJAHAN</t>
  </si>
  <si>
    <t>GGPS APALO MILLS</t>
  </si>
  <si>
    <t>Jasselwine</t>
  </si>
  <si>
    <t>GGPS Apolo mills jaselwine</t>
  </si>
  <si>
    <t>Jaselvine</t>
  </si>
  <si>
    <t>GPS PATESER</t>
  </si>
  <si>
    <t>Pataiser</t>
  </si>
  <si>
    <t>village pataiser P/O dalowali tehsil and district sialkot.</t>
  </si>
  <si>
    <t>GGPS LILLA BHERA</t>
  </si>
  <si>
    <t>G g p s Lilla bhera</t>
  </si>
  <si>
    <t>Lilla  bhera</t>
  </si>
  <si>
    <t>Lilla town</t>
  </si>
  <si>
    <t>Mehnaz Anjum</t>
  </si>
  <si>
    <t>GGES IHSAN PUR, NAWAN SHEHR</t>
  </si>
  <si>
    <t>govt girls e/s ehsan pur markz mongawala teh kanirwala</t>
  </si>
  <si>
    <t>GPS KHANDAN WALA</t>
  </si>
  <si>
    <t>kandhi khichi</t>
  </si>
  <si>
    <t>khandan wala</t>
  </si>
  <si>
    <t>Dolat wala</t>
  </si>
  <si>
    <t>SALEEM ULLAH BAIG</t>
  </si>
  <si>
    <t>GGES SHAH SADIQ NEHANG</t>
  </si>
  <si>
    <t>Tanzeela Saeed</t>
  </si>
  <si>
    <t>GPS CHAK 21/A</t>
  </si>
  <si>
    <t>chak  no 21/A</t>
  </si>
  <si>
    <t>Chak No 21/A</t>
  </si>
  <si>
    <t>GGPS CHAK 85/P DERA NISAR</t>
  </si>
  <si>
    <t>85/p dera nisar</t>
  </si>
  <si>
    <t>85/p Dera Nisar</t>
  </si>
  <si>
    <t>Azhar Kousar</t>
  </si>
  <si>
    <t>GGES CHAK 47 KB FATEH SHAH</t>
  </si>
  <si>
    <t>chak # 47/KB fatehshah dak khana joiya bangla</t>
  </si>
  <si>
    <t>47/kb</t>
  </si>
  <si>
    <t>Chak #333 EB</t>
  </si>
  <si>
    <t>Fareda Khanam</t>
  </si>
  <si>
    <t>GGMES  BARKAT WALA</t>
  </si>
  <si>
    <t>Govt girls community model elementry school barkatwala</t>
  </si>
  <si>
    <t>353150</t>
  </si>
  <si>
    <t>GGPS HUSSAIN ABAD KHAS</t>
  </si>
  <si>
    <t>hussainabad</t>
  </si>
  <si>
    <t>Zarina Parveen</t>
  </si>
  <si>
    <t>GGPS DINGA P/O  PUNOWAL. GONDAL. ROAD TEHSIL &amp;DISTTC  SIALKOT</t>
  </si>
  <si>
    <t>SHEHNI</t>
  </si>
  <si>
    <t>Shazia Sohail</t>
  </si>
  <si>
    <t>GGPS KHANO WALA</t>
  </si>
  <si>
    <t>18551</t>
  </si>
  <si>
    <t>GGES DASTGIR COLONY GOJRA</t>
  </si>
  <si>
    <t>GOVT.GIRLS E/S DASTGIR COLONY GOJRA QADRI DARBAR</t>
  </si>
  <si>
    <t>mohalla qadri darbar</t>
  </si>
  <si>
    <t>gojra city</t>
  </si>
  <si>
    <t>GMPS CHAK NO. 56/4-R</t>
  </si>
  <si>
    <t>GMPS 56/4r Tehsil Haroonabad District Bhawalnagar</t>
  </si>
  <si>
    <t>GGES CHAK NO. 473 EB</t>
  </si>
  <si>
    <t>GGES Chak no 473 eb</t>
  </si>
  <si>
    <t>473/Eb</t>
  </si>
  <si>
    <t>457/Eb</t>
  </si>
  <si>
    <t>Surriya BiBi</t>
  </si>
  <si>
    <t>36626</t>
  </si>
  <si>
    <t>GGES MARI SAHU, KABIRWALA</t>
  </si>
  <si>
    <t>Mari Sahoo</t>
  </si>
  <si>
    <t>village Mari Sahoo tehsil Kabir Wala district khanewal</t>
  </si>
  <si>
    <t>Romana akhtar</t>
  </si>
  <si>
    <t>GPS 179/9-L</t>
  </si>
  <si>
    <t>179/9-L</t>
  </si>
  <si>
    <t>179/9-L Tehsil chichawatni Distt.Sahiwal</t>
  </si>
  <si>
    <t>Chak No 179/9-L</t>
  </si>
  <si>
    <t>GES 182/9-L WEST</t>
  </si>
  <si>
    <t>182/9 L</t>
  </si>
  <si>
    <t>chak no 182/9 L</t>
  </si>
  <si>
    <t>Chak 182/9 L WEST</t>
  </si>
  <si>
    <t>180/9 L</t>
  </si>
  <si>
    <t>GGES BHATAY KALAN</t>
  </si>
  <si>
    <t>village and post office bhattay kalan tehsil and district sialkot</t>
  </si>
  <si>
    <t>Huma Sarwar</t>
  </si>
  <si>
    <t>GGPS MOMAN KALAN</t>
  </si>
  <si>
    <t>Govt.Girls Primary school Moman Kalan uggoki tehsil sialkot</t>
  </si>
  <si>
    <t>GGES NIDOKAY</t>
  </si>
  <si>
    <t>village nidokay sialkot</t>
  </si>
  <si>
    <t>Praag Pur</t>
  </si>
  <si>
    <t>Arifa Maryum</t>
  </si>
  <si>
    <t>GGPS MAHAL KOTLI</t>
  </si>
  <si>
    <t>mahal kotli</t>
  </si>
  <si>
    <t>village mahal kotli teh&amp;dist sialkot</t>
  </si>
  <si>
    <t>rasool pur bhalian</t>
  </si>
  <si>
    <t>GGPS DERA ARSHOANA</t>
  </si>
  <si>
    <t>Dera Arshoana</t>
  </si>
  <si>
    <t>Dera arshoana</t>
  </si>
  <si>
    <t>Abida Jamshaid</t>
  </si>
  <si>
    <t>43877</t>
  </si>
  <si>
    <t>GGPS TAMMAN NO 3</t>
  </si>
  <si>
    <t>Maria Nasar</t>
  </si>
  <si>
    <t>GHS SULTANKE VIA RAIWIND</t>
  </si>
  <si>
    <t>Sultanke</t>
  </si>
  <si>
    <t>Govt. High School Sultanke, Sundar Raiwind Road, Lahore</t>
  </si>
  <si>
    <t>GPS BASTI YAQI</t>
  </si>
  <si>
    <t>Basti yaqi</t>
  </si>
  <si>
    <t>Basti yeah p/o basti malana</t>
  </si>
  <si>
    <t>Basti yaqeani</t>
  </si>
  <si>
    <t>GPS WARA MALIKAN</t>
  </si>
  <si>
    <t>Wara Malkan</t>
  </si>
  <si>
    <t>Wara Jamieta,  Batapur, Lahore</t>
  </si>
  <si>
    <t>Wara Jamieta</t>
  </si>
  <si>
    <t>Dograe Kalan</t>
  </si>
  <si>
    <t>Shahid Latif</t>
  </si>
  <si>
    <t>47879</t>
  </si>
  <si>
    <t>GPS DERAH AHMAD SHER WALA</t>
  </si>
  <si>
    <t>sakna Derah Ahmad Sher Wala</t>
  </si>
  <si>
    <t>Sakna Derah Ahmad Sher Wala</t>
  </si>
  <si>
    <t>GES CHAK 380 JB TALI</t>
  </si>
  <si>
    <t>Chak No 380jb</t>
  </si>
  <si>
    <t>Chak No.380 JB</t>
  </si>
  <si>
    <t>Chak No 380 JB Tali</t>
  </si>
  <si>
    <t>Chak NO 324 JB</t>
  </si>
  <si>
    <t>GGES KOTLI LOHARAN EAST</t>
  </si>
  <si>
    <t>KOTLI LOHARAN EAST</t>
  </si>
  <si>
    <t>Mussarat Begum</t>
  </si>
  <si>
    <t>GGES CHAK DAMO ANA</t>
  </si>
  <si>
    <t>chak damoana T/D sheikhupura</t>
  </si>
  <si>
    <t>Chak Damoana</t>
  </si>
  <si>
    <t>Kadlathi</t>
  </si>
  <si>
    <t>Parveen Tahir Naqvi</t>
  </si>
  <si>
    <t>9211</t>
  </si>
  <si>
    <t>GGES HUSSEKI</t>
  </si>
  <si>
    <t>husseke</t>
  </si>
  <si>
    <t>Tamseela Rani</t>
  </si>
  <si>
    <t>GGPS SANIARI KHURD</t>
  </si>
  <si>
    <t>Sanyari</t>
  </si>
  <si>
    <t>village sunyari kurad the shakargarh dist narowal</t>
  </si>
  <si>
    <t>Sunyari Kurad</t>
  </si>
  <si>
    <t>Camrial</t>
  </si>
  <si>
    <t>GMPS CHAK 328 JB GHAZI ABAD</t>
  </si>
  <si>
    <t>Housing colony no 2 toba</t>
  </si>
  <si>
    <t>328 JB Ghaziabad</t>
  </si>
  <si>
    <t>Chak 328jb</t>
  </si>
  <si>
    <t>Nazra Perveen</t>
  </si>
  <si>
    <t>GGES DHALLA KOT LAKHPAT</t>
  </si>
  <si>
    <t>Dhalla Kotlakhpat</t>
  </si>
  <si>
    <t>ggms dhalla liaqat abad .near albadar dispensary ..post office Ismail nagar .qainchi chungi amer sidhu.Lahore.</t>
  </si>
  <si>
    <t>Dhalla Liaqatabad Kotlakhpat</t>
  </si>
  <si>
    <t>motor on govt watet.</t>
  </si>
  <si>
    <t>GGPS KISRAN WEST</t>
  </si>
  <si>
    <t>vpo kisran</t>
  </si>
  <si>
    <t>GGES BLAIR CHAK NO. 46 TEH. PATTOKI</t>
  </si>
  <si>
    <t>Blair</t>
  </si>
  <si>
    <t>Blair chak no 46</t>
  </si>
  <si>
    <t>GPS WAGRAN</t>
  </si>
  <si>
    <t>Wagran</t>
  </si>
  <si>
    <t>Village Wagran Near Nalla Aik Muhalla East P.O. Bhattay Kalan</t>
  </si>
  <si>
    <t>GPS CHAK 20/2.L</t>
  </si>
  <si>
    <t>20/A 2l</t>
  </si>
  <si>
    <t>chak no 20/2.l tehsil renala khurd  district  okara</t>
  </si>
  <si>
    <t>18/1l</t>
  </si>
  <si>
    <t>GGES LANGIAN</t>
  </si>
  <si>
    <t>GGES langian post office kot naina</t>
  </si>
  <si>
    <t>GGES CHAK 171 GB SAMUNDRI</t>
  </si>
  <si>
    <t>Bambo</t>
  </si>
  <si>
    <t>171gb</t>
  </si>
  <si>
    <t>Qutrowal</t>
  </si>
  <si>
    <t>GPS BASTI CHOLANI</t>
  </si>
  <si>
    <t>chulani teh taunsa sharif district d.g.khan</t>
  </si>
  <si>
    <t>GGPS CHAK ARAIAN</t>
  </si>
  <si>
    <t>Chak Ariyan</t>
  </si>
  <si>
    <t>vpo pindi bago chak Araiyan teh pasrur dist sialkot</t>
  </si>
  <si>
    <t>Basti zoor kot sadiqabad</t>
  </si>
  <si>
    <t>Basti zoor kot</t>
  </si>
  <si>
    <t>Hafiz Hammad Nadeem</t>
  </si>
  <si>
    <t>GGES RATA ARAIAN</t>
  </si>
  <si>
    <t>GGES Ratta Araian p/o wadianwala teh/ distt sialkot</t>
  </si>
  <si>
    <t>village lakha tehsil phalia district MB din</t>
  </si>
  <si>
    <t>Kot Hassat Khan</t>
  </si>
  <si>
    <t>GES RAMZAN KHOR</t>
  </si>
  <si>
    <t>Government Elementary school Ramzan</t>
  </si>
  <si>
    <t>BASTI KHUR</t>
  </si>
  <si>
    <t>Muhammad Asif leghari</t>
  </si>
  <si>
    <t>GGPS 136/9-L</t>
  </si>
  <si>
    <t>136/9L</t>
  </si>
  <si>
    <t>H#156 Ali masjid gulistan road sahiwal</t>
  </si>
  <si>
    <t>136 9L</t>
  </si>
  <si>
    <t>Farzana Azhar</t>
  </si>
  <si>
    <t>GGES CHAK NO 64 ML</t>
  </si>
  <si>
    <t>64ML</t>
  </si>
  <si>
    <t>Chak no 64 ML, Mankera,Bhakkar</t>
  </si>
  <si>
    <t>Anila Shahbaz</t>
  </si>
  <si>
    <t>GGPS SURAJ KUND MULTAN</t>
  </si>
  <si>
    <t>Kian Pur</t>
  </si>
  <si>
    <t>Suraj kund</t>
  </si>
  <si>
    <t>Aysha Aftab</t>
  </si>
  <si>
    <t>GGPS CHAK NO.185/P</t>
  </si>
  <si>
    <t>chak no.185p</t>
  </si>
  <si>
    <t>185p</t>
  </si>
  <si>
    <t>GGPS WALEDRAN WALA</t>
  </si>
  <si>
    <t>waleedran wala Mianwali.</t>
  </si>
  <si>
    <t>Waleedran Wala</t>
  </si>
  <si>
    <t>GGPS BHOLA GARI SHAH PUR</t>
  </si>
  <si>
    <t>BOOLA GHARI</t>
  </si>
  <si>
    <t>SHAHPUR KANJRA MULTAN ROAD LAHORE</t>
  </si>
  <si>
    <t>Sadia Nasreen</t>
  </si>
  <si>
    <t>GGES KOTLI HER NRAIN</t>
  </si>
  <si>
    <t>KOTLI HERNARAIN</t>
  </si>
  <si>
    <t>KOTLI HERNARAIN POST OFFICE CHOWNI SULEHRIAN TEHSIL &amp; DISTRICT SIALKOT</t>
  </si>
  <si>
    <t>Farkhanda Asghar</t>
  </si>
  <si>
    <t>23726</t>
  </si>
  <si>
    <t>GPS DHAMONKAY</t>
  </si>
  <si>
    <t>Dhamonkay</t>
  </si>
  <si>
    <t>dhamonkay tehsil daska district Sialkot</t>
  </si>
  <si>
    <t>GPS DHOK BHURA</t>
  </si>
  <si>
    <t>Gbps Dhoke bhura</t>
  </si>
  <si>
    <t>Dhoke Bhura</t>
  </si>
  <si>
    <t>GES GULBAHAR COLONY</t>
  </si>
  <si>
    <t>St No 1, Gul Bahar colony, Walton Cantt. Lahore</t>
  </si>
  <si>
    <t>42626</t>
  </si>
  <si>
    <t>GGES MANJHOTA</t>
  </si>
  <si>
    <t>village manjotha p/o qazian tehsil gujar Khan district Rawalpindi</t>
  </si>
  <si>
    <t>Romana Gulbhar</t>
  </si>
  <si>
    <t>GHS NAWAIN ARIAN</t>
  </si>
  <si>
    <t>P/O Basti Panwaran Mouza &amp; U/C Mawain Arain Tehsil Khanpur District Rahim Yar Khan</t>
  </si>
  <si>
    <t>Muhammad Javed Ashraf</t>
  </si>
  <si>
    <t>GPS KOT NASIR KHAN</t>
  </si>
  <si>
    <t>kot Nasir khan</t>
  </si>
  <si>
    <t>Kot NASIR KHAN</t>
  </si>
  <si>
    <t>Pimar Otar</t>
  </si>
  <si>
    <t>GGES BASTI AZEEM SHAH</t>
  </si>
  <si>
    <t>E/S Azeem Shah Basti Mahmood</t>
  </si>
  <si>
    <t>Basti Mahmood</t>
  </si>
  <si>
    <t>Seet Pur Khanani</t>
  </si>
  <si>
    <t>GHS CHAK NO. 129/M</t>
  </si>
  <si>
    <t>129/m</t>
  </si>
  <si>
    <t>chak no 129/m</t>
  </si>
  <si>
    <t>GGES 263/EB</t>
  </si>
  <si>
    <t>327-EB</t>
  </si>
  <si>
    <t>263-EB</t>
  </si>
  <si>
    <t>265-EB</t>
  </si>
  <si>
    <t>sarfaraz</t>
  </si>
  <si>
    <t>GGPS CHAK 98/6-R</t>
  </si>
  <si>
    <t>Chak no 98/6-R</t>
  </si>
  <si>
    <t>98/6-r</t>
  </si>
  <si>
    <t>Humira Nadia</t>
  </si>
  <si>
    <t>GGES CHAK NO 58 RB</t>
  </si>
  <si>
    <t>GGES 58rb</t>
  </si>
  <si>
    <t>shaista zaib</t>
  </si>
  <si>
    <t>GGCMPS CHAK 357 JB</t>
  </si>
  <si>
    <t>GGCMS357 jb</t>
  </si>
  <si>
    <t>Tasleem Kauser</t>
  </si>
  <si>
    <t>GCMPS RASOOL PUR</t>
  </si>
  <si>
    <t>Rasool pur post ofc jpj</t>
  </si>
  <si>
    <t>Batool Ikram</t>
  </si>
  <si>
    <t>GGPS CHAK ASLAM ABAD</t>
  </si>
  <si>
    <t>Chak Aslam Abad Kotsamaba Teh Dist Rahim Yar Khan</t>
  </si>
  <si>
    <t>M C Kotsamaba</t>
  </si>
  <si>
    <t>GES 18/A.H</t>
  </si>
  <si>
    <t>Chak No18/ah</t>
  </si>
  <si>
    <t>Chak No 18/AH Khanewal</t>
  </si>
  <si>
    <t>Chak No 18/AH</t>
  </si>
  <si>
    <t>12/AH</t>
  </si>
  <si>
    <t>Muhammad Hayyat</t>
  </si>
  <si>
    <t>GES MC BADAMI BAGH NO. 1</t>
  </si>
  <si>
    <t>data nagar bdami bagh no 1</t>
  </si>
  <si>
    <t>Bela Ram</t>
  </si>
  <si>
    <t>GGES CHUNGI NO. 14 SAMANABAD NEAR SHAH RUKN-E-ALAM</t>
  </si>
  <si>
    <t>gges chungi no. 14 samanabad near shah ruken e alam multan</t>
  </si>
  <si>
    <t>zahida younas</t>
  </si>
  <si>
    <t>GGPS CHAK 304 JB II</t>
  </si>
  <si>
    <t>304 JBll</t>
  </si>
  <si>
    <t>GGPS 304 JBll</t>
  </si>
  <si>
    <t>Sadaf Sittara</t>
  </si>
  <si>
    <t>GMPS CHAK KAREEM</t>
  </si>
  <si>
    <t>Chak Kareem</t>
  </si>
  <si>
    <t>chak karim p/o kotli loharan west sialkot</t>
  </si>
  <si>
    <t>GPS CDG AL-MADINA TOWN</t>
  </si>
  <si>
    <t>Harbance pura</t>
  </si>
  <si>
    <t>CDG BPS Nawan Pind Al-Madina Town  Harbance pura Lahore</t>
  </si>
  <si>
    <t>GPS SALTAKI</t>
  </si>
  <si>
    <t>Saltaki</t>
  </si>
  <si>
    <t>p.o dhok saltaki village thoha mehram khan teh talagang</t>
  </si>
  <si>
    <t>Thoa Mehrem Khan</t>
  </si>
  <si>
    <t>Amir Afzal Khan</t>
  </si>
  <si>
    <t>Mouza khan garh Islam Luddan vehari</t>
  </si>
  <si>
    <t>Moor Ghulam Shah</t>
  </si>
  <si>
    <t>Ali Ul Deen</t>
  </si>
  <si>
    <t>GPS KOT JAM WALOO</t>
  </si>
  <si>
    <t>Govt.Boys Primary School Kot jam wallo</t>
  </si>
  <si>
    <t>Kot Jam Wallo</t>
  </si>
  <si>
    <t>GPS CHAK NO.102 SB</t>
  </si>
  <si>
    <t>chak no 102 sb sargodha</t>
  </si>
  <si>
    <t>Chak No 102 Sb</t>
  </si>
  <si>
    <t>Chak No 100 Sb</t>
  </si>
  <si>
    <t>Syed Sibat-i- Hussain</t>
  </si>
  <si>
    <t>GGPS KALWAL SHUMALI</t>
  </si>
  <si>
    <t>Ggps kalwal shumali</t>
  </si>
  <si>
    <t>Kalwal Shumali</t>
  </si>
  <si>
    <t>Kalwal Daghar</t>
  </si>
  <si>
    <t>30110</t>
  </si>
  <si>
    <t>GGHSS SINGH PURA</t>
  </si>
  <si>
    <t>GGHSS SINGHPURA LHR</t>
  </si>
  <si>
    <t>FARHANA NAZ</t>
  </si>
  <si>
    <t>GGPS BASTI MUHAMMAD NAGAR</t>
  </si>
  <si>
    <t>basti Muhammad Nagar  West</t>
  </si>
  <si>
    <t>DariAzeem Khan</t>
  </si>
  <si>
    <t>GGPS SHER BAHADUR WALA</t>
  </si>
  <si>
    <t>Tragrran Wala p/o Daadoo Wala Tehsil Kallur Kot Distt Bhakkar</t>
  </si>
  <si>
    <t>Tragrran Wala</t>
  </si>
  <si>
    <t>Electric motor,  hand pump</t>
  </si>
  <si>
    <t>GGPS LADU BHULLAR</t>
  </si>
  <si>
    <t>Ladu Bhullar</t>
  </si>
  <si>
    <t>vill Ladu bhullar p\o dhoda teh pasrur distt sialkot</t>
  </si>
  <si>
    <t>GGPS KARGAL GUJRAN</t>
  </si>
  <si>
    <t>Kargal Gujran</t>
  </si>
  <si>
    <t>village kargal gujran post office kargal gujran tehsil shakargarh district narowal</t>
  </si>
  <si>
    <t>GMPS KOT ASAD ULLAH</t>
  </si>
  <si>
    <t>Kot Asadullah</t>
  </si>
  <si>
    <t>GMPS Kot  Asadullah</t>
  </si>
  <si>
    <t>Jalal Balagan</t>
  </si>
  <si>
    <t>Ayesha Rehman</t>
  </si>
  <si>
    <t>24837</t>
  </si>
  <si>
    <t>GES LANGRAYALI</t>
  </si>
  <si>
    <t>Langrayali</t>
  </si>
  <si>
    <t>Village Langrayali P. O. Cantt Sialkot</t>
  </si>
  <si>
    <t>Mirza Maqsood Baig</t>
  </si>
  <si>
    <t>Kot Ghulam M</t>
  </si>
  <si>
    <t>Village Kot Ghulam Muhammad</t>
  </si>
  <si>
    <t>Shahnawaz Ahmed</t>
  </si>
  <si>
    <t>31046</t>
  </si>
  <si>
    <t>GPS SATTO KATLA LAHORE</t>
  </si>
  <si>
    <t>sattokatla</t>
  </si>
  <si>
    <t>GGPS PHALORA</t>
  </si>
  <si>
    <t>Phalora</t>
  </si>
  <si>
    <t>phalora</t>
  </si>
  <si>
    <t>Shamaila Shehbaz</t>
  </si>
  <si>
    <t>49353</t>
  </si>
  <si>
    <t>GGPS CHAK NO.81 NB SAGWAL</t>
  </si>
  <si>
    <t>81 Nb Sagwal</t>
  </si>
  <si>
    <t>81 nb sagwal</t>
  </si>
  <si>
    <t>67anb</t>
  </si>
  <si>
    <t>Tayyeba Jamshed</t>
  </si>
  <si>
    <t>GGPS KORAY WALLA SHUJABAD</t>
  </si>
  <si>
    <t>Wahi swaya</t>
  </si>
  <si>
    <t>koary wala shujabad multan</t>
  </si>
  <si>
    <t>Hafizah SAFIA Shahzadi</t>
  </si>
  <si>
    <t>GGES CHAK NO 438 GB</t>
  </si>
  <si>
    <t>438gb</t>
  </si>
  <si>
    <t>chak#438gb Bharat</t>
  </si>
  <si>
    <t>438gb Bharat</t>
  </si>
  <si>
    <t>388gb</t>
  </si>
  <si>
    <t>Humira Akram</t>
  </si>
  <si>
    <t>49587</t>
  </si>
  <si>
    <t>GGPS CHAK UMER</t>
  </si>
  <si>
    <t>Chakumar</t>
  </si>
  <si>
    <t>chak umar</t>
  </si>
  <si>
    <t>Amna Nabila</t>
  </si>
  <si>
    <t>GGPS DARYA GALI</t>
  </si>
  <si>
    <t>village and p/o darya gali tehsil murree district Rawalpindi</t>
  </si>
  <si>
    <t>Rukhsana Raza</t>
  </si>
  <si>
    <t>GES CHAK NO. 6 MR</t>
  </si>
  <si>
    <t>6/MR</t>
  </si>
  <si>
    <t>chak no 6/mr</t>
  </si>
  <si>
    <t>Chak No 6/MR</t>
  </si>
  <si>
    <t>19007</t>
  </si>
  <si>
    <t>GPS MARTHAN WALA</t>
  </si>
  <si>
    <t>Marthanwala</t>
  </si>
  <si>
    <t>GPS Marthan wala</t>
  </si>
  <si>
    <t>Chan 735GB</t>
  </si>
  <si>
    <t>49471</t>
  </si>
  <si>
    <t>GPS ZARI REHMAN SULTAN PUR</t>
  </si>
  <si>
    <t>p\0 sultan pur Maken thesil shah pur district Sargodha</t>
  </si>
  <si>
    <t>GPS SIDDIQE PURA</t>
  </si>
  <si>
    <t>muh siddique pora narowal</t>
  </si>
  <si>
    <t>Narowal 1</t>
  </si>
  <si>
    <t>GGPS 170 WB</t>
  </si>
  <si>
    <t>chak no. 170/wb</t>
  </si>
  <si>
    <t>Misbah Saher</t>
  </si>
  <si>
    <t>GMPS KANWAN WALI</t>
  </si>
  <si>
    <t>gmps kawanwali tehsil and district Nankana dahib</t>
  </si>
  <si>
    <t>Kawanwali</t>
  </si>
  <si>
    <t>Khairy Kalan</t>
  </si>
  <si>
    <t>Rashida Kausar</t>
  </si>
  <si>
    <t>GPS BUNGA AKBAR</t>
  </si>
  <si>
    <t>Bunga Akbar Mari Nehal</t>
  </si>
  <si>
    <t>bunga akbar mari nehal</t>
  </si>
  <si>
    <t>Bunga Akbar</t>
  </si>
  <si>
    <t>Muhammad Imran Bashir</t>
  </si>
  <si>
    <t>51669</t>
  </si>
  <si>
    <t>Kalsoom BiBi</t>
  </si>
  <si>
    <t>GPS HASLAN WALA</t>
  </si>
  <si>
    <t>VILLAGE HASLANWALA, TEHSIL PHALIA, DISTRICT MANDI BAHAUDDIN</t>
  </si>
  <si>
    <t>GGCMS CHAK NO.30/A</t>
  </si>
  <si>
    <t>30 A</t>
  </si>
  <si>
    <t>G.g.c model school 30 /a qadeem.</t>
  </si>
  <si>
    <t>30 A Qadeem</t>
  </si>
  <si>
    <t>Sikandar Shaheen</t>
  </si>
  <si>
    <t>GPS KOTLI MOHARAN</t>
  </si>
  <si>
    <t>kotli moharan</t>
  </si>
  <si>
    <t>Dhanser Paieen</t>
  </si>
  <si>
    <t>Haroon yousaf</t>
  </si>
  <si>
    <t>GPS CHAPPER HARDO</t>
  </si>
  <si>
    <t>Chappar Hardo</t>
  </si>
  <si>
    <t>Village chappar hardo tehsil hassan Abdal</t>
  </si>
  <si>
    <t>Pindh Mehri</t>
  </si>
  <si>
    <t>GPS CHAK 648 GB I</t>
  </si>
  <si>
    <t>kot Ghulam Muhammad muhammad</t>
  </si>
  <si>
    <t>chak no 648 gb teh. jaranwala distt. faisalabad</t>
  </si>
  <si>
    <t>chak no 648 GB</t>
  </si>
  <si>
    <t>chak no 648 gb</t>
  </si>
  <si>
    <t>39518</t>
  </si>
  <si>
    <t>GES AURANG ABAD</t>
  </si>
  <si>
    <t>village  Aurangabad  tehsil jand  district attock</t>
  </si>
  <si>
    <t>GPS 52/12-L</t>
  </si>
  <si>
    <t>52/12 L</t>
  </si>
  <si>
    <t>chak no. 52/12 L</t>
  </si>
  <si>
    <t>GMMS PEELICHI PEER SHAHDARA</t>
  </si>
  <si>
    <t>Gmm pilchi peer shahdara Lhore</t>
  </si>
  <si>
    <t>Qazai Park</t>
  </si>
  <si>
    <t>GGCMS CHOORA</t>
  </si>
  <si>
    <t>Choora</t>
  </si>
  <si>
    <t>Choora P/O Muradi Tehsil Gujar Khan</t>
  </si>
  <si>
    <t>GPS KOT MASTA</t>
  </si>
  <si>
    <t>Kot Masta</t>
  </si>
  <si>
    <t>village kot masta tehsil Daska Disst Sialkot</t>
  </si>
  <si>
    <t>Goind Key</t>
  </si>
  <si>
    <t>GPS MUSLIM LEAGUE VILLAGE</t>
  </si>
  <si>
    <t>Muslim League</t>
  </si>
  <si>
    <t>Muslim league</t>
  </si>
  <si>
    <t>Qasim Hassan</t>
  </si>
  <si>
    <t>GGPS CHAK NO 16 JB</t>
  </si>
  <si>
    <t>Panah  Kay</t>
  </si>
  <si>
    <t>chak no 16jb1</t>
  </si>
  <si>
    <t>Chak No 16 JB</t>
  </si>
  <si>
    <t>Rahila Ajmal</t>
  </si>
  <si>
    <t>18648</t>
  </si>
  <si>
    <t>GPS CHAK 414 JB</t>
  </si>
  <si>
    <t>Chak No 414 Jb</t>
  </si>
  <si>
    <t>chak no 414 jb gojra</t>
  </si>
  <si>
    <t>Chak No 417 Jb</t>
  </si>
  <si>
    <t>28337</t>
  </si>
  <si>
    <t>GGPS KIKER WALA</t>
  </si>
  <si>
    <t>qadeemi</t>
  </si>
  <si>
    <t>mozq qadeemi</t>
  </si>
  <si>
    <t>kiker wala</t>
  </si>
  <si>
    <t>GGES QASIM BELA NEAR AIRPORT</t>
  </si>
  <si>
    <t>GGES qasim bela near airport</t>
  </si>
  <si>
    <t>Qasim bela</t>
  </si>
  <si>
    <t>Shamim Bukhari</t>
  </si>
  <si>
    <t>GGES JAM GHULAM ABBAS</t>
  </si>
  <si>
    <t>g.g e/s jam ghulam abbas</t>
  </si>
  <si>
    <t>Fakhira Naeem</t>
  </si>
  <si>
    <t>GGPS MIRASI WALA</t>
  </si>
  <si>
    <t>Doger Clasra</t>
  </si>
  <si>
    <t>mrasi wala</t>
  </si>
  <si>
    <t>Mrasi Wala</t>
  </si>
  <si>
    <t>GGES CHAK NO. 3/A</t>
  </si>
  <si>
    <t>3/A</t>
  </si>
  <si>
    <t>Govt.elementry school chak 3/A Liaquat pur</t>
  </si>
  <si>
    <t>39685</t>
  </si>
  <si>
    <t>GGPS AURANG ABAD</t>
  </si>
  <si>
    <t>vpo aurangabad  Teh  Jand  distt  attock</t>
  </si>
  <si>
    <t>GGPS CHAK NO. 12/3-L A</t>
  </si>
  <si>
    <t>Daraj Sial</t>
  </si>
  <si>
    <t>Chak # 12/3-L (A)</t>
  </si>
  <si>
    <t>12/3-L A</t>
  </si>
  <si>
    <t>50287</t>
  </si>
  <si>
    <t>Hayatabad</t>
  </si>
  <si>
    <t>Street no 14. Hayat abad chichawatni</t>
  </si>
  <si>
    <t>GES KHAWAJGAN</t>
  </si>
  <si>
    <t>basti khawajgan mouza hakra tehsil bawalpur sadar district bahawalpur</t>
  </si>
  <si>
    <t>Khawajgan</t>
  </si>
  <si>
    <t>Muhammad Hammad ullah</t>
  </si>
  <si>
    <t>GPS CHAK NO.100/EB</t>
  </si>
  <si>
    <t>100eb</t>
  </si>
  <si>
    <t>chak no 100eb burewala</t>
  </si>
  <si>
    <t>Muhammad Arshad Niazi</t>
  </si>
  <si>
    <t>GHS JHANGRA SHARQI</t>
  </si>
  <si>
    <t>Jhangra Sharqi</t>
  </si>
  <si>
    <t>Mouza Jhangra Sharqi Markaz Bwp Ghalwan Tahsil APE District BWP</t>
  </si>
  <si>
    <t>GGPS CHAK 339 JB VERO KE KAJLAY</t>
  </si>
  <si>
    <t>Vero Ke Kajlay</t>
  </si>
  <si>
    <t>g g p s.  339jb</t>
  </si>
  <si>
    <t>339jb</t>
  </si>
  <si>
    <t>GES MC NO.1 CCE</t>
  </si>
  <si>
    <t>Block no 1  malik market</t>
  </si>
  <si>
    <t>Chichawstni</t>
  </si>
  <si>
    <t>GGPS HARWANI</t>
  </si>
  <si>
    <t>Harwani</t>
  </si>
  <si>
    <t>ggps harwani</t>
  </si>
  <si>
    <t>GGPS THATHA KARIM DAD</t>
  </si>
  <si>
    <t>Thatha karimdad Pindi Bhtyaa</t>
  </si>
  <si>
    <t>Sumera Tabassum</t>
  </si>
  <si>
    <t>GPS SANGIAN WALA</t>
  </si>
  <si>
    <t>SANGIAN WALA</t>
  </si>
  <si>
    <t>CHACK NO 574 G.B SANGIAN WALA</t>
  </si>
  <si>
    <t>CHAK NO 574 G.B SANGIAN WALA</t>
  </si>
  <si>
    <t>DHARAY DA WARA</t>
  </si>
  <si>
    <t>Azeem Ahmad</t>
  </si>
  <si>
    <t>GGPS QADIR PUR NO. 1 QADIR PUR</t>
  </si>
  <si>
    <t>basti qadir pur</t>
  </si>
  <si>
    <t>Ghazala Tanveer</t>
  </si>
  <si>
    <t>GGES CHAK 52 GB SAMUNDRI</t>
  </si>
  <si>
    <t>52gb</t>
  </si>
  <si>
    <t>chak no 52GB</t>
  </si>
  <si>
    <t>52GB</t>
  </si>
  <si>
    <t>228GB Naradada</t>
  </si>
  <si>
    <t>Alia Tazim</t>
  </si>
  <si>
    <t>GGES NONARIAN</t>
  </si>
  <si>
    <t>GGMS Khuda Bakhsh Road Nonarian Lahore</t>
  </si>
  <si>
    <t>Tahira Tabbasum</t>
  </si>
  <si>
    <t>GPS WAGIN WALA</t>
  </si>
  <si>
    <t>mouza Mehboob Shah teh. mailsi.distt.vehari.</t>
  </si>
  <si>
    <t>Wagian Wala</t>
  </si>
  <si>
    <t>GGPS JHOKE GHULAM QADIR</t>
  </si>
  <si>
    <t>Jhatak Bighwari</t>
  </si>
  <si>
    <t>GGPS jhok ghulam qadir basti sokar tehsil taunsa</t>
  </si>
  <si>
    <t>Basti Sokar</t>
  </si>
  <si>
    <t>GPS CHAK 408 GB TANDLIANWALA</t>
  </si>
  <si>
    <t>Chak No 408 Gb</t>
  </si>
  <si>
    <t>chak no 408 gb</t>
  </si>
  <si>
    <t>51001</t>
  </si>
  <si>
    <t>GPS BHORE</t>
  </si>
  <si>
    <t>Bhore</t>
  </si>
  <si>
    <t>moza bhore sahiwal</t>
  </si>
  <si>
    <t>Moza Bhore</t>
  </si>
  <si>
    <t>Orangabad</t>
  </si>
  <si>
    <t>GES OUTHIAN</t>
  </si>
  <si>
    <t>village and post office othian tehsil daska district sialkot</t>
  </si>
  <si>
    <t>Galotian</t>
  </si>
  <si>
    <t>Ghulam Samdani Qadri</t>
  </si>
  <si>
    <t>GPS CHAK 314 JB</t>
  </si>
  <si>
    <t>Chak No 314 Jb</t>
  </si>
  <si>
    <t>Chak no 314 jb</t>
  </si>
  <si>
    <t>Chak No 316 Jb</t>
  </si>
  <si>
    <t>Shamaoun Masih</t>
  </si>
  <si>
    <t>GGPS MUD MANTHAR</t>
  </si>
  <si>
    <t>GGPS.MUD MANTHAR.RAJAN PUR KALAN.RAHIM YAR KHAN.</t>
  </si>
  <si>
    <t>WAHEEDA BANO</t>
  </si>
  <si>
    <t>33863</t>
  </si>
  <si>
    <t>GGPS MC FAROOQ PURA MULTAN</t>
  </si>
  <si>
    <t>Kutabpur</t>
  </si>
  <si>
    <t>Farooq pura multan</t>
  </si>
  <si>
    <t>City Multan</t>
  </si>
  <si>
    <t>Nafeesa Majeed</t>
  </si>
  <si>
    <t>18684</t>
  </si>
  <si>
    <t>GPS CHAK 434 JB</t>
  </si>
  <si>
    <t>GPS 434 jb</t>
  </si>
  <si>
    <t>GPS CHAK 439 JB</t>
  </si>
  <si>
    <t>Virkan</t>
  </si>
  <si>
    <t>Chak # 439 jb</t>
  </si>
  <si>
    <t>439 JB</t>
  </si>
  <si>
    <t>GGES KOT KARAM KHAN</t>
  </si>
  <si>
    <t>GGHS CDG MOZANG ADDA LAHORE</t>
  </si>
  <si>
    <t>CDG GHS MOZANG ADDA, LHR.</t>
  </si>
  <si>
    <t>nazia Latif</t>
  </si>
  <si>
    <t>GGES CHAK NO 231 GB</t>
  </si>
  <si>
    <t>231 GB</t>
  </si>
  <si>
    <t>Government Girls Elementry school Main Campus 231 GB Tehsil Jarawala District FSD</t>
  </si>
  <si>
    <t>Risala Poor</t>
  </si>
  <si>
    <t>Chak No 37 GB</t>
  </si>
  <si>
    <t>GGPS CHAK NO. 132 NB</t>
  </si>
  <si>
    <t>Chak No No 132 Nb</t>
  </si>
  <si>
    <t>Ckak No 131 Nb</t>
  </si>
  <si>
    <t>razia khatoon</t>
  </si>
  <si>
    <t>49593</t>
  </si>
  <si>
    <t>GGPS SULTAN PUR AWAN</t>
  </si>
  <si>
    <t>Abida Farooq</t>
  </si>
  <si>
    <t>GPS PAPIAN</t>
  </si>
  <si>
    <t>Papeen</t>
  </si>
  <si>
    <t>village and post office Papeen teh and distt Rawalpindi</t>
  </si>
  <si>
    <t>GHS NARWAR</t>
  </si>
  <si>
    <t>village P/O Narwar wahga Lahore Cantt</t>
  </si>
  <si>
    <t>Muhammad Tahir Nisar Anjum</t>
  </si>
  <si>
    <t>GES RAIWIND TOWN</t>
  </si>
  <si>
    <t>Man Bazar RAIWIND TOWN</t>
  </si>
  <si>
    <t>Muhammad Rasheed Chattah</t>
  </si>
  <si>
    <t>GPS KAROWL WAR</t>
  </si>
  <si>
    <t>Krowlwar</t>
  </si>
  <si>
    <t>p.b. baghbanpura krowlwar lahore</t>
  </si>
  <si>
    <t>GGES CHACHAR SHARIF</t>
  </si>
  <si>
    <t>Chachar sharif</t>
  </si>
  <si>
    <t>khadija sadia</t>
  </si>
  <si>
    <t>GES AKRAM ABAD</t>
  </si>
  <si>
    <t>GES Akram abad mari Pathan po taty pur Multan sadar</t>
  </si>
  <si>
    <t>Mari Pathan</t>
  </si>
  <si>
    <t>GGHS MODEL APS MODEL TOWN</t>
  </si>
  <si>
    <t>model town</t>
  </si>
  <si>
    <t>E-Block Model Town, Lahore</t>
  </si>
  <si>
    <t>D K Model town</t>
  </si>
  <si>
    <t>MRS MUNAWAR TABASSUM</t>
  </si>
  <si>
    <t>34279</t>
  </si>
  <si>
    <t>GES CHAK NO 4-MR P/O MAKHDOOM RASHEED</t>
  </si>
  <si>
    <t>4Mr</t>
  </si>
  <si>
    <t>Chak no 4Mr MakhdoomRasheed Multan</t>
  </si>
  <si>
    <t>Chak 2Mr</t>
  </si>
  <si>
    <t>Abdul Latif Tahir</t>
  </si>
  <si>
    <t>GPS DANGHROOT (SOHAWA)</t>
  </si>
  <si>
    <t>Dhangroot</t>
  </si>
  <si>
    <t>Dhangroot p.o khambi teh Sara I alamgir distt gujrat</t>
  </si>
  <si>
    <t>Summan Iqbal</t>
  </si>
  <si>
    <t>GGPS BASTI HAJI QUTAB DIN</t>
  </si>
  <si>
    <t>GGPS HAJI QUTAB DIN</t>
  </si>
  <si>
    <t>Haji Qutab Din</t>
  </si>
  <si>
    <t>Muhammad Pur Q</t>
  </si>
  <si>
    <t>Munawar Bibi</t>
  </si>
  <si>
    <t>GMPS SHEENI</t>
  </si>
  <si>
    <t>village shehni p/o kotli loharan west</t>
  </si>
  <si>
    <t>Shabana Najaf</t>
  </si>
  <si>
    <t>GPS SALAMAT PURA RAIWIND</t>
  </si>
  <si>
    <t>Rehman Pura Raiwind</t>
  </si>
  <si>
    <t>GPS CHAK NO.23 SOUTH</t>
  </si>
  <si>
    <t>Chakra No 23 South</t>
  </si>
  <si>
    <t>chak no 23 South, tehsil sharaqpur sharif district sheikhupura</t>
  </si>
  <si>
    <t>Chak No 23 South</t>
  </si>
  <si>
    <t>Village Shah Pur Post Office Pul Bajwan Area Bajwat Sialkot</t>
  </si>
  <si>
    <t>GPS MODEL KHARALI JATTAN</t>
  </si>
  <si>
    <t>KHARALI JATTAN</t>
  </si>
  <si>
    <t>VILL KHARALI JATTAN PO KAUNTRILA</t>
  </si>
  <si>
    <t>GGPS HAJI ALLAH DITTA</t>
  </si>
  <si>
    <t>Muradwa</t>
  </si>
  <si>
    <t>Basti Malika Moza muradwa p/ o kotla pathan</t>
  </si>
  <si>
    <t>Basti Malika</t>
  </si>
  <si>
    <t>Sumayya Farooq</t>
  </si>
  <si>
    <t>GPS HEAD BALLOKI</t>
  </si>
  <si>
    <t>Head Balloki</t>
  </si>
  <si>
    <t>Head Balloki Tehsil Pattoki</t>
  </si>
  <si>
    <t>Jhugian Lalu</t>
  </si>
  <si>
    <t>Kalay wali Post office chawinda tehsil pasrur district Sialkot.</t>
  </si>
  <si>
    <t>Kalay Wali</t>
  </si>
  <si>
    <t>Jamila Yaqoob</t>
  </si>
  <si>
    <t>GGPS MATAN WALA</t>
  </si>
  <si>
    <t>Mattanwala</t>
  </si>
  <si>
    <t>haveli lakha , mattanwala</t>
  </si>
  <si>
    <t>samina akhtar</t>
  </si>
  <si>
    <t>GGPS COLONY KOLIAN</t>
  </si>
  <si>
    <t>KOLIAN</t>
  </si>
  <si>
    <t>moza kolian lhr road chiniot</t>
  </si>
  <si>
    <t>16365</t>
  </si>
  <si>
    <t>GGPS 134 EB HIMAT PURA</t>
  </si>
  <si>
    <t>134/EB himatpura</t>
  </si>
  <si>
    <t>chak no 134/EB himatpura Tehsil Burewala Dist. Vehari</t>
  </si>
  <si>
    <t>134/EB</t>
  </si>
  <si>
    <t>moza abdullah pur po januwala</t>
  </si>
  <si>
    <t>GGES SOHDRAY KAY</t>
  </si>
  <si>
    <t>Sohdhrekey tehsil Pasrur Distt sialkot</t>
  </si>
  <si>
    <t>Sohdhrekey</t>
  </si>
  <si>
    <t>Shabana Abbas</t>
  </si>
  <si>
    <t>GGPS MUD NUSARULLAH</t>
  </si>
  <si>
    <t>basti Allah bakhsh</t>
  </si>
  <si>
    <t>Basti Allah Bakhsh</t>
  </si>
  <si>
    <t>GPS KHANJAR</t>
  </si>
  <si>
    <t>P/O Kot Hassan Khan village Khanjar</t>
  </si>
  <si>
    <t>GPS MONGHI REST HOUSE</t>
  </si>
  <si>
    <t>MONGI BANGLA</t>
  </si>
  <si>
    <t>GPS MONGI REST HOUSE</t>
  </si>
  <si>
    <t>TALVANDI</t>
  </si>
  <si>
    <t>Ghazanfar ali</t>
  </si>
  <si>
    <t>GES CHAK NO 151/P</t>
  </si>
  <si>
    <t>CHAK NO 151P</t>
  </si>
  <si>
    <t>chak no. 151 P, sadiq abad</t>
  </si>
  <si>
    <t>Chak No151 / P</t>
  </si>
  <si>
    <t>Chak No148 P</t>
  </si>
  <si>
    <t>Syed Muhmmad Ahsen Raza Gillani</t>
  </si>
  <si>
    <t>GGPS CHAK 280 RB CHTTI KHOTHI</t>
  </si>
  <si>
    <t>Chak No 280 Rb</t>
  </si>
  <si>
    <t>govt girls primary school 280 Rb Faisalabad</t>
  </si>
  <si>
    <t>Chak No 280 RB</t>
  </si>
  <si>
    <t>Nafeesa Mahmood</t>
  </si>
  <si>
    <t>35365</t>
  </si>
  <si>
    <t>GGPS 136 EB</t>
  </si>
  <si>
    <t>Chak 136 EB</t>
  </si>
  <si>
    <t>Chak 136 EB Burewala District Vehari</t>
  </si>
  <si>
    <t>Chak 128 EB</t>
  </si>
  <si>
    <t>GPS CHAK 419 JB</t>
  </si>
  <si>
    <t>419 Jb</t>
  </si>
  <si>
    <t>Chak 419 j b Gojra</t>
  </si>
  <si>
    <t>Chak 423 Jb</t>
  </si>
  <si>
    <t>GGES BASTI QADIR BAKHSH BHAGWALA</t>
  </si>
  <si>
    <t>Bhagwela</t>
  </si>
  <si>
    <t>GGES Basti Qadir Bux Bhagwela</t>
  </si>
  <si>
    <t>Shafqat Bashir</t>
  </si>
  <si>
    <t>GPS CHAK 355 JB ROCHA RAM</t>
  </si>
  <si>
    <t>Chak No 355jb</t>
  </si>
  <si>
    <t>chak no 355 jb gojra</t>
  </si>
  <si>
    <t>Chak No 354jb</t>
  </si>
  <si>
    <t>GMPS 108 EB</t>
  </si>
  <si>
    <t>108 Eb</t>
  </si>
  <si>
    <t>chak no 108 eb</t>
  </si>
  <si>
    <t>Sidra Razzaq</t>
  </si>
  <si>
    <t>GES NANO DOGER ARIAN</t>
  </si>
  <si>
    <t>Nano Roger Arian</t>
  </si>
  <si>
    <t>Nano Dogar Arian</t>
  </si>
  <si>
    <t>hafiz Muhammad Abid Ali</t>
  </si>
  <si>
    <t>40577</t>
  </si>
  <si>
    <t>GES UMRAL</t>
  </si>
  <si>
    <t>village &amp;po umral tehsil sohawa district jhelum</t>
  </si>
  <si>
    <t>48856</t>
  </si>
  <si>
    <t>GES CHAK NO.66 NB</t>
  </si>
  <si>
    <t>chak 66NB Sargodha</t>
  </si>
  <si>
    <t>Chak 66NB</t>
  </si>
  <si>
    <t>Chak 55NB</t>
  </si>
  <si>
    <t>Masood Hussain Shah</t>
  </si>
  <si>
    <t>41977</t>
  </si>
  <si>
    <t>GGES THALIAN</t>
  </si>
  <si>
    <t>Thallian</t>
  </si>
  <si>
    <t>thallian</t>
  </si>
  <si>
    <t>Bajinyal</t>
  </si>
  <si>
    <t>GGPS TIBI SHER</t>
  </si>
  <si>
    <t>M PUR</t>
  </si>
  <si>
    <t>CHAK TIBI SHER</t>
  </si>
  <si>
    <t>GPS THATHI OTTAR</t>
  </si>
  <si>
    <t>thathi ottar</t>
  </si>
  <si>
    <t>Bhonike Ottar</t>
  </si>
  <si>
    <t>GGPS CHAK NO.16/A BASTI WALI MUHAMMAD</t>
  </si>
  <si>
    <t>16 /A</t>
  </si>
  <si>
    <t>Govt Girls Primary school Chak 16/A Basti Wali Muhammad Liaquatpur</t>
  </si>
  <si>
    <t>Chak No 16A BWM</t>
  </si>
  <si>
    <t>10 /A</t>
  </si>
  <si>
    <t>Rashda  Rauf</t>
  </si>
  <si>
    <t>GGES RATALI VIRKAN</t>
  </si>
  <si>
    <t>gges ratali vikan</t>
  </si>
  <si>
    <t>Herdu Ratali Virkan</t>
  </si>
  <si>
    <t>Samyya Naz</t>
  </si>
  <si>
    <t>GGCMES LAK</t>
  </si>
  <si>
    <t>village/lak. teh/Phalia. distt/Mandibahauddin</t>
  </si>
  <si>
    <t>Khalida Azhar</t>
  </si>
  <si>
    <t>GPS DHOK MAGHRAL</t>
  </si>
  <si>
    <t>gps dhok maghral</t>
  </si>
  <si>
    <t>Dhok Maghral</t>
  </si>
  <si>
    <t>Banhafiz Je</t>
  </si>
  <si>
    <t>water supply pipe line</t>
  </si>
  <si>
    <t>GGPS BEHARY COLONY</t>
  </si>
  <si>
    <t>Chandi street # 8 Behari coloney Muzaffargarh</t>
  </si>
  <si>
    <t>Behari Coloney</t>
  </si>
  <si>
    <t>Fiaz bano</t>
  </si>
  <si>
    <t>GGPS MAIRA BHARTA</t>
  </si>
  <si>
    <t>Bhartha</t>
  </si>
  <si>
    <t>maira bhartha Po box harraka</t>
  </si>
  <si>
    <t>Baggah Sheikhan</t>
  </si>
  <si>
    <t>Sadia Azaam</t>
  </si>
  <si>
    <t>GGPS 4-FAIZ NO.1 P/O CHAK NO.5 FAIZ MULTAN</t>
  </si>
  <si>
    <t>chak 4 faiz Multan</t>
  </si>
  <si>
    <t>Chak 4 Faiz</t>
  </si>
  <si>
    <t>GMPS PHALO CHARAG SHAH</t>
  </si>
  <si>
    <t>Phullo Charagh Shah</t>
  </si>
  <si>
    <t>phullo chiragh Shah</t>
  </si>
  <si>
    <t>Phullo Chiragh Shah</t>
  </si>
  <si>
    <t>Giggy</t>
  </si>
  <si>
    <t>GGPS CHAKORI MIANY</t>
  </si>
  <si>
    <t>Chakori Miani</t>
  </si>
  <si>
    <t>GGPS Chakori Miani, Kharian (Gujrat)</t>
  </si>
  <si>
    <t>Shamim Latif</t>
  </si>
  <si>
    <t>15027</t>
  </si>
  <si>
    <t>GGCMS POUR MIANA</t>
  </si>
  <si>
    <t>pourmiana</t>
  </si>
  <si>
    <t>village pourmians</t>
  </si>
  <si>
    <t>pourmians</t>
  </si>
  <si>
    <t>wATER bOR</t>
  </si>
  <si>
    <t>GGES KOTLI NAGRA</t>
  </si>
  <si>
    <t>Dak khana Mandiala Tega, Tehsil Kamoki, GRW</t>
  </si>
  <si>
    <t>Tahira Fazal</t>
  </si>
  <si>
    <t>45071</t>
  </si>
  <si>
    <t>GMPS CHAK NO.48/DB</t>
  </si>
  <si>
    <t>46 DB</t>
  </si>
  <si>
    <t>chak no 48DB</t>
  </si>
  <si>
    <t>Chak No 48 Db</t>
  </si>
  <si>
    <t>63DB</t>
  </si>
  <si>
    <t>FARHANA KAUSAR</t>
  </si>
  <si>
    <t>GGEMS CHAK 94 RB KHURRIANWALA</t>
  </si>
  <si>
    <t>94 RB</t>
  </si>
  <si>
    <t>GGCMPS 94 RB Atti Tehsil jaranwala District Faisalabad</t>
  </si>
  <si>
    <t>Chak No 94 RB Atti</t>
  </si>
  <si>
    <t>Johal 97 RB</t>
  </si>
  <si>
    <t>GGES SABO SARA</t>
  </si>
  <si>
    <t>Village SABO SARA p/o Daska, Teh.Daska ,Dist.Sialkot</t>
  </si>
  <si>
    <t>GGPS CHAK NO 191 JB</t>
  </si>
  <si>
    <t>chak no 191j/b bhowana</t>
  </si>
  <si>
    <t>191 J/B</t>
  </si>
  <si>
    <t>Arbiyan</t>
  </si>
  <si>
    <t>Sajida Anwar</t>
  </si>
  <si>
    <t>45078</t>
  </si>
  <si>
    <t>GMPS 62-DB</t>
  </si>
  <si>
    <t>Gmps chak no 62 db post office Ali khail</t>
  </si>
  <si>
    <t>Chak No 62 Db</t>
  </si>
  <si>
    <t>Surriya Majeed</t>
  </si>
  <si>
    <t>GES CHAMAN ABBAS</t>
  </si>
  <si>
    <t>moza sanpal village ranjeetkot kot teh.ahmadpur Sial distt.jhang</t>
  </si>
  <si>
    <t>Muhammad Shahid Shabbir</t>
  </si>
  <si>
    <t>GPS MC NO. 5 CHICHAWATNI</t>
  </si>
  <si>
    <t>Shamas Pura</t>
  </si>
  <si>
    <t>Shamas Pura Chichawatni</t>
  </si>
  <si>
    <t>GGES AKRRA KANJAN</t>
  </si>
  <si>
    <t>Kanjan Nasaib Pkka</t>
  </si>
  <si>
    <t>akra kanjan Teh kallur kot dist bhakkar</t>
  </si>
  <si>
    <t>Akra Kanjan</t>
  </si>
  <si>
    <t>Samina muzafar</t>
  </si>
  <si>
    <t>GGPS 162/9-L FUJIAN WALA</t>
  </si>
  <si>
    <t>1629l</t>
  </si>
  <si>
    <t>ggps162.9L f chichawatni distic sahiwal</t>
  </si>
  <si>
    <t>1629L F</t>
  </si>
  <si>
    <t>GPS WANDHAN BALOCHAN WALA PO DABB BALOCHAN</t>
  </si>
  <si>
    <t>p/o dab GPS Wanda Bloch an</t>
  </si>
  <si>
    <t>Wandha Balochan Wala</t>
  </si>
  <si>
    <t>Muhammad Jamshed Khan</t>
  </si>
  <si>
    <t>GES AMBALTAS</t>
  </si>
  <si>
    <t>Ambaltas</t>
  </si>
  <si>
    <t>Muhammad Mansha Ghalib</t>
  </si>
  <si>
    <t>GPS LARRY ADDA KAMIR 120/9-L</t>
  </si>
  <si>
    <t>120/9l Kamir</t>
  </si>
  <si>
    <t>Muncipal Commiittee</t>
  </si>
  <si>
    <t>Faisal Ameer</t>
  </si>
  <si>
    <t>GGPS JOGE</t>
  </si>
  <si>
    <t>Joge P/O Phuklian area Bajwat Teh / Distt Sialkot</t>
  </si>
  <si>
    <t>Wod girran</t>
  </si>
  <si>
    <t>Zunaira Nazeer</t>
  </si>
  <si>
    <t>GES 127/9-L</t>
  </si>
  <si>
    <t>Chak 127/9-L</t>
  </si>
  <si>
    <t>chak 127/9L sahiwal</t>
  </si>
  <si>
    <t>127/9-L</t>
  </si>
  <si>
    <t>GGPS KOT KHUDA BAKHSH</t>
  </si>
  <si>
    <t>Kot Khuda  Bakhsh</t>
  </si>
  <si>
    <t>kot huda bakhsh</t>
  </si>
  <si>
    <t>Kot Khuda Bakhsh</t>
  </si>
  <si>
    <t>GGCMS BASTI JALEEL</t>
  </si>
  <si>
    <t>Bastijalil</t>
  </si>
  <si>
    <t>Nazad masjid noria makan G, 26 muhala kamboo</t>
  </si>
  <si>
    <t>Budhla</t>
  </si>
  <si>
    <t>GGPS DHOK MIRZA</t>
  </si>
  <si>
    <t>Dhoke Mirza</t>
  </si>
  <si>
    <t>village Dhoke Mirza P.O Chountra tehsil district Rawalpindi</t>
  </si>
  <si>
    <t>Foqia Muzaffar</t>
  </si>
  <si>
    <t>GMPS KOT SARANG</t>
  </si>
  <si>
    <t>Kot Sareng</t>
  </si>
  <si>
    <t>Kot Sarang Teh Sambrial Distt Sialkot</t>
  </si>
  <si>
    <t>GGPS HASSAN PARK MURIDKE</t>
  </si>
  <si>
    <t>Govt Girls primary Hassan Park muridkr</t>
  </si>
  <si>
    <t>Rizwana Mehmood</t>
  </si>
  <si>
    <t>GGPS ENO BHATTI</t>
  </si>
  <si>
    <t>Eno Bhatti</t>
  </si>
  <si>
    <t>post office bhagbanpura eno bhatti near karol ghatti</t>
  </si>
  <si>
    <t>New Karol</t>
  </si>
  <si>
    <t>Hifza Zafar</t>
  </si>
  <si>
    <t>29130</t>
  </si>
  <si>
    <t>GGES BASTI SULEMAN ABAD</t>
  </si>
  <si>
    <t>Basti Suleman</t>
  </si>
  <si>
    <t>basti suleman abad</t>
  </si>
  <si>
    <t>Basti suleman Abad</t>
  </si>
  <si>
    <t>GGPS NONARI AWAN</t>
  </si>
  <si>
    <t>Basti Nonari Awan lqp</t>
  </si>
  <si>
    <t>Nonari Awan</t>
  </si>
  <si>
    <t>Laraib Kanwal</t>
  </si>
  <si>
    <t>GGPS BASTI NOON</t>
  </si>
  <si>
    <t>basti noon moza inayat pur</t>
  </si>
  <si>
    <t>GMPS CHAK NO. 64/DB</t>
  </si>
  <si>
    <t>chak  no 64 db</t>
  </si>
  <si>
    <t>64db</t>
  </si>
  <si>
    <t>GPS KOT PANCHAN WALA</t>
  </si>
  <si>
    <t>Kot Panchanwala</t>
  </si>
  <si>
    <t>kot Panchanwala</t>
  </si>
  <si>
    <t>Hallar Kay Pemar</t>
  </si>
  <si>
    <t>Muhammad Arshed Javed</t>
  </si>
  <si>
    <t>35845</t>
  </si>
  <si>
    <t>23147</t>
  </si>
  <si>
    <t>GGES NOONANWALI</t>
  </si>
  <si>
    <t>GGES Noonanwali, Kharian (Gujrat)</t>
  </si>
  <si>
    <t>GMPS 134/6-R</t>
  </si>
  <si>
    <t>134/6r</t>
  </si>
  <si>
    <t>chak no 134/6.r</t>
  </si>
  <si>
    <t>GPS CHAK 278 HR E</t>
  </si>
  <si>
    <t>Chak No 278/Hr E</t>
  </si>
  <si>
    <t>Chak no 278/hr E</t>
  </si>
  <si>
    <t>Chak No 278/HR E</t>
  </si>
  <si>
    <t>281/Hr</t>
  </si>
  <si>
    <t>GGPS CHAK NO 225 JB</t>
  </si>
  <si>
    <t>chak  no.225 jb.Bhowana Disstrict Chiniot</t>
  </si>
  <si>
    <t>Shazia Almas</t>
  </si>
  <si>
    <t>GGPS SOHA JUNJ</t>
  </si>
  <si>
    <t>Sohajhunj</t>
  </si>
  <si>
    <t>sohajhunj tehsil kaloor kot disst bhakkar</t>
  </si>
  <si>
    <t>Soha jhunj</t>
  </si>
  <si>
    <t>Chack No 63/dB</t>
  </si>
  <si>
    <t>36638</t>
  </si>
  <si>
    <t>GGES KOT IFTIKHAR HUSSAIN, SARAI SIDHU</t>
  </si>
  <si>
    <t>Sandianwala</t>
  </si>
  <si>
    <t>p o sandianwala tensil kabirwala distt khanewal</t>
  </si>
  <si>
    <t>GGES CHAK NO 59 RB I</t>
  </si>
  <si>
    <t>Warian</t>
  </si>
  <si>
    <t>chak #59 RB warian</t>
  </si>
  <si>
    <t>Rattan Joyia</t>
  </si>
  <si>
    <t>GMPS OPAL JAGEER</t>
  </si>
  <si>
    <t>Nadala Sadhwa</t>
  </si>
  <si>
    <t>upal jageer</t>
  </si>
  <si>
    <t>Upal jageer</t>
  </si>
  <si>
    <t>Nadala sandhwa</t>
  </si>
  <si>
    <t>24606</t>
  </si>
  <si>
    <t>GGPS GUL CHANDER</t>
  </si>
  <si>
    <t>village Gulchander p /o mehrajke tehsil pasrur distt sialkot</t>
  </si>
  <si>
    <t>Gulchander</t>
  </si>
  <si>
    <t>Mehwish Muqadus</t>
  </si>
  <si>
    <t>GGPS 62/4-R BAQIA</t>
  </si>
  <si>
    <t>Ggps  62/4r 62/4r Ggps 62/4 6 62/4r 62/4rBaqaya</t>
  </si>
  <si>
    <t>ggps 62/4.r baqaya</t>
  </si>
  <si>
    <t>62/4r Baqaya</t>
  </si>
  <si>
    <t>Saadia Perveen</t>
  </si>
  <si>
    <t>49481</t>
  </si>
  <si>
    <t>GPS GOHAR JALAL</t>
  </si>
  <si>
    <t>Gohar Jalal</t>
  </si>
  <si>
    <t>Gohar jalal, Tehsil Shahpur District Sargodha</t>
  </si>
  <si>
    <t>GOhar Jalal</t>
  </si>
  <si>
    <t>Muhammad younis Afzal</t>
  </si>
  <si>
    <t>43686</t>
  </si>
  <si>
    <t>GES ADLAKA</t>
  </si>
  <si>
    <t>ADLAKA</t>
  </si>
  <si>
    <t>Village :- Adlaka, Post Office :- Talagang, Tehsil :- Talagang, District:- Chakwal.</t>
  </si>
  <si>
    <t>NAKKAH KAHOUT</t>
  </si>
  <si>
    <t>GGES KOTLA KAHALWAN 44/RB</t>
  </si>
  <si>
    <t>GGES kotla kahlwan 44RB</t>
  </si>
  <si>
    <t>Zonish Arshad</t>
  </si>
  <si>
    <t>31995</t>
  </si>
  <si>
    <t>GGES KURL KEY MINARA</t>
  </si>
  <si>
    <t>village kurlkay minara P.o same sheikhupora.</t>
  </si>
  <si>
    <t>Arifa Perveen</t>
  </si>
  <si>
    <t>GGPS AGWAL</t>
  </si>
  <si>
    <t>village agwal p/o sohwara tehsil skg district Narowal.</t>
  </si>
  <si>
    <t>GGES RAH BHOBRA</t>
  </si>
  <si>
    <t>Rah BHOBRA</t>
  </si>
  <si>
    <t>Gov't Girls Elementary School Rah Bhobra</t>
  </si>
  <si>
    <t>Rah Bhobra</t>
  </si>
  <si>
    <t>Mishal Arshad</t>
  </si>
  <si>
    <t>GGPS JIND WADDA</t>
  </si>
  <si>
    <t>sardar Garh</t>
  </si>
  <si>
    <t>Jind Waddah</t>
  </si>
  <si>
    <t>Razia Nawaz</t>
  </si>
  <si>
    <t>GPS FATOO WALA</t>
  </si>
  <si>
    <t>Nawaz Ahmed</t>
  </si>
  <si>
    <t>GGES CHAK NO. 124 NB</t>
  </si>
  <si>
    <t>GGES124NB</t>
  </si>
  <si>
    <t>Chak No 124 Nb</t>
  </si>
  <si>
    <t>Chak No118nb</t>
  </si>
  <si>
    <t>GPS CHAK 15 NP</t>
  </si>
  <si>
    <t>UC Bhutt Wahn Garhi Bela Basti Thull</t>
  </si>
  <si>
    <t>GGPS CHAK NO 5 GHAGH</t>
  </si>
  <si>
    <t>GGPS chak no 5 Ghagh</t>
  </si>
  <si>
    <t>5 Ghagh</t>
  </si>
  <si>
    <t>GGPS MULTANI WALA P/O MULTANI WALA MULTAN</t>
  </si>
  <si>
    <t>Multaniwala</t>
  </si>
  <si>
    <t>GGPS Multaniwala p/o same District &amp;tehsil Multan</t>
  </si>
  <si>
    <t>Khaggywala</t>
  </si>
  <si>
    <t>Rubina Khan</t>
  </si>
  <si>
    <t>43882</t>
  </si>
  <si>
    <t>GGES DHOK NURAL</t>
  </si>
  <si>
    <t>GGES NOORAL Vill&amp;Po Tamman</t>
  </si>
  <si>
    <t>Dhok Nooral</t>
  </si>
  <si>
    <t>SAMINA IQBAL</t>
  </si>
  <si>
    <t>33444</t>
  </si>
  <si>
    <t>GGCMES DALLA CHANDA SINGH</t>
  </si>
  <si>
    <t>Dalla Chanda Singh</t>
  </si>
  <si>
    <t>Govt girls community model E/S dalla Chanda singh Teh.shahkot</t>
  </si>
  <si>
    <t>Dalla  Chanda Singh</t>
  </si>
  <si>
    <t>farhat Bano</t>
  </si>
  <si>
    <t>45879</t>
  </si>
  <si>
    <t>GPS MUHAMMAD KHAIL</t>
  </si>
  <si>
    <t>DERA MUHAMMAD KHAIL RODA</t>
  </si>
  <si>
    <t>18941</t>
  </si>
  <si>
    <t>GMES MAJU KATHIA</t>
  </si>
  <si>
    <t>Mehram Kathia</t>
  </si>
  <si>
    <t>Gmes maju kathia moza mehram kathia basti shahadat k kamalia</t>
  </si>
  <si>
    <t>Sundas Zahid</t>
  </si>
  <si>
    <t>36826</t>
  </si>
  <si>
    <t>GGPS SYED ALI PUR, P/O 5-KASSI, KABIRWALA</t>
  </si>
  <si>
    <t>Syed Ali Pur</t>
  </si>
  <si>
    <t>syed alipur 5 kassi kabirwala</t>
  </si>
  <si>
    <t>Rabia Islam</t>
  </si>
  <si>
    <t>40129</t>
  </si>
  <si>
    <t>GPS KHAI KOTLI</t>
  </si>
  <si>
    <t>Khai Kotli</t>
  </si>
  <si>
    <t>khai kotli post office kai kotli jhelum</t>
  </si>
  <si>
    <t>Sangohi</t>
  </si>
  <si>
    <t>Muhammad zafeer</t>
  </si>
  <si>
    <t>GPS MANDIALA PONECH</t>
  </si>
  <si>
    <t>Mandiala Ponaich</t>
  </si>
  <si>
    <t>Muhammad Bilal Khan</t>
  </si>
  <si>
    <t>GMPS CHAK NO.5/A</t>
  </si>
  <si>
    <t>Chak No 5/A Teh Liaquatpur distt Rahim yar khan</t>
  </si>
  <si>
    <t>Chak No 5/A</t>
  </si>
  <si>
    <t>Chak No 25/A</t>
  </si>
  <si>
    <t>Rizwana Rasheed</t>
  </si>
  <si>
    <t>38348</t>
  </si>
  <si>
    <t>GMPS AIN WAHIN</t>
  </si>
  <si>
    <t>Ain Wahin</t>
  </si>
  <si>
    <t>ain wahin</t>
  </si>
  <si>
    <t>Shahpur Phul</t>
  </si>
  <si>
    <t>Sumera Bano</t>
  </si>
  <si>
    <t>45059</t>
  </si>
  <si>
    <t>govt.girl ps dirkhana wala jandawala</t>
  </si>
  <si>
    <t>Mc Jandawala</t>
  </si>
  <si>
    <t>Kalsoom Niazi</t>
  </si>
  <si>
    <t>GGCMS KOT CHHAJI</t>
  </si>
  <si>
    <t>kot chajji</t>
  </si>
  <si>
    <t>V.P.O Kot chajji</t>
  </si>
  <si>
    <t>22931</t>
  </si>
  <si>
    <t>GES BANGIAL</t>
  </si>
  <si>
    <t>GES BANGIAL VP/O BANGIAL</t>
  </si>
  <si>
    <t>Shafqat All Asif</t>
  </si>
  <si>
    <t>GGES CHAK NO.129 NB</t>
  </si>
  <si>
    <t>129 NB</t>
  </si>
  <si>
    <t>GGES 129 NB</t>
  </si>
  <si>
    <t>Chak 129NB</t>
  </si>
  <si>
    <t>Umm e Kalsoom</t>
  </si>
  <si>
    <t>GGPS PIND RATWAL</t>
  </si>
  <si>
    <t>Pind ratwal</t>
  </si>
  <si>
    <t>village pind ratwal p/o kala dev tesil district jhelum</t>
  </si>
  <si>
    <t>Pind  ratwal</t>
  </si>
  <si>
    <t>Fareeda Usman</t>
  </si>
  <si>
    <t>GMMS KESAKI</t>
  </si>
  <si>
    <t>Basti kasaiki markaz Bahishti moza Bismillah pur teh&amp;distRahim  yar khan</t>
  </si>
  <si>
    <t>Basti Kasaiki</t>
  </si>
  <si>
    <t>GGES NIZAM PURA</t>
  </si>
  <si>
    <t>NIZAMPUR</t>
  </si>
  <si>
    <t>GGES NIZAMPURA TEHSIL AND DISTT GUJRANWALA</t>
  </si>
  <si>
    <t>BUTTRANWALI</t>
  </si>
  <si>
    <t>GMES SHAHBAL SHAH</t>
  </si>
  <si>
    <t>Shahbal Shah</t>
  </si>
  <si>
    <t>shahbal shah</t>
  </si>
  <si>
    <t>Shahbal shah</t>
  </si>
  <si>
    <t>22287</t>
  </si>
  <si>
    <t>GPS HANJRA</t>
  </si>
  <si>
    <t>village hunjra tehsil and district gujrat</t>
  </si>
  <si>
    <t>Muneer akhtar</t>
  </si>
  <si>
    <t>GPS JAND KHANZADA</t>
  </si>
  <si>
    <t>tanzeela shehzad</t>
  </si>
  <si>
    <t>GGPS CHAK NO 67/4-R</t>
  </si>
  <si>
    <t>67/4r</t>
  </si>
  <si>
    <t>67/4.r</t>
  </si>
  <si>
    <t>Misbah Firdous</t>
  </si>
  <si>
    <t>GGES 4 KMR MULTAN</t>
  </si>
  <si>
    <t>4kmr</t>
  </si>
  <si>
    <t>KotlaMaharan</t>
  </si>
  <si>
    <t>GPS HAJI FIDA HUSSAIN JUIYA</t>
  </si>
  <si>
    <t>Chak Nourange</t>
  </si>
  <si>
    <t>moza chak nourang uc noushera jadeed 39 Ahmad pur east</t>
  </si>
  <si>
    <t>Fida Hussain Joiya</t>
  </si>
  <si>
    <t>Syed Mohsin Abbas</t>
  </si>
  <si>
    <t>GGPS IQBAL COLONY BHALWAL</t>
  </si>
  <si>
    <t>iqbal colony</t>
  </si>
  <si>
    <t>GPS MODEL CHAK NO 367 TDA</t>
  </si>
  <si>
    <t>367 T</t>
  </si>
  <si>
    <t>367 t tehsil chobara dist layyah</t>
  </si>
  <si>
    <t>Ariba Niazi</t>
  </si>
  <si>
    <t>GGPS MATYAL</t>
  </si>
  <si>
    <t>Matyal</t>
  </si>
  <si>
    <t>village matyal p/o jakkar teh/dist jhelum</t>
  </si>
  <si>
    <t>Iqra Basharat</t>
  </si>
  <si>
    <t>18462</t>
  </si>
  <si>
    <t>GGCMS KASSOANA PURANA</t>
  </si>
  <si>
    <t>mouza kassoana post offic peer abdul Rahman</t>
  </si>
  <si>
    <t>Kundal Khokharan</t>
  </si>
  <si>
    <t>GPS ASHIQ HUSSAIN</t>
  </si>
  <si>
    <t>basti hashmira kot dadu ghalloo tehsil and district bahawalpur</t>
  </si>
  <si>
    <t>Kot Dadu Ghaloo</t>
  </si>
  <si>
    <t>Hafiz Muhammad Hanif</t>
  </si>
  <si>
    <t>GES RAB NAWAZ PURA</t>
  </si>
  <si>
    <t>Basti Syed Sarwar Shah Mauza Rab Nawaz Pura Bahawal Nagar</t>
  </si>
  <si>
    <t>Basti Syed Sarwar Shah</t>
  </si>
  <si>
    <t>Muhammad Iqbal Tariq</t>
  </si>
  <si>
    <t>GPS 366/WB MAKHDOOM AALI</t>
  </si>
  <si>
    <t>chak No 366wb Tehsil Dunya pur District Lodhran</t>
  </si>
  <si>
    <t>GGPS CHAK 414 JB</t>
  </si>
  <si>
    <t>414jb</t>
  </si>
  <si>
    <t>281 J /B</t>
  </si>
  <si>
    <t>GES SIDH</t>
  </si>
  <si>
    <t>Village and PO Sidh TEH Kharian Dist Gujrat</t>
  </si>
  <si>
    <t>Asif Jah</t>
  </si>
  <si>
    <t>GGES 45/F</t>
  </si>
  <si>
    <t>Chan no 45/f</t>
  </si>
  <si>
    <t>Tabasum Wali</t>
  </si>
  <si>
    <t>GMPS Haveli Gul Shah  (April-2016)</t>
  </si>
  <si>
    <t>Sultan Bahu</t>
  </si>
  <si>
    <t>Haweli gul shah  tehsil Ahmad pur sial jhang</t>
  </si>
  <si>
    <t>Haweli Gul Shah</t>
  </si>
  <si>
    <t>Zahida Gul</t>
  </si>
  <si>
    <t>GPS LANDIAN WALA</t>
  </si>
  <si>
    <t>Landian Wala</t>
  </si>
  <si>
    <t>village landian wala tehsil chunian district  kasur</t>
  </si>
  <si>
    <t>gulam haider</t>
  </si>
  <si>
    <t>GGPS STATION GURMANI</t>
  </si>
  <si>
    <t>gurmani sharqi tehsil kot adu distt muzaffar garh</t>
  </si>
  <si>
    <t>Safeena Ramzan</t>
  </si>
  <si>
    <t>48127</t>
  </si>
  <si>
    <t>GGES BHALWAL CITY</t>
  </si>
  <si>
    <t>Block no 3 street no 1 main bazar bhalwal</t>
  </si>
  <si>
    <t>Naghmana Akram</t>
  </si>
  <si>
    <t>31097</t>
  </si>
  <si>
    <t>GPS ISLAMIA JIA MUSA</t>
  </si>
  <si>
    <t>Main bazar jia musa shahdara</t>
  </si>
  <si>
    <t>Shahbaz Mukhtar</t>
  </si>
  <si>
    <t>GGES 197 EB</t>
  </si>
  <si>
    <t>197 EB</t>
  </si>
  <si>
    <t>Chak No. 197/EB</t>
  </si>
  <si>
    <t>197/EB</t>
  </si>
  <si>
    <t>Umi Habiba</t>
  </si>
  <si>
    <t>GGPS BANSRIAN</t>
  </si>
  <si>
    <t>GGPS Bansrian, Kharian (Gujrat)</t>
  </si>
  <si>
    <t>50597</t>
  </si>
  <si>
    <t>GGPS 19/14-L</t>
  </si>
  <si>
    <t>19/14L</t>
  </si>
  <si>
    <t>G.G.P.S 19/14.L</t>
  </si>
  <si>
    <t>GPS MUFT PURA GEHLAN HITHAR</t>
  </si>
  <si>
    <t>gps muft pura</t>
  </si>
  <si>
    <t>Abdul Razzaq Shahed</t>
  </si>
  <si>
    <t>23146</t>
  </si>
  <si>
    <t>GGPS BASHNA</t>
  </si>
  <si>
    <t>GGPS Bashna, Kharian (Gujrat)</t>
  </si>
  <si>
    <t>Maryambibi</t>
  </si>
  <si>
    <t>6696</t>
  </si>
  <si>
    <t>GGPS CHAK 75/P</t>
  </si>
  <si>
    <t>Chak 75 East</t>
  </si>
  <si>
    <t>chak 75p east</t>
  </si>
  <si>
    <t>75 Chak East</t>
  </si>
  <si>
    <t>GPS MALL MANDI CCI</t>
  </si>
  <si>
    <t>MallMandi Chichawatni</t>
  </si>
  <si>
    <t>Mansoor Anwar</t>
  </si>
  <si>
    <t>35228</t>
  </si>
  <si>
    <t>GPS CHAK NO.407 EB</t>
  </si>
  <si>
    <t>407/EB</t>
  </si>
  <si>
    <t>Chak No. 407/E.B Burewala</t>
  </si>
  <si>
    <t>407/E B</t>
  </si>
  <si>
    <t>GGES CHAK 90 RB KHURRIANWALA</t>
  </si>
  <si>
    <t>chak no.90 RB chitti teh. jaranwala distt. Fsd</t>
  </si>
  <si>
    <t>90 RB Chitti</t>
  </si>
  <si>
    <t>GGPS 52 KB</t>
  </si>
  <si>
    <t>chak no 52 kb</t>
  </si>
  <si>
    <t>Chak No 50 Kb</t>
  </si>
  <si>
    <t>Asia  Perveen</t>
  </si>
  <si>
    <t>GPS CHAK NO. 225-26/P</t>
  </si>
  <si>
    <t>Chaman</t>
  </si>
  <si>
    <t>ChakNo 225-26 P</t>
  </si>
  <si>
    <t>Chak 225-26p</t>
  </si>
  <si>
    <t>Shah Zaman</t>
  </si>
  <si>
    <t>GGES AMIN GARH</t>
  </si>
  <si>
    <t>Amingarh</t>
  </si>
  <si>
    <t>amin garh rahim yar khan</t>
  </si>
  <si>
    <t>Rubina Farooq</t>
  </si>
  <si>
    <t>GPS RASOOL PUR NO. 2</t>
  </si>
  <si>
    <t>Moza Rasool Pur P/O Rajan Pur Kalan Rahim Yar Khan</t>
  </si>
  <si>
    <t>Haveli Ghous Shah</t>
  </si>
  <si>
    <t>Muslim A bad</t>
  </si>
  <si>
    <t>NIAZ HUSSAIN SHAH</t>
  </si>
  <si>
    <t>GGPS PIR BHOORA SULTAN</t>
  </si>
  <si>
    <t>Pir Bhoora Sultan</t>
  </si>
  <si>
    <t>Basti Pir Bhoora sultan  Post Office Badli Sharf Tehsil and District Rahim Yar Khan</t>
  </si>
  <si>
    <t>Farzana Irshad</t>
  </si>
  <si>
    <t>31283</t>
  </si>
  <si>
    <t>GGES MC JUNIOR MODEL JINNAH COLONY BUSTAMI ROAD</t>
  </si>
  <si>
    <t>GGES MC junior model jinnah colony bustami road lahore</t>
  </si>
  <si>
    <t>Bastami Road</t>
  </si>
  <si>
    <t>Noshaba Luqman</t>
  </si>
  <si>
    <t>GGPS MURIDWAL MULTAN ROAD</t>
  </si>
  <si>
    <t>Naiz Baigh</t>
  </si>
  <si>
    <t>ggps muridwal tohkar naiz baig multan road Lahore</t>
  </si>
  <si>
    <t>Muridwal</t>
  </si>
  <si>
    <t>Shahpur Kanjrah</t>
  </si>
  <si>
    <t>GGHS CDG RAJ GARH</t>
  </si>
  <si>
    <t>cdg girls high school rajgarh lahore</t>
  </si>
  <si>
    <t>GGPS NO.3 BHERA</t>
  </si>
  <si>
    <t>Muhalla khawajgan Bhera</t>
  </si>
  <si>
    <t>GPS 57-GD</t>
  </si>
  <si>
    <t>chak no 57/GD sahiwal</t>
  </si>
  <si>
    <t>Akhtar Nadeem</t>
  </si>
  <si>
    <t>GGPS 51 D</t>
  </si>
  <si>
    <t>51d</t>
  </si>
  <si>
    <t>chak no 51 d</t>
  </si>
  <si>
    <t>Piplipharh</t>
  </si>
  <si>
    <t>GMPS CHAK NO 227 JB</t>
  </si>
  <si>
    <t>DILLONWAALA</t>
  </si>
  <si>
    <t>GMPS  chak no 227 JB</t>
  </si>
  <si>
    <t>CHAK NO 227JB</t>
  </si>
  <si>
    <t>Mangoeana</t>
  </si>
  <si>
    <t>Hummeira Iqbal</t>
  </si>
  <si>
    <t>GGPS DHOK DATA DAKHLI</t>
  </si>
  <si>
    <t>Dhk Data</t>
  </si>
  <si>
    <t>govt model primary school dhk data vpo thoha mehram khan teh talagang district chakwal</t>
  </si>
  <si>
    <t>GGPS CHAK SAHNU</t>
  </si>
  <si>
    <t>Chak Sahnu</t>
  </si>
  <si>
    <t>chak sahnu</t>
  </si>
  <si>
    <t>Nadia Saeed</t>
  </si>
  <si>
    <t>GGPS MEHAT PUR</t>
  </si>
  <si>
    <t>Mehatpur</t>
  </si>
  <si>
    <t>village mehatpur p/o korowal tehsil sambrial district sialkot</t>
  </si>
  <si>
    <t>Mehat-pur</t>
  </si>
  <si>
    <t>Musarat Jabeen Kouser</t>
  </si>
  <si>
    <t>head muhammad wala  moza kotla sadat</t>
  </si>
  <si>
    <t>Head Muhammad Wala</t>
  </si>
  <si>
    <t>GPS CHAK NO.549 EB</t>
  </si>
  <si>
    <t>549EB</t>
  </si>
  <si>
    <t>chak no.549/EB tehsil vehari</t>
  </si>
  <si>
    <t>549/EB Vehari</t>
  </si>
  <si>
    <t>44008</t>
  </si>
  <si>
    <t>GGPS NAWAB PUR</t>
  </si>
  <si>
    <t>Ggps nawab pur tehsil shahpur district Sargodha</t>
  </si>
  <si>
    <t>Khan Pur Wadhra</t>
  </si>
  <si>
    <t>GGES MC WARIS KHAN RWP</t>
  </si>
  <si>
    <t>Mc girls middle School waris Khan Rawalpindi</t>
  </si>
  <si>
    <t>Roshan Sittara</t>
  </si>
  <si>
    <t>GGPS 93/P BASTI CHACHRAN</t>
  </si>
  <si>
    <t>93/p CHACHRAN</t>
  </si>
  <si>
    <t>93-p Chachran and be</t>
  </si>
  <si>
    <t>93-p</t>
  </si>
  <si>
    <t>Ratab Aslam</t>
  </si>
  <si>
    <t>GGPS KHARORA</t>
  </si>
  <si>
    <t>khudai</t>
  </si>
  <si>
    <t>adda khudai moza khudai</t>
  </si>
  <si>
    <t>GMPS GUJJAN</t>
  </si>
  <si>
    <t>Gujjan</t>
  </si>
  <si>
    <t>ATTIA RIAZ</t>
  </si>
  <si>
    <t>GPS CHAK 189 GB II BASTI ARIAN</t>
  </si>
  <si>
    <t>chak no 189 GB 2nd basti arain</t>
  </si>
  <si>
    <t>189GB2nd Basti Arain</t>
  </si>
  <si>
    <t>189GB 2nd Basti  Arain</t>
  </si>
  <si>
    <t>28192</t>
  </si>
  <si>
    <t>GGES JAMSHER CHAK NO 24</t>
  </si>
  <si>
    <t>Jamsher Chak 24</t>
  </si>
  <si>
    <t>g g e s jamsher chak 24</t>
  </si>
  <si>
    <t>GGPS ZAIGHUM ABAD</t>
  </si>
  <si>
    <t>moza jalal pur chaa siyala wal govt girls primary school zaighamabad</t>
  </si>
  <si>
    <t>Chaa Siyalan Wala</t>
  </si>
  <si>
    <t>Shagufta Nazli</t>
  </si>
  <si>
    <t>GGES 7 T MULTAN</t>
  </si>
  <si>
    <t>P/O BUDHLA SANT MULTAN</t>
  </si>
  <si>
    <t>Chak 7T</t>
  </si>
  <si>
    <t>Umara Ansari</t>
  </si>
  <si>
    <t>GPS DHOK SANGHAY</t>
  </si>
  <si>
    <t>Dhok Sanghay Daiwal</t>
  </si>
  <si>
    <t>Dhok Sanghay</t>
  </si>
  <si>
    <t>Hassan Akhtar</t>
  </si>
  <si>
    <t>24134</t>
  </si>
  <si>
    <t>GGES VIRK</t>
  </si>
  <si>
    <t>village virk post office bhagowal tehsil pasrur district sialkot</t>
  </si>
  <si>
    <t>GPS HASSAN PATHAN</t>
  </si>
  <si>
    <t>village Hassan Pathan PO Kotla Arab Ali Khan</t>
  </si>
  <si>
    <t>Muhammad rafi</t>
  </si>
  <si>
    <t>GMPS MOZA KIRTOO</t>
  </si>
  <si>
    <t>Moza kirto</t>
  </si>
  <si>
    <t>Moza KIRTO</t>
  </si>
  <si>
    <t>Asma Jamshaid</t>
  </si>
  <si>
    <t>GGES 76/4-R HAROON ABAD</t>
  </si>
  <si>
    <t>Chak 76 /4-r</t>
  </si>
  <si>
    <t>86/5-r</t>
  </si>
  <si>
    <t>lubna nazir</t>
  </si>
  <si>
    <t>GGES KOT RANJEET</t>
  </si>
  <si>
    <t>kot ranjeet</t>
  </si>
  <si>
    <t>GGPS 29M</t>
  </si>
  <si>
    <t>29 M</t>
  </si>
  <si>
    <t>chak no 29M bangla basant</t>
  </si>
  <si>
    <t>35 M</t>
  </si>
  <si>
    <t>zahida liaqat</t>
  </si>
  <si>
    <t>23990</t>
  </si>
  <si>
    <t>GGPS CM PADALI</t>
  </si>
  <si>
    <t>PADALI</t>
  </si>
  <si>
    <t>Village padali tehsil daska district sialkot</t>
  </si>
  <si>
    <t>Padali</t>
  </si>
  <si>
    <t>GES BAHISHTI</t>
  </si>
  <si>
    <t>Mouza Bahishti P.O Kot Samaba Tehsil &amp; District Rahim Yar Khan</t>
  </si>
  <si>
    <t>HAIDER HAMEED</t>
  </si>
  <si>
    <t>GGPS EID GAH LAWA NO.3</t>
  </si>
  <si>
    <t>Moh eid gah VPO &amp; TAEHSIL LAWA</t>
  </si>
  <si>
    <t>MC LAWA</t>
  </si>
  <si>
    <t>Nusrat  Perveen</t>
  </si>
  <si>
    <t>GPS SURHALI</t>
  </si>
  <si>
    <t>GPS surhali</t>
  </si>
  <si>
    <t>GMPS CHAK 469 JB</t>
  </si>
  <si>
    <t>chak no 469jb</t>
  </si>
  <si>
    <t>Chak 469jb</t>
  </si>
  <si>
    <t>GPS CHAK 11/IL</t>
  </si>
  <si>
    <t>Gps 11/1L tehsil renala khurd district okara</t>
  </si>
  <si>
    <t>Chack no. 11/1L</t>
  </si>
  <si>
    <t>Umer Islam</t>
  </si>
  <si>
    <t>GGES MC NO.2 RAM GARH COLONY</t>
  </si>
  <si>
    <t>mughalpura</t>
  </si>
  <si>
    <t>cdggRamgarh colony</t>
  </si>
  <si>
    <t>Ramgarh colony</t>
  </si>
  <si>
    <t>GMPS BANGAY</t>
  </si>
  <si>
    <t>Bangay, P.O Qila Ahmad Abad, Tehsil Pasrur  (Sialkot)</t>
  </si>
  <si>
    <t>Arfa Fatima</t>
  </si>
  <si>
    <t>GGPS RASOOL PURA SAMBRIAL</t>
  </si>
  <si>
    <t>Rasool pura</t>
  </si>
  <si>
    <t>Rasool pura sambrial</t>
  </si>
  <si>
    <t>mandi sambrial</t>
  </si>
  <si>
    <t>Nadra Ashiq</t>
  </si>
  <si>
    <t>GGPS MUNDA PEER</t>
  </si>
  <si>
    <t>Tibi Bora Barbie</t>
  </si>
  <si>
    <t>tibi bora gharbi</t>
  </si>
  <si>
    <t>Tibi Bora Gharbi</t>
  </si>
  <si>
    <t>28495</t>
  </si>
  <si>
    <t>GMPS THATHA KADHI WALA</t>
  </si>
  <si>
    <t>Thatha Kadhiwala</t>
  </si>
  <si>
    <t>Vlg thatha kadhiwala post office  thatha alia Tehsil phalia distt M. B. Din</t>
  </si>
  <si>
    <t>Chak No 11 Rakh Mankera</t>
  </si>
  <si>
    <t>Chak no 11 rakh mankera thesil mankera distt bhakkar</t>
  </si>
  <si>
    <t>Azhar  Hussain Shahid</t>
  </si>
  <si>
    <t>GPS MUNDAKEY BARIAN</t>
  </si>
  <si>
    <t>Munday ke barian</t>
  </si>
  <si>
    <t>village and post office Munday ke barian teh pasrur distt sialkot</t>
  </si>
  <si>
    <t>30590</t>
  </si>
  <si>
    <t>GGES NAWAB PURA</t>
  </si>
  <si>
    <t>gges nawabpura</t>
  </si>
  <si>
    <t>Herbunsepura</t>
  </si>
  <si>
    <t>Farhat adeeba</t>
  </si>
  <si>
    <t>GMPS KOT HAMID SHAH</t>
  </si>
  <si>
    <t>Kot Hamid Shah</t>
  </si>
  <si>
    <t>GMPS Kot Hamid Shah</t>
  </si>
  <si>
    <t>Talat Islam</t>
  </si>
  <si>
    <t>GGPS CHAK NO.31/ML</t>
  </si>
  <si>
    <t>chak no 31 ml p/o 32 ml tehsil kallur kot district bhakkar</t>
  </si>
  <si>
    <t>Sarwery Sehzad</t>
  </si>
  <si>
    <t>GMPS KHARALA</t>
  </si>
  <si>
    <t>GMPS Kharala Jhelum</t>
  </si>
  <si>
    <t>Tayyibah Noreen</t>
  </si>
  <si>
    <t>GGPS KHAIR PUR TIBBI MEHARAN</t>
  </si>
  <si>
    <t>ggpskhairpurold tibbi maharan</t>
  </si>
  <si>
    <t>Tibbi Maharan</t>
  </si>
  <si>
    <t>Khadija Gaffoor</t>
  </si>
  <si>
    <t>GMPS RAQBA PIR MOHSIN SHAH</t>
  </si>
  <si>
    <t>T M P</t>
  </si>
  <si>
    <t>mohsana Abad tmp</t>
  </si>
  <si>
    <t>Mohsana Abad</t>
  </si>
  <si>
    <t>Trandha M Panha</t>
  </si>
  <si>
    <t>Nadra Hanif</t>
  </si>
  <si>
    <t>39752</t>
  </si>
  <si>
    <t>GGCMES RANGLI</t>
  </si>
  <si>
    <t>VPO RANGLI TEHSIL JAND DISTT ATTOCK</t>
  </si>
  <si>
    <t>Sobia Shahzad</t>
  </si>
  <si>
    <t>GGPS ALLAY WALI GHARBI</t>
  </si>
  <si>
    <t>ggps allay wali gharbi sambrial</t>
  </si>
  <si>
    <t>Dar Ul Islam</t>
  </si>
  <si>
    <t>GGCMS KATHA MISRAL</t>
  </si>
  <si>
    <t>Katha misral</t>
  </si>
  <si>
    <t>katha misral distic khushab</t>
  </si>
  <si>
    <t>Katha Misral</t>
  </si>
  <si>
    <t>GES ABBAS PURA</t>
  </si>
  <si>
    <t>chak#15 colony chiniot</t>
  </si>
  <si>
    <t>Chak #15</t>
  </si>
  <si>
    <t>GGES ALPA SADHARI</t>
  </si>
  <si>
    <t>Sofia Rani</t>
  </si>
  <si>
    <t>GGPS 141/P</t>
  </si>
  <si>
    <t>141p</t>
  </si>
  <si>
    <t>ggps 141/p</t>
  </si>
  <si>
    <t>141/p</t>
  </si>
  <si>
    <t>GGPS BASTI JAM ALLAH DAR PANWAR</t>
  </si>
  <si>
    <t>basti jam allah dad panwar, govt. girls primary school, taranda saway khan</t>
  </si>
  <si>
    <t>Allah Dad Panwar</t>
  </si>
  <si>
    <t>GGPS CHAK NO. 81/P</t>
  </si>
  <si>
    <t>Bagwar</t>
  </si>
  <si>
    <t>GGPS  Chak 81/p Markaz Ab e Hayat RYK</t>
  </si>
  <si>
    <t>Chak 81/p</t>
  </si>
  <si>
    <t>Sara Malik</t>
  </si>
  <si>
    <t>GGES CHAK 359 GB</t>
  </si>
  <si>
    <t>Chak # 359</t>
  </si>
  <si>
    <t>chak # 359 G.B Toba Tek Singh</t>
  </si>
  <si>
    <t>359 GB</t>
  </si>
  <si>
    <t>Chak # 361</t>
  </si>
  <si>
    <t>Sadia Saqib</t>
  </si>
  <si>
    <t>GMPS FATEH PUR TAWANA</t>
  </si>
  <si>
    <t>house no B4.1017 air port road muhalla islam nagar near wayana marrig hall.</t>
  </si>
  <si>
    <t>Fathe Pur Tawana</t>
  </si>
  <si>
    <t>36402</t>
  </si>
  <si>
    <t>GMPS ABDUL GHAFOOR</t>
  </si>
  <si>
    <t>GMPS Abdul Ghafoor Markaz Sardar Garh Rahim Yar Khan</t>
  </si>
  <si>
    <t>Zakia Fatima</t>
  </si>
  <si>
    <t>42047</t>
  </si>
  <si>
    <t>GES BUDHU</t>
  </si>
  <si>
    <t>budho</t>
  </si>
  <si>
    <t>16369</t>
  </si>
  <si>
    <t>GPS ATEEQ ABAD</t>
  </si>
  <si>
    <t>ateeq abad (Ladhecha)markaz litra</t>
  </si>
  <si>
    <t>Ladhecha</t>
  </si>
  <si>
    <t>GGPS CHIBRAY WALI</t>
  </si>
  <si>
    <t>Chibraywali</t>
  </si>
  <si>
    <t>village chibraywali.post office kotli loharan</t>
  </si>
  <si>
    <t>Anam Maqsood</t>
  </si>
  <si>
    <t>donated</t>
  </si>
  <si>
    <t>GES CHAK NO. 163/WB</t>
  </si>
  <si>
    <t>chak no 163/wb  vehari</t>
  </si>
  <si>
    <t>Imdad Hussain Kazmi</t>
  </si>
  <si>
    <t>GPS CHAK 404 GB TANDLIANWALA FSD</t>
  </si>
  <si>
    <t>Chak 404</t>
  </si>
  <si>
    <t>Chak 400</t>
  </si>
  <si>
    <t>Umair Tayyab</t>
  </si>
  <si>
    <t>41416</t>
  </si>
  <si>
    <t>GGPS PATHLI NO 1</t>
  </si>
  <si>
    <t>Pathli</t>
  </si>
  <si>
    <t>mozia  pathli p/o Clifton camp Bansra gali murree</t>
  </si>
  <si>
    <t>Gora Gali</t>
  </si>
  <si>
    <t>Najmun Nisa</t>
  </si>
  <si>
    <t>GGPS FATEH BARERA</t>
  </si>
  <si>
    <t>Chack number 8N/P post office chack number 24N/P tehsile SDK district RYK</t>
  </si>
  <si>
    <t>8N/P</t>
  </si>
  <si>
    <t>GPS 125/9-L</t>
  </si>
  <si>
    <t>125/-L</t>
  </si>
  <si>
    <t>GGPS PANJ GRAIN BAJWA</t>
  </si>
  <si>
    <t>Punjgrain Bajwa</t>
  </si>
  <si>
    <t>punjgrain Bajwa , pasrur , sialkot .</t>
  </si>
  <si>
    <t>Anita  Davi</t>
  </si>
  <si>
    <t>GPS JAMALIAN WALA</t>
  </si>
  <si>
    <t>Dera jamalianwala roda north</t>
  </si>
  <si>
    <t>GMPS CHAK 376 JB II BASI</t>
  </si>
  <si>
    <t>Chak 376 JB</t>
  </si>
  <si>
    <t>chak 376 jb2</t>
  </si>
  <si>
    <t>Chak 376 Jb 2</t>
  </si>
  <si>
    <t>Chak 319 Jb</t>
  </si>
  <si>
    <t>water pump hand pump</t>
  </si>
  <si>
    <t>GGES DHOLA</t>
  </si>
  <si>
    <t>Dhola kalan</t>
  </si>
  <si>
    <t>Dhola Kalan</t>
  </si>
  <si>
    <t>36259</t>
  </si>
  <si>
    <t>GES CHAK NO.159/WB</t>
  </si>
  <si>
    <t>159 Wb</t>
  </si>
  <si>
    <t>chak no 159 w.b</t>
  </si>
  <si>
    <t>Muhammad Amir Naseer</t>
  </si>
  <si>
    <t>GGPS KACHI ZAMAN BASTI FATEH MUHAMMAD ARAIN</t>
  </si>
  <si>
    <t>kachi zaman</t>
  </si>
  <si>
    <t>Basti fateh Muhammad</t>
  </si>
  <si>
    <t>basti fateh muhmmad muhammad</t>
  </si>
  <si>
    <t>yasmeen akhtar</t>
  </si>
  <si>
    <t>GPS CHAK NO 8 NP</t>
  </si>
  <si>
    <t>Chak 8 Np</t>
  </si>
  <si>
    <t>chak no 8 np jamal din wali road sadiq abad</t>
  </si>
  <si>
    <t>Chak 8np</t>
  </si>
  <si>
    <t>Asghar ali</t>
  </si>
  <si>
    <t>GGPS KAKWANI</t>
  </si>
  <si>
    <t>Kakwani</t>
  </si>
  <si>
    <t>Mali pura moza kakwani</t>
  </si>
  <si>
    <t>Mali Poora</t>
  </si>
  <si>
    <t>Qaim Pour</t>
  </si>
  <si>
    <t>GGES TIBBA QAZIAN</t>
  </si>
  <si>
    <t>Tibba Mustaiql Gharbi</t>
  </si>
  <si>
    <t>tibba qazian</t>
  </si>
  <si>
    <t>Tibba Qazian</t>
  </si>
  <si>
    <t>Mc Daira Din Panah</t>
  </si>
  <si>
    <t>Samina Manzoor</t>
  </si>
  <si>
    <t>electric moter and hand pump</t>
  </si>
  <si>
    <t>GGPS CDG JUNIOR MODEL DATA NAGAR BADAMI BAGH</t>
  </si>
  <si>
    <t>CDG PS datanagar badami bagh lhr</t>
  </si>
  <si>
    <t>LUBNA  QADIR</t>
  </si>
  <si>
    <t>GMPS KOT KHAIR SHAH</t>
  </si>
  <si>
    <t>kot Khair Shah</t>
  </si>
  <si>
    <t>post office kot khair shah</t>
  </si>
  <si>
    <t>Kot Khair Shah</t>
  </si>
  <si>
    <t>Noor-ul-ain</t>
  </si>
  <si>
    <t>GGPS ARAZI MALA THATHA</t>
  </si>
  <si>
    <t>Gilu K Kathia</t>
  </si>
  <si>
    <t>gilu k kathia</t>
  </si>
  <si>
    <t>GPS BASTI GADDAN</t>
  </si>
  <si>
    <t>govt  primary school  Basti gaddan</t>
  </si>
  <si>
    <t>Zameer Hussain</t>
  </si>
  <si>
    <t>41001</t>
  </si>
  <si>
    <t>GMPS NATAIN</t>
  </si>
  <si>
    <t>Natain</t>
  </si>
  <si>
    <t>vpo Natain tehsil Dina district jhelum</t>
  </si>
  <si>
    <t>Sualeha aAfzal</t>
  </si>
  <si>
    <t>GGPS MOHRAN SHEKHAN</t>
  </si>
  <si>
    <t>MOHRA SHEIKHAN</t>
  </si>
  <si>
    <t>VILLAGE MOHRA SHEIKHAN POST OFFICE KAUNTRILA TEHSIL GUJAR KHAN DISTRICT RAWALPINDI</t>
  </si>
  <si>
    <t>Saiqa Rani</t>
  </si>
  <si>
    <t>GGPS CHAK NO.124/6-R</t>
  </si>
  <si>
    <t>Chak number 124\R(s)</t>
  </si>
  <si>
    <t>Chak Number1246/R  S</t>
  </si>
  <si>
    <t>Raqia Sultana</t>
  </si>
  <si>
    <t>GPS KOT JEETA WALA NO 1</t>
  </si>
  <si>
    <t>Jeety Wala</t>
  </si>
  <si>
    <t>Halladay key jeety wala</t>
  </si>
  <si>
    <t>Hallarkay</t>
  </si>
  <si>
    <t>GGPS CHAK ALAM SHAH</t>
  </si>
  <si>
    <t>Chak alam shah</t>
  </si>
  <si>
    <t>Chak Alam Shah</t>
  </si>
  <si>
    <t>Rehana Kasur</t>
  </si>
  <si>
    <t>GGPS CHAK 308/HR</t>
  </si>
  <si>
    <t>308/hr</t>
  </si>
  <si>
    <t>ggps 308/hr maroot</t>
  </si>
  <si>
    <t>GPS BASTI BOUNGRAIN WALI</t>
  </si>
  <si>
    <t>Jhook Lal Shah</t>
  </si>
  <si>
    <t>basti bhoungrain wali p / o panjgirain tehsil darya Khan disstrict bhakkar.</t>
  </si>
  <si>
    <t>Basti Bhoungrain wali</t>
  </si>
  <si>
    <t>Panjgirain nashib</t>
  </si>
  <si>
    <t>Muhammad Abid Hussain</t>
  </si>
  <si>
    <t>GGPS CHAK NO. 221 JB</t>
  </si>
  <si>
    <t>221 Doghra</t>
  </si>
  <si>
    <t>GGPS CHAK NO 221 JB</t>
  </si>
  <si>
    <t>Chak 221 Jb Doghra</t>
  </si>
  <si>
    <t>Aarbian</t>
  </si>
  <si>
    <t>GGPS PHALIA BOOTA</t>
  </si>
  <si>
    <t>village phalia boota</t>
  </si>
  <si>
    <t>GGPS JUNGLE BARALI NO. 2 (NEW)</t>
  </si>
  <si>
    <t>Jungle burali</t>
  </si>
  <si>
    <t>Moza Jungle burali new</t>
  </si>
  <si>
    <t>Mahfooz Akhter</t>
  </si>
  <si>
    <t>GGPS 134 EB</t>
  </si>
  <si>
    <t>Chak #134/EB</t>
  </si>
  <si>
    <t>chak#134/E.B burewala</t>
  </si>
  <si>
    <t>Chak#134/EB</t>
  </si>
  <si>
    <t>Chak#128/EB</t>
  </si>
  <si>
    <t>Tehmina Tabassum</t>
  </si>
  <si>
    <t>38706</t>
  </si>
  <si>
    <t>GGPS 1-4/MPR</t>
  </si>
  <si>
    <t>chack no 1_4/mpr</t>
  </si>
  <si>
    <t>1-4/MPR</t>
  </si>
  <si>
    <t>Naila Nazar</t>
  </si>
  <si>
    <t>GGES OLD CHICHAWATNI</t>
  </si>
  <si>
    <t>Tibba Nor Pur</t>
  </si>
  <si>
    <t>gges old cci tibba nor pur</t>
  </si>
  <si>
    <t>Old Cci</t>
  </si>
  <si>
    <t>HAJAN SUMAIRA SHAH</t>
  </si>
  <si>
    <t>GPS DHAIR</t>
  </si>
  <si>
    <t>gbps dhair</t>
  </si>
  <si>
    <t>Village Dhair</t>
  </si>
  <si>
    <t>Dakhnir</t>
  </si>
  <si>
    <t>Abdul Khamim</t>
  </si>
  <si>
    <t>basti pathan wala 1 moza raja pur tehsil o district lodhran</t>
  </si>
  <si>
    <t>GGPS PIPAL KHALSANA</t>
  </si>
  <si>
    <t>Pipal Kalsana</t>
  </si>
  <si>
    <t>ggps pipal khalsana</t>
  </si>
  <si>
    <t>Peergarh Chisti</t>
  </si>
  <si>
    <t>Nasreen Sarwer</t>
  </si>
  <si>
    <t>13409</t>
  </si>
  <si>
    <t>GPS KOTLA DAHA</t>
  </si>
  <si>
    <t>kotla daha</t>
  </si>
  <si>
    <t>mouza kotla daha</t>
  </si>
  <si>
    <t>harnai wala</t>
  </si>
  <si>
    <t>rindan</t>
  </si>
  <si>
    <t>GMPS CHAK NO. 232/9-R NORTH</t>
  </si>
  <si>
    <t>chak no 232 9r</t>
  </si>
  <si>
    <t>232 9r</t>
  </si>
  <si>
    <t>Bakhtawar Bibi</t>
  </si>
  <si>
    <t>35111</t>
  </si>
  <si>
    <t>GGES CHAK NO. 523/ EB</t>
  </si>
  <si>
    <t>Chak #523 /EB</t>
  </si>
  <si>
    <t>GGES 523 /EB</t>
  </si>
  <si>
    <t>Chak #523/Eb</t>
  </si>
  <si>
    <t>38031</t>
  </si>
  <si>
    <t>GPS SARDAR WALA</t>
  </si>
  <si>
    <t>Basti sardar Wala Mouza Hussain Abad Lodhran</t>
  </si>
  <si>
    <t>Sardar Wala</t>
  </si>
  <si>
    <t>GGPS RAJA PUR</t>
  </si>
  <si>
    <t>RajaPur</t>
  </si>
  <si>
    <t>muhalla balocha wala raja pur sharqia post office danwra lodhran</t>
  </si>
  <si>
    <t>Nafeesa</t>
  </si>
  <si>
    <t>15266</t>
  </si>
  <si>
    <t>GGPS CHAK 95 RB KHURRIANWALA</t>
  </si>
  <si>
    <t>95 RB Dosanj</t>
  </si>
  <si>
    <t>95 RB Dosanja</t>
  </si>
  <si>
    <t>99 RB</t>
  </si>
  <si>
    <t>GGPS QADAR BUX SUPPLAN</t>
  </si>
  <si>
    <t>Quba Lal Peer</t>
  </si>
  <si>
    <t>GGPS QADIR BUKHSH SUPPLAN</t>
  </si>
  <si>
    <t>Qadir Bukhsh Supplan</t>
  </si>
  <si>
    <t>Shaheen Tabassum</t>
  </si>
  <si>
    <t>GMES CHAK NO.115/DB (E)</t>
  </si>
  <si>
    <t>115DB</t>
  </si>
  <si>
    <t>115/db east</t>
  </si>
  <si>
    <t>chak nu 67/db</t>
  </si>
  <si>
    <t>Maryam Nazar</t>
  </si>
  <si>
    <t>25558</t>
  </si>
  <si>
    <t>GMPS GHUMNA WALI</t>
  </si>
  <si>
    <t>Ghumnawali</t>
  </si>
  <si>
    <t>ghumnawali p.o box saranke teh sambrial dist sialkot</t>
  </si>
  <si>
    <t>Saranke</t>
  </si>
  <si>
    <t>GGHS MC JUNIOR MODEL SITARA COLONY NO. 2 CHUNGI AMERSIDHU</t>
  </si>
  <si>
    <t>Sitara colony #2</t>
  </si>
  <si>
    <t>sitara colony #2, chungi amer sidhu lhr</t>
  </si>
  <si>
    <t>ggps kot ghazi</t>
  </si>
  <si>
    <t>GGES RAHIM PUR KHICHIAN</t>
  </si>
  <si>
    <t>rahimpur khichian p/o bharath</t>
  </si>
  <si>
    <t>Rahimpur Khichian</t>
  </si>
  <si>
    <t>Tazyyan Chaudhary</t>
  </si>
  <si>
    <t>GMPS SEHNAY WALI</t>
  </si>
  <si>
    <t>Sahney Wali</t>
  </si>
  <si>
    <t>sahney Wali</t>
  </si>
  <si>
    <t>GGES CHAK NO.34 DB</t>
  </si>
  <si>
    <t>34DB</t>
  </si>
  <si>
    <t>Chak No 34 DB P/O 38 DB</t>
  </si>
  <si>
    <t>Chak  No 34 DB</t>
  </si>
  <si>
    <t>GMMS JOI WAR</t>
  </si>
  <si>
    <t>Hameeda bad</t>
  </si>
  <si>
    <t>GmmsJoiwar markaz bahishti</t>
  </si>
  <si>
    <t>Joiwar</t>
  </si>
  <si>
    <t>SOBIA ASGHAR</t>
  </si>
  <si>
    <t>GGES RUGH</t>
  </si>
  <si>
    <t>Rugh</t>
  </si>
  <si>
    <t>Shamim Akhtar Mughal</t>
  </si>
  <si>
    <t>GES KOT GHULAM MIRAN SHAH</t>
  </si>
  <si>
    <t>Kot Ghulam Miran Shah</t>
  </si>
  <si>
    <t>basti malook wali</t>
  </si>
  <si>
    <t>Basti Malook Wali</t>
  </si>
  <si>
    <t>Irfan Zahid</t>
  </si>
  <si>
    <t>GGES GEHLAN CHAK NO 9</t>
  </si>
  <si>
    <t>gehlan chak 9</t>
  </si>
  <si>
    <t>gehlan chak 9 pattoki</t>
  </si>
  <si>
    <t>Kothi Wala chak 7</t>
  </si>
  <si>
    <t>GPS KOTLI MATWALIAN</t>
  </si>
  <si>
    <t>Kotli Matwalian</t>
  </si>
  <si>
    <t>kotli matwalian</t>
  </si>
  <si>
    <t>Mandiala Teegha</t>
  </si>
  <si>
    <t>Muhammed Abu Bakar Sandhu</t>
  </si>
  <si>
    <t>GGPS DHOK MOHKA</t>
  </si>
  <si>
    <t>Dhok Mohka</t>
  </si>
  <si>
    <t>p/o gagr kalan</t>
  </si>
  <si>
    <t>Saima Shehzad</t>
  </si>
  <si>
    <t>GGPS ADOO WALI</t>
  </si>
  <si>
    <t>Adoo Wali</t>
  </si>
  <si>
    <t>Basti Aadoo wali JPPW</t>
  </si>
  <si>
    <t>Basti Aadoo Wali</t>
  </si>
  <si>
    <t>35673</t>
  </si>
  <si>
    <t>GPS ARAIN WAHIN PO JALLAH JEEM</t>
  </si>
  <si>
    <t>Mailsi Rural</t>
  </si>
  <si>
    <t>GPS CHAK 731 GB</t>
  </si>
  <si>
    <t>Chak 731 GB</t>
  </si>
  <si>
    <t>GPS 731 GB, KAMALIA</t>
  </si>
  <si>
    <t>731 GB</t>
  </si>
  <si>
    <t>Basra</t>
  </si>
  <si>
    <t>basra p.o chawinda</t>
  </si>
  <si>
    <t>GES KALU KHURD</t>
  </si>
  <si>
    <t>kalu khurd Tehsil Hazro Attock</t>
  </si>
  <si>
    <t>GGES 172/9-L</t>
  </si>
  <si>
    <t>172/9L</t>
  </si>
  <si>
    <t>chak no 172/9L chichawatni sahiwal post office 164/9L</t>
  </si>
  <si>
    <t>Zetoon Bi Bi</t>
  </si>
  <si>
    <t>28925</t>
  </si>
  <si>
    <t>GMPS KOT DHARA SINGH</t>
  </si>
  <si>
    <t>Kot  Dhara Singh</t>
  </si>
  <si>
    <t>Kot Dhara Singh</t>
  </si>
  <si>
    <t>Mubeen Shafqat</t>
  </si>
  <si>
    <t>GMPS CHAK NO 38 A/ML</t>
  </si>
  <si>
    <t>Chak no 38AML</t>
  </si>
  <si>
    <t>GGCMS CHAK NO.140/P</t>
  </si>
  <si>
    <t>Chak 140/P</t>
  </si>
  <si>
    <t>GGCMPS 140/p</t>
  </si>
  <si>
    <t>GGPS CHAK 69/NP</t>
  </si>
  <si>
    <t>Chowk Soraily</t>
  </si>
  <si>
    <t>p/o Mao Mubarak R Y K</t>
  </si>
  <si>
    <t>69 Np</t>
  </si>
  <si>
    <t>GGES 66/12-L</t>
  </si>
  <si>
    <t>62/12l</t>
  </si>
  <si>
    <t>chak no 66/12-L</t>
  </si>
  <si>
    <t>66/12-L</t>
  </si>
  <si>
    <t>zarina Aslam</t>
  </si>
  <si>
    <t>35171</t>
  </si>
  <si>
    <t>GPS CHAK NO.401 EB</t>
  </si>
  <si>
    <t>401 EB</t>
  </si>
  <si>
    <t>chak no 401 eb po same teh Burewala Dist Vehari</t>
  </si>
  <si>
    <t>401EB</t>
  </si>
  <si>
    <t>Riaz Ali</t>
  </si>
  <si>
    <t>GGPS HEAD AMIN GARH</t>
  </si>
  <si>
    <t>Head Amin Garh RYK</t>
  </si>
  <si>
    <t>GGES CHAK NO.122/DNB</t>
  </si>
  <si>
    <t>122/dnb</t>
  </si>
  <si>
    <t>chak no 122/dnb khutree banglow</t>
  </si>
  <si>
    <t>Sidra Sarwar</t>
  </si>
  <si>
    <t>More Jhngi</t>
  </si>
  <si>
    <t>Sojhal Parveen</t>
  </si>
  <si>
    <t>electric+ hand pump</t>
  </si>
  <si>
    <t>GGPS DERAH BAHADAR WALA</t>
  </si>
  <si>
    <t>asran wala</t>
  </si>
  <si>
    <t>GGPS CHAK NO. 71/NP</t>
  </si>
  <si>
    <t>basti Rana liaquat Ali chak 71np</t>
  </si>
  <si>
    <t>Basti Rana Liaquat Ali</t>
  </si>
  <si>
    <t>25462</t>
  </si>
  <si>
    <t>GGES NAI ABADI SAMBRIAL</t>
  </si>
  <si>
    <t>sambrial</t>
  </si>
  <si>
    <t>Mohallah dar-ul-islam near middle school sambrial</t>
  </si>
  <si>
    <t>Dar-ul-Islam</t>
  </si>
  <si>
    <t>Rashida Akhtar</t>
  </si>
  <si>
    <t>GGPS JOHAR COLONY SARGODHA</t>
  </si>
  <si>
    <t>Johar Colony</t>
  </si>
  <si>
    <t>Johar colony</t>
  </si>
  <si>
    <t>GGPS KALAR WALA</t>
  </si>
  <si>
    <t>kalar Wala uc jhok bodo</t>
  </si>
  <si>
    <t>kaneez batol</t>
  </si>
  <si>
    <t>GGPS BASTI ALLAH BAKSH</t>
  </si>
  <si>
    <t>khair pur basti allah bux</t>
  </si>
  <si>
    <t>GGPS CHARAGH HUSSAIN SHAH</t>
  </si>
  <si>
    <t>Best Korai moza talbani</t>
  </si>
  <si>
    <t>SadiA Haleema</t>
  </si>
  <si>
    <t>45126</t>
  </si>
  <si>
    <t>GGPS BHUSIN WALA</t>
  </si>
  <si>
    <t>Bhunseen Wala</t>
  </si>
  <si>
    <t>ggps bhunseen wala</t>
  </si>
  <si>
    <t>Alikhel Khel</t>
  </si>
  <si>
    <t>40230</t>
  </si>
  <si>
    <t>GMPS BOKEN</t>
  </si>
  <si>
    <t>GMPS boken P O chak doulat tehsil and District jhelum</t>
  </si>
  <si>
    <t>GGES CHAK NO. 142/P</t>
  </si>
  <si>
    <t>chak # 142 p ryk</t>
  </si>
  <si>
    <t>Chak # 142 P Ryk</t>
  </si>
  <si>
    <t>139 P</t>
  </si>
  <si>
    <t>Riffat Batool Awan</t>
  </si>
  <si>
    <t>50534</t>
  </si>
  <si>
    <t>GGPS 163-A/9-L</t>
  </si>
  <si>
    <t>163A /9L</t>
  </si>
  <si>
    <t>163A/9L</t>
  </si>
  <si>
    <t>KALSOOM ZOHRA</t>
  </si>
  <si>
    <t>28883</t>
  </si>
  <si>
    <t>GGES KOT DARA</t>
  </si>
  <si>
    <t>kot laley wala</t>
  </si>
  <si>
    <t>Kot Laley Wala</t>
  </si>
  <si>
    <t>Sana Akbar</t>
  </si>
  <si>
    <t>GGCMS RASOOL PUR</t>
  </si>
  <si>
    <t>G G C M P S  RasoolÄº Pur</t>
  </si>
  <si>
    <t>Raisa Khatoon</t>
  </si>
  <si>
    <t>GGCMS DANDAN OAT</t>
  </si>
  <si>
    <t>Dandanoat</t>
  </si>
  <si>
    <t>bsti dandanoat dist ryk thehsil lqp markz tmp</t>
  </si>
  <si>
    <t>Abida Rasool</t>
  </si>
  <si>
    <t>46121</t>
  </si>
  <si>
    <t>GGES TALOKAR</t>
  </si>
  <si>
    <t>Po kurar village talokar</t>
  </si>
  <si>
    <t>Iffat Zahra</t>
  </si>
  <si>
    <t>Monza Ghazi Pur Teh Lavatory Pur</t>
  </si>
  <si>
    <t>Tranda Gurgaj</t>
  </si>
  <si>
    <t>Tahira bibi</t>
  </si>
  <si>
    <t>GMPS MOUZA RAJIB KATHIA</t>
  </si>
  <si>
    <t>Rajab Katha</t>
  </si>
  <si>
    <t>mouza rajab kathia</t>
  </si>
  <si>
    <t>Mouza Rajab Katha</t>
  </si>
  <si>
    <t>Amina Ashraf</t>
  </si>
  <si>
    <t>GHS GOTH MAZARI</t>
  </si>
  <si>
    <t>sui road goth mazari tehsil rojhan district rajanpur</t>
  </si>
  <si>
    <t>Gadda Naar</t>
  </si>
  <si>
    <t>GES MC GOJRA WARD NO. 1</t>
  </si>
  <si>
    <t>Govt,M C Middle School College Road Gojra</t>
  </si>
  <si>
    <t>GGES SHAMKOT KOHNA</t>
  </si>
  <si>
    <t>Gges Shamkot Kohna</t>
  </si>
  <si>
    <t>Shamkot Kohna</t>
  </si>
  <si>
    <t>Mamoonah Batool</t>
  </si>
  <si>
    <t>GGPS BASTI WASHANI</t>
  </si>
  <si>
    <t>Basti  Washani Tehsil District Rahim Yar khan</t>
  </si>
  <si>
    <t>Basti Washani</t>
  </si>
  <si>
    <t>29012</t>
  </si>
  <si>
    <t>GGPS TIBBI MEHTAB SINGH</t>
  </si>
  <si>
    <t>tibbi mehtab Singh teh.chunian distt kasur</t>
  </si>
  <si>
    <t>Monaza Amin</t>
  </si>
  <si>
    <t>GGPS KHORYALI</t>
  </si>
  <si>
    <t>Khorryali</t>
  </si>
  <si>
    <t>Basti Khoryali</t>
  </si>
  <si>
    <t>Khanoo Nal</t>
  </si>
  <si>
    <t>Fazla Kachh</t>
  </si>
  <si>
    <t>Kalsoom Buzdar</t>
  </si>
  <si>
    <t>GMPS CHAK 77/A</t>
  </si>
  <si>
    <t>77/A</t>
  </si>
  <si>
    <t>Govt model primary school 77/A feroza tehsil lqp distt ryk</t>
  </si>
  <si>
    <t>25198</t>
  </si>
  <si>
    <t>GGPS KISHAN PURA</t>
  </si>
  <si>
    <t>village Kishan Pura, P.O Peero Chak, Tehsil &amp; District Sialkot</t>
  </si>
  <si>
    <t>GGES BHOGI SHAHEED P/O KOTLA CHAKAR JPP.</t>
  </si>
  <si>
    <t>basti bhogi shaheed moza motha</t>
  </si>
  <si>
    <t>Kotla Chakr</t>
  </si>
  <si>
    <t>Rubab Moukhtiar</t>
  </si>
  <si>
    <t>GGES CHAK NO.166/M</t>
  </si>
  <si>
    <t>G. G. E. School Chak #166M</t>
  </si>
  <si>
    <t>166M</t>
  </si>
  <si>
    <t>167M</t>
  </si>
  <si>
    <t>Farhat Alia</t>
  </si>
  <si>
    <t>GES MUHAMMAD PUR GANGA</t>
  </si>
  <si>
    <t>m pur ganga yousaf abad</t>
  </si>
  <si>
    <t>M Pur Gabga</t>
  </si>
  <si>
    <t>Hasham Khaliq</t>
  </si>
  <si>
    <t>43526</t>
  </si>
  <si>
    <t>43579</t>
  </si>
  <si>
    <t>31104</t>
  </si>
  <si>
    <t>GPS NAVEED JUNIOR MODEL AMIR ROAD</t>
  </si>
  <si>
    <t>Bhagat Pura</t>
  </si>
  <si>
    <t>Govt.Naveed Junior Model School Shadbagh Lahore</t>
  </si>
  <si>
    <t>Saima Wali Muhammad</t>
  </si>
  <si>
    <t>GGPS PIR SHAHIDAN NO.1</t>
  </si>
  <si>
    <t>Kot Drea</t>
  </si>
  <si>
    <t>g g  primary school peer shaheedan number 1</t>
  </si>
  <si>
    <t>Itefaq Colony</t>
  </si>
  <si>
    <t>RYK A</t>
  </si>
  <si>
    <t>GMPS MASSAN KAY</t>
  </si>
  <si>
    <t>Massan Kay</t>
  </si>
  <si>
    <t>moza massan kay</t>
  </si>
  <si>
    <t>Sheikhu Sharief</t>
  </si>
  <si>
    <t>Naveeda Noreen</t>
  </si>
  <si>
    <t>GES ALPA KALAN</t>
  </si>
  <si>
    <t>GPS MODEL CHAK NO.14/BC</t>
  </si>
  <si>
    <t>Chak No 14/bc</t>
  </si>
  <si>
    <t>chak no 14/bc</t>
  </si>
  <si>
    <t>Chak No 24/bc</t>
  </si>
  <si>
    <t>GGES CHAK NO. 79/A</t>
  </si>
  <si>
    <t>Chak 79/A</t>
  </si>
  <si>
    <t>GGES Chak 79/A feroza</t>
  </si>
  <si>
    <t>Hafsa Ashhed</t>
  </si>
  <si>
    <t>23776</t>
  </si>
  <si>
    <t>GGES CHAK NO. 61/4-R</t>
  </si>
  <si>
    <t>Chak No 61/4R</t>
  </si>
  <si>
    <t>Chak no 61/4R haroonabad</t>
  </si>
  <si>
    <t>Naeem Kausar</t>
  </si>
  <si>
    <t>GES  14/11-L</t>
  </si>
  <si>
    <t>Chak No 14/11L</t>
  </si>
  <si>
    <t>Chak No 14/11L.Chichawatni.</t>
  </si>
  <si>
    <t>Muhammad Haris Ikram</t>
  </si>
  <si>
    <t>GMPS CHAK NO 39 3R</t>
  </si>
  <si>
    <t>Chak 39/3r</t>
  </si>
  <si>
    <t>Chak 23/3R</t>
  </si>
  <si>
    <t>Nadia Jabin</t>
  </si>
  <si>
    <t>GMPS MUNIR ABAD CHAK BANDI</t>
  </si>
  <si>
    <t>GPS Munirabad chakbandi chiniot</t>
  </si>
  <si>
    <t>Jappy 125</t>
  </si>
  <si>
    <t>GGPS TERAH</t>
  </si>
  <si>
    <t>Terha Katlan</t>
  </si>
  <si>
    <t>bill terha katlan</t>
  </si>
  <si>
    <t>GGPS DHADWAL</t>
  </si>
  <si>
    <t>village dhadwal p/o leiser kalan</t>
  </si>
  <si>
    <t>Noreen Akram</t>
  </si>
  <si>
    <t>GGPS CHAICHIAN</t>
  </si>
  <si>
    <t>chechian shams</t>
  </si>
  <si>
    <t>village &amp;p/o checnian  shams teh&amp;ditt gujrat</t>
  </si>
  <si>
    <t>chechian</t>
  </si>
  <si>
    <t>GGPS CHAK NO.66/DB</t>
  </si>
  <si>
    <t>66/db</t>
  </si>
  <si>
    <t>tehseel yazman post office 117/db</t>
  </si>
  <si>
    <t>Mamona anwer</t>
  </si>
  <si>
    <t>GGPS CHAK NO.62/DB</t>
  </si>
  <si>
    <t>chak62 DB</t>
  </si>
  <si>
    <t>Noor Kousar</t>
  </si>
  <si>
    <t>GGPS FAZIL TOWN</t>
  </si>
  <si>
    <t>Fazil Town</t>
  </si>
  <si>
    <t>ggps fazil town sgd</t>
  </si>
  <si>
    <t>GGES THATTA MANZOOR KHAN</t>
  </si>
  <si>
    <t>Thatta Manzoor Khan</t>
  </si>
  <si>
    <t>GGES Thatta Manzoor Khan</t>
  </si>
  <si>
    <t>15636</t>
  </si>
  <si>
    <t>32698</t>
  </si>
  <si>
    <t>GGES MODEL KOT AMEER</t>
  </si>
  <si>
    <t>kot ameer adda bijlighar</t>
  </si>
  <si>
    <t>Anza Murrium</t>
  </si>
  <si>
    <t>GGES KARHAI</t>
  </si>
  <si>
    <t>vpo karahi teh and dist rwp</t>
  </si>
  <si>
    <t>Perial</t>
  </si>
  <si>
    <t>GGPS RAKH MOJ GARH NO. 2</t>
  </si>
  <si>
    <t>Rakh Moj  Ghar 2</t>
  </si>
  <si>
    <t>chak no 2/rmg tehsil mankera district bhakkar p /o71ml</t>
  </si>
  <si>
    <t>2/RMG</t>
  </si>
  <si>
    <t>Patibulanda</t>
  </si>
  <si>
    <t>Rehana Ali Shair</t>
  </si>
  <si>
    <t>GPS JABA (DAKHNAIR)</t>
  </si>
  <si>
    <t>Jaba union counsel dakhnair teh&amp; distt. Attick</t>
  </si>
  <si>
    <t>GGPS KHANWAL</t>
  </si>
  <si>
    <t>v.khanwal po. mangwal chakwal</t>
  </si>
  <si>
    <t>Khanwal</t>
  </si>
  <si>
    <t>Ambreen Raja</t>
  </si>
  <si>
    <t>GMPS ABAN CHAK</t>
  </si>
  <si>
    <t>Aban  Chak</t>
  </si>
  <si>
    <t>village and P.O Aban Chak tehsill and district Rawalpindi</t>
  </si>
  <si>
    <t>Aban Chak</t>
  </si>
  <si>
    <t>Lodharan</t>
  </si>
  <si>
    <t>GGPS YARAN WALA</t>
  </si>
  <si>
    <t>ward #2/6 chah yara.  Wala Po bhuttapur</t>
  </si>
  <si>
    <t>Yaran Wala</t>
  </si>
  <si>
    <t>GGES SALAR WAHIN NOU, NAWAN SHEHR</t>
  </si>
  <si>
    <t>Salar wahin Nou GGMS</t>
  </si>
  <si>
    <t>salar wahin nou GGMS</t>
  </si>
  <si>
    <t>Salar Wahin Nou GGMS</t>
  </si>
  <si>
    <t>26876</t>
  </si>
  <si>
    <t>GGPS CHATTER</t>
  </si>
  <si>
    <t>Chattar</t>
  </si>
  <si>
    <t>teh skg dist Narowal p/o Makhwal vill chatter</t>
  </si>
  <si>
    <t>Zeenat Zaheen</t>
  </si>
  <si>
    <t>GGPS GONGAY WALA</t>
  </si>
  <si>
    <t>Bahawalpur Sukhan</t>
  </si>
  <si>
    <t>gongay wala moza bahawalpur sukhan tehsil o zilla Multan</t>
  </si>
  <si>
    <t>Gongay Wala</t>
  </si>
  <si>
    <t>Zakia Khatoon</t>
  </si>
  <si>
    <t>GPS CHAK NO.218-A/TDA</t>
  </si>
  <si>
    <t>chak no.218A/TDA tehsil karor distt layyah</t>
  </si>
  <si>
    <t>218-A</t>
  </si>
  <si>
    <t>GGPS TARKHANA BUDDO</t>
  </si>
  <si>
    <t>Tarkhana Budhu</t>
  </si>
  <si>
    <t>village tarkhana budhu, post office tarkhana murida, tehsil shakargarh, district narowal.</t>
  </si>
  <si>
    <t>26805</t>
  </si>
  <si>
    <t>GGPS HARRER KALAN</t>
  </si>
  <si>
    <t>Harar Kalan</t>
  </si>
  <si>
    <t>Harar kalan post office khaira tehsil skg district narowal</t>
  </si>
  <si>
    <t>Fahmida  Begum</t>
  </si>
  <si>
    <t>15717</t>
  </si>
  <si>
    <t>GGES GOHAR CHAK NO.8</t>
  </si>
  <si>
    <t>GOHAR CHAK NO 8</t>
  </si>
  <si>
    <t>Dew Sail</t>
  </si>
  <si>
    <t>GGPS DHOK MUJTABA</t>
  </si>
  <si>
    <t>Dk Mujtaba</t>
  </si>
  <si>
    <t>ggps dk mujtaba chingi</t>
  </si>
  <si>
    <t>chingi</t>
  </si>
  <si>
    <t>bhilomar</t>
  </si>
  <si>
    <t>36198</t>
  </si>
  <si>
    <t>GPS CHAK NO. 222/EB</t>
  </si>
  <si>
    <t>222/EB</t>
  </si>
  <si>
    <t>chak no 222/EB</t>
  </si>
  <si>
    <t>Chak222</t>
  </si>
  <si>
    <t>GGES JAM KHADIM HUSSAIN</t>
  </si>
  <si>
    <t>basti mallah moza malik pur  markaz  tmp tehsil lqp</t>
  </si>
  <si>
    <t>GGES CHAK NO.14/DNB (LARGE)</t>
  </si>
  <si>
    <t>14 DNB L</t>
  </si>
  <si>
    <t>chak no 14dnb L</t>
  </si>
  <si>
    <t>Chak No 17 DNB</t>
  </si>
  <si>
    <t>Saima Abid</t>
  </si>
  <si>
    <t>GPS NALKA FARM</t>
  </si>
  <si>
    <t>p/o mirdad muafi nalka faram sahiwal</t>
  </si>
  <si>
    <t>Nalka Faram</t>
  </si>
  <si>
    <t>GGCMS TATAR KOT</t>
  </si>
  <si>
    <t>Tatar Kot</t>
  </si>
  <si>
    <t>tatar kot post office same tehsil 18 hazari district jhang</t>
  </si>
  <si>
    <t>GPS DAULTALA</t>
  </si>
  <si>
    <t>GPS Daultala</t>
  </si>
  <si>
    <t>GPS CHAH GARAB</t>
  </si>
  <si>
    <t>Chah Garab</t>
  </si>
  <si>
    <t>chah garab</t>
  </si>
  <si>
    <t>GMPS CHAK NO 245 JB HARAL</t>
  </si>
  <si>
    <t>chak no. 245 haral jb teh bhowana distt chiniot</t>
  </si>
  <si>
    <t>Babra Yasmeen</t>
  </si>
  <si>
    <t>28884</t>
  </si>
  <si>
    <t>GGCMES ATTARI KARAM SINGH</t>
  </si>
  <si>
    <t>govt girls community modal elementary school attari karam singh</t>
  </si>
  <si>
    <t>mola pur</t>
  </si>
  <si>
    <t>shahzadi Sajid</t>
  </si>
  <si>
    <t>GGPS CHAK NO 237 JB WEST</t>
  </si>
  <si>
    <t>Langrana</t>
  </si>
  <si>
    <t>GGPS 237w langrana Tehsil Bhowana dist chiniot</t>
  </si>
  <si>
    <t>Langrana 237w</t>
  </si>
  <si>
    <t>51614</t>
  </si>
  <si>
    <t>GGPS 13 SP</t>
  </si>
  <si>
    <t>13/sp</t>
  </si>
  <si>
    <t>chak # 13 / sp</t>
  </si>
  <si>
    <t>17/ Sp</t>
  </si>
  <si>
    <t>Kousar Usman</t>
  </si>
  <si>
    <t>GGPS ALLAH BUX GANGA</t>
  </si>
  <si>
    <t>Allah Buksh Ganga, R Y Khan</t>
  </si>
  <si>
    <t>Allah Buksh Ganga</t>
  </si>
  <si>
    <t>RUKHSANA SHAHNAZ</t>
  </si>
  <si>
    <t>GGPS BHOREKAY</t>
  </si>
  <si>
    <t>Bhurekey</t>
  </si>
  <si>
    <t>village bhurekey p/ o talwandi bhindran tehsil pasrur district sialkot</t>
  </si>
  <si>
    <t>Hifza Jabeen</t>
  </si>
  <si>
    <t>GGPS SHAH ARIF</t>
  </si>
  <si>
    <t>Dhok Shah Arif</t>
  </si>
  <si>
    <t>post office Dhok shah arid tehsil sohawa dist jhelum</t>
  </si>
  <si>
    <t>24564</t>
  </si>
  <si>
    <t>GGPS BALO TOLA</t>
  </si>
  <si>
    <t>Ballotola</t>
  </si>
  <si>
    <t>vill ballotola p/o dahoda teh pasrur district Sialkot</t>
  </si>
  <si>
    <t>Dahoda</t>
  </si>
  <si>
    <t>GPS MANDHAR</t>
  </si>
  <si>
    <t>Village Mandhar PO bangial Tehsil Kharian</t>
  </si>
  <si>
    <t>GGES KHUDIAN CHAK NO 41</t>
  </si>
  <si>
    <t>GGES khudian chak 41</t>
  </si>
  <si>
    <t>Afifa Shafique</t>
  </si>
  <si>
    <t>GGES 164/P</t>
  </si>
  <si>
    <t>kacha shahi road adam sahaba chak no 164p</t>
  </si>
  <si>
    <t>Zunaira Sadiq</t>
  </si>
  <si>
    <t>GGPS NATHU WALA</t>
  </si>
  <si>
    <t>Thati Sameeja</t>
  </si>
  <si>
    <t>muhalla natho wala mouza thati Sameeja post office kotla Ali dasti</t>
  </si>
  <si>
    <t>Javaria Shamshad</t>
  </si>
  <si>
    <t>GGPS HAMEED KHASOORA</t>
  </si>
  <si>
    <t>basti hameed gasoora</t>
  </si>
  <si>
    <t>kotla dolat</t>
  </si>
  <si>
    <t>GPS ALI KHEL WANDHA SHAHBAZ KHEL</t>
  </si>
  <si>
    <t>Gps Ali khel wandha shehbaz khel trug</t>
  </si>
  <si>
    <t>Muhammad Naeem Ur Rehman</t>
  </si>
  <si>
    <t>GMES CHAK NO.49/A 3-R</t>
  </si>
  <si>
    <t>chak no 49/3R Raesaan wala Okara</t>
  </si>
  <si>
    <t>49/3R Raesaan Wala</t>
  </si>
  <si>
    <t>Iram  Noreen</t>
  </si>
  <si>
    <t>GGPS KOLACHI WALA</t>
  </si>
  <si>
    <t>Hunjrai Gharbi</t>
  </si>
  <si>
    <t>Hunjrai mustaqil gharbi p/o daira din panah tehsil kot adu distc M.garh</t>
  </si>
  <si>
    <t>Tahseen Riaz</t>
  </si>
  <si>
    <t>hand pump and electric moter</t>
  </si>
  <si>
    <t>GPS CHAK 46/P</t>
  </si>
  <si>
    <t>Shah Ghar</t>
  </si>
  <si>
    <t>chak 46 p po 47 p tehsil ryk district ryk</t>
  </si>
  <si>
    <t>Chack 46 P</t>
  </si>
  <si>
    <t>GHS CHAK NO. 103/6-R</t>
  </si>
  <si>
    <t>103/6-R</t>
  </si>
  <si>
    <t>chak No. 103/6-R</t>
  </si>
  <si>
    <t>chak No. 109/6-R</t>
  </si>
  <si>
    <t>MUHAMMAD TAHIR ARSHAD</t>
  </si>
  <si>
    <t>29977</t>
  </si>
  <si>
    <t>GES HALLAR KEY PEMAR</t>
  </si>
  <si>
    <t>Hallar Ke Pemar</t>
  </si>
  <si>
    <t>Hallar ke pemar post office and tehsil kot radha kishen kasur</t>
  </si>
  <si>
    <t>GPS BASTI KACHAR</t>
  </si>
  <si>
    <t>p/o basti qazi tehsil karor lal eason district layyah</t>
  </si>
  <si>
    <t>GGCMS KHUNAN</t>
  </si>
  <si>
    <t>GGCMS Khunan, Kharian (Gujrat)</t>
  </si>
  <si>
    <t>Hajra</t>
  </si>
  <si>
    <t>GGPS HAFIZ ALLAH BUKHASH</t>
  </si>
  <si>
    <t>basti hafiz Allah bakhsh</t>
  </si>
  <si>
    <t>Basti Hafiz Allah Bakhsh</t>
  </si>
  <si>
    <t>GGPS CHAK 356 JB I</t>
  </si>
  <si>
    <t>chak 356 jbl</t>
  </si>
  <si>
    <t>Chak 356 JBI</t>
  </si>
  <si>
    <t>GPS GLOTIAN KHURD</t>
  </si>
  <si>
    <t>village Galotian Khurd Teh. Daska distt. Sialkot</t>
  </si>
  <si>
    <t>GGPS 90/A 6-R</t>
  </si>
  <si>
    <t>90/A 6-R</t>
  </si>
  <si>
    <t>chak no 90 A 6 r swl</t>
  </si>
  <si>
    <t>90/A 6- R</t>
  </si>
  <si>
    <t>Attia Rashid</t>
  </si>
  <si>
    <t>GGPS nawan Pind, tehsil ferozwala, district sheikhupura</t>
  </si>
  <si>
    <t>Tayyaba Salim</t>
  </si>
  <si>
    <t>GGCMES JAIRO RATIAL</t>
  </si>
  <si>
    <t>GGCMES Jero Ratial</t>
  </si>
  <si>
    <t>Jero  Ratial</t>
  </si>
  <si>
    <t>Sumera Noreen</t>
  </si>
  <si>
    <t>53014</t>
  </si>
  <si>
    <t>GGES CHAK PINDI MOHLAN</t>
  </si>
  <si>
    <t>Chak pindi mohlan</t>
  </si>
  <si>
    <t>Qila Javlnd Singh</t>
  </si>
  <si>
    <t>mrs farhat jabeen</t>
  </si>
  <si>
    <t>GGPS CHANI WALA</t>
  </si>
  <si>
    <t>Tibba Mustaqil Ghrbi</t>
  </si>
  <si>
    <t>GGPS,Chani wala Daira deen panah</t>
  </si>
  <si>
    <t>Bsti Chani Wala</t>
  </si>
  <si>
    <t>Tibba 3</t>
  </si>
  <si>
    <t>Maimona Saleem</t>
  </si>
  <si>
    <t>45834</t>
  </si>
  <si>
    <t>GPS DHOK MEHRWAL</t>
  </si>
  <si>
    <t>Dhok Mehrwal, P/O Daiwal. Khushab</t>
  </si>
  <si>
    <t>Dhok Mehrwal</t>
  </si>
  <si>
    <t>spectacles</t>
  </si>
  <si>
    <t>GGPS KOT WALI MUHAMMAD BHATTI</t>
  </si>
  <si>
    <t>GGPS kot wali Muhammad Bhatti Rajan Pur</t>
  </si>
  <si>
    <t>Kot Wali</t>
  </si>
  <si>
    <t>GHS CHAK 30/3R</t>
  </si>
  <si>
    <t>Govt. High School 30/3R</t>
  </si>
  <si>
    <t>Chak NO 30/3R</t>
  </si>
  <si>
    <t>water suppy</t>
  </si>
  <si>
    <t>GGES 34/12-L</t>
  </si>
  <si>
    <t>34/12L</t>
  </si>
  <si>
    <t>chak # 34/12-L chichawatni</t>
  </si>
  <si>
    <t>Naheed Afzaal Kiani</t>
  </si>
  <si>
    <t>GPS JORI JHLAR</t>
  </si>
  <si>
    <t>Jori Jhlar Hallar Key Pimar</t>
  </si>
  <si>
    <t>Jori Jhlar</t>
  </si>
  <si>
    <t>Hallar Key Pimar</t>
  </si>
  <si>
    <t>GGPS BASTI RANJHAY KHAN</t>
  </si>
  <si>
    <t>ranjhay khan</t>
  </si>
  <si>
    <t>basti rajhay khan</t>
  </si>
  <si>
    <t>Ranjhaykhan</t>
  </si>
  <si>
    <t>GES 8/V, KHANEWAL</t>
  </si>
  <si>
    <t>Chak 8/v</t>
  </si>
  <si>
    <t>chak no.8/v khanewl</t>
  </si>
  <si>
    <t>8/v</t>
  </si>
  <si>
    <t>10/A-H</t>
  </si>
  <si>
    <t>Ikhlaq Ahmad</t>
  </si>
  <si>
    <t>GES 677/18 GB</t>
  </si>
  <si>
    <t>677/18 gb</t>
  </si>
  <si>
    <t>chak no. 677/18gb tehsil KAMALIA district to be tak singh</t>
  </si>
  <si>
    <t>chak no 677/18 gb</t>
  </si>
  <si>
    <t>chak no 661/2 gb</t>
  </si>
  <si>
    <t>GGES CHAK NO 220 JB</t>
  </si>
  <si>
    <t>Ghanwa</t>
  </si>
  <si>
    <t>chak no 220jb</t>
  </si>
  <si>
    <t>Qumer ul Nissa</t>
  </si>
  <si>
    <t>GGPS KUNJIDAR WALA</t>
  </si>
  <si>
    <t>Tiba Mustaqil Dermiani</t>
  </si>
  <si>
    <t>Basti kalar wali GGPS kunijidar wala daira din panah</t>
  </si>
  <si>
    <t>MC D D Panah</t>
  </si>
  <si>
    <t>KHURSHEED BEGUM</t>
  </si>
  <si>
    <t>GGES CHAK NO.483/EB</t>
  </si>
  <si>
    <t>Chak# 483/EB</t>
  </si>
  <si>
    <t>G.G Elementary school 483/EB 
Tehsil Burewala District Vehari</t>
  </si>
  <si>
    <t>Chak# 495/EB</t>
  </si>
  <si>
    <t>GES 356 GB</t>
  </si>
  <si>
    <t>chak no 356 GB</t>
  </si>
  <si>
    <t>chak no 356 gB</t>
  </si>
  <si>
    <t>357 GB</t>
  </si>
  <si>
    <t>GGPS JAMIAT SINGH</t>
  </si>
  <si>
    <t>Jamait Singh</t>
  </si>
  <si>
    <t>Jamiat Singh Depalpur</t>
  </si>
  <si>
    <t>Jamiat Singh</t>
  </si>
  <si>
    <t>Iram Tariq</t>
  </si>
  <si>
    <t>GES 32/12-L</t>
  </si>
  <si>
    <t>32/12-L</t>
  </si>
  <si>
    <t>CHAK NO,32/12-L TEH-CHICHAWATNI DISTT,SAHIWAL</t>
  </si>
  <si>
    <t>CHAK NO 32/12-L</t>
  </si>
  <si>
    <t>CHAK NO 44/12-L</t>
  </si>
  <si>
    <t>GGCMS CHAK NO.52/P</t>
  </si>
  <si>
    <t>52/p</t>
  </si>
  <si>
    <t>GG CMS CHAK NO 52/P RAHIM YAR KHAN</t>
  </si>
  <si>
    <t>Firdous Naseem</t>
  </si>
  <si>
    <t>GMPS CHAK 455 WEST</t>
  </si>
  <si>
    <t>Kotlaknans</t>
  </si>
  <si>
    <t>gmps 455  west</t>
  </si>
  <si>
    <t>Kotlaknana</t>
  </si>
  <si>
    <t>39413</t>
  </si>
  <si>
    <t>GGPS SORRA</t>
  </si>
  <si>
    <t>ggps sora</t>
  </si>
  <si>
    <t>kharpha</t>
  </si>
  <si>
    <t>Irfana Shaheen</t>
  </si>
  <si>
    <t>GGPS 59/GD</t>
  </si>
  <si>
    <t>Muhammad Pur A</t>
  </si>
  <si>
    <t>chak no 59/G.D Sahiwal</t>
  </si>
  <si>
    <t>GGPS MUGHLAN WALI</t>
  </si>
  <si>
    <t>Mughlanwali</t>
  </si>
  <si>
    <t>village mughlanwali p.o.Kotli amir Ali teh and distt sialkot</t>
  </si>
  <si>
    <t>40713</t>
  </si>
  <si>
    <t>GMPS MAIR</t>
  </si>
  <si>
    <t>MAIR</t>
  </si>
  <si>
    <t>village MAIR</t>
  </si>
  <si>
    <t>Alya Younas</t>
  </si>
  <si>
    <t>GGPS BHINAKA</t>
  </si>
  <si>
    <t>Bhanaka</t>
  </si>
  <si>
    <t>village bhanaka tensile naushera district 
 khushab</t>
  </si>
  <si>
    <t>Romana Ali</t>
  </si>
  <si>
    <t>village ghazi pur o p cantt teh dis sialkot</t>
  </si>
  <si>
    <t>Ahmed Pura</t>
  </si>
  <si>
    <t>GPS HAMBOKAY</t>
  </si>
  <si>
    <t>Hamboke</t>
  </si>
  <si>
    <t>GGHS JORAY PEER COLONY BAGHBAN PURA</t>
  </si>
  <si>
    <t>gghs jora peer colony baghbanpura lhr</t>
  </si>
  <si>
    <t>muneeba aqeel</t>
  </si>
  <si>
    <t>GGPS QADIR BUX BALOCH</t>
  </si>
  <si>
    <t>JALALPUR</t>
  </si>
  <si>
    <t>Basti Qadir Bux Abbasi Mouza Jalalpur Tehsil and Distric RYK Po Meinwali qureshian</t>
  </si>
  <si>
    <t>Basti Qadir Bux Abasi</t>
  </si>
  <si>
    <t>Sardar GARH</t>
  </si>
  <si>
    <t>GGES MEGHA</t>
  </si>
  <si>
    <t>Humaira Ashraf</t>
  </si>
  <si>
    <t>GES CHAK 323 GB</t>
  </si>
  <si>
    <t>Chak No 323 GB</t>
  </si>
  <si>
    <t>chak no 323 G. B Tehsil Pir mahal District Toba Tek Singh</t>
  </si>
  <si>
    <t>Chak No 323 G B</t>
  </si>
  <si>
    <t>Chak No 330 G B South</t>
  </si>
  <si>
    <t>Abdul Basit Farooq</t>
  </si>
  <si>
    <t>GPS KALUAN WALA</t>
  </si>
  <si>
    <t>gps dera kaluanwala</t>
  </si>
  <si>
    <t>Uttra South</t>
  </si>
  <si>
    <t>GGPS CHAK NO.50 /M NO 1</t>
  </si>
  <si>
    <t>Chak 50 M No 1</t>
  </si>
  <si>
    <t>g g p s Chak 50 m teh&amp; district lodhran</t>
  </si>
  <si>
    <t>Chak 50 M</t>
  </si>
  <si>
    <t>Afshan Perveen</t>
  </si>
  <si>
    <t>GPS KHAN MUHAMMAD VIRK</t>
  </si>
  <si>
    <t>gps khan muhammad virk roda</t>
  </si>
  <si>
    <t>GGES DHOLAN CHAK NO. 27</t>
  </si>
  <si>
    <t>dholan chak no.27</t>
  </si>
  <si>
    <t>SAIMA TABASSAM</t>
  </si>
  <si>
    <t>33022</t>
  </si>
  <si>
    <t>GMPS KHAIP WALI</t>
  </si>
  <si>
    <t>khaip wali</t>
  </si>
  <si>
    <t>KHAIP WALI NANKANA SAHIB</t>
  </si>
  <si>
    <t>DHERAY DA WARA</t>
  </si>
  <si>
    <t>Mussrat Nazir</t>
  </si>
  <si>
    <t>GES TRUST COLONY</t>
  </si>
  <si>
    <t>Chak 72 NP</t>
  </si>
  <si>
    <t>chak 72 NP</t>
  </si>
  <si>
    <t>Ryk Rural</t>
  </si>
  <si>
    <t>Azhar Pervaiz</t>
  </si>
  <si>
    <t>GGES RAIKEY</t>
  </si>
  <si>
    <t>p &amp; p/o Raikey</t>
  </si>
  <si>
    <t>GMPS DARBARI WALA</t>
  </si>
  <si>
    <t>Darbara Wala</t>
  </si>
  <si>
    <t>govt girls primary school dabari wala</t>
  </si>
  <si>
    <t>Darbari  Wala</t>
  </si>
  <si>
    <t>GPS JANDU SAHI</t>
  </si>
  <si>
    <t>jandu sahi p/o same teh Daska Disstt Sislkot</t>
  </si>
  <si>
    <t>Bombanwala</t>
  </si>
  <si>
    <t>Talat Hameed Bajwa</t>
  </si>
  <si>
    <t>GGPS KOT BAGA</t>
  </si>
  <si>
    <t>Kot Baga</t>
  </si>
  <si>
    <t>kot baga</t>
  </si>
  <si>
    <t>KhananawaLi</t>
  </si>
  <si>
    <t>Riffat Bajwa</t>
  </si>
  <si>
    <t>GGPS HASSAN ABDAL</t>
  </si>
  <si>
    <t>Dakhli kot khan</t>
  </si>
  <si>
    <t>Dakhli Kot Khan</t>
  </si>
  <si>
    <t>Iram Zahara</t>
  </si>
  <si>
    <t>GGPS CHELI WALA</t>
  </si>
  <si>
    <t>nzd Multan by pass khanewal road lodhran</t>
  </si>
  <si>
    <t>Shahnaz Parveen Awan</t>
  </si>
  <si>
    <t>GPS KHURSHEED ABAD</t>
  </si>
  <si>
    <t>jeewan wala kot tahir jampur</t>
  </si>
  <si>
    <t>Jeewan Wala</t>
  </si>
  <si>
    <t>GGPS MC DHOK HUKAMDAD</t>
  </si>
  <si>
    <t>qasimabad</t>
  </si>
  <si>
    <t>Hina Khalid</t>
  </si>
  <si>
    <t>GPS CHAK NO.113/ML</t>
  </si>
  <si>
    <t>Chak No113ML</t>
  </si>
  <si>
    <t>chak no113ml</t>
  </si>
  <si>
    <t>M Yameen  Maqsood</t>
  </si>
  <si>
    <t>moh inamabad</t>
  </si>
  <si>
    <t>M Garh</t>
  </si>
  <si>
    <t>Lutkran</t>
  </si>
  <si>
    <t>GGPS NAIN WAL JAGHIR</t>
  </si>
  <si>
    <t>Nainwal jagir kasur</t>
  </si>
  <si>
    <t>Nain Wal</t>
  </si>
  <si>
    <t>Dohlan Athar</t>
  </si>
  <si>
    <t>Nafees Tahira</t>
  </si>
  <si>
    <t>GHSS JASSO KANWAIN SARAI SIDHU</t>
  </si>
  <si>
    <t>P/O Jasso kanwain Kabirwala Khanewal</t>
  </si>
  <si>
    <t>GPS BIGIYANA WALA</t>
  </si>
  <si>
    <t>bigiyana Wala</t>
  </si>
  <si>
    <t>Bigiyana Wala</t>
  </si>
  <si>
    <t>Harnoli R</t>
  </si>
  <si>
    <t>madduki ferozwala</t>
  </si>
  <si>
    <t>GGES NANGARH</t>
  </si>
  <si>
    <t>Nangar sharif post office khana nau Lahore</t>
  </si>
  <si>
    <t>Nangar Sharif</t>
  </si>
  <si>
    <t>GPS ROHAYWAL</t>
  </si>
  <si>
    <t>Rohywal</t>
  </si>
  <si>
    <t>village rohywal kasur</t>
  </si>
  <si>
    <t>Bhediyan Kalan</t>
  </si>
  <si>
    <t>Malik Muhammad Afzal Sandhu</t>
  </si>
  <si>
    <t>GPS SAMI WALA</t>
  </si>
  <si>
    <t>Basti summi Wala, Nawan janubi, Kot chutta, DGK</t>
  </si>
  <si>
    <t>Summi Wala</t>
  </si>
  <si>
    <t>GPS BHEDIAN USMAN WALA</t>
  </si>
  <si>
    <t>bhedian usman wala kasur</t>
  </si>
  <si>
    <t>Naeem Hadayat</t>
  </si>
  <si>
    <t>GHS 11-A/8-R, KACHA KHUH</t>
  </si>
  <si>
    <t>CHAK NO. 11-a/8-r khanewal</t>
  </si>
  <si>
    <t>CHAK NO. 11-A/8-R Khanewal</t>
  </si>
  <si>
    <t>Abdul Rauf Bhutta</t>
  </si>
  <si>
    <t>39363</t>
  </si>
  <si>
    <t>GGPS KHARPA</t>
  </si>
  <si>
    <t>Robina  naz</t>
  </si>
  <si>
    <t>30649</t>
  </si>
  <si>
    <t>GGPS TEJ GARH</t>
  </si>
  <si>
    <t>Tej Ghar</t>
  </si>
  <si>
    <t>dak khna khass bata purr tej ghar manawa lahore</t>
  </si>
  <si>
    <t>Manawa</t>
  </si>
  <si>
    <t>Naheed Usman</t>
  </si>
  <si>
    <t>GPS CHAK NO 33</t>
  </si>
  <si>
    <t>post office chnga manga pattoki kasur Chak 33</t>
  </si>
  <si>
    <t>Chak 33</t>
  </si>
  <si>
    <t>Amer Ali</t>
  </si>
  <si>
    <t>GGPS BAND KAHUTA</t>
  </si>
  <si>
    <t>Govt Girls Primary School Band PO Nara Tehsil Kahuta Distt Rawalpindi</t>
  </si>
  <si>
    <t>GGPS CHAH RAEES WALA</t>
  </si>
  <si>
    <t>Kotla Ayub Khan</t>
  </si>
  <si>
    <t>basti dara jamal</t>
  </si>
  <si>
    <t>Basti Dara Jamal</t>
  </si>
  <si>
    <t>GGPS SODI KAY</t>
  </si>
  <si>
    <t>Sodi Kay</t>
  </si>
  <si>
    <t>chack  sodi kay basir pur road haveli lakha</t>
  </si>
  <si>
    <t>Shahamand</t>
  </si>
  <si>
    <t>GGPS CHAK NO.28/ML</t>
  </si>
  <si>
    <t>GGPS CHAK NO. 28 ML POST OFFICE HAITU TEHSIL KALLUR KOT DISTRICT BHAKKAR</t>
  </si>
  <si>
    <t>Chak No 28 ML</t>
  </si>
  <si>
    <t>GES IBRAHIM WALA</t>
  </si>
  <si>
    <t>chah tindan ibrahim wala</t>
  </si>
  <si>
    <t>Tindan Ibrahim Wala</t>
  </si>
  <si>
    <t>Kot kammu Shah</t>
  </si>
  <si>
    <t>basti Malikpur Rahim yar khan</t>
  </si>
  <si>
    <t>GMPS RAKH PAIL</t>
  </si>
  <si>
    <t>Rakh Pail</t>
  </si>
  <si>
    <t>village rakh pail post office pail tehsil and district khushab</t>
  </si>
  <si>
    <t>Nabeela Rafique</t>
  </si>
  <si>
    <t>village kot ghulam rasool bucheki road nankana sahib</t>
  </si>
  <si>
    <t>Rizwan Ali</t>
  </si>
  <si>
    <t>GPS KAREEM ABAD</t>
  </si>
  <si>
    <t>Gaddi North</t>
  </si>
  <si>
    <t>kareem abad</t>
  </si>
  <si>
    <t>Gaddi north</t>
  </si>
  <si>
    <t>Abdul Waheed Qureshi</t>
  </si>
  <si>
    <t>GPS 49 KB</t>
  </si>
  <si>
    <t>49KB</t>
  </si>
  <si>
    <t>Chak 49kb TEH Burewala District Vehari</t>
  </si>
  <si>
    <t>49Kb</t>
  </si>
  <si>
    <t>50KB</t>
  </si>
  <si>
    <t>Faryad Hussain Javed</t>
  </si>
  <si>
    <t>GPS 375 EB</t>
  </si>
  <si>
    <t>Shaikhfazal</t>
  </si>
  <si>
    <t>375/EB Shiekhfazal Burewala</t>
  </si>
  <si>
    <t>375/EB</t>
  </si>
  <si>
    <t>98/EB Shaikhfazal</t>
  </si>
  <si>
    <t>GGPS CHAK 273 RB III SADIQ ABAD</t>
  </si>
  <si>
    <t>chak 273 rb 111 sadiqabad</t>
  </si>
  <si>
    <t>267 rb jalandhar</t>
  </si>
  <si>
    <t>23723</t>
  </si>
  <si>
    <t>GPS AKBAR</t>
  </si>
  <si>
    <t>Akbar P/O Talhara Tehsil Daska District Sialkot</t>
  </si>
  <si>
    <t>Rashad Mehmood</t>
  </si>
  <si>
    <t>GES PHANGAT</t>
  </si>
  <si>
    <t>vpo phangat the daska dist sialkot</t>
  </si>
  <si>
    <t>GGES THOTHIAN KALAN CHAK 10/RB</t>
  </si>
  <si>
    <t>Thothian Kalan Chak 10</t>
  </si>
  <si>
    <t>Thothian kalan chak 10</t>
  </si>
  <si>
    <t>Sathali Kalan Chak</t>
  </si>
  <si>
    <t>Aqsa Zulfiqar</t>
  </si>
  <si>
    <t>GPS ISLAMIA GHOUSIA KEHROR PACCA</t>
  </si>
  <si>
    <t>Kehror</t>
  </si>
  <si>
    <t>GPS Islamia ghousia Kehror Pacca</t>
  </si>
  <si>
    <t>non</t>
  </si>
  <si>
    <t>Bakshi wala</t>
  </si>
  <si>
    <t>GGPS CHAK NO.126 NB NAI ABADI</t>
  </si>
  <si>
    <t>126nb</t>
  </si>
  <si>
    <t>chak no 126 Nb</t>
  </si>
  <si>
    <t>126Nb</t>
  </si>
  <si>
    <t>129Nb</t>
  </si>
  <si>
    <t>GGPS MODEL BILAWAL</t>
  </si>
  <si>
    <t>Bilawal</t>
  </si>
  <si>
    <t>Vpo Bilawal village Bilawal</t>
  </si>
  <si>
    <t>Sadaf Sultan</t>
  </si>
  <si>
    <t>GMPS JALAL PUR</t>
  </si>
  <si>
    <t>gmps jalalpur kamlana basti kot wala sharif</t>
  </si>
  <si>
    <t>kot wala sharif</t>
  </si>
  <si>
    <t>ghuman marhi</t>
  </si>
  <si>
    <t>KISHWAR JABEEN</t>
  </si>
  <si>
    <t>GGPS KIALA</t>
  </si>
  <si>
    <t>Qurrat Ul Ain Mukhtar</t>
  </si>
  <si>
    <t>GGPS KOT KALAL</t>
  </si>
  <si>
    <t>Village Jhans Teh. Pasrur Distt. Sialkot</t>
  </si>
  <si>
    <t>GGPS ABDULLAH PUR</t>
  </si>
  <si>
    <t>Govt girls  p/s Abdullah pur</t>
  </si>
  <si>
    <t>Shazia Allah ditta</t>
  </si>
  <si>
    <t>GMPS SAHALIA</t>
  </si>
  <si>
    <t>Sahalia</t>
  </si>
  <si>
    <t>village sahalia,tahsil and district sialkot</t>
  </si>
  <si>
    <t>Hafiza Shabnam Kousar</t>
  </si>
  <si>
    <t>GGPS KOTLI KHADUM SHAH</t>
  </si>
  <si>
    <t>Kotli Khadam Shah</t>
  </si>
  <si>
    <t>village kotli khadam shah p/o philorah tehsil pasror district Sialkot</t>
  </si>
  <si>
    <t>Aasia Kalsoom</t>
  </si>
  <si>
    <t>25386</t>
  </si>
  <si>
    <t>GPS WASSANKAY</t>
  </si>
  <si>
    <t>GPS BALAIL P/O SIKANDAR ABAD</t>
  </si>
  <si>
    <t>chah baghay wala moza Balail</t>
  </si>
  <si>
    <t>GPS CHAK NO. 85/ML</t>
  </si>
  <si>
    <t>Chak 85/ML Post Office Chak 90/ML Karor Layyah</t>
  </si>
  <si>
    <t>Chak No 85/ML</t>
  </si>
  <si>
    <t>Chak No 90/ML</t>
  </si>
  <si>
    <t>Muhammad zubair</t>
  </si>
  <si>
    <t>GGES SATO WALI</t>
  </si>
  <si>
    <t>Sattowali</t>
  </si>
  <si>
    <t>GGES Sattowali,P/O Perochak, Teh/Distt. Sialkot.</t>
  </si>
  <si>
    <t>Rumaisa Azhar</t>
  </si>
  <si>
    <t>GGPS CHANI GALA</t>
  </si>
  <si>
    <t>village mori p.o hanesar teh kahuta district rawalpindi</t>
  </si>
  <si>
    <t>GGPS ELAHI BUX WALA</t>
  </si>
  <si>
    <t>Chutla</t>
  </si>
  <si>
    <t>Ggps elahi bukhs wala</t>
  </si>
  <si>
    <t>Elahi Bukhs Wala</t>
  </si>
  <si>
    <t>Khanwa Ghalva</t>
  </si>
  <si>
    <t>Farhat Rashid Hashmi</t>
  </si>
  <si>
    <t>GGPS DUGRI MUSLIM</t>
  </si>
  <si>
    <t>Dugri Muslim</t>
  </si>
  <si>
    <t>Dugri Muslim tehsil Daska district Sialkot</t>
  </si>
  <si>
    <t>Buddha Goraya</t>
  </si>
  <si>
    <t>Mahwish Siddiqui</t>
  </si>
  <si>
    <t>village shahpur shamsabad</t>
  </si>
  <si>
    <t>Humera Almas</t>
  </si>
  <si>
    <t>36647</t>
  </si>
  <si>
    <t>GGES MODEL SIDHU KANWAIN, P/O SINDHIANWALA, SARAI SIDHU</t>
  </si>
  <si>
    <t>Sidhu Kanwain</t>
  </si>
  <si>
    <t>Sidhu kanwain p/o sindhia  wala</t>
  </si>
  <si>
    <t>Amna Aslam</t>
  </si>
  <si>
    <t>GGPS RAOKAY</t>
  </si>
  <si>
    <t>Raokay</t>
  </si>
  <si>
    <t>raokay teh,daska. distic sialkot p/o satrah</t>
  </si>
  <si>
    <t>Shakila Said</t>
  </si>
  <si>
    <t>GGES BUDH PUR NEAR BIG CANAL BAHAWALPUR ROAD</t>
  </si>
  <si>
    <t>GGES Budhpur chah kot wala near peery wala pul new bahawalpur road Multan</t>
  </si>
  <si>
    <t>chah kot wala</t>
  </si>
  <si>
    <t>dera Muhammadi</t>
  </si>
  <si>
    <t>Ayesha Anum</t>
  </si>
  <si>
    <t>GGES CHAK 126/6-R</t>
  </si>
  <si>
    <t>CHAK NO 126 6/R  POST OFFICE 135 6/R  TEHSEEL HND DISTRICT BWN</t>
  </si>
  <si>
    <t>126/6R</t>
  </si>
  <si>
    <t>133 6/R</t>
  </si>
  <si>
    <t>GGPS THATHA UMRA</t>
  </si>
  <si>
    <t>Thatha Umra</t>
  </si>
  <si>
    <t>Vill. Thatha Umra Tehsil Daska Distt Sialkot</t>
  </si>
  <si>
    <t>Farzana Yasmine</t>
  </si>
  <si>
    <t>9809</t>
  </si>
  <si>
    <t>GPS POSTAN WALA</t>
  </si>
  <si>
    <t>Postan wala techs all choubara district layyah</t>
  </si>
  <si>
    <t>Postan Wala</t>
  </si>
  <si>
    <t>Safdar Hussain Safdar</t>
  </si>
  <si>
    <t>GPS SAUDI WALA</t>
  </si>
  <si>
    <t>Kotla Seikhani</t>
  </si>
  <si>
    <t>chah cheelan wala</t>
  </si>
  <si>
    <t>Chelan Wala</t>
  </si>
  <si>
    <t>Malik Kareem Nawaz</t>
  </si>
  <si>
    <t>52159</t>
  </si>
  <si>
    <t>GPS CHAK NO. 53 EB A</t>
  </si>
  <si>
    <t>KOT GULLAM MUHAMMAD</t>
  </si>
  <si>
    <t>Chack No 53/EB Kot Gullam MUHAMMADTesil Arifwala District Pakpattan</t>
  </si>
  <si>
    <t>53/EB</t>
  </si>
  <si>
    <t>Shah Sawar</t>
  </si>
  <si>
    <t>nathoki</t>
  </si>
  <si>
    <t>45627</t>
  </si>
  <si>
    <t>GGPS DAGAR AWAN</t>
  </si>
  <si>
    <t>Govt girls primary school daggar awan</t>
  </si>
  <si>
    <t>Sobia Rafeeq</t>
  </si>
  <si>
    <t>GES  MEHDI KHAN</t>
  </si>
  <si>
    <t>Chak Mehdi Khan KHAN</t>
  </si>
  <si>
    <t>Chak Mehdi Khan p/o same</t>
  </si>
  <si>
    <t>Abdulrashid</t>
  </si>
  <si>
    <t>GGES CHAK NO. 10/A</t>
  </si>
  <si>
    <t>gges chak 10 A</t>
  </si>
  <si>
    <t>10:00 AM</t>
  </si>
  <si>
    <t>Rafiqua begum</t>
  </si>
  <si>
    <t>GGPS MORAN</t>
  </si>
  <si>
    <t>basti moran</t>
  </si>
  <si>
    <t>Adam Suhaba</t>
  </si>
  <si>
    <t>hand pump out side of school</t>
  </si>
  <si>
    <t>GGPS HAREN BORR</t>
  </si>
  <si>
    <t>HARAN BORE</t>
  </si>
  <si>
    <t>HARAN BORE  P/O BARTHI</t>
  </si>
  <si>
    <t>HAREEN BALOCH</t>
  </si>
  <si>
    <t>GPS KOT BOORA</t>
  </si>
  <si>
    <t>GPS Kot Boora</t>
  </si>
  <si>
    <t>49563</t>
  </si>
  <si>
    <t>GGPS BHABHRANI</t>
  </si>
  <si>
    <t>BHABHRANI</t>
  </si>
  <si>
    <t>P/O: Jalpana, Teh: ShahPur, Distt: Sargodha</t>
  </si>
  <si>
    <t>JALPANA</t>
  </si>
  <si>
    <t>GGPS QILA JEWAN SINGH</t>
  </si>
  <si>
    <t>Qilla Jewan Singh</t>
  </si>
  <si>
    <t>P/O khas village qilla jewan Singh</t>
  </si>
  <si>
    <t>Yasmeen Barkat</t>
  </si>
  <si>
    <t>GGPS NAWAN PIND NO.3</t>
  </si>
  <si>
    <t>Nawan Pind No 3</t>
  </si>
  <si>
    <t>NAWAN PIND NO 3, P/O KOT KORA,TEHSIL.DISTRICT. SAILKOT.</t>
  </si>
  <si>
    <t>31032</t>
  </si>
  <si>
    <t>24562</t>
  </si>
  <si>
    <t>GGPS CM THAHTAH BAWA</t>
  </si>
  <si>
    <t>Thatha bawa.p/o Dhoda.Tehsil Pasrur .Distt.Sialkot</t>
  </si>
  <si>
    <t>Saima Khanum</t>
  </si>
  <si>
    <t>GGPS RATHAL</t>
  </si>
  <si>
    <t>vill rathal nd post ofc bun teh
 murree dist rawalpindi</t>
  </si>
  <si>
    <t>Rathal</t>
  </si>
  <si>
    <t>Rabida Bibi</t>
  </si>
  <si>
    <t>GPS CHAK 713 GB</t>
  </si>
  <si>
    <t>Chak 713 GB</t>
  </si>
  <si>
    <t>Chak No 713 GB, Kamalia</t>
  </si>
  <si>
    <t>Chak No 712 GB</t>
  </si>
  <si>
    <t>51485</t>
  </si>
  <si>
    <t>GPS DIDAR SINGH</t>
  </si>
  <si>
    <t>Deedar Singh</t>
  </si>
  <si>
    <t>chack deedar Singh post office peer ghani pakpattan</t>
  </si>
  <si>
    <t>Noor Samand</t>
  </si>
  <si>
    <t>GGPS CHAK 124 RB</t>
  </si>
  <si>
    <t>124rb 2nd</t>
  </si>
  <si>
    <t>Chak no 124 R.BII</t>
  </si>
  <si>
    <t>139rb Ghami</t>
  </si>
  <si>
    <t>Sajida Younis</t>
  </si>
  <si>
    <t>GGPS CHAK 98 RB KHURRIANWALA</t>
  </si>
  <si>
    <t>98 RB</t>
  </si>
  <si>
    <t>chak no. 98 RB</t>
  </si>
  <si>
    <t>Chak No 97 RB</t>
  </si>
  <si>
    <t>GGES 371/WB</t>
  </si>
  <si>
    <t>chak 371/WB</t>
  </si>
  <si>
    <t>371w.b</t>
  </si>
  <si>
    <t>371 WB</t>
  </si>
  <si>
    <t>rukhsana Lodhi</t>
  </si>
  <si>
    <t>GGPS JHUGAY CHABELAN</t>
  </si>
  <si>
    <t>Jughay Chabailan</t>
  </si>
  <si>
    <t>Jhugay Chabailan</t>
  </si>
  <si>
    <t>HUMERA SABIR</t>
  </si>
  <si>
    <t>GES BHADAY WALA</t>
  </si>
  <si>
    <t>Bhadaywala</t>
  </si>
  <si>
    <t>GGES MIANWALI SHEIKHAN</t>
  </si>
  <si>
    <t>mianwali sheikhan</t>
  </si>
  <si>
    <t>Noreen khalique</t>
  </si>
  <si>
    <t>GPS MATAN WALA</t>
  </si>
  <si>
    <t>Matan Wala</t>
  </si>
  <si>
    <t>GPS matan wala</t>
  </si>
  <si>
    <t>GPS SAHARAN ABAD</t>
  </si>
  <si>
    <t>Chak no 125/TDA</t>
  </si>
  <si>
    <t>Basti Propi</t>
  </si>
  <si>
    <t>GES JAJOKEE</t>
  </si>
  <si>
    <t>Jajokee</t>
  </si>
  <si>
    <t>Jajokee PO budhagoraya teh nvirkan distt grw</t>
  </si>
  <si>
    <t>Muzammal Saeed</t>
  </si>
  <si>
    <t>49499</t>
  </si>
  <si>
    <t>GPS JUGHIAN BHAKHANIAN</t>
  </si>
  <si>
    <t>Jhugian Bhikhanian</t>
  </si>
  <si>
    <t>Jhugian Bhikhianian, P/O: Jhawarian, Tehsil: Shah Pur, Distt: Sargodha.</t>
  </si>
  <si>
    <t>Jhugian Bhakhanian</t>
  </si>
  <si>
    <t>M Abubakar Shahzad</t>
  </si>
  <si>
    <t>GGPS LEHRI SYDAN</t>
  </si>
  <si>
    <t>Lehri Syedan</t>
  </si>
  <si>
    <t>GGPS Lehri Syedan</t>
  </si>
  <si>
    <t>Nazia Mehnaz</t>
  </si>
  <si>
    <t>23308</t>
  </si>
  <si>
    <t>GGPS BASTI MIANI, ABDUL HAKIM</t>
  </si>
  <si>
    <t>Basti Saidan Wali</t>
  </si>
  <si>
    <t>basti saidaan wali Abdul hakim</t>
  </si>
  <si>
    <t>GES ZAFAR KEY</t>
  </si>
  <si>
    <t>Zafar Key</t>
  </si>
  <si>
    <t>Village Zafar Key Tehsil kKot Radha Krishan, Kasur</t>
  </si>
  <si>
    <t>GGPS DULLE WALA NORTH</t>
  </si>
  <si>
    <t>muhala ghareeb shah</t>
  </si>
  <si>
    <t>GPS MATHRA DAS</t>
  </si>
  <si>
    <t>mathradas tehsil pattoki district kasur</t>
  </si>
  <si>
    <t>GGES RANA NAGAR</t>
  </si>
  <si>
    <t>Aloukh Thal</t>
  </si>
  <si>
    <t>rana nagr</t>
  </si>
  <si>
    <t>Rana Nagar</t>
  </si>
  <si>
    <t>Musrat Aqleem</t>
  </si>
  <si>
    <t>GGPS RAM KOT</t>
  </si>
  <si>
    <t>Chak Hussain Kot, Teh. Minchinabad</t>
  </si>
  <si>
    <t>Peerghar Chishti</t>
  </si>
  <si>
    <t>GES JHUNDA MIANI JALALPUR PIRWALA</t>
  </si>
  <si>
    <t>Jhanda Miani</t>
  </si>
  <si>
    <t>Muza jhanda Miani jalaj pur pir wala Distt. Multan</t>
  </si>
  <si>
    <t>53153</t>
  </si>
  <si>
    <t>GPS CHAK 42/GD</t>
  </si>
  <si>
    <t>42gd</t>
  </si>
  <si>
    <t>chak 42 gd</t>
  </si>
  <si>
    <t>Burj Jewaybkhan</t>
  </si>
  <si>
    <t>GPS BADRI PUR</t>
  </si>
  <si>
    <t>Badri pur</t>
  </si>
  <si>
    <t>GPS Badri pur chak no 8 Teh, Safdarabad Distt, sheikhupura.</t>
  </si>
  <si>
    <t>Dhaban kalan</t>
  </si>
  <si>
    <t>GES NOTLA</t>
  </si>
  <si>
    <t>Behgam</t>
  </si>
  <si>
    <t>VPO Notla tehsil Gujarkhan</t>
  </si>
  <si>
    <t>Notla</t>
  </si>
  <si>
    <t>Muhammad Saad Tariq</t>
  </si>
  <si>
    <t>GGPS PIND HIRAJ P/O NARANG</t>
  </si>
  <si>
    <t>Pind Haraj</t>
  </si>
  <si>
    <t>GPS AMIN JUTAY WALA  CHAK NO. 117-B TDA</t>
  </si>
  <si>
    <t>Chak 117 B / TDA</t>
  </si>
  <si>
    <t>Chak No 117-B TDA madina chowk Layyah</t>
  </si>
  <si>
    <t>Chak No 117-B TDA</t>
  </si>
  <si>
    <t>GPS WAIAN WALI CHAK 27</t>
  </si>
  <si>
    <t>waiyan wali cak no.27 RB tehsil Safdarabad District Sheikhupura</t>
  </si>
  <si>
    <t>Mubeen Ahmad</t>
  </si>
  <si>
    <t>GGPS DERA MASJID WALA</t>
  </si>
  <si>
    <t>Dear Masjid Wla</t>
  </si>
  <si>
    <t>govt girls p/s dear masjid wala</t>
  </si>
  <si>
    <t>Dear Masjid Wala</t>
  </si>
  <si>
    <t>factory</t>
  </si>
  <si>
    <t>GGPS DHOK MURID P/O MANGWAL</t>
  </si>
  <si>
    <t>Dhoke Murid</t>
  </si>
  <si>
    <t>GGPS  Dhoke  Murid  po  mangwal</t>
  </si>
  <si>
    <t>Saima Ambreen</t>
  </si>
  <si>
    <t>GGPS NOOR PUR PIPAL</t>
  </si>
  <si>
    <t>Noorpur Pipple</t>
  </si>
  <si>
    <t>pipple bhutta</t>
  </si>
  <si>
    <t>GES CHAK NO. 267/WB P/O NOOR GARH</t>
  </si>
  <si>
    <t>267/wb p/o noor garh Teh.Dunyapur (Lodhran)</t>
  </si>
  <si>
    <t>GHS CHAK 69 JB FSD</t>
  </si>
  <si>
    <t>Chak No 69 Jb</t>
  </si>
  <si>
    <t>Ghs 69 JB chak no 69 jb</t>
  </si>
  <si>
    <t>Chak No 70 Jb</t>
  </si>
  <si>
    <t>GPS BASTI KAHOOR KHAN</t>
  </si>
  <si>
    <t>Basti Kahoor Khan Markaz Aman Garh R Y K</t>
  </si>
  <si>
    <t>Syed Muhammad Azam Shah</t>
  </si>
  <si>
    <t>GGHS CDG JUNIOR MODEL DARAS BARAY MIAN MUGHALPURA</t>
  </si>
  <si>
    <t>cdg ghs daras baray mian mughalpura lahore</t>
  </si>
  <si>
    <t>daras baray mian mughalpura lahore</t>
  </si>
  <si>
    <t>daras baray mian</t>
  </si>
  <si>
    <t>TAUQIR MAZHAR</t>
  </si>
  <si>
    <t>GGPS CHAK NO. 435/EB  BUREWALA</t>
  </si>
  <si>
    <t>435 Eb</t>
  </si>
  <si>
    <t>chak # 435 eb</t>
  </si>
  <si>
    <t>Yasmin Kosar</t>
  </si>
  <si>
    <t>GGPS PIAL KHURD</t>
  </si>
  <si>
    <t>pial khurd p/O usman Wala Teh and distt kasur</t>
  </si>
  <si>
    <t>Tahseen Akhter</t>
  </si>
  <si>
    <t>GPS PIPLI PAHAR</t>
  </si>
  <si>
    <t>GPS Pipli Pahar</t>
  </si>
  <si>
    <t>50748</t>
  </si>
  <si>
    <t>GES  61/5-L</t>
  </si>
  <si>
    <t>Chak No. 61/5-L</t>
  </si>
  <si>
    <t>Chak No. 61/5-L Sahiwal</t>
  </si>
  <si>
    <t>61/5-L</t>
  </si>
  <si>
    <t>Chak No. 60/5-L</t>
  </si>
  <si>
    <t>Zeshan Javed</t>
  </si>
  <si>
    <t>GHS DHARABI</t>
  </si>
  <si>
    <t>Dharabi</t>
  </si>
  <si>
    <t>VPO Dharabi, Tehsil and District Chakwal</t>
  </si>
  <si>
    <t>Muhammad Afsar</t>
  </si>
  <si>
    <t>30816</t>
  </si>
  <si>
    <t>GHS CDG GHAZI ABAD</t>
  </si>
  <si>
    <t>taj pura road ghaziabad lahore</t>
  </si>
  <si>
    <t>Nabi Nagar</t>
  </si>
  <si>
    <t>Qari Dost Muhammad</t>
  </si>
  <si>
    <t>GPS SULEMAN JUNIOR MODEL SAMAN ABAD</t>
  </si>
  <si>
    <t>college road Samanabad</t>
  </si>
  <si>
    <t>GHS MIRDAD MUAFI</t>
  </si>
  <si>
    <t>Chak Mirdad Muafi</t>
  </si>
  <si>
    <t>GGES MANZOOR ABAD</t>
  </si>
  <si>
    <t>82 Np</t>
  </si>
  <si>
    <t>GGES Manzor Abad P/O kogsamba</t>
  </si>
  <si>
    <t>Mrs Fatima Bukhari</t>
  </si>
  <si>
    <t>GMPS CHAK NO 498 JB</t>
  </si>
  <si>
    <t>498 Jb</t>
  </si>
  <si>
    <t>chak 498 jb</t>
  </si>
  <si>
    <t>3 ghag</t>
  </si>
  <si>
    <t>Nargis abd u rehman</t>
  </si>
  <si>
    <t>Village mujahid teh distt rawalpindi</t>
  </si>
  <si>
    <t>GGPS DERA HAJI AFZAL WALA</t>
  </si>
  <si>
    <t>Ggps Dera Haji Afzal Wala</t>
  </si>
  <si>
    <t>Dera Haji Afzal Wala</t>
  </si>
  <si>
    <t>Nadra Shaheen</t>
  </si>
  <si>
    <t>GPS EAIS PUR</t>
  </si>
  <si>
    <t>village Eais Pur P/O Jhatokey Pasrur Sialkot.</t>
  </si>
  <si>
    <t>Dogri Harin</t>
  </si>
  <si>
    <t>GGPS KHIDWAL</t>
  </si>
  <si>
    <t>vill &amp; p/o khidwal Teh Fateh Jang disstt Attock</t>
  </si>
  <si>
    <t>Fauzia Noreen</t>
  </si>
  <si>
    <t>GES 67 D</t>
  </si>
  <si>
    <t>67/D</t>
  </si>
  <si>
    <t>chak no 67/d p/o chak bedi tehsil District pakpattan</t>
  </si>
  <si>
    <t>Kanwar Abdul Ghafar</t>
  </si>
  <si>
    <t>GPS SADDAR SHAH</t>
  </si>
  <si>
    <t>Taranda Gurgage</t>
  </si>
  <si>
    <t>basti saddar shsh mauza tranda gurgage p/o transaction Muhammad panaha tehseel liaqat our district rahim yar khan5</t>
  </si>
  <si>
    <t>Saddar Shah</t>
  </si>
  <si>
    <t>GES CHAK NO. 124/M</t>
  </si>
  <si>
    <t>Chak No 124/m</t>
  </si>
  <si>
    <t>Chak no 124/m Tahsil Chishtian district Bahawalnagar</t>
  </si>
  <si>
    <t>Uc-118</t>
  </si>
  <si>
    <t>GGES MEERAK</t>
  </si>
  <si>
    <t>Qudsia Firdaus</t>
  </si>
  <si>
    <t>GPS CHAK NO 277 JB</t>
  </si>
  <si>
    <t>277jb Buddi Pind</t>
  </si>
  <si>
    <t>GPS 277-jb 1 buddi pind</t>
  </si>
  <si>
    <t>277-jb- Buddi Pind</t>
  </si>
  <si>
    <t>278-jb-usmankot</t>
  </si>
  <si>
    <t>GMPS BASTI ARAIAN WALI PO BHAKKAR</t>
  </si>
  <si>
    <t>GMPS Basti Arraian Wali</t>
  </si>
  <si>
    <t>Arriyanwali</t>
  </si>
  <si>
    <t>Samia Noreen</t>
  </si>
  <si>
    <t>26015</t>
  </si>
  <si>
    <t>GES RAMZAN GHALLU</t>
  </si>
  <si>
    <t>Ramzan Ghallu</t>
  </si>
  <si>
    <t>moza ramzan ghallu tehsil ahmed pur east</t>
  </si>
  <si>
    <t>Khair Pur Dhah</t>
  </si>
  <si>
    <t>52882</t>
  </si>
  <si>
    <t>GGPS SHAH NAWAZ</t>
  </si>
  <si>
    <t>Chak shah nawaz khanwala</t>
  </si>
  <si>
    <t>31384</t>
  </si>
  <si>
    <t>GHS MANDHIALI</t>
  </si>
  <si>
    <t>govt high school mandiali po kot abdul malik tehsil ferozewala dist sheikhupura</t>
  </si>
  <si>
    <t>Hafiz Muhammad Waqas</t>
  </si>
  <si>
    <t>17123</t>
  </si>
  <si>
    <t>GPS BARKAT UL ISLAM</t>
  </si>
  <si>
    <t>mohallah Bhabhrana Jhang Sadar</t>
  </si>
  <si>
    <t>GPS MOHIB ALI</t>
  </si>
  <si>
    <t>Kishen garh</t>
  </si>
  <si>
    <t>Ali Raza Ahmad</t>
  </si>
  <si>
    <t>GGPS CHAH NEHALAY KA</t>
  </si>
  <si>
    <t>barkhurdar</t>
  </si>
  <si>
    <t>Govt Girls Primary School Chah Nialay ka Mouza Barkhurdar p/O Bhowana Tehsil Bhowana District  Chiniot</t>
  </si>
  <si>
    <t>chah Nialay ka</t>
  </si>
  <si>
    <t>BILQUEES SHAHZADI</t>
  </si>
  <si>
    <t>GHS CHUNG KHURD</t>
  </si>
  <si>
    <t>Chung khurd defence Lahore cantt</t>
  </si>
  <si>
    <t>Wcb</t>
  </si>
  <si>
    <t>tALLAT SARDAR</t>
  </si>
  <si>
    <t>GES CHAK NO 114 ML</t>
  </si>
  <si>
    <t>114 ML</t>
  </si>
  <si>
    <t>CHAK NO 114 ML TEHSIL KAROR DISTRICT LAYYAH</t>
  </si>
  <si>
    <t>112ML</t>
  </si>
  <si>
    <t>29589</t>
  </si>
  <si>
    <t>GGPS NANDAN PURA</t>
  </si>
  <si>
    <t>nandan pura</t>
  </si>
  <si>
    <t>Uzma Tabasum</t>
  </si>
  <si>
    <t>GHS MOHRA NOORI</t>
  </si>
  <si>
    <t>VILLAGE MOHRA NOORI GUJAR KHAN RAWALPINDI</t>
  </si>
  <si>
    <t>GPS CHAK 362 JB</t>
  </si>
  <si>
    <t>362JB</t>
  </si>
  <si>
    <t>chak no 362 jb</t>
  </si>
  <si>
    <t>CHAK NO 362JB</t>
  </si>
  <si>
    <t>CHAK NO 363JB</t>
  </si>
  <si>
    <t>GHS GLOTIAN KALAN</t>
  </si>
  <si>
    <t>52272</t>
  </si>
  <si>
    <t>GES MOODA</t>
  </si>
  <si>
    <t>Pholan Toli</t>
  </si>
  <si>
    <t>Muhammad Shah Sajid Bukhari</t>
  </si>
  <si>
    <t>GES CHAK DAULAT</t>
  </si>
  <si>
    <t>Chakdaulat</t>
  </si>
  <si>
    <t>village chakdaulat.the gujarkhan distt rwp</t>
  </si>
  <si>
    <t>Muhammad Saqlain Kiani</t>
  </si>
  <si>
    <t>GHS KANDUWAL SARAY</t>
  </si>
  <si>
    <t>Kanduwal Saray</t>
  </si>
  <si>
    <t>kanduwal saray depalpur</t>
  </si>
  <si>
    <t>Ramzan Atiq</t>
  </si>
  <si>
    <t>GPS BUDHA GORAYA</t>
  </si>
  <si>
    <t>village Buddha goraya po same tehsil daska district sialkot</t>
  </si>
  <si>
    <t>Anser Ali</t>
  </si>
  <si>
    <t>GPS THATHA UMRA</t>
  </si>
  <si>
    <t>gps thatha umra</t>
  </si>
  <si>
    <t>Seranwali</t>
  </si>
  <si>
    <t>Naeem Ashraf</t>
  </si>
  <si>
    <t>GGPS DHOK KIAL PO JAND</t>
  </si>
  <si>
    <t>DK Kial</t>
  </si>
  <si>
    <t>Village dk kial and Post office jand dist and Tehsil Chakwal</t>
  </si>
  <si>
    <t>41007</t>
  </si>
  <si>
    <t>GGES KALU WAL</t>
  </si>
  <si>
    <t>Kaluwal</t>
  </si>
  <si>
    <t>village kaluwal po Bharata teh Dina district Jhelum</t>
  </si>
  <si>
    <t>KALUWAL</t>
  </si>
  <si>
    <t>GGPS SATTOKAY HITTHAR</t>
  </si>
  <si>
    <t>Sattoki Hitthar</t>
  </si>
  <si>
    <t>Bazgha Nausheen</t>
  </si>
  <si>
    <t>GGPS CHAK NO 9/FW JATANA WALA</t>
  </si>
  <si>
    <t>Bukshan Khan</t>
  </si>
  <si>
    <t>chack#9/fw jattanwala</t>
  </si>
  <si>
    <t>9/fw jattanwala</t>
  </si>
  <si>
    <t>GPS TIBBI BEGHWER CHAK NO. 168/P</t>
  </si>
  <si>
    <t>Tibbi bghawar</t>
  </si>
  <si>
    <t>Govt.p/s Tibbi bghawar</t>
  </si>
  <si>
    <t>168p</t>
  </si>
  <si>
    <t>Ammara Mehwish Masood</t>
  </si>
  <si>
    <t>22514</t>
  </si>
  <si>
    <t>GGES RANEWAL SAYYADAN</t>
  </si>
  <si>
    <t>Ranewal Syedan</t>
  </si>
  <si>
    <t>G.G Elementry School Ranewal Syedan</t>
  </si>
  <si>
    <t>Shagufta Bashir</t>
  </si>
  <si>
    <t>GGES CHAK NO. 144/P EAST</t>
  </si>
  <si>
    <t>144/p East</t>
  </si>
  <si>
    <t>GGES 144/p East rahim yar khan</t>
  </si>
  <si>
    <t>144/p East Ryk</t>
  </si>
  <si>
    <t>Tehseen Akbar</t>
  </si>
  <si>
    <t>GGPS BEHAR COLONY</t>
  </si>
  <si>
    <t>GGPS Behar Colony</t>
  </si>
  <si>
    <t>S/town</t>
  </si>
  <si>
    <t>Maryam Saba</t>
  </si>
  <si>
    <t>GES 76-A/15-L, P/O 79/15-L, KHANEWAL</t>
  </si>
  <si>
    <t>chak no.76A/15L</t>
  </si>
  <si>
    <t>GGPS DHOK NAZIAN</t>
  </si>
  <si>
    <t>DK Niazian</t>
  </si>
  <si>
    <t>Village and Post office Dhoda District and Tensile Chakwal</t>
  </si>
  <si>
    <t>Aqsa Ruba Tariq</t>
  </si>
  <si>
    <t>GGPS 435/EB BASTI DOGRAN WALI</t>
  </si>
  <si>
    <t>435 EB</t>
  </si>
  <si>
    <t>chk no 435 EB D.W burewala</t>
  </si>
  <si>
    <t>Ch No 435</t>
  </si>
  <si>
    <t>GGPS VERO</t>
  </si>
  <si>
    <t>Vero</t>
  </si>
  <si>
    <t>vpo vero</t>
  </si>
  <si>
    <t>Imtiaz Mustafa</t>
  </si>
  <si>
    <t>GPS MAHALAM GAHI</t>
  </si>
  <si>
    <t>Gahi Jamu Wala</t>
  </si>
  <si>
    <t>Mahalam Gahi p/o khudian khass kasur</t>
  </si>
  <si>
    <t>Mahalam Gahi</t>
  </si>
  <si>
    <t>50153</t>
  </si>
  <si>
    <t>GGHS 5/11-L</t>
  </si>
  <si>
    <t>chak no 5/11.l chichawatni sahiwal</t>
  </si>
  <si>
    <t>5/11.l</t>
  </si>
  <si>
    <t>6/11.l</t>
  </si>
  <si>
    <t>GGPS KHAIR PUR</t>
  </si>
  <si>
    <t>chak khairpur tehsil depalpur district okara</t>
  </si>
  <si>
    <t>Tara Sing</t>
  </si>
  <si>
    <t>rehana shaheen</t>
  </si>
  <si>
    <t>GPS DERA FAKHAR UD DIN</t>
  </si>
  <si>
    <t>Chumbar</t>
  </si>
  <si>
    <t>Faisalabad road kharianwala skp</t>
  </si>
  <si>
    <t>Dera Fakhar Dine</t>
  </si>
  <si>
    <t>GGHS CHAK 353 GB</t>
  </si>
  <si>
    <t>CHAK NO. 353 GB</t>
  </si>
  <si>
    <t>GGHS 353 GB JARANWALA</t>
  </si>
  <si>
    <t>ROBINA ALI</t>
  </si>
  <si>
    <t>43518</t>
  </si>
  <si>
    <t>GGPS DHOK SHREEN</t>
  </si>
  <si>
    <t>Ggps dhok shereen vpo dullah teh and district chakwal</t>
  </si>
  <si>
    <t>GPS BASTI SADAN SAIN</t>
  </si>
  <si>
    <t>Basti Sadan Saeen</t>
  </si>
  <si>
    <t>village Basti sadan saeen tehsil depalpur</t>
  </si>
  <si>
    <t>Shamdeen</t>
  </si>
  <si>
    <t>Imran Dastgeer</t>
  </si>
  <si>
    <t>GGES JHANDEER ABAD</t>
  </si>
  <si>
    <t>basti jhandeer abad mouza allurid tehsil kot addu</t>
  </si>
  <si>
    <t>Jhandir Abad</t>
  </si>
  <si>
    <t>GGES PIPLI MEHTAB RAI</t>
  </si>
  <si>
    <t>Pipli Mehtab Rai</t>
  </si>
  <si>
    <t>pipli mehtab rai</t>
  </si>
  <si>
    <t>GGPS DAD WALA</t>
  </si>
  <si>
    <t>Dogar Klasra</t>
  </si>
  <si>
    <t>chah milawy Wala dogar Klasra</t>
  </si>
  <si>
    <t>Milawy Wala</t>
  </si>
  <si>
    <t>Nazia Shahbaz</t>
  </si>
  <si>
    <t>GGHS DOGER KLASRA</t>
  </si>
  <si>
    <t>dogar kalasra</t>
  </si>
  <si>
    <t>NASEEM AKHTAR MALIK</t>
  </si>
  <si>
    <t>ggps kohlian p/o bhera teh bhera dist sargodha</t>
  </si>
  <si>
    <t>Ranjhwala</t>
  </si>
  <si>
    <t>Hafsa  Gul</t>
  </si>
  <si>
    <t>30926</t>
  </si>
  <si>
    <t>GGHS SHAMKE BHATTIAN</t>
  </si>
  <si>
    <t>shamke bhattian</t>
  </si>
  <si>
    <t>Shamke Bhattian35 km multan road lahore</t>
  </si>
  <si>
    <t>GPS NEW PUBLIC ISLAMIA TOWNSHIP</t>
  </si>
  <si>
    <t>161 15 b1 township lahore</t>
  </si>
  <si>
    <t>FAIZA Azmat</t>
  </si>
  <si>
    <t>GPS KARIM BUX RAHWARI</t>
  </si>
  <si>
    <t>karim Bux rewari</t>
  </si>
  <si>
    <t>Karim Bux Rehwari</t>
  </si>
  <si>
    <t>Johar Ali</t>
  </si>
  <si>
    <t>GPS PATRI WALA P/O VILL GANWEN TEH.SHUJABAD</t>
  </si>
  <si>
    <t>Ganwan</t>
  </si>
  <si>
    <t>patri wala p/o VILL Ganwen Tehsil Shulabad</t>
  </si>
  <si>
    <t>Muhammad Rasheed Ahmad</t>
  </si>
  <si>
    <t>dhok sultan p/o  tehi</t>
  </si>
  <si>
    <t>GPS CHAK NO 487 JB</t>
  </si>
  <si>
    <t>chak no 487 jb</t>
  </si>
  <si>
    <t>Chak No 487 JB</t>
  </si>
  <si>
    <t>GGPS PINDI HIRAN</t>
  </si>
  <si>
    <t>Pindi Heeran</t>
  </si>
  <si>
    <t>pindi heeran po chaprar slk</t>
  </si>
  <si>
    <t>Pindi heeran</t>
  </si>
  <si>
    <t>palora Kalan</t>
  </si>
  <si>
    <t>gudaray wala</t>
  </si>
  <si>
    <t>bsti bara sadat mouza gudaray wala dakkhana aali dah teh and district m uzaffargarh</t>
  </si>
  <si>
    <t>bara sadat</t>
  </si>
  <si>
    <t>aali daha</t>
  </si>
  <si>
    <t>gogran</t>
  </si>
  <si>
    <t>basti sher wala</t>
  </si>
  <si>
    <t>Saira Hameed</t>
  </si>
  <si>
    <t>GGPS MALIK WAL</t>
  </si>
  <si>
    <t>v p o vijh distt sargodha tehsil shahpur markaz wadhi female ggps malakwal</t>
  </si>
  <si>
    <t>Chackarala</t>
  </si>
  <si>
    <t>GMPS BAHADAR WALI</t>
  </si>
  <si>
    <t>sukheki</t>
  </si>
  <si>
    <t>Kanwal Shahzad</t>
  </si>
  <si>
    <t>11137</t>
  </si>
  <si>
    <t>GPS CHAK NO. 125 TDA</t>
  </si>
  <si>
    <t>Chak No. 125/TDA Layyah.</t>
  </si>
  <si>
    <t>chak 125</t>
  </si>
  <si>
    <t>Mondi Town Layyah</t>
  </si>
  <si>
    <t>GPS KACHA RAZI</t>
  </si>
  <si>
    <t>Ps kacha razi rojhan dist rajanpur</t>
  </si>
  <si>
    <t>Dera gul muhammad</t>
  </si>
  <si>
    <t>GPS AULAKHAN WALA</t>
  </si>
  <si>
    <t>Aulkhan wala tehsil mankera district bhakkar</t>
  </si>
  <si>
    <t>Aoulkhan Wala</t>
  </si>
  <si>
    <t>GGPS BASTI THAHEEM</t>
  </si>
  <si>
    <t>basti thaheem tesil lodhran</t>
  </si>
  <si>
    <t>Basti Thaheem</t>
  </si>
  <si>
    <t>Kausar Shaheen Malik</t>
  </si>
  <si>
    <t>GPS KACHI RANG PUR NO. 1</t>
  </si>
  <si>
    <t>Basti Allahwasaya kacha Razi teh. Rojhan dist. rajanput</t>
  </si>
  <si>
    <t>Basti Allah Wassya Gopang</t>
  </si>
  <si>
    <t>GPS village dhamial</t>
  </si>
  <si>
    <t>34564</t>
  </si>
  <si>
    <t>GGPS PALAY WALA P/O MOZA SHAIR SINGH NEAR 19 KASSI</t>
  </si>
  <si>
    <t>GGPS palay Wala</t>
  </si>
  <si>
    <t>Palay Wala</t>
  </si>
  <si>
    <t>Rubina Rashid</t>
  </si>
  <si>
    <t>GGES CHAK 191 GB</t>
  </si>
  <si>
    <t>chak  No 191 GB Tehsil and  District  To a Tek singh</t>
  </si>
  <si>
    <t>Chak No 191 G B</t>
  </si>
  <si>
    <t>Chak No 184 G B</t>
  </si>
  <si>
    <t>Sarwat Zafar</t>
  </si>
  <si>
    <t>GPS MC TEHSIL MASJID CHISHTIAN</t>
  </si>
  <si>
    <t>E Block</t>
  </si>
  <si>
    <t>Tehsil masjid near civil hospital chishtian</t>
  </si>
  <si>
    <t>city Chishtian</t>
  </si>
  <si>
    <t>Mc CTN</t>
  </si>
  <si>
    <t>Waheed Ur Rehman</t>
  </si>
  <si>
    <t>Masjid</t>
  </si>
  <si>
    <t>GMMS KOT HADAYAT ALI</t>
  </si>
  <si>
    <t>Kot Hadayat Ali</t>
  </si>
  <si>
    <t>kot Hadayat Ali Ferozwala Skp</t>
  </si>
  <si>
    <t>Tasleem Shahzad</t>
  </si>
  <si>
    <t>GPS CHAK NO.586 TDA</t>
  </si>
  <si>
    <t>Chak No. 586 TDA  Chowk sarwar shaheed</t>
  </si>
  <si>
    <t>Chak No 586 TDA</t>
  </si>
  <si>
    <t>SHOUKAT MASIH</t>
  </si>
  <si>
    <t>GPS CHAK NO.111/ML</t>
  </si>
  <si>
    <t>111/ML</t>
  </si>
  <si>
    <t>CHAK NO 111/ML</t>
  </si>
  <si>
    <t>MUHAMMAD LOQMAN</t>
  </si>
  <si>
    <t>GPS MANGLIA</t>
  </si>
  <si>
    <t>Manglia</t>
  </si>
  <si>
    <t>VPO Manglia, Tehsil Kharian, Distt. Gujrat</t>
  </si>
  <si>
    <t>GPS THIND NASHIAB CHAK NO 117-B TDA</t>
  </si>
  <si>
    <t>Chak No 117-B/TDA</t>
  </si>
  <si>
    <t>Chak no.117-b/tda Basti Warra Shehr near bhatta more</t>
  </si>
  <si>
    <t>Basti Warra Shehr</t>
  </si>
  <si>
    <t>GHS KARNUB BALOCH</t>
  </si>
  <si>
    <t>KARUNB BALOCH</t>
  </si>
  <si>
    <t>VPO KARUNB BALOCH TEHSIL GUJAR KHAN DISTRICT RAWALPINDI</t>
  </si>
  <si>
    <t>GGPS MC NO.3 MACHINE MOHALLAH</t>
  </si>
  <si>
    <t>MM No3 Jhelum</t>
  </si>
  <si>
    <t>GGMC PS MM No3 jhelum</t>
  </si>
  <si>
    <t>MM No 3 Jhelum</t>
  </si>
  <si>
    <t>Jhelum III</t>
  </si>
  <si>
    <t>Sarah David</t>
  </si>
  <si>
    <t>Kotla Rahm Ali Shah</t>
  </si>
  <si>
    <t>p/s Qaboolwala basti maken kotla rahm ali shah jatoi</t>
  </si>
  <si>
    <t>Mujib Ul Rehman</t>
  </si>
  <si>
    <t>GGPS CHAK 256 RB DHANGA WALA</t>
  </si>
  <si>
    <t>Chak no 256 RB I Dhenganwala</t>
  </si>
  <si>
    <t>Shamoona Asghar</t>
  </si>
  <si>
    <t>GMPS JHOKE DITTA PO SIAL</t>
  </si>
  <si>
    <t>jhoke ditta</t>
  </si>
  <si>
    <t>Jhoke Ditta</t>
  </si>
  <si>
    <t>GPS MISSION GLOTIAN KHURD</t>
  </si>
  <si>
    <t>Christian abaadi Galotian Khurd Daska Sialkot</t>
  </si>
  <si>
    <t>19025</t>
  </si>
  <si>
    <t>GES CHAK 714 GB</t>
  </si>
  <si>
    <t>Chak No 714 GB</t>
  </si>
  <si>
    <t>chak no 714  GB kamalia toba Tek Singh</t>
  </si>
  <si>
    <t>GHS NACHINDI</t>
  </si>
  <si>
    <t>VPO Nachindi</t>
  </si>
  <si>
    <t>Muhammad Naseer Raja</t>
  </si>
  <si>
    <t>GMPS MOHRA BHATAN</t>
  </si>
  <si>
    <t>Mohra Bhattan</t>
  </si>
  <si>
    <t>village Mohra bhattan @ g mail.com</t>
  </si>
  <si>
    <t>GES RASOOL NAGAR</t>
  </si>
  <si>
    <t>Rasool Nagar teh&amp; Distt kasur</t>
  </si>
  <si>
    <t>Fatohiwala</t>
  </si>
  <si>
    <t>GHS MAHNI SIAL, KABIRWALA</t>
  </si>
  <si>
    <t>MAHNI SIAL, KHANEWAL</t>
  </si>
  <si>
    <t>GGES CHAK NO. 547 TDA</t>
  </si>
  <si>
    <t>Chak#633/tda</t>
  </si>
  <si>
    <t>chak #633/tda tehsil kot adu Dist. muzafrgarh</t>
  </si>
  <si>
    <t>Chak#632/tda</t>
  </si>
  <si>
    <t>Sobia Qasim</t>
  </si>
  <si>
    <t>GGPS PANDAK</t>
  </si>
  <si>
    <t>Dohok Pandak, VPO Nartopa, Tehsil Hazro</t>
  </si>
  <si>
    <t>Shabnum Rehman</t>
  </si>
  <si>
    <t>52525</t>
  </si>
  <si>
    <t>GPS NO 3 HAVELI</t>
  </si>
  <si>
    <t>haveli</t>
  </si>
  <si>
    <t>mohallah mall mandi haveli lakha tehsil depalpur district okara</t>
  </si>
  <si>
    <t>haveli lakha mohallah mall mandi</t>
  </si>
  <si>
    <t>Mchaveli</t>
  </si>
  <si>
    <t>zafar javed</t>
  </si>
  <si>
    <t>GGPS 521 EB AHATA</t>
  </si>
  <si>
    <t>AHATA</t>
  </si>
  <si>
    <t>chak no 521/eb ahata</t>
  </si>
  <si>
    <t>521/EB Ahata</t>
  </si>
  <si>
    <t>Saima Munawar</t>
  </si>
  <si>
    <t>GGCMS 303 EB</t>
  </si>
  <si>
    <t>303 Eb</t>
  </si>
  <si>
    <t>GGCMPS 303 eb burewala</t>
  </si>
  <si>
    <t>265eb</t>
  </si>
  <si>
    <t>Saleem Kousar</t>
  </si>
  <si>
    <t>GES CHAK NO. 431 EB</t>
  </si>
  <si>
    <t>GES431eb Burewala</t>
  </si>
  <si>
    <t>431eb</t>
  </si>
  <si>
    <t>425eb</t>
  </si>
  <si>
    <t>GGPS AWAN DHAI WALA</t>
  </si>
  <si>
    <t>Awan Dhaiwala 9</t>
  </si>
  <si>
    <t>awan dhaiwala dak khana bata pur lahore</t>
  </si>
  <si>
    <t>harrar sialkot</t>
  </si>
  <si>
    <t>GGHS NOTAK MAHMEED</t>
  </si>
  <si>
    <t>Rafia Sultana Butt</t>
  </si>
  <si>
    <t>GES CHAK 399 JB</t>
  </si>
  <si>
    <t>chak 399 jb</t>
  </si>
  <si>
    <t>Chak399 Jb</t>
  </si>
  <si>
    <t>GGPS THATHA QADIR SHAH</t>
  </si>
  <si>
    <t>Thata Qadir Shah P/ O Awan Bhattian Sheikhupura</t>
  </si>
  <si>
    <t>GGPS Thata Qadir shah Post office Awaan BhattianTehsil &amp;District sheikhupura</t>
  </si>
  <si>
    <t>Thata Qadir Shah</t>
  </si>
  <si>
    <t>Nazia Liaqat</t>
  </si>
  <si>
    <t>25041</t>
  </si>
  <si>
    <t>GMPS CM CHAK PUTLIAN</t>
  </si>
  <si>
    <t>Chak Puttlian</t>
  </si>
  <si>
    <t>chak  puttian  post office Zahoora   Sialkot</t>
  </si>
  <si>
    <t>Chak  Puttlian</t>
  </si>
  <si>
    <t>Pindi Punjuran</t>
  </si>
  <si>
    <t>Nazia Zaheer</t>
  </si>
  <si>
    <t>GGCMES MANAWAN</t>
  </si>
  <si>
    <t>manawan lahore</t>
  </si>
  <si>
    <t>Shamaimran</t>
  </si>
  <si>
    <t>GGPS DHOK ZANDI</t>
  </si>
  <si>
    <t>government girls primary school dhok zandi thatha Khalil</t>
  </si>
  <si>
    <t>Dhok Zandi</t>
  </si>
  <si>
    <t>Munaza Manzoor</t>
  </si>
  <si>
    <t>GES CHAK 517 GB</t>
  </si>
  <si>
    <t>Chak No. 517 GB Tehsil &amp; District Toba Tek Singh.</t>
  </si>
  <si>
    <t>Chak No. 517 GB</t>
  </si>
  <si>
    <t>Chak No. 517</t>
  </si>
  <si>
    <t>AMIR RAZA KHAN</t>
  </si>
  <si>
    <t>GGES CHAK NO.8-A SB</t>
  </si>
  <si>
    <t>Chak 8A SB</t>
  </si>
  <si>
    <t>GGES chak 8A SB tehsil kotmomin district Sargodha</t>
  </si>
  <si>
    <t>GGPS RETARA NO 2</t>
  </si>
  <si>
    <t>30797</t>
  </si>
  <si>
    <t>GES CDG RAM GARH COLONY</t>
  </si>
  <si>
    <t>cdg boys elementary school no1 ramghar lahore</t>
  </si>
  <si>
    <t>Ramgbar</t>
  </si>
  <si>
    <t>GES BAJNIAL</t>
  </si>
  <si>
    <t>GES,bajnial, tehsil and district rawalpindi via  P/O  Noon</t>
  </si>
  <si>
    <t>bajnial</t>
  </si>
  <si>
    <t>GGPS NALA SHARKI</t>
  </si>
  <si>
    <t>Nala Sharqi</t>
  </si>
  <si>
    <t>Nalasharqi</t>
  </si>
  <si>
    <t>Birote Mandwani</t>
  </si>
  <si>
    <t>hameeda begum</t>
  </si>
  <si>
    <t>GPS CHAK 2-A/GD</t>
  </si>
  <si>
    <t>2/A-GD</t>
  </si>
  <si>
    <t>Chak No 2/A-GD tehsil Renala Khurd district Okara</t>
  </si>
  <si>
    <t>L Plot F</t>
  </si>
  <si>
    <t>GGPS CHAMIARI</t>
  </si>
  <si>
    <t>chamiari,nilhad</t>
  </si>
  <si>
    <t>Chamiari</t>
  </si>
  <si>
    <t>Fouzia Mussarat</t>
  </si>
  <si>
    <t>GGPS MC MOHRI KAMBAL</t>
  </si>
  <si>
    <t>Mohri Khambal</t>
  </si>
  <si>
    <t>GGCMS mohri khambal</t>
  </si>
  <si>
    <t>GPS PINDI KALU KHURD</t>
  </si>
  <si>
    <t>Pindi Kalu Khurd</t>
  </si>
  <si>
    <t>village pindi kalu khurd post office pindi kalu kalan</t>
  </si>
  <si>
    <t>GPS TERI WALA VILLAGE GANWEN SHUJABAD</t>
  </si>
  <si>
    <t>hamid wala</t>
  </si>
  <si>
    <t>GPS JHALAR VIRKAN</t>
  </si>
  <si>
    <t>Jhalar Virkan</t>
  </si>
  <si>
    <t>jhalar virkan KRK kasur</t>
  </si>
  <si>
    <t>42226</t>
  </si>
  <si>
    <t>GPS KHAL CHATTAR</t>
  </si>
  <si>
    <t>village Thoon tehsil kotli sattian dist rwp.</t>
  </si>
  <si>
    <t>GHS SIHAL</t>
  </si>
  <si>
    <t>Village Post Office Sihal Tehsil and District Rawalpindi</t>
  </si>
  <si>
    <t>Ahtisham Khan</t>
  </si>
  <si>
    <t>GMPS 21/10-R, KACHA KHUH</t>
  </si>
  <si>
    <t>21/10r</t>
  </si>
  <si>
    <t>chak no 21/10r</t>
  </si>
  <si>
    <t>23/10r</t>
  </si>
  <si>
    <t>13419</t>
  </si>
  <si>
    <t>GPS MAQAMI WALA</t>
  </si>
  <si>
    <t>nawan begraj</t>
  </si>
  <si>
    <t>chah range wala moza nawan begraj tehsil jampur distt rajanpur</t>
  </si>
  <si>
    <t>range wala</t>
  </si>
  <si>
    <t>GPS LORAI</t>
  </si>
  <si>
    <t>loray Teh&amp;Distt gujrat</t>
  </si>
  <si>
    <t>Shaukat Jawed</t>
  </si>
  <si>
    <t>24267</t>
  </si>
  <si>
    <t>GMPS SALOWAL</t>
  </si>
  <si>
    <t>Sallowal</t>
  </si>
  <si>
    <t>Village Sallowal P/o Merajky  Tehsil Pasrur District Sialkot</t>
  </si>
  <si>
    <t>Bajra Gharri</t>
  </si>
  <si>
    <t>GGPS ABDAAL</t>
  </si>
  <si>
    <t>Abdal cheema post office same District &amp; tehsil Gujranwala</t>
  </si>
  <si>
    <t>Wanyiwala</t>
  </si>
  <si>
    <t>GGPS CHAH KAMAL</t>
  </si>
  <si>
    <t>Chah kamal</t>
  </si>
  <si>
    <t>chah kamal wala jamlera road</t>
  </si>
  <si>
    <t>Chah Kamal</t>
  </si>
  <si>
    <t>Aarfa Nasim</t>
  </si>
  <si>
    <t>45403</t>
  </si>
  <si>
    <t>GES JHAMMAT JANUBI</t>
  </si>
  <si>
    <t>Dalan</t>
  </si>
  <si>
    <t>jhammat janubi po Dullewala</t>
  </si>
  <si>
    <t>Jhammat Janubi</t>
  </si>
  <si>
    <t>Jhammat SHUMALI</t>
  </si>
  <si>
    <t>GMPS CHAK NO 192 JB</t>
  </si>
  <si>
    <t>192batiwla</t>
  </si>
  <si>
    <t>192 batiwala</t>
  </si>
  <si>
    <t>192jb</t>
  </si>
  <si>
    <t>Balquees Jahan</t>
  </si>
  <si>
    <t>GGES THEH WADANA</t>
  </si>
  <si>
    <t>Thah Wadana</t>
  </si>
  <si>
    <t>govt girls E /S than  wadana</t>
  </si>
  <si>
    <t>Charywan</t>
  </si>
  <si>
    <t>GPS MIANI JHABAIL</t>
  </si>
  <si>
    <t>Basti Jhabhail P/O khanqha Sharif</t>
  </si>
  <si>
    <t>Basti Jhabhail</t>
  </si>
  <si>
    <t>Hazoor Ahmad</t>
  </si>
  <si>
    <t>GGPS MOZA KHOKRAN</t>
  </si>
  <si>
    <t>MOZA KHOKHRAN TEHSIL BUREWALA DISTRICT VRHARI P/O SAHUKA</t>
  </si>
  <si>
    <t>Sajida Riaz</t>
  </si>
  <si>
    <t>GGES CM LIBBAY</t>
  </si>
  <si>
    <t>Libbay</t>
  </si>
  <si>
    <t>libbay</t>
  </si>
  <si>
    <t>Saima  Shakeel</t>
  </si>
  <si>
    <t>GGPS HERNANWALI</t>
  </si>
  <si>
    <t>Haranawali</t>
  </si>
  <si>
    <t>haranawali po box mehrajkey tehsil pasrur district sialkot</t>
  </si>
  <si>
    <t>Adeela</t>
  </si>
  <si>
    <t>12759</t>
  </si>
  <si>
    <t>GGPS KHUDAI</t>
  </si>
  <si>
    <t>Feroza Barkat</t>
  </si>
  <si>
    <t>GGES CDG JUNIOR MODEL CHOWK DALGIRAN</t>
  </si>
  <si>
    <t>govt junior model middle schoo chowk dalgiran seconf shift brandreth road lahore</t>
  </si>
  <si>
    <t>Sara-e-sultan</t>
  </si>
  <si>
    <t>Shaheena Masood</t>
  </si>
  <si>
    <t>GGPS NAMA SAMOOR</t>
  </si>
  <si>
    <t>Namasamoor</t>
  </si>
  <si>
    <t>Nama samoor</t>
  </si>
  <si>
    <t>NAMA SAMOOR</t>
  </si>
  <si>
    <t>merdad mafi</t>
  </si>
  <si>
    <t>Nargis Sajjad</t>
  </si>
  <si>
    <t>28566</t>
  </si>
  <si>
    <t>GGPS MANKA</t>
  </si>
  <si>
    <t>village manka p/o fazla kach tribal area taunsa dg khan</t>
  </si>
  <si>
    <t>Salma Habib</t>
  </si>
  <si>
    <t>GGPS GHAUS BAKHSH KHOKHAR</t>
  </si>
  <si>
    <t>basti moosa Khokhar moza heeran</t>
  </si>
  <si>
    <t>Modal Khokhar</t>
  </si>
  <si>
    <t>Misan Abad</t>
  </si>
  <si>
    <t>Samia Faiz</t>
  </si>
  <si>
    <t>GGPS TIMAAR WALI</t>
  </si>
  <si>
    <t>mohalla  rajal</t>
  </si>
  <si>
    <t>Naeem Fatima</t>
  </si>
  <si>
    <t>govt.girls primary school akhtar abad Teena wali khui multan</t>
  </si>
  <si>
    <t>Samina Qasim</t>
  </si>
  <si>
    <t>24275</t>
  </si>
  <si>
    <t>GGPS GILL CHAHL</t>
  </si>
  <si>
    <t>Gill Chahal</t>
  </si>
  <si>
    <t>District Sialkot tahsil pasrur Gill chahal</t>
  </si>
  <si>
    <t>Lubna Mqbool</t>
  </si>
  <si>
    <t>GPS MOHRI GHAZAN</t>
  </si>
  <si>
    <t>Ghaziaba</t>
  </si>
  <si>
    <t>near Kalid Karyana store street 8 Ghaziabad Rwp</t>
  </si>
  <si>
    <t>GPS ITTEHAD NAGAR</t>
  </si>
  <si>
    <t>ittehad nagar jatri kohna tehsil &amp; district sheikhupura</t>
  </si>
  <si>
    <t>Ittehad Nagar</t>
  </si>
  <si>
    <t>GGPS ROLIWAL</t>
  </si>
  <si>
    <t>Roliwal</t>
  </si>
  <si>
    <t>govt girls primary school roliwal</t>
  </si>
  <si>
    <t>Aroosa Ansar</t>
  </si>
  <si>
    <t>GGES FATIMA JINNAH COLONY</t>
  </si>
  <si>
    <t>Fatima jinnah</t>
  </si>
  <si>
    <t>GGES Fatima Jinah colony Sargodha</t>
  </si>
  <si>
    <t>71 NB</t>
  </si>
  <si>
    <t>Surriya Tehsin</t>
  </si>
  <si>
    <t>GPS ANNAD PUR</t>
  </si>
  <si>
    <t>Anand Pur</t>
  </si>
  <si>
    <t>Haddi wala</t>
  </si>
  <si>
    <t>Girya Abad</t>
  </si>
  <si>
    <t>Imran Mahmood</t>
  </si>
  <si>
    <t>GGPS SHER KAY BALA</t>
  </si>
  <si>
    <t>moza kohla p.o same tehsil district okara</t>
  </si>
  <si>
    <t>Sher kay  Bala</t>
  </si>
  <si>
    <t>GGES CHAK NO.9/T MULTAN</t>
  </si>
  <si>
    <t>Chak 9T</t>
  </si>
  <si>
    <t>Govt girls middle school chak 9T budhla sant</t>
  </si>
  <si>
    <t>9T</t>
  </si>
  <si>
    <t>Zahra Shamshad</t>
  </si>
  <si>
    <t>GPS BAKHAL LAR NO. 2</t>
  </si>
  <si>
    <t>gps.bakhal lar no2</t>
  </si>
  <si>
    <t>Jam Mubarak Lar</t>
  </si>
  <si>
    <t>GGPS KOTLA HAYAT MUHAMMAD</t>
  </si>
  <si>
    <t>Kotla Hayat Muhammad</t>
  </si>
  <si>
    <t>ggps kotla hayat Muhammad basti mari abbasian Sardar garh rahim yar khan</t>
  </si>
  <si>
    <t>Basti Mari Abassian Kotla Hayat</t>
  </si>
  <si>
    <t>Mianwali Shiekhan</t>
  </si>
  <si>
    <t>Shagufta Jabben</t>
  </si>
  <si>
    <t>24643</t>
  </si>
  <si>
    <t>gangal p/o mehrajkay Tensil  pusrur sialkot</t>
  </si>
  <si>
    <t>33761</t>
  </si>
  <si>
    <t>GGES PULL MONDHAY WALA NAWAB PUR ROAD MULTAN</t>
  </si>
  <si>
    <t>Pul Mondhay Wala</t>
  </si>
  <si>
    <t>nawab pur road .pul mondhay wala</t>
  </si>
  <si>
    <t>Gulghast Colony</t>
  </si>
  <si>
    <t>45009</t>
  </si>
  <si>
    <t>GGPS Hafiz abad</t>
  </si>
  <si>
    <t>GMPS KOTLI GUL MUHAMMAD</t>
  </si>
  <si>
    <t>Kotli Gul Muhammad</t>
  </si>
  <si>
    <t>vill kotli hul Muhammad p/o bhaghat pur teh daska distt sialkot</t>
  </si>
  <si>
    <t>Bhaghat</t>
  </si>
  <si>
    <t>GGES CHAK NO 139/6-R</t>
  </si>
  <si>
    <t>139/6r</t>
  </si>
  <si>
    <t>chak no 139/6r</t>
  </si>
  <si>
    <t>GGES WARD NO. 8 MAILSI</t>
  </si>
  <si>
    <t>ggesward8mailsi</t>
  </si>
  <si>
    <t>42429</t>
  </si>
  <si>
    <t>GGES GOLEEN</t>
  </si>
  <si>
    <t>goleen</t>
  </si>
  <si>
    <t>Azra Bi Bi</t>
  </si>
  <si>
    <t>52783</t>
  </si>
  <si>
    <t>GGPS AMLI KA SOHAG</t>
  </si>
  <si>
    <t>Amli K Suhag</t>
  </si>
  <si>
    <t>amli k suhag</t>
  </si>
  <si>
    <t>Ghaga Mehar Shah</t>
  </si>
  <si>
    <t>Sehrish Saleem</t>
  </si>
  <si>
    <t>GGPS CHAK WARAICH</t>
  </si>
  <si>
    <t>village chak Warraich tensile pasrur dist sialkot</t>
  </si>
  <si>
    <t>GGCMS CHAK NO. 25/G</t>
  </si>
  <si>
    <t>Chak No 25/G</t>
  </si>
  <si>
    <t>GGCMSCHOOI 25/G</t>
  </si>
  <si>
    <t>25/G</t>
  </si>
  <si>
    <t>GGPS 42 KB</t>
  </si>
  <si>
    <t>chak#42/kb</t>
  </si>
  <si>
    <t>42/kb</t>
  </si>
  <si>
    <t>Dewan Sahib 317/eb</t>
  </si>
  <si>
    <t>Abida  Shaheen</t>
  </si>
  <si>
    <t>23687</t>
  </si>
  <si>
    <t>GGES CHANGI</t>
  </si>
  <si>
    <t>Changi</t>
  </si>
  <si>
    <t>Govt Girls Elementary school Changi Tehsil Daska District sialkot</t>
  </si>
  <si>
    <t>Bhaghat Pur</t>
  </si>
  <si>
    <t>Zanobia said</t>
  </si>
  <si>
    <t>GHS RUKAN PURA</t>
  </si>
  <si>
    <t>rukan pura</t>
  </si>
  <si>
    <t>AWAIS AFZAL</t>
  </si>
  <si>
    <t>GGPS BAHOODI PUR QURESHIAN</t>
  </si>
  <si>
    <t>51/NP</t>
  </si>
  <si>
    <t>GGPS Bahoodi pur Qureshian,ryk</t>
  </si>
  <si>
    <t>Bahoodi Pur Qreshian</t>
  </si>
  <si>
    <t>GGPS MURALI</t>
  </si>
  <si>
    <t>vill murali po kot sarang teh talagang  distt  chakwal</t>
  </si>
  <si>
    <t>Suriya Sultana</t>
  </si>
  <si>
    <t>GGPS BHABRIAN WALA</t>
  </si>
  <si>
    <t>Bhabherianwala</t>
  </si>
  <si>
    <t>Bhabherianwala near railwaycrosing</t>
  </si>
  <si>
    <t>Majeeda Bibi</t>
  </si>
  <si>
    <t>GPS RODY PATTOKI</t>
  </si>
  <si>
    <t>roday</t>
  </si>
  <si>
    <t>Tara Ghar</t>
  </si>
  <si>
    <t>MUHAMMAD ARIF Shahzad</t>
  </si>
  <si>
    <t>GMES ADIL PUR</t>
  </si>
  <si>
    <t>Adil Pur</t>
  </si>
  <si>
    <t>Village Adil Pur P. O Dhoda, Tehsil Pasrur District Sialkot</t>
  </si>
  <si>
    <t>Iqra Nisa</t>
  </si>
  <si>
    <t>GPS NEW BONTRA</t>
  </si>
  <si>
    <t>New Bontra</t>
  </si>
  <si>
    <t>new bontra</t>
  </si>
  <si>
    <t>village hand pump</t>
  </si>
  <si>
    <t>GMPS KHALABAT</t>
  </si>
  <si>
    <t>village Khalabut p/o Ban Teh Murree Dist RWP</t>
  </si>
  <si>
    <t>Khalabut</t>
  </si>
  <si>
    <t>Mussarat  Sajida</t>
  </si>
  <si>
    <t>41492</t>
  </si>
  <si>
    <t>GGPS MC SHAWALA</t>
  </si>
  <si>
    <t>SHAWALA Murree  P/O Murree, Tehsil Murree,District Rawalpindi</t>
  </si>
  <si>
    <t>Tehmina  Sarfraz</t>
  </si>
  <si>
    <t>54212</t>
  </si>
  <si>
    <t>GGPS BINDI BUKHSH DUB KALAN</t>
  </si>
  <si>
    <t>Dabklan</t>
  </si>
  <si>
    <t>bindi bakhsh dabklan shorkot Jhang</t>
  </si>
  <si>
    <t>Bindi Bakhsh</t>
  </si>
  <si>
    <t>GGPS KIRI ALI MARDAN</t>
  </si>
  <si>
    <t>Kiri Ali Mardan</t>
  </si>
  <si>
    <t>GGPS Kiri Ali mardan Post office rang pur</t>
  </si>
  <si>
    <t>Basti Kangranwala</t>
  </si>
  <si>
    <t>GGPS PACCA QURESHIAN</t>
  </si>
  <si>
    <t>basti pacca qureshian tehsil&amp;district  rahim yar khan</t>
  </si>
  <si>
    <t>Pacca Qureshian</t>
  </si>
  <si>
    <t>Perveen Kousar</t>
  </si>
  <si>
    <t>GMPS SABARWAL COLONY</t>
  </si>
  <si>
    <t>Sabharwal</t>
  </si>
  <si>
    <t>GMPS SABHARWAL COLONY SGD</t>
  </si>
  <si>
    <t>Sabhrwal</t>
  </si>
  <si>
    <t>71NB</t>
  </si>
  <si>
    <t>24009</t>
  </si>
  <si>
    <t>GGPS NAND PUR</t>
  </si>
  <si>
    <t>p.o.box changi tehsil daska district sakot</t>
  </si>
  <si>
    <t>Sumeera Kiran</t>
  </si>
  <si>
    <t>Dera TARARAN</t>
  </si>
  <si>
    <t>post office mangat GPS DERA TARARAN tehsil &amp; district mandi bahauddin</t>
  </si>
  <si>
    <t>Mangat # -  1111111111d///////////////////////////</t>
  </si>
  <si>
    <t>Mangat  --------2-2-24-24-242-2421-24215-242153532-2-24-24-242-2421-24215-242153532-2-24-24-242-2421</t>
  </si>
  <si>
    <t>Awais Khalid</t>
  </si>
  <si>
    <t>34556</t>
  </si>
  <si>
    <t>GGPS 4MR P/O KHAN PUR</t>
  </si>
  <si>
    <t>4mr</t>
  </si>
  <si>
    <t>G.G.P.S 4mr p/o khan pur</t>
  </si>
  <si>
    <t>Chak 4mr</t>
  </si>
  <si>
    <t>Nousheen Rafique</t>
  </si>
  <si>
    <t>GGPS CHAK NO. 55 RB II</t>
  </si>
  <si>
    <t>nawa Pind</t>
  </si>
  <si>
    <t>55 RB II</t>
  </si>
  <si>
    <t>55RB II</t>
  </si>
  <si>
    <t>54 Sarhali</t>
  </si>
  <si>
    <t>GGCMES KURAR</t>
  </si>
  <si>
    <t>kurar khushab</t>
  </si>
  <si>
    <t>Chorhatta Sindh Janobi</t>
  </si>
  <si>
    <t>Aziz abad colony near amjad khosa house chorhatta dgkhan</t>
  </si>
  <si>
    <t>Chorhatta Sindh Janobi No 3</t>
  </si>
  <si>
    <t>GES CANADA COLONY</t>
  </si>
  <si>
    <t>Govet. E/S Canada colony Nankana Sahib</t>
  </si>
  <si>
    <t>Mc Nankana</t>
  </si>
  <si>
    <t>M.Anees Adnan Shah</t>
  </si>
  <si>
    <t>17844</t>
  </si>
  <si>
    <t>GMPS CHAK BALIAN</t>
  </si>
  <si>
    <t>Balian</t>
  </si>
  <si>
    <t>Mouza Balian P/O Shahjewana tehsil and district Jhang.</t>
  </si>
  <si>
    <t>GGPS KHURA KHAIL</t>
  </si>
  <si>
    <t>khora khail</t>
  </si>
  <si>
    <t>Nadia Taj</t>
  </si>
  <si>
    <t>GMPS KAYAN PUR, CHAH DOGAR WALA</t>
  </si>
  <si>
    <t>Askarya Road Kaiyan pur Multan</t>
  </si>
  <si>
    <t>razia suba</t>
  </si>
  <si>
    <t>32042</t>
  </si>
  <si>
    <t>GPS RANCEE</t>
  </si>
  <si>
    <t>Rancee</t>
  </si>
  <si>
    <t>Rancee p/o Amba tehsil and dist Sheikhupura</t>
  </si>
  <si>
    <t>28463</t>
  </si>
  <si>
    <t>GhulamRasool</t>
  </si>
  <si>
    <t>kot ghulam rasool</t>
  </si>
  <si>
    <t>Chak  Mano</t>
  </si>
  <si>
    <t>GGES MAD NOOR KOT SAMABA</t>
  </si>
  <si>
    <t>Mud Kora</t>
  </si>
  <si>
    <t>GGES Mud Noor Kot Samaba</t>
  </si>
  <si>
    <t>Mud Noor</t>
  </si>
  <si>
    <t>Zahida Muneer</t>
  </si>
  <si>
    <t>GGPS DHARKALIAN</t>
  </si>
  <si>
    <t>village dharkalian teh/ dis Sialkot</t>
  </si>
  <si>
    <t>Rasolpur Bhaliya</t>
  </si>
  <si>
    <t>GPS JOGIANI</t>
  </si>
  <si>
    <t>basti jogiani uc bhakhir wah choti zareen kot chuta dg khan</t>
  </si>
  <si>
    <t>Bhakhar Wah</t>
  </si>
  <si>
    <t>32022</t>
  </si>
  <si>
    <t>GPS NAWAN KHOK</t>
  </si>
  <si>
    <t>Nawan Khuh</t>
  </si>
  <si>
    <t>Nawan Khuh P/o Hoikey Sheikhupura</t>
  </si>
  <si>
    <t>Bahumaan</t>
  </si>
  <si>
    <t>Samma Shahzad</t>
  </si>
  <si>
    <t>GMPS CHOUNTRA</t>
  </si>
  <si>
    <t>vpo chountra tahsil jand distt attock</t>
  </si>
  <si>
    <t>Nazma Shahzadi</t>
  </si>
  <si>
    <t>GES CHAK 724 GB</t>
  </si>
  <si>
    <t>Chak 724 GB Kamalia</t>
  </si>
  <si>
    <t>Chak 724 GB</t>
  </si>
  <si>
    <t>Muzzamil Hussain</t>
  </si>
  <si>
    <t>GES KANARA</t>
  </si>
  <si>
    <t>village kanara post office dandi nizam sarai alamgir gujrat</t>
  </si>
  <si>
    <t>Waqas Jahangir</t>
  </si>
  <si>
    <t>23423</t>
  </si>
  <si>
    <t>GGES MC JINNAH MODEL LALA MUSA</t>
  </si>
  <si>
    <t>Tanki Muhalla Lalamusa</t>
  </si>
  <si>
    <t>GGES KAK CHOUDHARY</t>
  </si>
  <si>
    <t>Kak Choudhary</t>
  </si>
  <si>
    <t>GGE/ school kak choudhary</t>
  </si>
  <si>
    <t>GHAZALA ROOHI</t>
  </si>
  <si>
    <t>village akbarabad, p o kahal,teh jand,distt attock</t>
  </si>
  <si>
    <t>Nabila Saba Ahmed</t>
  </si>
  <si>
    <t>GGPS HERSA NEHRA</t>
  </si>
  <si>
    <t>Hersa Nehra</t>
  </si>
  <si>
    <t>Hersa Nehra p/o muhammdi sharife</t>
  </si>
  <si>
    <t>Ruqyia Perveen</t>
  </si>
  <si>
    <t>GGPS 116 EB</t>
  </si>
  <si>
    <t>116eb</t>
  </si>
  <si>
    <t>chak no 116 eb</t>
  </si>
  <si>
    <t>Chak No 116eb</t>
  </si>
  <si>
    <t>hina ashraf</t>
  </si>
  <si>
    <t>GPS CDG SIDDIQUE PURA</t>
  </si>
  <si>
    <t>GPS CDG Siddique Pura</t>
  </si>
  <si>
    <t>Hanif Park</t>
  </si>
  <si>
    <t>Muhammad Irfan Latif Pirzada</t>
  </si>
  <si>
    <t>GGPS CHAPATI WALA (BABA TEND DARBAR)</t>
  </si>
  <si>
    <t>Patal Munda Darmyni</t>
  </si>
  <si>
    <t>CHAPATI WALA</t>
  </si>
  <si>
    <t>Mehnaz Shoukat</t>
  </si>
  <si>
    <t>48216</t>
  </si>
  <si>
    <t>GMPS CHAK NO.24 NB</t>
  </si>
  <si>
    <t>CHAK 24 NB</t>
  </si>
  <si>
    <t>azhar husain</t>
  </si>
  <si>
    <t>50131</t>
  </si>
  <si>
    <t>GMPS RASOOL PUR AWANA</t>
  </si>
  <si>
    <t>Rasool Pur Awana</t>
  </si>
  <si>
    <t>village RASOOL PUR AWANA post office  Marakial sialkot</t>
  </si>
  <si>
    <t>RASOOL PUR AWANA</t>
  </si>
  <si>
    <t>Saira Arif</t>
  </si>
  <si>
    <t>GPS DHOK AWAN (KHUMAR)</t>
  </si>
  <si>
    <t>dhok awan pindi gheb</t>
  </si>
  <si>
    <t>Natasha Azhar</t>
  </si>
  <si>
    <t>mouza sial p / o machiwal</t>
  </si>
  <si>
    <t>1/7  Thal  Janobi</t>
  </si>
  <si>
    <t>GPS BARYARN -WALA</t>
  </si>
  <si>
    <t>Baryaranwala p/o bhikhi T/D Sheikhupra</t>
  </si>
  <si>
    <t>GGPS MARMAKI</t>
  </si>
  <si>
    <t>Dhok Marmaki</t>
  </si>
  <si>
    <t>ggps Marmaki  vpo Mithial</t>
  </si>
  <si>
    <t>GES MUSTAFA ABAD</t>
  </si>
  <si>
    <t>Chak No 135 Np</t>
  </si>
  <si>
    <t>chak no 135 np liaquat pur Rahim Yar Khan</t>
  </si>
  <si>
    <t>Tranda Gurgaij</t>
  </si>
  <si>
    <t>GGPS DHOK RANJHA</t>
  </si>
  <si>
    <t>dhoke ranjha</t>
  </si>
  <si>
    <t>GGP/S Dhok Ranjha</t>
  </si>
  <si>
    <t>GGHS DATA BHATT</t>
  </si>
  <si>
    <t>vpo data bhatt</t>
  </si>
  <si>
    <t>BINISH ISHTIAQ</t>
  </si>
  <si>
    <t>GGPS BASTI MAGHRANA</t>
  </si>
  <si>
    <t>ggps.moza maghrana.burewala</t>
  </si>
  <si>
    <t>Basti Maghrana</t>
  </si>
  <si>
    <t>Uzma Jalal</t>
  </si>
  <si>
    <t>35791</t>
  </si>
  <si>
    <t>GPS HARI CHAND</t>
  </si>
  <si>
    <t>Basti Hari Chand P/O Adda Hari Chand Tehsil Mailsi Vehari</t>
  </si>
  <si>
    <t>43415</t>
  </si>
  <si>
    <t>GGPS MURID BALLA</t>
  </si>
  <si>
    <t>Nosheen Akhter</t>
  </si>
  <si>
    <t>GGPS BASTI RATHIAN</t>
  </si>
  <si>
    <t>basti rathian p/o box bakhshan khan tehsil chishtian</t>
  </si>
  <si>
    <t>Huma Liaquat</t>
  </si>
  <si>
    <t>GGMPS CHAHAR</t>
  </si>
  <si>
    <t>Chahar</t>
  </si>
  <si>
    <t>GGMPS Chahar, Tehsil Zafrwal, District Narowal</t>
  </si>
  <si>
    <t>Zubida Begum</t>
  </si>
  <si>
    <t>GPS DERA SUBIDARAN</t>
  </si>
  <si>
    <t>Dera Sobidaran</t>
  </si>
  <si>
    <t>50921</t>
  </si>
  <si>
    <t>GES 65/5-L</t>
  </si>
  <si>
    <t>65/5-L</t>
  </si>
  <si>
    <t>Chak No. 65/5-L Sahiwal</t>
  </si>
  <si>
    <t>Zulfiqar  Ali</t>
  </si>
  <si>
    <t>50058</t>
  </si>
  <si>
    <t>GGPS THATTI JALAL</t>
  </si>
  <si>
    <t>p/o rabbana thatti jalal</t>
  </si>
  <si>
    <t>Iqra Munir</t>
  </si>
  <si>
    <t>GES CHAK NO. 16/1-AL</t>
  </si>
  <si>
    <t>16 /1 A L</t>
  </si>
  <si>
    <t>Muhammad Imran Rashid</t>
  </si>
  <si>
    <t>GPS TANI CHAK 524</t>
  </si>
  <si>
    <t>Tani chak524 teh &amp;distt skp</t>
  </si>
  <si>
    <t>Tani Chak</t>
  </si>
  <si>
    <t>Muhammad Auyub</t>
  </si>
  <si>
    <t>34561</t>
  </si>
  <si>
    <t>GGPS AARAY WALA MUZA JHOK LASHAKAR PUR</t>
  </si>
  <si>
    <t>chah aaray wala moza jhoke lashkae pur 19 kassi vehari road multan</t>
  </si>
  <si>
    <t>Aaray Wala</t>
  </si>
  <si>
    <t>GGPS DERA KATTU ANA</t>
  </si>
  <si>
    <t>Kattu Ana</t>
  </si>
  <si>
    <t>dera kattu ana</t>
  </si>
  <si>
    <t>Dera Katto Ana</t>
  </si>
  <si>
    <t>Kalokey</t>
  </si>
  <si>
    <t>Akhter Bano</t>
  </si>
  <si>
    <t>GPS DERA BOHLIAN WALA</t>
  </si>
  <si>
    <t>Dera Muhammad  Khan</t>
  </si>
  <si>
    <t>dera Muhammad khan kalokay road sheikhupura</t>
  </si>
  <si>
    <t>Dera Muhammad Khan</t>
  </si>
  <si>
    <t>Sayeda Razia Batool</t>
  </si>
  <si>
    <t>GGPS NO.3 7-MARLA SCHEME CHAK NO.98 SB</t>
  </si>
  <si>
    <t>Chak no 98'sb</t>
  </si>
  <si>
    <t>Chak No 36 Sb</t>
  </si>
  <si>
    <t>GPS CHAK NO.427/6-R (E)</t>
  </si>
  <si>
    <t>Chak no 427/6r E teh. Haronabad Disst BWN</t>
  </si>
  <si>
    <t>427/6R E</t>
  </si>
  <si>
    <t>GPS DERA MAKHANA</t>
  </si>
  <si>
    <t>Dera makhanawala jaswal</t>
  </si>
  <si>
    <t>Nouman Sarwar</t>
  </si>
  <si>
    <t>GGPS JHUMAT JANOOBI NO 2</t>
  </si>
  <si>
    <t>jhamat janobi</t>
  </si>
  <si>
    <t>Jhamat Janobi</t>
  </si>
  <si>
    <t>Uzma khalil</t>
  </si>
  <si>
    <t>51967</t>
  </si>
  <si>
    <t>GPS 165 EB P.O 163 E.B ARIF WALA</t>
  </si>
  <si>
    <t>165/eb</t>
  </si>
  <si>
    <t>gps165b po163eb Ariwala DisttPakpattan</t>
  </si>
  <si>
    <t>163/eb</t>
  </si>
  <si>
    <t>Muhammad  Younis Javed</t>
  </si>
  <si>
    <t>GHSS CHAK 207/M</t>
  </si>
  <si>
    <t>207/M</t>
  </si>
  <si>
    <t>Chak No. 207/M Chishtian</t>
  </si>
  <si>
    <t>GPS BUCHA</t>
  </si>
  <si>
    <t>village bucha p/o mandra TEH Gujar khan DISTT RWP</t>
  </si>
  <si>
    <t>Haroon Yousaf</t>
  </si>
  <si>
    <t>30856</t>
  </si>
  <si>
    <t>GGES DHEERKAY</t>
  </si>
  <si>
    <t>GGES DHEERKAY LHR CANT</t>
  </si>
  <si>
    <t>Shazmina Shujaat Ali</t>
  </si>
  <si>
    <t>GPS THATHI SANDRAL</t>
  </si>
  <si>
    <t>vpo Sandral District Khushab</t>
  </si>
  <si>
    <t>GPS KAMKOOT HADAR</t>
  </si>
  <si>
    <t>GBPS kamkot haider</t>
  </si>
  <si>
    <t>Lehtaar</t>
  </si>
  <si>
    <t>Sadia Najeeb</t>
  </si>
  <si>
    <t>fountain</t>
  </si>
  <si>
    <t>GES GHUMAN MARI</t>
  </si>
  <si>
    <t>Post Office and Tehsil shorkot</t>
  </si>
  <si>
    <t>CH Zafar Iqbal</t>
  </si>
  <si>
    <t>GGES ABAD PUR</t>
  </si>
  <si>
    <t>Govt. Girls Elementary School Abad Pur, Markaz Abadpur. p/o Abad Pur</t>
  </si>
  <si>
    <t>Muzamal Ramzan</t>
  </si>
  <si>
    <t>GHSS SINAWAN</t>
  </si>
  <si>
    <t>sinawam</t>
  </si>
  <si>
    <t>IRSHAD AHMAD KORIA</t>
  </si>
  <si>
    <t>GGPS GAZRAN JPP.</t>
  </si>
  <si>
    <t>p/o Juggo wala khas basti Hashim  wala union council Lalwah uc  no 165 tehsil Jalal pur pir wala Multan</t>
  </si>
  <si>
    <t>Hashim Wala</t>
  </si>
  <si>
    <t>Maria Jafar</t>
  </si>
  <si>
    <t>GGPS 116/7-CR</t>
  </si>
  <si>
    <t>Hayatabad street 6 chichawatni</t>
  </si>
  <si>
    <t>asia shehzad</t>
  </si>
  <si>
    <t>GPS 155/9-L</t>
  </si>
  <si>
    <t>Chak. no. 155/9.L p. o. s. Tch. disst Sahiwal</t>
  </si>
  <si>
    <t>155 9/L</t>
  </si>
  <si>
    <t>GGCMES 110/12-L</t>
  </si>
  <si>
    <t>chak No 110/12-L</t>
  </si>
  <si>
    <t>Chak No 110/12-L chichawatni District sahiwal</t>
  </si>
  <si>
    <t>SUMERA IRSHAD ALVI</t>
  </si>
  <si>
    <t>GGPS PULLAN WALA</t>
  </si>
  <si>
    <t>Pullan Wala</t>
  </si>
  <si>
    <t>Pullan Wala, Rustam Sargana</t>
  </si>
  <si>
    <t>GGES KURAR</t>
  </si>
  <si>
    <t>Gges village kurar post office mangoki virkan tehsil Noshehra virkan district Gujranwala</t>
  </si>
  <si>
    <t>GGPS BAICHRAH</t>
  </si>
  <si>
    <t>Beichra</t>
  </si>
  <si>
    <t>GGps beichra</t>
  </si>
  <si>
    <t>GPS GHANIAN</t>
  </si>
  <si>
    <t>1Kanal 5 Marla</t>
  </si>
  <si>
    <t>Ghanian ghazi the safdarabad SKP</t>
  </si>
  <si>
    <t>33352</t>
  </si>
  <si>
    <t>GES CHEENA</t>
  </si>
  <si>
    <t>Ges Chheena</t>
  </si>
  <si>
    <t>Ghulam Farooq</t>
  </si>
  <si>
    <t>35683</t>
  </si>
  <si>
    <t>GGPS MALANA</t>
  </si>
  <si>
    <t>GGP/S Basti Malana</t>
  </si>
  <si>
    <t>46576</t>
  </si>
  <si>
    <t>GGPS DERA LANGA</t>
  </si>
  <si>
    <t>Dera langa</t>
  </si>
  <si>
    <t>g G P /s Dera Langa jabbi</t>
  </si>
  <si>
    <t>G G P /s Dera Langa</t>
  </si>
  <si>
    <t>GGPS BASTI NAIKIAN</t>
  </si>
  <si>
    <t>gg ps basti NAIKIAN moza noshehra nashaib p/o Doratta Layyah</t>
  </si>
  <si>
    <t>BASTI NAIKIAN</t>
  </si>
  <si>
    <t>Shadoo khan</t>
  </si>
  <si>
    <t>Aneela Rani</t>
  </si>
  <si>
    <t>GGPS LADHAY WALA JALALPUR PIRWALA</t>
  </si>
  <si>
    <t>basti ladhay wala</t>
  </si>
  <si>
    <t>Basti Ladhay Wala</t>
  </si>
  <si>
    <t>Tahira Latif</t>
  </si>
  <si>
    <t>GGPS GHOWINDI KHUSHAL SINGH</t>
  </si>
  <si>
    <t>GHOWINDI KHUSHAL Singh</t>
  </si>
  <si>
    <t>GES BUDHO PO SARDAR PUR JHANDIR</t>
  </si>
  <si>
    <t>Mauza Budho Mailsi  Vehari</t>
  </si>
  <si>
    <t>GGPS CHAK NO.10/1-R</t>
  </si>
  <si>
    <t>10/1R</t>
  </si>
  <si>
    <t>10/1R tehsil renala khurd</t>
  </si>
  <si>
    <t>4 G/D</t>
  </si>
  <si>
    <t>GES CHAK 688/28 GB NANAK PUR</t>
  </si>
  <si>
    <t>ChAK NO. 688/28 GB NANAK PUR teh pirmahal dist. toba tek singh</t>
  </si>
  <si>
    <t>chak 688 gb nanak pur</t>
  </si>
  <si>
    <t>MUHAMMAD WASEEM SHAHID</t>
  </si>
  <si>
    <t>GPS CHOHDO KHUDA YAR</t>
  </si>
  <si>
    <t>Chohdo Khuda Yar</t>
  </si>
  <si>
    <t>chohdo khuda yar</t>
  </si>
  <si>
    <t>Khuram Churaira</t>
  </si>
  <si>
    <t>Ijaz Ahmad Toor</t>
  </si>
  <si>
    <t>GGPS SOJHLAY WALA</t>
  </si>
  <si>
    <t>Sikender Wala</t>
  </si>
  <si>
    <t>Basti shaukat abad</t>
  </si>
  <si>
    <t>GHS BADHOKE GOSAIYAN</t>
  </si>
  <si>
    <t>Baddoki Gossaian Tehsil&amp; District Gujranwala</t>
  </si>
  <si>
    <t>Baddoki Gossaian</t>
  </si>
  <si>
    <t>Ghulam Shabbir Ahmad</t>
  </si>
  <si>
    <t>GGPS MOUZA RID P/O LAR 18MR</t>
  </si>
  <si>
    <t>GGPS Mouza Ridd Multan</t>
  </si>
  <si>
    <t>Moza Ridd</t>
  </si>
  <si>
    <t>Suriya Parveen</t>
  </si>
  <si>
    <t>GGPS DHOK AHMAD KHAN MANGWAL</t>
  </si>
  <si>
    <t>Dhoke AHMED KHAN MANGWAL</t>
  </si>
  <si>
    <t>Dhoke MANGWAL</t>
  </si>
  <si>
    <t>Maryum Bibi</t>
  </si>
  <si>
    <t>GGCMS 18/1-L</t>
  </si>
  <si>
    <t>18/1L</t>
  </si>
  <si>
    <t>Chak no 18/1 L</t>
  </si>
  <si>
    <t>20/2L</t>
  </si>
  <si>
    <t>GMPS THATHA MALKHI</t>
  </si>
  <si>
    <t>Thatha milkhi</t>
  </si>
  <si>
    <t>Thatha Milkhi</t>
  </si>
  <si>
    <t>Naghmana Habib</t>
  </si>
  <si>
    <t>GPS MC NO. 2 KHUSHAB</t>
  </si>
  <si>
    <t>Street Budhanwali Khushab</t>
  </si>
  <si>
    <t>Muhammad Qaiser Nauman</t>
  </si>
  <si>
    <t>GGPS AKKI KAY</t>
  </si>
  <si>
    <t>Akki Kay</t>
  </si>
  <si>
    <t>tehsil shakargarh distt narowal village akki kay p/o kanjror</t>
  </si>
  <si>
    <t>Sara Shabbir</t>
  </si>
  <si>
    <t>basti kharora mouza khan wala tehsil jatoi distt.muzaffargarh</t>
  </si>
  <si>
    <t>Basti Kharora</t>
  </si>
  <si>
    <t>GPS HEAD FAQIRIAN</t>
  </si>
  <si>
    <t>head faqirian teh malikwal distt m.b.din</t>
  </si>
  <si>
    <t>GPS JAT RIA KALAN</t>
  </si>
  <si>
    <t>GPS JATRIA KALAN</t>
  </si>
  <si>
    <t>GES ADHI</t>
  </si>
  <si>
    <t>Vpo Adhi Tehsil Gujar khan</t>
  </si>
  <si>
    <t>6822</t>
  </si>
  <si>
    <t>GPS BASTI AKBAR DIN</t>
  </si>
  <si>
    <t>Basti Akbar Din, Mao Mubark</t>
  </si>
  <si>
    <t>Basti Akbar Din</t>
  </si>
  <si>
    <t>41738</t>
  </si>
  <si>
    <t>GPS Chakra</t>
  </si>
  <si>
    <t>GGES MOUZA KHAN PUR MANZOOR COLONY</t>
  </si>
  <si>
    <t>GGES moza khanpur manzor colony near airport road khanpur</t>
  </si>
  <si>
    <t>MC-khanpur-D</t>
  </si>
  <si>
    <t>40091</t>
  </si>
  <si>
    <t>GHS JAKKAR</t>
  </si>
  <si>
    <t>jakkar</t>
  </si>
  <si>
    <t>GHS JAKKAR, JHELUM</t>
  </si>
  <si>
    <t>CHAK JMAL</t>
  </si>
  <si>
    <t>GPS DHOK GAMA</t>
  </si>
  <si>
    <t>dk.gama</t>
  </si>
  <si>
    <t>Dhoke Gama</t>
  </si>
  <si>
    <t>Shah Rafi Ud Din</t>
  </si>
  <si>
    <t>52584</t>
  </si>
  <si>
    <t>GPS ALNOOR COLONY</t>
  </si>
  <si>
    <t>al noor colony gojra road jhang</t>
  </si>
  <si>
    <t>Al Noor Colony</t>
  </si>
  <si>
    <t>Gul Sher</t>
  </si>
  <si>
    <t>GGPS DHOK VERIK</t>
  </si>
  <si>
    <t>Dhok Virk</t>
  </si>
  <si>
    <t>Village Dhok Virk P /o Nila disst  &amp; Teh Chakwal</t>
  </si>
  <si>
    <t>Dhok Virke</t>
  </si>
  <si>
    <t>Mussarrat Aziz</t>
  </si>
  <si>
    <t>GES CHAK NO. 112/6-R</t>
  </si>
  <si>
    <t>112/6R</t>
  </si>
  <si>
    <t>chak no 112/6R tehsil Haroon Abad district Bahawal Nagar</t>
  </si>
  <si>
    <t>GGPS YARA DIRKHANA WALA</t>
  </si>
  <si>
    <t>Bsti dirkhana wali p/o khas sial teh &amp; dist bhakkar</t>
  </si>
  <si>
    <t>Bsti Dirkhana Wali</t>
  </si>
  <si>
    <t>water pump and hand pump also</t>
  </si>
  <si>
    <t>19836</t>
  </si>
  <si>
    <t>GMPS CHAK NO 242 JB EAST</t>
  </si>
  <si>
    <t>Sarnanga</t>
  </si>
  <si>
    <t>chak no 242 jb East tehsil bhowana district chiniot</t>
  </si>
  <si>
    <t>Chak no 242 jb East</t>
  </si>
  <si>
    <t>Chak no 210 jb</t>
  </si>
  <si>
    <t>Samina Jamal</t>
  </si>
  <si>
    <t>45601</t>
  </si>
  <si>
    <t>GGPS TIBBA KHOKHRAN WALA</t>
  </si>
  <si>
    <t>Tibba khokhar darya khan bhakkar</t>
  </si>
  <si>
    <t>GMPS CHOHAR CHAK</t>
  </si>
  <si>
    <t>Shaista Sarwar</t>
  </si>
  <si>
    <t>GGPS CHAK NO.22 NB</t>
  </si>
  <si>
    <t>22nb</t>
  </si>
  <si>
    <t>chak no 22 NB Tehsil Bhalwal District Sargodha</t>
  </si>
  <si>
    <t>Chak No 10NB</t>
  </si>
  <si>
    <t>Yasmeen Faiz</t>
  </si>
  <si>
    <t>GPS CHAK 420 JB</t>
  </si>
  <si>
    <t>Chak No 420 JB</t>
  </si>
  <si>
    <t>Chak no 420 jb</t>
  </si>
  <si>
    <t>Kajla</t>
  </si>
  <si>
    <t>Amam Buksh</t>
  </si>
  <si>
    <t>52264</t>
  </si>
  <si>
    <t>GES SHAH PUR</t>
  </si>
  <si>
    <t>Moza shah pur tehsil depalpur distt okara</t>
  </si>
  <si>
    <t>GMPS AALI</t>
  </si>
  <si>
    <t>Village Alli Gujarat</t>
  </si>
  <si>
    <t>Asma Atif</t>
  </si>
  <si>
    <t>19571</t>
  </si>
  <si>
    <t>GGPS CHAK 257 GB</t>
  </si>
  <si>
    <t>Chak no 257gb azafi abadi</t>
  </si>
  <si>
    <t>Phlore</t>
  </si>
  <si>
    <t>Sadia Mehvish</t>
  </si>
  <si>
    <t>GGPS CHAK LALA</t>
  </si>
  <si>
    <t>Chak Lala</t>
  </si>
  <si>
    <t>district sialkot tehsil pasrur p/o chobara village chak lala</t>
  </si>
  <si>
    <t>Chobarah</t>
  </si>
  <si>
    <t>Riffat Saddique</t>
  </si>
  <si>
    <t>GGHS HAIDER ABAD</t>
  </si>
  <si>
    <t>GGHS HAIDERABAD</t>
  </si>
  <si>
    <t>RABIA KHAN</t>
  </si>
  <si>
    <t>35594</t>
  </si>
  <si>
    <t>GGES CHAK NO.86/WB</t>
  </si>
  <si>
    <t>86 Wb</t>
  </si>
  <si>
    <t>Chak no 86wb tahsil mailsi district vehari</t>
  </si>
  <si>
    <t>Chak No 86wb</t>
  </si>
  <si>
    <t>najam-us-Saqib</t>
  </si>
  <si>
    <t>GGES JANDYALA</t>
  </si>
  <si>
    <t>village jandyala</t>
  </si>
  <si>
    <t>Aysha Amin</t>
  </si>
  <si>
    <t>38081</t>
  </si>
  <si>
    <t>GMES SAAD ULLAH PUR LODRAAN</t>
  </si>
  <si>
    <t>dak khana qurashiwala saadullah pur,tehsil and District lodhran</t>
  </si>
  <si>
    <t>Saima Qamar</t>
  </si>
  <si>
    <t>GGPS 1/8-R NAURANG ABAD, TULAMBA</t>
  </si>
  <si>
    <t>Naurang Abad</t>
  </si>
  <si>
    <t>1/8r naurang abad</t>
  </si>
  <si>
    <t>1/8r Naurang Abad</t>
  </si>
  <si>
    <t>Munaza Naz</t>
  </si>
  <si>
    <t>GGPS ATHWAL</t>
  </si>
  <si>
    <t>Athwal</t>
  </si>
  <si>
    <t>village Athwal sialkot</t>
  </si>
  <si>
    <t>GGPS TULS PURA</t>
  </si>
  <si>
    <t>Tulspura</t>
  </si>
  <si>
    <t>tulspura stop dayal house near LMDC p.o batapur lahore</t>
  </si>
  <si>
    <t>GGPS CHAK NO. 77/NP</t>
  </si>
  <si>
    <t>Chak77NP</t>
  </si>
  <si>
    <t>ggpschak77NP</t>
  </si>
  <si>
    <t>Mubarka Nuzhat</t>
  </si>
  <si>
    <t>GGPS SHAFIQ JANDIALA ROAD MUHAMMAD PURA</t>
  </si>
  <si>
    <t>jandiala road</t>
  </si>
  <si>
    <t>GGMPS JALOKEY</t>
  </si>
  <si>
    <t>GGMP/S Jalokey</t>
  </si>
  <si>
    <t>Ulfat begum</t>
  </si>
  <si>
    <t>GPS CHAK NO. 100-B TDA</t>
  </si>
  <si>
    <t>Chak sahu wala tehsil karor district Layyah</t>
  </si>
  <si>
    <t>GMPS HERNAH</t>
  </si>
  <si>
    <t>Hernah</t>
  </si>
  <si>
    <t>hernah</t>
  </si>
  <si>
    <t>Shamsa Irshad</t>
  </si>
  <si>
    <t>GGPS ARAZI TALWARA</t>
  </si>
  <si>
    <t>Arazi Talwara</t>
  </si>
  <si>
    <t>p/o bata pur teh.shalimar distt.lhr</t>
  </si>
  <si>
    <t>Awan Dae Wala</t>
  </si>
  <si>
    <t>Amara Aslam</t>
  </si>
  <si>
    <t>GGPS BASTI FAZAL MUHAMMAD</t>
  </si>
  <si>
    <t>dak Khana mao mubark basti fazal mohammad</t>
  </si>
  <si>
    <t>Basti Fazal Muhammad</t>
  </si>
  <si>
    <t>Mao Maomubark</t>
  </si>
  <si>
    <t>Zakia Yaqoob</t>
  </si>
  <si>
    <t>GPS GARMULA CHAK 169/RB</t>
  </si>
  <si>
    <t>garmola</t>
  </si>
  <si>
    <t>mandiala</t>
  </si>
  <si>
    <t>GGPS JHALAR SUNDAR SINGH</t>
  </si>
  <si>
    <t>ggps jhallar sundar singh</t>
  </si>
  <si>
    <t>Jahllar Suder Singh</t>
  </si>
  <si>
    <t>Yasmeenkausar</t>
  </si>
  <si>
    <t>GES PHULLIANI PATTOKI DIST. KASUR</t>
  </si>
  <si>
    <t>Phulliani pattoki</t>
  </si>
  <si>
    <t>Bashir Ahmad Zafar</t>
  </si>
  <si>
    <t>GGPS PACHANI</t>
  </si>
  <si>
    <t>PACHANI</t>
  </si>
  <si>
    <t>GOVT  Girls.  Primary.  School.   Pachani</t>
  </si>
  <si>
    <t>Qammer Batool</t>
  </si>
  <si>
    <t>GPS CHAK 396 JB</t>
  </si>
  <si>
    <t>Chak No.396 J.B.Toba Tek Singh</t>
  </si>
  <si>
    <t>396 JB</t>
  </si>
  <si>
    <t>388 JB</t>
  </si>
  <si>
    <t>Anwar  Hussain</t>
  </si>
  <si>
    <t>GGPS BASTI ISLAM</t>
  </si>
  <si>
    <t>Jalal Pur Kamlana</t>
  </si>
  <si>
    <t>Afshan Tabassum</t>
  </si>
  <si>
    <t>GGPS DUMRA</t>
  </si>
  <si>
    <t>P/O Taunsa Sharif Basti Dumra</t>
  </si>
  <si>
    <t>adeena khatoon</t>
  </si>
  <si>
    <t>GES MUTHRALA</t>
  </si>
  <si>
    <t>MUTHRALA</t>
  </si>
  <si>
    <t>vpo MUTHRALA Teh Talagang District CHAKWAL</t>
  </si>
  <si>
    <t>GGPS BANDOOR OLD</t>
  </si>
  <si>
    <t>GGPS Bandoor Old Rahim Yar Khan</t>
  </si>
  <si>
    <t>Bandoor Old</t>
  </si>
  <si>
    <t>Daih</t>
  </si>
  <si>
    <t>GGPS JARAY WALA</t>
  </si>
  <si>
    <t>Ggp/s jaray wala</t>
  </si>
  <si>
    <t>Jaray Wala</t>
  </si>
  <si>
    <t>GHS CHAUKERA</t>
  </si>
  <si>
    <t>Govt high school chokera Sargodha</t>
  </si>
  <si>
    <t>Farhan Malik</t>
  </si>
  <si>
    <t>GES KOT MEHTAB KHAN</t>
  </si>
  <si>
    <t>Kot mehtab khan</t>
  </si>
  <si>
    <t>Ges kot mehtab khan</t>
  </si>
  <si>
    <t>Chhina arla</t>
  </si>
  <si>
    <t>GPS CHAK NO. 120-A/TDA DANAY WALA</t>
  </si>
  <si>
    <t>chak no 118/TDA layyah</t>
  </si>
  <si>
    <t>Chak No 120/TDa</t>
  </si>
  <si>
    <t>GGPS DHOK GARR DAKHLI</t>
  </si>
  <si>
    <t>Garr</t>
  </si>
  <si>
    <t>p.o.b t.m khan</t>
  </si>
  <si>
    <t>Itrat Bibi</t>
  </si>
  <si>
    <t>GES JANAY WALA</t>
  </si>
  <si>
    <t>chah yaseen wala tehsil haubara;district layyah</t>
  </si>
  <si>
    <t>Yaseen Wala</t>
  </si>
  <si>
    <t>Nawnkot</t>
  </si>
  <si>
    <t>GES AHMAD MOHANA</t>
  </si>
  <si>
    <t>44138</t>
  </si>
  <si>
    <t>GGCMES CHANDU</t>
  </si>
  <si>
    <t>village Chandu p/o Mahinwal tehsil choa saidan shah district chakwal</t>
  </si>
  <si>
    <t>GGPS MC MOHALLA RASOOL PURA</t>
  </si>
  <si>
    <t>Khalid Road Skp</t>
  </si>
  <si>
    <t>Khalid road skp</t>
  </si>
  <si>
    <t>39133</t>
  </si>
  <si>
    <t>GMPS KOTEHRA</t>
  </si>
  <si>
    <t>G.M.P.S Kotehra</t>
  </si>
  <si>
    <t>Tahira Roohi</t>
  </si>
  <si>
    <t>GHS MODEL SHAHALAM GATE LHR</t>
  </si>
  <si>
    <t>Shah Alam Market</t>
  </si>
  <si>
    <t>Govt model high school shah alam gate lahore</t>
  </si>
  <si>
    <t>Farukh Mahmood Janjua</t>
  </si>
  <si>
    <t>GGES TALI SAHAB</t>
  </si>
  <si>
    <t>Tahli Sahib</t>
  </si>
  <si>
    <t>Village Tahli sahib, P.O.Qasim Abad Gujrat</t>
  </si>
  <si>
    <t>Sobia Aurangzaib</t>
  </si>
  <si>
    <t>GPS MUSLIM-BIN-AQEEL COLONY</t>
  </si>
  <si>
    <t>Street No 5 Muslin Bin Aqeel Colony Sahiwal</t>
  </si>
  <si>
    <t>Muslim Bin Aqeel Colony</t>
  </si>
  <si>
    <t>Muhammad Tariq Khilji</t>
  </si>
  <si>
    <t>GGHS ANJUMAN-E-ISLAMIA GOWALMANDI NEAR FOOD STREET</t>
  </si>
  <si>
    <t>govt.anjuman email islamia girls high school gowalmandi</t>
  </si>
  <si>
    <t>Kausar Ishaque</t>
  </si>
  <si>
    <t>GGPS PALUWAN</t>
  </si>
  <si>
    <t>NOOR PUR (WEST) (FEMALE)</t>
  </si>
  <si>
    <t>GGPS Paluwan Teh. Noor Pur Thal Distt. Khushab</t>
  </si>
  <si>
    <t>Shahnaz Nasreen</t>
  </si>
  <si>
    <t>GPS MEHMOOD MASJID MARDWAL</t>
  </si>
  <si>
    <t>post office mardwal tehsil naushara district khushab</t>
  </si>
  <si>
    <t>GPS BERAHAM PUR</t>
  </si>
  <si>
    <t>Brahim Pur</t>
  </si>
  <si>
    <t>Govt Primary school Brahim Pur</t>
  </si>
  <si>
    <t>Chack Farazi</t>
  </si>
  <si>
    <t>GGPS DERA MANGTAN WALA</t>
  </si>
  <si>
    <t>dera mangtan wala</t>
  </si>
  <si>
    <t>Mangtan Wala</t>
  </si>
  <si>
    <t>32153</t>
  </si>
  <si>
    <t>GGPS SHAH WALA JANUBI</t>
  </si>
  <si>
    <t>Ggps Shahwala janoobi teh noorpur distt khushab</t>
  </si>
  <si>
    <t>Shahwala NJanoobi</t>
  </si>
  <si>
    <t>Rahadari</t>
  </si>
  <si>
    <t>25088</t>
  </si>
  <si>
    <t>GGPS GUL BAHAR KALAN</t>
  </si>
  <si>
    <t>Gulbhar Kalan</t>
  </si>
  <si>
    <t>tehsil and district Sialkot village Gulbhar kalan Post office Jhai</t>
  </si>
  <si>
    <t>Najma Tassadaq</t>
  </si>
  <si>
    <t>GGES CHAK NO.131 SB</t>
  </si>
  <si>
    <t>chak no 131 sb</t>
  </si>
  <si>
    <t>131sb</t>
  </si>
  <si>
    <t>Tanzila Iqbal</t>
  </si>
  <si>
    <t>GPS MERAJ PURA</t>
  </si>
  <si>
    <t>muhallah merajnpura skp</t>
  </si>
  <si>
    <t>Rakh Hirn Minar</t>
  </si>
  <si>
    <t>Syed Mahmood Alam Bukhari</t>
  </si>
  <si>
    <t>GPS NORANG WALA</t>
  </si>
  <si>
    <t>Norang wala</t>
  </si>
  <si>
    <t>Norey Wala</t>
  </si>
  <si>
    <t>GGPS RUKH PUDRI</t>
  </si>
  <si>
    <t>Rakh Padri</t>
  </si>
  <si>
    <t>Rakh padri Lahore cantt</t>
  </si>
  <si>
    <t>Phangali</t>
  </si>
  <si>
    <t>50668</t>
  </si>
  <si>
    <t>GHS 138/9-L SAHIWAL</t>
  </si>
  <si>
    <t>Chak No 138/9-L</t>
  </si>
  <si>
    <t>chak no 138/9-L</t>
  </si>
  <si>
    <t>Chak No 138/9-L old</t>
  </si>
  <si>
    <t>Water turbine</t>
  </si>
  <si>
    <t>GMPS HAJI RASOOL BAKHSH</t>
  </si>
  <si>
    <t>muhammad nagar east p/o tranda sway khan</t>
  </si>
  <si>
    <t>saima razzaq</t>
  </si>
  <si>
    <t>GPS THATHA RAI BAHADUR</t>
  </si>
  <si>
    <t>Shahzada Badder-ul-Moneer Zia</t>
  </si>
  <si>
    <t>GGPS CHAH VICHAR DI</t>
  </si>
  <si>
    <t>175jb</t>
  </si>
  <si>
    <t>Chao no.175jb</t>
  </si>
  <si>
    <t>Anam Akram</t>
  </si>
  <si>
    <t>GGPS GIGAY WALI</t>
  </si>
  <si>
    <t>Gigay Wali</t>
  </si>
  <si>
    <t>gigay wali</t>
  </si>
  <si>
    <t>Khushba Akhtar</t>
  </si>
  <si>
    <t>50080</t>
  </si>
  <si>
    <t>GMPS GULBANA</t>
  </si>
  <si>
    <t>gulbana</t>
  </si>
  <si>
    <t>gulbana tehsil sahiwal sargodha</t>
  </si>
  <si>
    <t>noore wala</t>
  </si>
  <si>
    <t>GPS DERA CHAKAN</t>
  </si>
  <si>
    <t>dera chakan wala katha saghral</t>
  </si>
  <si>
    <t>GGES BHULAIR BAJWA</t>
  </si>
  <si>
    <t>Bhulair Bajwa</t>
  </si>
  <si>
    <t>vpo bhulair Bajwa tehsil pasrur district sialkot</t>
  </si>
  <si>
    <t>handpump and motor</t>
  </si>
  <si>
    <t>GPS WARA TERKHANA WALA</t>
  </si>
  <si>
    <t>wara tarkhana wala</t>
  </si>
  <si>
    <t>Wara Tarkhana Wala</t>
  </si>
  <si>
    <t>Mohammad IKRAM Ali Bhatti</t>
  </si>
  <si>
    <t>GGPS SAREEN WALA</t>
  </si>
  <si>
    <t>Basti sareen wala sinawan muzfargrh</t>
  </si>
  <si>
    <t>Sareen Wala</t>
  </si>
  <si>
    <t>GPS KOT ANI SINGH</t>
  </si>
  <si>
    <t>Vill kot ani singh p o barthanwala teh daska dist sialkot</t>
  </si>
  <si>
    <t>45399</t>
  </si>
  <si>
    <t>GGES KATH</t>
  </si>
  <si>
    <t>village kath p/o dullywala tehsil darya khan</t>
  </si>
  <si>
    <t>39127</t>
  </si>
  <si>
    <t>GGES BHAL SYEDAN</t>
  </si>
  <si>
    <t>vill&amp;p/o bhall syedan teh fateh jang attock</t>
  </si>
  <si>
    <t>Fareeda Khatoon</t>
  </si>
  <si>
    <t>GPS BAHMNI WALA</t>
  </si>
  <si>
    <t>Bahmni Wala</t>
  </si>
  <si>
    <t>Village Bahmni wala District Kasur</t>
  </si>
  <si>
    <t>Bahmni wala</t>
  </si>
  <si>
    <t>GGES CHAK NO.2 NB</t>
  </si>
  <si>
    <t>Chak No2Nb</t>
  </si>
  <si>
    <t>chak No2Nb</t>
  </si>
  <si>
    <t>Chak 10Ml</t>
  </si>
  <si>
    <t>Veena Arshad</t>
  </si>
  <si>
    <t>GPS CHAK NO 115 ML</t>
  </si>
  <si>
    <t>115Ml</t>
  </si>
  <si>
    <t>CHAK NO 115/ML</t>
  </si>
  <si>
    <t>CHAK NO 112/ML</t>
  </si>
  <si>
    <t>MUHAMMAD RASHID RASOOL</t>
  </si>
  <si>
    <t>GPS TIBBA MUHAMMAD NAGAR NO.2</t>
  </si>
  <si>
    <t>Tibba Muhammad Nagar</t>
  </si>
  <si>
    <t>Tibba Muhammad Nagar, Kamoke</t>
  </si>
  <si>
    <t>38951</t>
  </si>
  <si>
    <t>GGHS HATTAR</t>
  </si>
  <si>
    <t>village &amp; post office Hattar,Tehsil Fateh Jang District Attock</t>
  </si>
  <si>
    <t>GGPS 9 WB</t>
  </si>
  <si>
    <t>9wb joyianwala vehari</t>
  </si>
  <si>
    <t>75 wb</t>
  </si>
  <si>
    <t>GHS MAHOORA</t>
  </si>
  <si>
    <t>MAHOORA</t>
  </si>
  <si>
    <t>village mahoora PO Gaggan tehsil fatehjang distt attock</t>
  </si>
  <si>
    <t>GGPS 459/EB</t>
  </si>
  <si>
    <t>Chak No. 459/EB, Burewala</t>
  </si>
  <si>
    <t>gulnaz fatima</t>
  </si>
  <si>
    <t>GES CHAK NO 252 TDA</t>
  </si>
  <si>
    <t>252 Tda</t>
  </si>
  <si>
    <t>chak no 252 Tda fateh pur</t>
  </si>
  <si>
    <t>Chak No 252 Tda</t>
  </si>
  <si>
    <t>29083</t>
  </si>
  <si>
    <t>GES HARI HAR</t>
  </si>
  <si>
    <t>Hari Har P/O Burj Kalan</t>
  </si>
  <si>
    <t>Muhammad Aslam  Mubashar</t>
  </si>
  <si>
    <t>GES SIAN</t>
  </si>
  <si>
    <t>VPO Sian</t>
  </si>
  <si>
    <t>Stephen Francis</t>
  </si>
  <si>
    <t>35509</t>
  </si>
  <si>
    <t>GGES MARZI PURA</t>
  </si>
  <si>
    <t>Y0saf Block</t>
  </si>
  <si>
    <t>gges marzi pura</t>
  </si>
  <si>
    <t>Ward Nmbr 4</t>
  </si>
  <si>
    <t>Musarrat parveen</t>
  </si>
  <si>
    <t>Sheenh Wala</t>
  </si>
  <si>
    <t>basti bahar shah</t>
  </si>
  <si>
    <t>Basti Bahar Shah</t>
  </si>
  <si>
    <t>SHAHID IMRAN</t>
  </si>
  <si>
    <t>GGPS CHAK NO. 220 EB</t>
  </si>
  <si>
    <t>chak 220 e.b vehari</t>
  </si>
  <si>
    <t>220 Eb</t>
  </si>
  <si>
    <t>Mashta Perveen</t>
  </si>
  <si>
    <t>41643</t>
  </si>
  <si>
    <t>GES MANKIALA</t>
  </si>
  <si>
    <t>Mankiala</t>
  </si>
  <si>
    <t>Village manilla P.O.jhammat the. And distt. Rawalpindi</t>
  </si>
  <si>
    <t>rohina shahid</t>
  </si>
  <si>
    <t>GPS DHOOL BALA</t>
  </si>
  <si>
    <t>Dhool Bala</t>
  </si>
  <si>
    <t>dhoolbala</t>
  </si>
  <si>
    <t>lakhiwal</t>
  </si>
  <si>
    <t>GGPS LAKHAN KAY SHARIF</t>
  </si>
  <si>
    <t>lakhen Kay sharif</t>
  </si>
  <si>
    <t>Jallo Mor</t>
  </si>
  <si>
    <t>Sehrish Kanwal</t>
  </si>
  <si>
    <t>GGPS MOHALLA MAQBOOL HUSSAIN SHAH</t>
  </si>
  <si>
    <t>moh sadat noot pur thl</t>
  </si>
  <si>
    <t>Mc Noor Pur Thal</t>
  </si>
  <si>
    <t>Islam Bivi</t>
  </si>
  <si>
    <t>GGHS CDG DODI PIR JINNAH PARK SULTAN PURA</t>
  </si>
  <si>
    <t>CDG GHS DODI PEER JINNAH PARK</t>
  </si>
  <si>
    <t>AMMARA FURQAN</t>
  </si>
  <si>
    <t>GGPS BARAN</t>
  </si>
  <si>
    <t>baran tehsil sahiwal district sargodha</t>
  </si>
  <si>
    <t>GPS SOHAWA WARRIACHAN</t>
  </si>
  <si>
    <t>Sohawa Warraichan</t>
  </si>
  <si>
    <t>sohawa Warraichan Teh phalia District M b din</t>
  </si>
  <si>
    <t>GGPS RAI PUR</t>
  </si>
  <si>
    <t>Rai-Pur</t>
  </si>
  <si>
    <t>village of rai pur po khan pur saydan pesrur dist sialkot</t>
  </si>
  <si>
    <t>GPS DHOK ALLAH BAKSHS</t>
  </si>
  <si>
    <t>Dhoke Allah Bakhsh</t>
  </si>
  <si>
    <t>Muhammad Tahir Moine</t>
  </si>
  <si>
    <t>35792</t>
  </si>
  <si>
    <t>GPS MALIK WAHIN PO HURRI CHAND</t>
  </si>
  <si>
    <t>malik wahin</t>
  </si>
  <si>
    <t>28451</t>
  </si>
  <si>
    <t>GMPS QILA ATTAR SINGH</t>
  </si>
  <si>
    <t>Qila Attar Singh</t>
  </si>
  <si>
    <t>village qila Attar singh p/o pindilala Teh phalia distt MBDin</t>
  </si>
  <si>
    <t>Ishrat Shahzad</t>
  </si>
  <si>
    <t>GES BASTI MOND</t>
  </si>
  <si>
    <t>Mound</t>
  </si>
  <si>
    <t>chah kaley wala mouza mond p/ o  khangarh</t>
  </si>
  <si>
    <t>Hafiz ghulam Rasool</t>
  </si>
  <si>
    <t>GGPS CHAK BAIGA</t>
  </si>
  <si>
    <t>Chak Baiga</t>
  </si>
  <si>
    <t>nadia nosheen</t>
  </si>
  <si>
    <t>GGPS NATHU SHAH</t>
  </si>
  <si>
    <t>nATHU SHAH</t>
  </si>
  <si>
    <t>NATHU SHAH</t>
  </si>
  <si>
    <t>AMLIMOTI</t>
  </si>
  <si>
    <t>nasreen muzammal</t>
  </si>
  <si>
    <t>GGES MAJOKKA</t>
  </si>
  <si>
    <t>majoka</t>
  </si>
  <si>
    <t>QAMAR BATOOL</t>
  </si>
  <si>
    <t>GES CHAK NO. 34/M</t>
  </si>
  <si>
    <t>Chak No 34/M</t>
  </si>
  <si>
    <t>GET Chak No 34/More dunya pur, lodhran</t>
  </si>
  <si>
    <t>GGHSS KOLO TARAR</t>
  </si>
  <si>
    <t>govt.girls higher secondary school kolo tarar tehsil and district hafizabad</t>
  </si>
  <si>
    <t>GPS CHAK NO 95/F</t>
  </si>
  <si>
    <t>95fA</t>
  </si>
  <si>
    <t>chak  95/f</t>
  </si>
  <si>
    <t>95/FA</t>
  </si>
  <si>
    <t>GPS KHATRANI</t>
  </si>
  <si>
    <t>Khatrani</t>
  </si>
  <si>
    <t>khatrani kotsarwar tesil pindibhattian district hafizabad</t>
  </si>
  <si>
    <t>GHSS BEHARI COLONY MUSLIM CHOWK GREEN TOWN</t>
  </si>
  <si>
    <t>GHSS bEHARI COLONY MUSLIM CHOWK GREEN TOWN, LAHORE.</t>
  </si>
  <si>
    <t>muhammad shoaib khan</t>
  </si>
  <si>
    <t>GGPS GHUDIALA</t>
  </si>
  <si>
    <t>Ghudiala</t>
  </si>
  <si>
    <t>GGPS ghudiala</t>
  </si>
  <si>
    <t>ASIFA BATOOL QAMAR</t>
  </si>
  <si>
    <t>GHS 17/8-R, TULAMBA</t>
  </si>
  <si>
    <t>17/8R</t>
  </si>
  <si>
    <t>Ali Iqtadar Dara</t>
  </si>
  <si>
    <t>GGES CHHAJI MAR</t>
  </si>
  <si>
    <t>Chajjimar</t>
  </si>
  <si>
    <t>p/ O chajjimar teh Jand Disst Attock</t>
  </si>
  <si>
    <t>Suftain Bi Bi</t>
  </si>
  <si>
    <t>GGPS AZAM NAGAR LALAMUSA</t>
  </si>
  <si>
    <t>Azam Nagar</t>
  </si>
  <si>
    <t>Mohallah Azam Nagar, Lalamusa, Tehsil Kharian District Gujrat</t>
  </si>
  <si>
    <t>Thakrian</t>
  </si>
  <si>
    <t>Shumaila Jabeen</t>
  </si>
  <si>
    <t>Muradpur Janobi</t>
  </si>
  <si>
    <t>Basti Khizar Abad Moza Muradpur Janobi Tehsil Alipur District Muzaffar Garh</t>
  </si>
  <si>
    <t>GPS HAR DOSABA</t>
  </si>
  <si>
    <t>Saba Rajgan</t>
  </si>
  <si>
    <t>vpo saba rajgan tehsil and District chakwal</t>
  </si>
  <si>
    <t>Muhammad Tahir Naheed</t>
  </si>
  <si>
    <t>GGPS BARKA KALAN</t>
  </si>
  <si>
    <t>Barka Kalan</t>
  </si>
  <si>
    <t>Village barka kalan post office Barki lahore cantt</t>
  </si>
  <si>
    <t>barka Kalan</t>
  </si>
  <si>
    <t>Naseem Bano</t>
  </si>
  <si>
    <t>43247</t>
  </si>
  <si>
    <t>GPS MOHRA MAST</t>
  </si>
  <si>
    <t>village Mohra Mast p/o takia shah murad tehsil&amp; district chakwal</t>
  </si>
  <si>
    <t>Coha Ganj Ali Shah</t>
  </si>
  <si>
    <t>Humaira Imdad</t>
  </si>
  <si>
    <t>30541</t>
  </si>
  <si>
    <t>GGPS RAKH BAKHINTH</t>
  </si>
  <si>
    <t>Rakh Bakhinth</t>
  </si>
  <si>
    <t>rakh bakhinth</t>
  </si>
  <si>
    <t>GMPS 159/P</t>
  </si>
  <si>
    <t>159p</t>
  </si>
  <si>
    <t>48572</t>
  </si>
  <si>
    <t>GMPS KOTLAH PANAH</t>
  </si>
  <si>
    <t>Kotlah Panah</t>
  </si>
  <si>
    <t>Kotlah panah</t>
  </si>
  <si>
    <t>Nasir Pur Kalaan</t>
  </si>
  <si>
    <t>Umbarin Yasmin</t>
  </si>
  <si>
    <t>GGPS CHAK NO.75 NB</t>
  </si>
  <si>
    <t>GGPS CHAK 75Nb</t>
  </si>
  <si>
    <t>Chak 75 NB</t>
  </si>
  <si>
    <t>Chak 67anb</t>
  </si>
  <si>
    <t>Shahnaz Tubassam</t>
  </si>
  <si>
    <t>mansoor abad post office kot Saleem skp</t>
  </si>
  <si>
    <t>Muraday Kilan</t>
  </si>
  <si>
    <t>Amara Chohdri</t>
  </si>
  <si>
    <t>GGPS DHOK AHMEDAL</t>
  </si>
  <si>
    <t>Dhoke ahmadal p/o chakrala</t>
  </si>
  <si>
    <t>Irram Shaheen</t>
  </si>
  <si>
    <t>35574</t>
  </si>
  <si>
    <t>GPS MEHMOODA ABAD</t>
  </si>
  <si>
    <t>moza gujjar khankah wala</t>
  </si>
  <si>
    <t>Khankah Wala</t>
  </si>
  <si>
    <t>Raees Yousaf</t>
  </si>
  <si>
    <t>basti khiara karor nashaib</t>
  </si>
  <si>
    <t>Basti khiara</t>
  </si>
  <si>
    <t>GMPS BASTI DHAKAL CHAK 82/P</t>
  </si>
  <si>
    <t>Basti Dhakal</t>
  </si>
  <si>
    <t>Basti Dhakal 82/p</t>
  </si>
  <si>
    <t>khalida perveen</t>
  </si>
  <si>
    <t>17051</t>
  </si>
  <si>
    <t>GPS CHAK NO 506 JB</t>
  </si>
  <si>
    <t>Chak No 506/jb Jhang</t>
  </si>
  <si>
    <t>basti Islam a bad toba road jhang</t>
  </si>
  <si>
    <t>Basti Islam A bad Toba Road Jhang</t>
  </si>
  <si>
    <t>GGPS KOT SHAHAN NO. 1</t>
  </si>
  <si>
    <t>Busti Rais Saeed Ahmad Mouza kot Shahan p / o fathe pur kamaal tehsil Khan pur District Rahim Yar khan</t>
  </si>
  <si>
    <t>Busti Rais Saeed Ahmad</t>
  </si>
  <si>
    <t>GGES 101/12-L</t>
  </si>
  <si>
    <t>GGES 101/12L</t>
  </si>
  <si>
    <t>GMPS CHAK NO. 30 TDA</t>
  </si>
  <si>
    <t>29 TDA</t>
  </si>
  <si>
    <t>Chak no 30 TDA Bhakkar</t>
  </si>
  <si>
    <t>30 TDA</t>
  </si>
  <si>
    <t>22894</t>
  </si>
  <si>
    <t>GHS DHAKRAN WALI</t>
  </si>
  <si>
    <t>DHAKRANWALI</t>
  </si>
  <si>
    <t>VILL DHAKRANWALI TEHSIL KHARIAN DISTRICT GUJRAT</t>
  </si>
  <si>
    <t>GPS CHAK NO. 218 JB</t>
  </si>
  <si>
    <t>Chak No 218 Jb</t>
  </si>
  <si>
    <t>chak no 218 Jb Jhang</t>
  </si>
  <si>
    <t>Chak No 218 Jb Jhang</t>
  </si>
  <si>
    <t>Chak no 215 Jb</t>
  </si>
  <si>
    <t>GGPS CHAK NO. 11 MB</t>
  </si>
  <si>
    <t>11MB</t>
  </si>
  <si>
    <t>chak no 11 MB Tahsil Quaidabad district khushab</t>
  </si>
  <si>
    <t>GGPS CHAK NO 15 AABAS PURA</t>
  </si>
  <si>
    <t>GGPS CHAK NO 15</t>
  </si>
  <si>
    <t>Chak No 15 Jb Moniawala</t>
  </si>
  <si>
    <t>Iram Faiz</t>
  </si>
  <si>
    <t>GPS 158/10-R, JAHANIAN</t>
  </si>
  <si>
    <t>158/10R</t>
  </si>
  <si>
    <t>Chak No 158/10.R Jahanian Khanewal</t>
  </si>
  <si>
    <t>157/10R</t>
  </si>
  <si>
    <t>GES MC KHALISA COLLEGE FAISALABAD</t>
  </si>
  <si>
    <t>muhala khalisa college abdullahpur fsd</t>
  </si>
  <si>
    <t>Khalisa College</t>
  </si>
  <si>
    <t>Munib-ur-Rehman</t>
  </si>
  <si>
    <t>GGPS NAI COLONY LAS LAWARIS</t>
  </si>
  <si>
    <t>G.G.P.S.NAI COLONY LAS LAWARIS</t>
  </si>
  <si>
    <t>Nai Colony Laslawaris</t>
  </si>
  <si>
    <t>Amna Bashir</t>
  </si>
  <si>
    <t>GES 16/14-L</t>
  </si>
  <si>
    <t>Chak no 16/14.L</t>
  </si>
  <si>
    <t>GES 16/14.L</t>
  </si>
  <si>
    <t>ghias-ur-rehman</t>
  </si>
  <si>
    <t>GGPS WAN MAUTA</t>
  </si>
  <si>
    <t>wan mauta</t>
  </si>
  <si>
    <t>Wan Mauta</t>
  </si>
  <si>
    <t>GPS 12/14-L</t>
  </si>
  <si>
    <t>12/14L</t>
  </si>
  <si>
    <t>G.P..S 12/14L</t>
  </si>
  <si>
    <t>Adam Ali</t>
  </si>
  <si>
    <t>Lal Mir</t>
  </si>
  <si>
    <t>chah fateh Ali wala  moza lal mir</t>
  </si>
  <si>
    <t>Fateh Ali Wala</t>
  </si>
  <si>
    <t>Farooq Ahmed Sajid</t>
  </si>
  <si>
    <t>GHS ZAHOOR HAYAT COLONY BHALWAL</t>
  </si>
  <si>
    <t>ZAHOOR HAYAT COLONY BHALWAL</t>
  </si>
  <si>
    <t>BHALWAL III</t>
  </si>
  <si>
    <t>GMPS CHAK KHAN MUHAMMAD</t>
  </si>
  <si>
    <t>Chak Khan Muhammad</t>
  </si>
  <si>
    <t>Shreen</t>
  </si>
  <si>
    <t>M Nawaz Qasim</t>
  </si>
  <si>
    <t>GES  139/9-L</t>
  </si>
  <si>
    <t>Chk 139/9L</t>
  </si>
  <si>
    <t>chak no.139/9.L</t>
  </si>
  <si>
    <t>Chk No 139/9L</t>
  </si>
  <si>
    <t>Chk No 142/9-L</t>
  </si>
  <si>
    <t>M.YASIN</t>
  </si>
  <si>
    <t>GPS BASTI SAMAJAY WALA</t>
  </si>
  <si>
    <t>Darin</t>
  </si>
  <si>
    <t>Post office dani tehsil and district Muzaffargarh</t>
  </si>
  <si>
    <t>AliMuhammad</t>
  </si>
  <si>
    <t>GPS QUTUB SHAH</t>
  </si>
  <si>
    <t>bastiarbiposhahjamal mgarh</t>
  </si>
  <si>
    <t>Basti arbi</t>
  </si>
  <si>
    <t>Fahmida Hashme</t>
  </si>
  <si>
    <t>16297</t>
  </si>
  <si>
    <t>GPS 185 RB  I</t>
  </si>
  <si>
    <t>Chak No. 185 RB Budh Singh.</t>
  </si>
  <si>
    <t>185 RB I</t>
  </si>
  <si>
    <t>ANILA TABASSUM</t>
  </si>
  <si>
    <t>GPS 161 RB II</t>
  </si>
  <si>
    <t>CHAK NO 161 RB II</t>
  </si>
  <si>
    <t>CHAK NO 161 RB II BOOTIANWALA TEHSIL CHAK JHUMRA, FAISALABAD</t>
  </si>
  <si>
    <t>BOOTIANWALA</t>
  </si>
  <si>
    <t>SOBAY CHAK</t>
  </si>
  <si>
    <t>GPS CHAK NO.155 TDA</t>
  </si>
  <si>
    <t>Chak No 155</t>
  </si>
  <si>
    <t>chak no 155 TDA LAYYAH</t>
  </si>
  <si>
    <t>GGES RAQBA NOOR KHAN</t>
  </si>
  <si>
    <t>RaqbaNoor khan</t>
  </si>
  <si>
    <t>govt  girls high skool double shift   Raqba noor khn</t>
  </si>
  <si>
    <t>raqba  Noor Khan</t>
  </si>
  <si>
    <t>ghery whine</t>
  </si>
  <si>
    <t>GGES MAIRA AIMA PO KALLAR KAHAR</t>
  </si>
  <si>
    <t>Maira Aima</t>
  </si>
  <si>
    <t>GGES MAIRA AIMA PO\Teh kallar kahar District chakwal</t>
  </si>
  <si>
    <t>Salma Rehman</t>
  </si>
  <si>
    <t>GPS CHAK NO. 154 TDA</t>
  </si>
  <si>
    <t>muhmmad arif</t>
  </si>
  <si>
    <t>GGHS 375/WB</t>
  </si>
  <si>
    <t>misri kot</t>
  </si>
  <si>
    <t>Chak no 375/wb kot misri dunyapur lodhran</t>
  </si>
  <si>
    <t>chak no 375wb</t>
  </si>
  <si>
    <t>Nida Waheed</t>
  </si>
  <si>
    <t>GES CHAK 69 GB</t>
  </si>
  <si>
    <t>69 Malki</t>
  </si>
  <si>
    <t>chak no .116 gb</t>
  </si>
  <si>
    <t>69 GB</t>
  </si>
  <si>
    <t>SYED TAJDEED HUSSAIN BOKHARI</t>
  </si>
  <si>
    <t>GPS PANDAT WALA</t>
  </si>
  <si>
    <t>Pandatwala</t>
  </si>
  <si>
    <t>booe asal</t>
  </si>
  <si>
    <t>muhammad rafiq shakir</t>
  </si>
  <si>
    <t>GHS CHAK NO 203 JB</t>
  </si>
  <si>
    <t>Chak No.203/J.b Chiniot</t>
  </si>
  <si>
    <t>Chak No.203/J.B Chiniot</t>
  </si>
  <si>
    <t>Chak No.203/J.B</t>
  </si>
  <si>
    <t>Muhammad Imran Saleem</t>
  </si>
  <si>
    <t>GES CHAK NO 154 A TDA JATTAY WALA</t>
  </si>
  <si>
    <t>chak # 154-A/TDA Layyah</t>
  </si>
  <si>
    <t>Chak No.154-A/TDA</t>
  </si>
  <si>
    <t>MUHAMMAD IQBAL ANJUM</t>
  </si>
  <si>
    <t>GGES CHAK NO. 253 JB</t>
  </si>
  <si>
    <t>Nangay</t>
  </si>
  <si>
    <t>chak 253 jhang</t>
  </si>
  <si>
    <t>Chak 253</t>
  </si>
  <si>
    <t>Kiran Irshad</t>
  </si>
  <si>
    <t>GPS CHAK NO.387 TDA</t>
  </si>
  <si>
    <t>chak no 387 TDA</t>
  </si>
  <si>
    <t>Chak No 387 TDA, Layyah</t>
  </si>
  <si>
    <t>Chak No 387 TDA</t>
  </si>
  <si>
    <t>32413</t>
  </si>
  <si>
    <t>GES BHAIDAIN WALA</t>
  </si>
  <si>
    <t>p/o retra bhaidain wali taunsa sharif</t>
  </si>
  <si>
    <t>Bhaidain Wali</t>
  </si>
  <si>
    <t>10988</t>
  </si>
  <si>
    <t>GGPS MUSTAFA LASHKARNI WALA</t>
  </si>
  <si>
    <t>Norey wala Paka</t>
  </si>
  <si>
    <t>Moza Norey Wala Paka Teh &amp;Dist Layyah</t>
  </si>
  <si>
    <t>Mustafa Khan wala</t>
  </si>
  <si>
    <t>Basti Shadu khan</t>
  </si>
  <si>
    <t>Asia Gull</t>
  </si>
  <si>
    <t>GGHS MC BAGH BAIGY MULTAN</t>
  </si>
  <si>
    <t>ravi(multan)</t>
  </si>
  <si>
    <t>GOVT.MC GIRLS HIGH SCHOOL BAGH BAIGY MULTAN</t>
  </si>
  <si>
    <t>khanqa Anayat shah</t>
  </si>
  <si>
    <t>GGES CHAK NO 152 RB</t>
  </si>
  <si>
    <t>Guna</t>
  </si>
  <si>
    <t>gges152rb</t>
  </si>
  <si>
    <t>152rb</t>
  </si>
  <si>
    <t>Rahat Fatima</t>
  </si>
  <si>
    <t>GGHS SAKRIALA</t>
  </si>
  <si>
    <t>Sikriala</t>
  </si>
  <si>
    <t>village sikriala po Mangwal</t>
  </si>
  <si>
    <t>Farah Noureen</t>
  </si>
  <si>
    <t>GGPS CHAK NO 132 RB I</t>
  </si>
  <si>
    <t>132/rb</t>
  </si>
  <si>
    <t>Balorpor</t>
  </si>
  <si>
    <t>16549</t>
  </si>
  <si>
    <t>GPS CHAK 613 GB TANDLIANWALA</t>
  </si>
  <si>
    <t>chak No 613 GB</t>
  </si>
  <si>
    <t>Chalk No 613 GB</t>
  </si>
  <si>
    <t>Chalk No 617 GB</t>
  </si>
  <si>
    <t>Khalid Mahmood Shah</t>
  </si>
  <si>
    <t>GGPS ANSARI BASTI</t>
  </si>
  <si>
    <t>Mohibshah</t>
  </si>
  <si>
    <t>SUMAIRA BB</t>
  </si>
  <si>
    <t>21071</t>
  </si>
  <si>
    <t>GGPS CHEEMA COLONY</t>
  </si>
  <si>
    <t>cheemacolony wzd street no 8</t>
  </si>
  <si>
    <t>Mehwish Firdous</t>
  </si>
  <si>
    <t>GGPS KOT BAKAR</t>
  </si>
  <si>
    <t>CHAH MASSOO</t>
  </si>
  <si>
    <t>MC Sukheki mandi</t>
  </si>
  <si>
    <t>Nasreen Manzoor</t>
  </si>
  <si>
    <t>GGPS CHAK 128 RB</t>
  </si>
  <si>
    <t>Wahly</t>
  </si>
  <si>
    <t>chak no 128/rb wahly</t>
  </si>
  <si>
    <t>Pakadhala</t>
  </si>
  <si>
    <t>Mehvish Azhar</t>
  </si>
  <si>
    <t>GGES BLOCK-X NEW SATTELITE TOWN</t>
  </si>
  <si>
    <t>X Block</t>
  </si>
  <si>
    <t>block X new site town</t>
  </si>
  <si>
    <t>New S Town</t>
  </si>
  <si>
    <t>Aasma Khalid</t>
  </si>
  <si>
    <t>GPS NAWAN PIND WARD NO. 1 BADDOMALHI</t>
  </si>
  <si>
    <t>Nawan Pind Badomali</t>
  </si>
  <si>
    <t>mohalla Nawan pind Baddomalhi ward No.1</t>
  </si>
  <si>
    <t>Nawan Pind Baddomal</t>
  </si>
  <si>
    <t>Munawar Ahmad</t>
  </si>
  <si>
    <t>GGCMS CHAK NO.160 NB</t>
  </si>
  <si>
    <t>160 NB</t>
  </si>
  <si>
    <t>SADAF FATIMA</t>
  </si>
  <si>
    <t>Rakh Dgran Wali Janobi</t>
  </si>
  <si>
    <t>lot no  15 Tehsil Darya Khan District bhakkar</t>
  </si>
  <si>
    <t>Lot No 15</t>
  </si>
  <si>
    <t>Amir Alam</t>
  </si>
  <si>
    <t>GGPS 50/GD</t>
  </si>
  <si>
    <t>Rahmat Bibi</t>
  </si>
  <si>
    <t>GPS AMLI KAY SOHAG</t>
  </si>
  <si>
    <t>Amli Kay Sohag</t>
  </si>
  <si>
    <t>Amli Kay Sohag p\ o basir pur</t>
  </si>
  <si>
    <t>Meher Shah Khaga</t>
  </si>
  <si>
    <t>39141</t>
  </si>
  <si>
    <t>GGPS JHANDIAL</t>
  </si>
  <si>
    <t>jhandial</t>
  </si>
  <si>
    <t>VPO JHANDIAL TEHSIL FATEHJANG DISTRICT ATTOCK</t>
  </si>
  <si>
    <t>Dhurnaal</t>
  </si>
  <si>
    <t>Hafizah Tanzeela Kausar</t>
  </si>
  <si>
    <t>GPS INAYAT SHAH NO.2</t>
  </si>
  <si>
    <t>basti anayat  shah</t>
  </si>
  <si>
    <t>basti anayat shah</t>
  </si>
  <si>
    <t>ghulam mujtaba</t>
  </si>
  <si>
    <t>36894</t>
  </si>
  <si>
    <t>GGPS OULAKH SINDHU NO.1</t>
  </si>
  <si>
    <t>Oulakh Sindhu</t>
  </si>
  <si>
    <t>basti oulakh sindhu</t>
  </si>
  <si>
    <t>Basti Oulakh Sindhu</t>
  </si>
  <si>
    <t>Choperhtta</t>
  </si>
  <si>
    <t>Naveesa Rani</t>
  </si>
  <si>
    <t>GHS ARUR SINGH KASUR ARUR</t>
  </si>
  <si>
    <t>Chah Arur SIngh Kasur</t>
  </si>
  <si>
    <t>Chah Arur Singh Kasur</t>
  </si>
  <si>
    <t>GPS CHAK NO 289 HR</t>
  </si>
  <si>
    <t>Chak No . 289.HR</t>
  </si>
  <si>
    <t>Chak No 289HR</t>
  </si>
  <si>
    <t>Qila Mir Garh</t>
  </si>
  <si>
    <t>Shahid Khan Maher</t>
  </si>
  <si>
    <t>GPS SHAH PUR VIRKAN</t>
  </si>
  <si>
    <t>Shahpurvirkan</t>
  </si>
  <si>
    <t>shahpurvirkan</t>
  </si>
  <si>
    <t>Bahryawala</t>
  </si>
  <si>
    <t>GPS CHAK 292 JB</t>
  </si>
  <si>
    <t>Syed Mehmood</t>
  </si>
  <si>
    <t>chak 292 jb</t>
  </si>
  <si>
    <t>Ammer Coat</t>
  </si>
  <si>
    <t>GHS CHAK 681/22 GB</t>
  </si>
  <si>
    <t>GHS 681/22 GB. TEHSIL PIRMAHAL .DISTT TOBA TEK SINGH</t>
  </si>
  <si>
    <t>chak no 681/22 gb.</t>
  </si>
  <si>
    <t>Chak No 681/22 Gb.</t>
  </si>
  <si>
    <t>GPS NATOANA</t>
  </si>
  <si>
    <t>dera natoana bashmola warn</t>
  </si>
  <si>
    <t>GPS COLONY KUFRI</t>
  </si>
  <si>
    <t>GPS Colony Kufri tehsil Naushehra distt. Khushab</t>
  </si>
  <si>
    <t>GGPS MC NO.4 WAZIRABAD</t>
  </si>
  <si>
    <t>muzafar pura</t>
  </si>
  <si>
    <t>Muzafar Pura</t>
  </si>
  <si>
    <t>Saghira Sadiq</t>
  </si>
  <si>
    <t>GPS RASUL PUR JANDIAN WALA</t>
  </si>
  <si>
    <t>Rasool pur jandanwala P/O. Ali Pur Chatha. Tehsil Wazirabad. District Gujranwala</t>
  </si>
  <si>
    <t>Rasool Pur jandanwala</t>
  </si>
  <si>
    <t>GGES NO.8 TUNSA</t>
  </si>
  <si>
    <t>Tunsa city</t>
  </si>
  <si>
    <t>Fehmeeda Begum</t>
  </si>
  <si>
    <t>electrical pump</t>
  </si>
  <si>
    <t>49947</t>
  </si>
  <si>
    <t>GPS NO 1 KOT MUSA KHAN</t>
  </si>
  <si>
    <t>kot musa khan 1</t>
  </si>
  <si>
    <t>GES 47 KB</t>
  </si>
  <si>
    <t>47/KB</t>
  </si>
  <si>
    <t>Chak no.47/K.B.</t>
  </si>
  <si>
    <t>Chak No333/EB</t>
  </si>
  <si>
    <t>Hafiza Hinanaz Qamar</t>
  </si>
  <si>
    <t>GGCMS VEERAM HITHAR</t>
  </si>
  <si>
    <t>veeram hithar post office khudian khas tehsil kasur</t>
  </si>
  <si>
    <t>Samra Hussain</t>
  </si>
  <si>
    <t>GGPS BASTI QUTAB SHAH</t>
  </si>
  <si>
    <t>basti qutab shah</t>
  </si>
  <si>
    <t>GGPS JANGA SINGH WALA</t>
  </si>
  <si>
    <t>Janga Singh Wala</t>
  </si>
  <si>
    <t>ggps janga singh wala</t>
  </si>
  <si>
    <t>Adila Sarwar</t>
  </si>
  <si>
    <t>48673</t>
  </si>
  <si>
    <t>GGPS DERA DHARAKAN WALA</t>
  </si>
  <si>
    <t>dera dharekan wala p/o chak Mubarak tehsil bhera dist sargodha</t>
  </si>
  <si>
    <t>Dera Dharekan Wala</t>
  </si>
  <si>
    <t>32119</t>
  </si>
  <si>
    <t>GGPS MODEL SAROTHA</t>
  </si>
  <si>
    <t>Sarotha</t>
  </si>
  <si>
    <t>Sarotha gujiana now district sheikhupura</t>
  </si>
  <si>
    <t>Bukhtiar Ali Anwar</t>
  </si>
  <si>
    <t>GES DIPAY WALA</t>
  </si>
  <si>
    <t>Govt E/S Deepay Wala Lodhran.</t>
  </si>
  <si>
    <t>GGES GOPEY RAW CHAK 42</t>
  </si>
  <si>
    <t>Gopay Ra</t>
  </si>
  <si>
    <t>gopay ra</t>
  </si>
  <si>
    <t>Sheikum</t>
  </si>
  <si>
    <t>Saiqa Khalil</t>
  </si>
  <si>
    <t>GMPS MOAZZAM ABAD</t>
  </si>
  <si>
    <t>Moizamabad P o kotli loharan West teh&amp;distt sialkot</t>
  </si>
  <si>
    <t>Surayya Bashir Mughal</t>
  </si>
  <si>
    <t>GGES WARRIACH</t>
  </si>
  <si>
    <t>Raza block allama Iqbal town lhr</t>
  </si>
  <si>
    <t>Theh Punju</t>
  </si>
  <si>
    <t>Kausar Naheed</t>
  </si>
  <si>
    <t>GGPS TIBBI SAHIB SINGH</t>
  </si>
  <si>
    <t>Tibbi Sahib Sing</t>
  </si>
  <si>
    <t>ggps tibbi sahib Singh mananwala sheikhupura</t>
  </si>
  <si>
    <t>Usamia Mahboob</t>
  </si>
  <si>
    <t>27728</t>
  </si>
  <si>
    <t>GPS MIANA GONDAL</t>
  </si>
  <si>
    <t>VPO Miana Gondal, Tehsil Malakwal Distt M.B.Din</t>
  </si>
  <si>
    <t>GHS PIND</t>
  </si>
  <si>
    <t>Village Pind post office Khaur Tehsil Pindigheb District Attock</t>
  </si>
  <si>
    <t>Junaid Khan Masood</t>
  </si>
  <si>
    <t>GPS LUNGAR JHULAN</t>
  </si>
  <si>
    <t>basti shir Muhammad khambra near dera musheer</t>
  </si>
  <si>
    <t>Basti Shir Muhammad Khambra</t>
  </si>
  <si>
    <t>GES MUSYARI</t>
  </si>
  <si>
    <t>p/o musyari tehsil murder distt rawalpindi</t>
  </si>
  <si>
    <t>GMPS KOT BALA</t>
  </si>
  <si>
    <t>kot bala</t>
  </si>
  <si>
    <t>Mohammad Zafar Khan</t>
  </si>
  <si>
    <t>GPS MOHLAN</t>
  </si>
  <si>
    <t>GPS Mohlan Basti Mohlan Near Khurshed Abad Markaz Zahir Pir</t>
  </si>
  <si>
    <t>Basti Mohlan</t>
  </si>
  <si>
    <t>Ghoos Pur</t>
  </si>
  <si>
    <t>23701</t>
  </si>
  <si>
    <t>GPS THATHA LAKHI</t>
  </si>
  <si>
    <t>Thatha Lakhi</t>
  </si>
  <si>
    <t>Muhammed  Nasir</t>
  </si>
  <si>
    <t>GPS 91/12-L</t>
  </si>
  <si>
    <t>91/12L</t>
  </si>
  <si>
    <t>chak no 91/12.L</t>
  </si>
  <si>
    <t>GGPS CHAK NO. 517/TDA</t>
  </si>
  <si>
    <t>517TDA</t>
  </si>
  <si>
    <t>GGPS 451/EB</t>
  </si>
  <si>
    <t>GGPS451/E.B BUREWALA</t>
  </si>
  <si>
    <t>451/EB</t>
  </si>
  <si>
    <t>Khalida paraveen</t>
  </si>
  <si>
    <t>GGPS BASTI KHOKHRAN WALI</t>
  </si>
  <si>
    <t>BASTI KHOKHAR P/O DARYA KHAN</t>
  </si>
  <si>
    <t>44487</t>
  </si>
  <si>
    <t>Gps Chandia Bhakkar</t>
  </si>
  <si>
    <t>Basti Kheeva Chandia</t>
  </si>
  <si>
    <t>GPS MATEY KAY MAHTAB RAI</t>
  </si>
  <si>
    <t>Mahtey ki mehtab rai</t>
  </si>
  <si>
    <t>Govt primary school</t>
  </si>
  <si>
    <t>42sp samundari</t>
  </si>
  <si>
    <t>Ghulam Rasool zahid</t>
  </si>
  <si>
    <t>GHS ASHAABA JHANG</t>
  </si>
  <si>
    <t>MOZA ASHABA P/O ASHABA JHANG</t>
  </si>
  <si>
    <t>43469</t>
  </si>
  <si>
    <t>GGPS DHOK BANGWALIAN</t>
  </si>
  <si>
    <t>Bangwalian</t>
  </si>
  <si>
    <t>vill  Dk  Bangwalian  P/O  Dhoda  Teh  &amp;  Distt  Chakwal</t>
  </si>
  <si>
    <t>Dk Bangwalian</t>
  </si>
  <si>
    <t>Humera  Riaz</t>
  </si>
  <si>
    <t>GHS CHAK NO. 3/G</t>
  </si>
  <si>
    <t>Challenge November 3g</t>
  </si>
  <si>
    <t>Chak No. 3/G Tehsile Chishtain District Bahawalnagar</t>
  </si>
  <si>
    <t>Chak No. 3/G</t>
  </si>
  <si>
    <t>Chak No. 4/G</t>
  </si>
  <si>
    <t>muhammad Sagheer</t>
  </si>
  <si>
    <t>44709</t>
  </si>
  <si>
    <t>GGPS CHAK NO. 26 TDA</t>
  </si>
  <si>
    <t>DAGGAR AUlKH</t>
  </si>
  <si>
    <t>CHAH RAZI CHAK NO 26TDA P\O DAYA MURAD</t>
  </si>
  <si>
    <t>Shahida Shabnam</t>
  </si>
  <si>
    <t>37891</t>
  </si>
  <si>
    <t>43181</t>
  </si>
  <si>
    <t>GGES LANGAH</t>
  </si>
  <si>
    <t>village  and post office  langah teh and distt Chakwal</t>
  </si>
  <si>
    <t>nagina shaheen</t>
  </si>
  <si>
    <t>GPS JAHABANA</t>
  </si>
  <si>
    <t>GPS jhabana</t>
  </si>
  <si>
    <t>Kcha Jhabana</t>
  </si>
  <si>
    <t>Muhammad Yusuf</t>
  </si>
  <si>
    <t>SEHRISH KHATOON</t>
  </si>
  <si>
    <t>GPS KAPI</t>
  </si>
  <si>
    <t>Kapi</t>
  </si>
  <si>
    <t>gaon kapi</t>
  </si>
  <si>
    <t>Kurlky Androon</t>
  </si>
  <si>
    <t>Fouzia Liaqat</t>
  </si>
  <si>
    <t>30585</t>
  </si>
  <si>
    <t>GGES CENRALMODEL CGE COLONY WAHDATROAD LAHORE</t>
  </si>
  <si>
    <t>CGE COLONY WAHDAT ROAD</t>
  </si>
  <si>
    <t>CGE COLONY</t>
  </si>
  <si>
    <t>Gulnaz Dogar</t>
  </si>
  <si>
    <t>GGMMS MUD AKBAR SHAH</t>
  </si>
  <si>
    <t>Tibbi Gull Muhamad</t>
  </si>
  <si>
    <t>mud akber shah</t>
  </si>
  <si>
    <t>Mud Akber Shah</t>
  </si>
  <si>
    <t>GGPS CHAK NO.14-A/1R HAIDER PURA</t>
  </si>
  <si>
    <t>14A/1R haider pur</t>
  </si>
  <si>
    <t>14A/1R Haider Pur</t>
  </si>
  <si>
    <t>village qadirabad p/o chobara Tehsil pasrur district sialkot</t>
  </si>
  <si>
    <t>Dhulamkahlwan</t>
  </si>
  <si>
    <t>Sehrish Nawaz</t>
  </si>
  <si>
    <t>GGPS BASTI GHULAM HAIDAR</t>
  </si>
  <si>
    <t>basti ghulam haider</t>
  </si>
  <si>
    <t>basti ghulamhaider</t>
  </si>
  <si>
    <t>J D W</t>
  </si>
  <si>
    <t>Rashda Tufail</t>
  </si>
  <si>
    <t>GGPS SHEIKH WAHIN NO. 1</t>
  </si>
  <si>
    <t>adda sheikh wahan</t>
  </si>
  <si>
    <t>Shiekh Wahan</t>
  </si>
  <si>
    <t>Nasreen Jalil</t>
  </si>
  <si>
    <t>53794</t>
  </si>
  <si>
    <t>GGPS CHAK NO. 13-A/1-R</t>
  </si>
  <si>
    <t>13A/1R</t>
  </si>
  <si>
    <t>GGPS 13A/1R</t>
  </si>
  <si>
    <t>Shazia Tabbisam</t>
  </si>
  <si>
    <t>GPS ADP SAFDER ABAD</t>
  </si>
  <si>
    <t>GPS NOOR KHAN WALA</t>
  </si>
  <si>
    <t>chah noor khan wala</t>
  </si>
  <si>
    <t>Noor Khan Wala</t>
  </si>
  <si>
    <t>Khaliqdad Khaki</t>
  </si>
  <si>
    <t>GGHS NILHAD</t>
  </si>
  <si>
    <t>vpo nilhad tehsil pindigheb distt attock</t>
  </si>
  <si>
    <t>Shama Altaf</t>
  </si>
  <si>
    <t>GGPS GURAWAN WALI</t>
  </si>
  <si>
    <t>village Gurwanwali p/o Mananwala</t>
  </si>
  <si>
    <t>Mananwala Karpal  Singh</t>
  </si>
  <si>
    <t>Shagufta Rashid</t>
  </si>
  <si>
    <t>GGPS BAHADAR THAHEEM BASTI PUNOO</t>
  </si>
  <si>
    <t>Laalay Wala</t>
  </si>
  <si>
    <t>GGPS Bahadar Thaheem</t>
  </si>
  <si>
    <t>Punno Wala</t>
  </si>
  <si>
    <t>Doraan Wala</t>
  </si>
  <si>
    <t>Perveen Kosar</t>
  </si>
  <si>
    <t>GPS FAQIRIAN</t>
  </si>
  <si>
    <t>village Faqirian P/o Mona Depot Tehsil Malakwal District Mandi Bahauddin</t>
  </si>
  <si>
    <t>Ghar Qaim</t>
  </si>
  <si>
    <t>GGPS ABID MODEL PINDI GHEB</t>
  </si>
  <si>
    <t>muhala muslim town near masjid baba faizwali pindigheb</t>
  </si>
  <si>
    <t>GGPS ABDULLAH COLONY</t>
  </si>
  <si>
    <t>Main bazar Abdullah Colony</t>
  </si>
  <si>
    <t>UC-49 Aziz Colony</t>
  </si>
  <si>
    <t>Kishwar sultana</t>
  </si>
  <si>
    <t>GGHS KAHLIAN SIHALLIAN</t>
  </si>
  <si>
    <t>p/o sihali umer khan Tehsil kallar Dist rawalpindi</t>
  </si>
  <si>
    <t>GPS 68/5-L</t>
  </si>
  <si>
    <t>68/5L</t>
  </si>
  <si>
    <t>Perhar Munda</t>
  </si>
  <si>
    <t>chak no 588/TDA post office chowk sarwar shaheed tehsil kot addu district muzaffar garh</t>
  </si>
  <si>
    <t>Chak 588/TDA</t>
  </si>
  <si>
    <t>Faqeer Ahmad</t>
  </si>
  <si>
    <t>GGPS 437/EB</t>
  </si>
  <si>
    <t>BUREWALA WEST</t>
  </si>
  <si>
    <t>waraich town 437/EB Burewala</t>
  </si>
  <si>
    <t>GGPS BASTI NADEEM SHAH</t>
  </si>
  <si>
    <t>Shahn Wala</t>
  </si>
  <si>
    <t>GGPS Nadeem Ahmad Shah moza shahn wala basti rindon</t>
  </si>
  <si>
    <t>Basti Naderm Shah</t>
  </si>
  <si>
    <t>Basti Rindon</t>
  </si>
  <si>
    <t>Aneela Rahat</t>
  </si>
  <si>
    <t>GGPS 8/14-L SOUTH</t>
  </si>
  <si>
    <t>8/14-L South</t>
  </si>
  <si>
    <t>GMPS KOTLI KHAIRA</t>
  </si>
  <si>
    <t>Kotli Khaira</t>
  </si>
  <si>
    <t>kotli khaira post office wadala sindhwan tehsil daska destt sialkot</t>
  </si>
  <si>
    <t>Sameena Koaser</t>
  </si>
  <si>
    <t>GPS CHAK NO.121 TDA</t>
  </si>
  <si>
    <t>chak no121 layyah</t>
  </si>
  <si>
    <t>Chak No121 TDA</t>
  </si>
  <si>
    <t>52418</t>
  </si>
  <si>
    <t>GES MAHROOK KALAN</t>
  </si>
  <si>
    <t>mehrook kalan</t>
  </si>
  <si>
    <t>muhammad ashraf babar</t>
  </si>
  <si>
    <t>GPS FATEH JANG NO.2</t>
  </si>
  <si>
    <t>Government boys primary school no.2</t>
  </si>
  <si>
    <t>Fatehjang 2</t>
  </si>
  <si>
    <t>Shahida Noreen</t>
  </si>
  <si>
    <t>GES JHOK QULANDAR BUKHSH</t>
  </si>
  <si>
    <t>Jhoke Qalandare Bakhsh Tehsil Darya Khan District.Bhakkar Bhakkar</t>
  </si>
  <si>
    <t>JHOKE QALANDARE BAKHSH</t>
  </si>
  <si>
    <t>MUR ID ABBAS</t>
  </si>
  <si>
    <t>GPS CHAK 307 JB SAROOKAY</t>
  </si>
  <si>
    <t>Chak No 307Jb</t>
  </si>
  <si>
    <t>chak no 307jb</t>
  </si>
  <si>
    <t>Chak No 307 JB</t>
  </si>
  <si>
    <t>Qadarabad</t>
  </si>
  <si>
    <t>Tauqir Akbar</t>
  </si>
  <si>
    <t>42445</t>
  </si>
  <si>
    <t>Misbah Naseem</t>
  </si>
  <si>
    <t>GGPS DHOK KEER</t>
  </si>
  <si>
    <t>V/p dhok keer</t>
  </si>
  <si>
    <t>Hina Tanveer</t>
  </si>
  <si>
    <t>50583</t>
  </si>
  <si>
    <t>GGPS 15/14-L</t>
  </si>
  <si>
    <t>15/14L</t>
  </si>
  <si>
    <t>15/14.L qawatar farm Tehsil chichawatni District Sahiwal</t>
  </si>
  <si>
    <t>Qavatar Farm</t>
  </si>
  <si>
    <t>Goshi Sultana</t>
  </si>
  <si>
    <t>GPS CHAK NO. 125-A/TDA</t>
  </si>
  <si>
    <t>chak no 125 a TDA Layyah</t>
  </si>
  <si>
    <t>Chak No 125a Tda</t>
  </si>
  <si>
    <t>GPS Basti Pitafi Khokhar Isra Nasheeb</t>
  </si>
  <si>
    <t>GES GOJRA</t>
  </si>
  <si>
    <t>gojra</t>
  </si>
  <si>
    <t>Muhammad Tayyub Butt</t>
  </si>
  <si>
    <t>GPS MORANI</t>
  </si>
  <si>
    <t>basti Morani p/o box laskano Wala karor</t>
  </si>
  <si>
    <t>Morani</t>
  </si>
  <si>
    <t>KAMRAN ALI KHAN</t>
  </si>
  <si>
    <t>50201</t>
  </si>
  <si>
    <t>GES  115/7-CR</t>
  </si>
  <si>
    <t>115/7-CR</t>
  </si>
  <si>
    <t>Chak No 115/7-CR</t>
  </si>
  <si>
    <t>Abdul Mannan Atif</t>
  </si>
  <si>
    <t>GGHSS FAROOQBAD</t>
  </si>
  <si>
    <t>siddiqi haidri</t>
  </si>
  <si>
    <t>GGHSS MOHALLAH SIDDIQI HAIDRI</t>
  </si>
  <si>
    <t>GHS CHAK 38-D KALAN</t>
  </si>
  <si>
    <t>Arian filling station depalput</t>
  </si>
  <si>
    <t>MUHAMMAD YASIN ZAFAR</t>
  </si>
  <si>
    <t>GES RANJHAI</t>
  </si>
  <si>
    <t>Bharoky Kalan</t>
  </si>
  <si>
    <t>Rana Muhammad Malik</t>
  </si>
  <si>
    <t>23971</t>
  </si>
  <si>
    <t>GMPS DHEERKAY</t>
  </si>
  <si>
    <t>dheerky</t>
  </si>
  <si>
    <t>village dheerky p/o wadala sandhwan</t>
  </si>
  <si>
    <t>Dheerky</t>
  </si>
  <si>
    <t>25072</t>
  </si>
  <si>
    <t>GMPS AIMA</t>
  </si>
  <si>
    <t>GMPS Aima</t>
  </si>
  <si>
    <t>Atifa Iqbal</t>
  </si>
  <si>
    <t>GGES FATTOKE</t>
  </si>
  <si>
    <t>village Fattoke, POB Badomalhi, Teh&amp;Dis. Narowal</t>
  </si>
  <si>
    <t>Fareeha Mukhtar</t>
  </si>
  <si>
    <t>GPS JALLAH JEEM NO 1</t>
  </si>
  <si>
    <t>Jallahjeem</t>
  </si>
  <si>
    <t>jallahjeem</t>
  </si>
  <si>
    <t>GGPS MADAN CHAK</t>
  </si>
  <si>
    <t>madan Chak,Tehsil Wazirabad, District Gujranwala</t>
  </si>
  <si>
    <t>Rizwana Altaf</t>
  </si>
  <si>
    <t>GHS PINDI SAID PUR</t>
  </si>
  <si>
    <t>village and post office pindi said pur,tehsil pind dadan khan,distt jhelum.</t>
  </si>
  <si>
    <t>20350</t>
  </si>
  <si>
    <t>GGPS KHARKAN</t>
  </si>
  <si>
    <t>Kharrkan</t>
  </si>
  <si>
    <t>kharrkan</t>
  </si>
  <si>
    <t>GMPS ABDULLA PUR</t>
  </si>
  <si>
    <t>Abdullah pur Tehsile Nowshera virkan District Gujranwala</t>
  </si>
  <si>
    <t>GMPS NOSHERA</t>
  </si>
  <si>
    <t>GMPS noshera</t>
  </si>
  <si>
    <t>Noor-e-wala</t>
  </si>
  <si>
    <t>GHS 82/6-R</t>
  </si>
  <si>
    <t>Govt. High School 82/6R Sahiwal</t>
  </si>
  <si>
    <t>82/6-R</t>
  </si>
  <si>
    <t>GPS NAALSHI WALA</t>
  </si>
  <si>
    <t>Aalam Pur</t>
  </si>
  <si>
    <t>Naalshi wala mouza aalam pur mailsi</t>
  </si>
  <si>
    <t>Naalshi Wala</t>
  </si>
  <si>
    <t>Basti kamal wala mouza kabeer pur p/o khan garh tehsil &amp; dist. muzaffar garh</t>
  </si>
  <si>
    <t>GGPS 58/10-R, KHANEWAL</t>
  </si>
  <si>
    <t>58/10.R</t>
  </si>
  <si>
    <t>58/10R</t>
  </si>
  <si>
    <t>Misbah Raees</t>
  </si>
  <si>
    <t>GMPS KHANAHDAH</t>
  </si>
  <si>
    <t>Khanadah</t>
  </si>
  <si>
    <t>vill khanadah p.o doberan kallan tehsil kallar syedan distt rawalpindi</t>
  </si>
  <si>
    <t>Doberan Kallan</t>
  </si>
  <si>
    <t>Saddiqa  Bibi</t>
  </si>
  <si>
    <t>GGPS FAQIR ABAD</t>
  </si>
  <si>
    <t>GGPS faqirabad VPO faqirabad Teh and distt attock</t>
  </si>
  <si>
    <t>Hafsah Ahmed</t>
  </si>
  <si>
    <t>suplied by mill</t>
  </si>
  <si>
    <t>GPS PALAHAY</t>
  </si>
  <si>
    <t>Palahy</t>
  </si>
  <si>
    <t>colony moza palahy</t>
  </si>
  <si>
    <t>29746</t>
  </si>
  <si>
    <t>GPS KOT HAKIM SING WALA</t>
  </si>
  <si>
    <t>Kot Hakim Sing</t>
  </si>
  <si>
    <t>gps kot hakim sing wala</t>
  </si>
  <si>
    <t>Phaliani</t>
  </si>
  <si>
    <t>GGES JALYARI BHI KHAN</t>
  </si>
  <si>
    <t>Jalyari Bhi Khan</t>
  </si>
  <si>
    <t>Dhoke Ganjian Post Office Mandra Tehsil Gujar Khan district Rawalpindi</t>
  </si>
  <si>
    <t>IBTASAM MALIK</t>
  </si>
  <si>
    <t>GGPS MC SIR SYED JUNIOR MODEL NO. 3 LALA MUSA</t>
  </si>
  <si>
    <t>Ghalla mandi lalamusa</t>
  </si>
  <si>
    <t>Lalamusa 3</t>
  </si>
  <si>
    <t>GGPS CHAK 280 JB DUGHLAN</t>
  </si>
  <si>
    <t>Duggal</t>
  </si>
  <si>
    <t>chak no.280/j.b Duggal</t>
  </si>
  <si>
    <t>280/jb</t>
  </si>
  <si>
    <t>281/jb Dwakhri</t>
  </si>
  <si>
    <t>Nuzhat Riaz</t>
  </si>
  <si>
    <t>GGHS CHAK MALOOK</t>
  </si>
  <si>
    <t>GGHS Chakmalook</t>
  </si>
  <si>
    <t>UC Chak Malook</t>
  </si>
  <si>
    <t>Azka Seemab Zahra</t>
  </si>
  <si>
    <t>GPS DHOK JAWANDA</t>
  </si>
  <si>
    <t>nawa</t>
  </si>
  <si>
    <t>dk.jawinda attock</t>
  </si>
  <si>
    <t>GHS PAK ISLAMIA SHADIWAL</t>
  </si>
  <si>
    <t>NEAR BUS STAND SHADIWAL</t>
  </si>
  <si>
    <t>ICHERKAY</t>
  </si>
  <si>
    <t>GPS 12/8-R, KACHA KHUH</t>
  </si>
  <si>
    <t>ch no 12/8.R</t>
  </si>
  <si>
    <t>govt primry schol 12/8.R markaz kacha khuh</t>
  </si>
  <si>
    <t>12/8.R</t>
  </si>
  <si>
    <t>11/A8.R</t>
  </si>
  <si>
    <t>44492</t>
  </si>
  <si>
    <t>GPS HAMZAY WALI</t>
  </si>
  <si>
    <t>HAMZAYWALI</t>
  </si>
  <si>
    <t>GHS KOT ISLAM ABDUL HAKIM</t>
  </si>
  <si>
    <t>kot jhalar</t>
  </si>
  <si>
    <t>moza kot jhalar, p/o kot islam, tehsil kabirwala district khanewal</t>
  </si>
  <si>
    <t>Ali Adnan Shahzad</t>
  </si>
  <si>
    <t>GPS CHAK 308 JB SURANGIAN</t>
  </si>
  <si>
    <t>Chak No 308jb</t>
  </si>
  <si>
    <t>chak no 308jb</t>
  </si>
  <si>
    <t>Chak No 316jb</t>
  </si>
  <si>
    <t>43065</t>
  </si>
  <si>
    <t>GHS MANGWAL</t>
  </si>
  <si>
    <t>VPO MANGWAL</t>
  </si>
  <si>
    <t>NADEEM FARZAND ALI SHAH</t>
  </si>
  <si>
    <t>GGPS TAMMAN NO 2</t>
  </si>
  <si>
    <t>Vil&amp;Po tamman</t>
  </si>
  <si>
    <t>water supplay</t>
  </si>
  <si>
    <t>36246</t>
  </si>
  <si>
    <t>GPS CHAK NO.54/WB</t>
  </si>
  <si>
    <t>54 WB</t>
  </si>
  <si>
    <t>Chak NO 54WB</t>
  </si>
  <si>
    <t>GPS 100/12-L</t>
  </si>
  <si>
    <t>Chak No 100/12L</t>
  </si>
  <si>
    <t>chak no 100/12L post office same tehsil chichawatni district sahiwal</t>
  </si>
  <si>
    <t>Chak No 52/12L</t>
  </si>
  <si>
    <t>Muhammad Ijaz Sohail</t>
  </si>
  <si>
    <t>48472</t>
  </si>
  <si>
    <t>GGCMS CHAK NO.5 SB</t>
  </si>
  <si>
    <t>Chak No#05 Sb</t>
  </si>
  <si>
    <t>chak no#05 sb</t>
  </si>
  <si>
    <t>Chak No#05Sb</t>
  </si>
  <si>
    <t>Chak No#06 Sb</t>
  </si>
  <si>
    <t>Zerish Edwin</t>
  </si>
  <si>
    <t>28666</t>
  </si>
  <si>
    <t>GGES FATEH MUHAMMAD KALAN</t>
  </si>
  <si>
    <t>Fateh Muhammad kalan</t>
  </si>
  <si>
    <t>fateh Muhammad kalan</t>
  </si>
  <si>
    <t>Fatah Muhammad kalan</t>
  </si>
  <si>
    <t>11877</t>
  </si>
  <si>
    <t>GGES CHAK NO. 638 TDA</t>
  </si>
  <si>
    <t>638/TDA</t>
  </si>
  <si>
    <t>Chack No. 638 TDA</t>
  </si>
  <si>
    <t>GGES 104 EB</t>
  </si>
  <si>
    <t>GGES104 EB Chak no.104 EB</t>
  </si>
  <si>
    <t>104eb</t>
  </si>
  <si>
    <t>fozia manzoor</t>
  </si>
  <si>
    <t>GPS AMIR PUR</t>
  </si>
  <si>
    <t>moza ameer pur p/o jallah jeem</t>
  </si>
  <si>
    <t>Wersi Wahin</t>
  </si>
  <si>
    <t>GGES JAMAL KAY TRAGGER, NAWAN SHEHR</t>
  </si>
  <si>
    <t>Jamalkay</t>
  </si>
  <si>
    <t>G G m/s jamalkay</t>
  </si>
  <si>
    <t>Safia Unbreen</t>
  </si>
  <si>
    <t>GHS IQBAL CHAK 267 RB FSD</t>
  </si>
  <si>
    <t>CHAK 267 RB FSD</t>
  </si>
  <si>
    <t>JALLANDHAR</t>
  </si>
  <si>
    <t>MUDASSAR FAROOQ</t>
  </si>
  <si>
    <t>53099</t>
  </si>
  <si>
    <t>GHS CHAK NO. 54/2-L</t>
  </si>
  <si>
    <t>Chak No 54/2L Okara</t>
  </si>
  <si>
    <t>GPS HAKAM SADHAR KEY</t>
  </si>
  <si>
    <t>Hakim Sadharkzy</t>
  </si>
  <si>
    <t>Hakim Sadharkay</t>
  </si>
  <si>
    <t>Hakim Sadharky</t>
  </si>
  <si>
    <t>Pandat Manfoolpur</t>
  </si>
  <si>
    <t>Makkal</t>
  </si>
  <si>
    <t>Werci Wahin</t>
  </si>
  <si>
    <t>GMPS ALLAH ABAD</t>
  </si>
  <si>
    <t>Allahabad colony burewala</t>
  </si>
  <si>
    <t>javeria aziz</t>
  </si>
  <si>
    <t>31088</t>
  </si>
  <si>
    <t>GPS FIRDOUS CO-OPRETIVE GULSHAN-E-RAVI</t>
  </si>
  <si>
    <t>Gulshan E Ravi</t>
  </si>
  <si>
    <t>F block Gulshan e Ravi.</t>
  </si>
  <si>
    <t>Gulshan e RAVI</t>
  </si>
  <si>
    <t>Gulshan e Ravi</t>
  </si>
  <si>
    <t>GGES 289/E.B</t>
  </si>
  <si>
    <t>Govt Girls Elementary school 289/E.B Burewala</t>
  </si>
  <si>
    <t>289/EB</t>
  </si>
  <si>
    <t>GPS JHENDA NOU</t>
  </si>
  <si>
    <t>Jhenda Nou</t>
  </si>
  <si>
    <t>jhenda nou</t>
  </si>
  <si>
    <t>Saheem Naeem</t>
  </si>
  <si>
    <t>GHS LAKHODHER</t>
  </si>
  <si>
    <t>Govt. High School Lakhodair Lahore Cantt.</t>
  </si>
  <si>
    <t>Abdul Samad Siddiqui</t>
  </si>
  <si>
    <t>32165</t>
  </si>
  <si>
    <t>GPS RANIKE MINARA</t>
  </si>
  <si>
    <t>ranike minara</t>
  </si>
  <si>
    <t>Ranike Minara</t>
  </si>
  <si>
    <t>Kurlky Minara</t>
  </si>
  <si>
    <t>M Imtiaz Ali</t>
  </si>
  <si>
    <t>GPS SAKINDER COLONY</t>
  </si>
  <si>
    <t>behak lurka teh kotmomin distt Sargodha</t>
  </si>
  <si>
    <t>Sikander Colony</t>
  </si>
  <si>
    <t>GGPS BHATTA RAIWIND ROAD</t>
  </si>
  <si>
    <t>Bhatta Pind</t>
  </si>
  <si>
    <t>GGPS Bhatta Raiwind Road Lahore</t>
  </si>
  <si>
    <t>Ranikey Minara Sheikhupura</t>
  </si>
  <si>
    <t>Ranikey Minara</t>
  </si>
  <si>
    <t>Zahid Naseeb</t>
  </si>
  <si>
    <t>GES TARRAGAR</t>
  </si>
  <si>
    <t>vpo taraggar teh talagang distt chakwal</t>
  </si>
  <si>
    <t>Muhammad  Tariq Anjum</t>
  </si>
  <si>
    <t>GPS CHAK NO 14</t>
  </si>
  <si>
    <t>Chak No 14</t>
  </si>
  <si>
    <t>BHOE Asal</t>
  </si>
  <si>
    <t>Muhammad Aslam Qamar</t>
  </si>
  <si>
    <t>GPS CHAK GURDAS</t>
  </si>
  <si>
    <t>Chak Gurdas</t>
  </si>
  <si>
    <t>Kurlke Minara</t>
  </si>
  <si>
    <t>GPS CHAK 321 JB</t>
  </si>
  <si>
    <t>Chak No 321 JB</t>
  </si>
  <si>
    <t>GMPS MANDIAN WALA</t>
  </si>
  <si>
    <t>village Mandianwala post office sahowali tehsil and district sialkot</t>
  </si>
  <si>
    <t>GPS UMER KOT NO. 1</t>
  </si>
  <si>
    <t>basti bara umer kot tehsil Rojhan District Rajanpur</t>
  </si>
  <si>
    <t>GGPS 122/P</t>
  </si>
  <si>
    <t>Wah Fakiran</t>
  </si>
  <si>
    <t>chack 122p</t>
  </si>
  <si>
    <t>122p</t>
  </si>
  <si>
    <t>Nazia Ramzan</t>
  </si>
  <si>
    <t>GGPS TAHAYAT LAHORE CANTT</t>
  </si>
  <si>
    <t>Tahayat</t>
  </si>
  <si>
    <t>Govt girls primary school Tahayat Tehsil Model town Lahore.</t>
  </si>
  <si>
    <t>Chandray</t>
  </si>
  <si>
    <t>Abida Nawaz Khan</t>
  </si>
  <si>
    <t>GES SHAH SADIQ NEHANG</t>
  </si>
  <si>
    <t>Shah Sadiq Nehang Nehang</t>
  </si>
  <si>
    <t>shah sadiq nehang teh shorkot district jhang</t>
  </si>
  <si>
    <t>28293</t>
  </si>
  <si>
    <t>GMPS KOTLI KHURD</t>
  </si>
  <si>
    <t>Kotli Khurd</t>
  </si>
  <si>
    <t>Um E Rubab</t>
  </si>
  <si>
    <t>GGPS SHAHBAZ WALA</t>
  </si>
  <si>
    <t>shahbaz wala tehsil k.kot bhakkar</t>
  </si>
  <si>
    <t>Shahbaz wala</t>
  </si>
  <si>
    <t>11764</t>
  </si>
  <si>
    <t>GPS ADIL ABAD</t>
  </si>
  <si>
    <t>Chak No 590tda</t>
  </si>
  <si>
    <t>p/o waner tehsil kotadu district muzaffargarh</t>
  </si>
  <si>
    <t>Chak No 590</t>
  </si>
  <si>
    <t>GES LOHGAR JHUGIAN</t>
  </si>
  <si>
    <t>Lohghar Jhugian</t>
  </si>
  <si>
    <t>Lohghar Jhugian District Kasur</t>
  </si>
  <si>
    <t>GPS LALOO WALA</t>
  </si>
  <si>
    <t>Basti Lalo Wala</t>
  </si>
  <si>
    <t>GMPS CHANI JOWAY SHAH</t>
  </si>
  <si>
    <t>Chinni Joway Sha</t>
  </si>
  <si>
    <t>head mistress chinni joway shah</t>
  </si>
  <si>
    <t>Chinni Joway Shah</t>
  </si>
  <si>
    <t>GGES MARRAHAN WALI</t>
  </si>
  <si>
    <t>basti marhan wali pOB / marhan wali</t>
  </si>
  <si>
    <t>Saira kanwal</t>
  </si>
  <si>
    <t>GES HASSAN PUR TARUND</t>
  </si>
  <si>
    <t>basti Lal Wala Mouza Hassan pur trund p.o har Palo tehsil district Muzaffar garh.</t>
  </si>
  <si>
    <t>GPS DHOK NAWAN LOK</t>
  </si>
  <si>
    <t>Dhok nawan lok teh&amp;dist M.B Din</t>
  </si>
  <si>
    <t>DHOK NAWAN LOK</t>
  </si>
  <si>
    <t>GGPS CHAK 677/18 GB</t>
  </si>
  <si>
    <t>Chak No 677/18</t>
  </si>
  <si>
    <t>Chak no 677/18 Gb</t>
  </si>
  <si>
    <t>677/18 GB</t>
  </si>
  <si>
    <t>661/2 GB</t>
  </si>
  <si>
    <t>Khadija Tul Qubra</t>
  </si>
  <si>
    <t>GGHS BAKHARI AHMAD KHAN</t>
  </si>
  <si>
    <t>Bate Dabli</t>
  </si>
  <si>
    <t>Muza Bate Dabli Basti Bakhri Ahmad Khan</t>
  </si>
  <si>
    <t>GGPS BASTI ABBAS ABAD</t>
  </si>
  <si>
    <t>Bait Ranonja</t>
  </si>
  <si>
    <t>mouza bait ranonja p/0 qusba gujrat teh kot adu m. garh</t>
  </si>
  <si>
    <t>Ranonja</t>
  </si>
  <si>
    <t>Tehmina abbas</t>
  </si>
  <si>
    <t>GGPS DERA MUHAMMAD KHAN</t>
  </si>
  <si>
    <t>Dera Muhammad Khan Rahdari NoorPur thal khushab</t>
  </si>
  <si>
    <t>Naeem Zahra</t>
  </si>
  <si>
    <t>GES GHANOKAY JAJJA</t>
  </si>
  <si>
    <t>Ghanoke Jajja</t>
  </si>
  <si>
    <t>Govt E/S Ghanoke Jajja Tehsil Daska District Sialkot</t>
  </si>
  <si>
    <t>Mubarik Ali Shah</t>
  </si>
  <si>
    <t>31731</t>
  </si>
  <si>
    <t>GPS BHORAY OTHEY</t>
  </si>
  <si>
    <t>Bhury Outhi</t>
  </si>
  <si>
    <t>GPS bhoray othey teh muridky sheikupura</t>
  </si>
  <si>
    <t>Ladhkey</t>
  </si>
  <si>
    <t>29387</t>
  </si>
  <si>
    <t>GGPS LOGHAR JHUGIAN</t>
  </si>
  <si>
    <t>Logher Juggian</t>
  </si>
  <si>
    <t>govt girls p/s logher jughian</t>
  </si>
  <si>
    <t>Logher Jughian</t>
  </si>
  <si>
    <t>Asifa Yaseen</t>
  </si>
  <si>
    <t>GPS MUGHAL ABAD</t>
  </si>
  <si>
    <t>Jinnah Colony P.O &amp; Teh Kallar Syedan Dist . Rwp</t>
  </si>
  <si>
    <t>Shahid Anjum</t>
  </si>
  <si>
    <t>GES KHEW</t>
  </si>
  <si>
    <t>khew post office Haider Abad tehsil Mankera Bhakkar</t>
  </si>
  <si>
    <t>GGPS MEHMOOD SHAHEED</t>
  </si>
  <si>
    <t>Mehmood Shaeed Shaheed</t>
  </si>
  <si>
    <t>Mehmood shaheed noorpur thal khushab</t>
  </si>
  <si>
    <t>Nasreen Murtaza</t>
  </si>
  <si>
    <t>GES RAKH BLOCH KALAN</t>
  </si>
  <si>
    <t>VPO RAKH BALOCH KALAN</t>
  </si>
  <si>
    <t>GGPS WAN CHATTA BAHAWALPUR ROAD MULTAN</t>
  </si>
  <si>
    <t>Kayanpur</t>
  </si>
  <si>
    <t>Wan chatta</t>
  </si>
  <si>
    <t>kayanpur</t>
  </si>
  <si>
    <t>Rukhsana Inayat</t>
  </si>
  <si>
    <t>GGHS SULEMAN PURA</t>
  </si>
  <si>
    <t>GGHS suleman pura bhalwal street no.18 suleman pura bhalwal tehsil bhalwal district sargodha</t>
  </si>
  <si>
    <t>Suleman Pura</t>
  </si>
  <si>
    <t>Nargis Tasleem</t>
  </si>
  <si>
    <t>GGHS 253/WB</t>
  </si>
  <si>
    <t>Chak 253 wB</t>
  </si>
  <si>
    <t>chak no 253/WB</t>
  </si>
  <si>
    <t>Chak 253 WB</t>
  </si>
  <si>
    <t>Sultan Ayub Qatal</t>
  </si>
  <si>
    <t>Mamoona Sidra</t>
  </si>
  <si>
    <t>50477</t>
  </si>
  <si>
    <t>GPS 96/12-L</t>
  </si>
  <si>
    <t>Chak No.96/12.L</t>
  </si>
  <si>
    <t>GGPS SARFRAZ COLONY JAUHARABAD</t>
  </si>
  <si>
    <t>Government Girls Primary School Sarfraz Colony Jauharabad District Khushab</t>
  </si>
  <si>
    <t>Shazia Shakila</t>
  </si>
  <si>
    <t>35469</t>
  </si>
  <si>
    <t>GGES 301 EB</t>
  </si>
  <si>
    <t>301/eb</t>
  </si>
  <si>
    <t>301/eb, burewala</t>
  </si>
  <si>
    <t>327/eb</t>
  </si>
  <si>
    <t>Asia Rani</t>
  </si>
  <si>
    <t>GGES RAZA ABAD</t>
  </si>
  <si>
    <t>GGES Raza Abad norri puri</t>
  </si>
  <si>
    <t>Nashrah Saleem</t>
  </si>
  <si>
    <t>GGPS SIDHA</t>
  </si>
  <si>
    <t>TEHSil NOOR pur Thal district Khushab</t>
  </si>
  <si>
    <t>18879</t>
  </si>
  <si>
    <t>GES CHAK 716 GB</t>
  </si>
  <si>
    <t>Chak No. 716 GB, Kamalia</t>
  </si>
  <si>
    <t>CHAK  No 716 GB</t>
  </si>
  <si>
    <t>CHAK NO 715 GB</t>
  </si>
  <si>
    <t>Mubashar Iqbal Abid</t>
  </si>
  <si>
    <t>GMPS HAKIM AMIR DIN</t>
  </si>
  <si>
    <t>Chak Hakim Ameer Din</t>
  </si>
  <si>
    <t>post office azizabad chak hakeem amir din</t>
  </si>
  <si>
    <t>Hakeem Amir Din</t>
  </si>
  <si>
    <t>Natho Dhaka</t>
  </si>
  <si>
    <t>45937</t>
  </si>
  <si>
    <t>GGPS NO. 3  JOUHAR ABAD</t>
  </si>
  <si>
    <t>Satelitte Town 1</t>
  </si>
  <si>
    <t>GGP/S No 3 Jauharabad</t>
  </si>
  <si>
    <t>MC2 Jauharabad</t>
  </si>
  <si>
    <t>42956</t>
  </si>
  <si>
    <t>GPS MEHAL JAMAL</t>
  </si>
  <si>
    <t>Soraha</t>
  </si>
  <si>
    <t>pakian tensile kallar syedan</t>
  </si>
  <si>
    <t>Pakian</t>
  </si>
  <si>
    <t>muhammad ajaib</t>
  </si>
  <si>
    <t>17768</t>
  </si>
  <si>
    <t>GMPS CHAK NO. 173 FALORI</t>
  </si>
  <si>
    <t>173 Falori</t>
  </si>
  <si>
    <t>CHAK NO 173 FALORI</t>
  </si>
  <si>
    <t>Misbah Mushtaq</t>
  </si>
  <si>
    <t>50473</t>
  </si>
  <si>
    <t>GPS 92/12-L</t>
  </si>
  <si>
    <t>92/12 L</t>
  </si>
  <si>
    <t>Samreen Khaliq</t>
  </si>
  <si>
    <t>Dera Khizarhauat</t>
  </si>
  <si>
    <t>dera khizar hayat</t>
  </si>
  <si>
    <t>GPS DODHELI</t>
  </si>
  <si>
    <t>Dodehli</t>
  </si>
  <si>
    <t>Post office bhalakhar muza Dodehli teh kallar seydan Rawalpindi</t>
  </si>
  <si>
    <t>GGPS CHAK 707 GB</t>
  </si>
  <si>
    <t>707gb</t>
  </si>
  <si>
    <t>chak no 707g.b  tehsil kamalia district toba tek singh</t>
  </si>
  <si>
    <t>chak No 707 Gb</t>
  </si>
  <si>
    <t>Chak 715gb</t>
  </si>
  <si>
    <t>Imrana Riaz</t>
  </si>
  <si>
    <t>GGCMS HUSSAIN ABAD</t>
  </si>
  <si>
    <t>thatta jabana</t>
  </si>
  <si>
    <t>hussainabad, JHANG</t>
  </si>
  <si>
    <t>Sabra Anwar</t>
  </si>
  <si>
    <t>GGPS BADHANA KHURD</t>
  </si>
  <si>
    <t>Badhana khurd</t>
  </si>
  <si>
    <t>GMPS BADHANA KHURD SANGJANI</t>
  </si>
  <si>
    <t>GMPS DERA LAL KHAN</t>
  </si>
  <si>
    <t>Laal Khan Walla</t>
  </si>
  <si>
    <t>gmps.dera lal Khan shahpur sgd.</t>
  </si>
  <si>
    <t>Laal Khan WAlla</t>
  </si>
  <si>
    <t>Manazar Hussain</t>
  </si>
  <si>
    <t>GGPS MODEL DERA MALLIAN SHARQI</t>
  </si>
  <si>
    <t>Dera Mehlian</t>
  </si>
  <si>
    <t>Dera mehlian</t>
  </si>
  <si>
    <t>Sucha Suda</t>
  </si>
  <si>
    <t>39348</t>
  </si>
  <si>
    <t>village nathial pobox pirana</t>
  </si>
  <si>
    <t>GES CHAK NO.101/DNB</t>
  </si>
  <si>
    <t>chak no 101 dnb tehsil yazman</t>
  </si>
  <si>
    <t>Chak 101/DNB</t>
  </si>
  <si>
    <t>Shahbaz Qasid</t>
  </si>
  <si>
    <t>GGPS NANGAL BAUCHER</t>
  </si>
  <si>
    <t>nangal bucher po same Narang mandi tehsil muridke distt sheikhupura</t>
  </si>
  <si>
    <t>GGPS CHAK NO. 169/WB</t>
  </si>
  <si>
    <t>Kasi Wala</t>
  </si>
  <si>
    <t>chak No 169 wb</t>
  </si>
  <si>
    <t>169 Wb</t>
  </si>
  <si>
    <t>Nazish Nazir</t>
  </si>
  <si>
    <t>GGPS AHMAD YAR WALA</t>
  </si>
  <si>
    <t>ward no 14c kotdu</t>
  </si>
  <si>
    <t>Kotadu</t>
  </si>
  <si>
    <t>Mc Kotadu</t>
  </si>
  <si>
    <t>GPS CHAK 56 TUKRA</t>
  </si>
  <si>
    <t>56Tukra</t>
  </si>
  <si>
    <t>Chuk 56 Tukra Kamalia District T.T. Singh</t>
  </si>
  <si>
    <t>56 Tukra</t>
  </si>
  <si>
    <t>GPS BASTI GAZRAN JALALPUR PIRWALA</t>
  </si>
  <si>
    <t>Basti Gazran P/o Juggu Wala</t>
  </si>
  <si>
    <t>GPS BASTI ALLAH BAKHSH</t>
  </si>
  <si>
    <t>Basti ALLAH Bakhsh Tehsil Jatoi District Muzaffer Garh</t>
  </si>
  <si>
    <t>Basti ALLAH Bakhsh</t>
  </si>
  <si>
    <t>Hakeem abdul sattar laghari</t>
  </si>
  <si>
    <t>37836</t>
  </si>
  <si>
    <t>GGPS RAHIM SHAH, JAHANIAN</t>
  </si>
  <si>
    <t>basti rahim shah</t>
  </si>
  <si>
    <t>Ummas Nadeem</t>
  </si>
  <si>
    <t>GES SHARAQPUR KHURD</t>
  </si>
  <si>
    <t>Main Sui Gas Road Asif Abad Colony Shaaqpur Khurd Kot Abdul Malik</t>
  </si>
  <si>
    <t>Muncipal Committee Kot Abdul Malik</t>
  </si>
  <si>
    <t>M.ATEEQ AWAN</t>
  </si>
  <si>
    <t>22786</t>
  </si>
  <si>
    <t>GGPS KALRA PUNWAN</t>
  </si>
  <si>
    <t>Kalra Punwan</t>
  </si>
  <si>
    <t>p/o s.a fan kalra punwan</t>
  </si>
  <si>
    <t>Kalara Kalan</t>
  </si>
  <si>
    <t>Mumtaz Baigam</t>
  </si>
  <si>
    <t>GGES CHAK NO 104/6-R</t>
  </si>
  <si>
    <t>104/6-R</t>
  </si>
  <si>
    <t>G G E/S104/6r</t>
  </si>
  <si>
    <t>GGPS DINGIBALA</t>
  </si>
  <si>
    <t>Dingi Bala</t>
  </si>
  <si>
    <t>village dingi bala post office dullah</t>
  </si>
  <si>
    <t>Somia Nawaz</t>
  </si>
  <si>
    <t>48189</t>
  </si>
  <si>
    <t>GPS CHAK NO.7 SB</t>
  </si>
  <si>
    <t>Chak No 7 SB</t>
  </si>
  <si>
    <t>chak no 7 sb</t>
  </si>
  <si>
    <t>Chak No 9 NB</t>
  </si>
  <si>
    <t>Ghulam Dastagir Shafiq</t>
  </si>
  <si>
    <t>34806</t>
  </si>
  <si>
    <t>GPS MUNSHI WALA P/O JUGGU WALA</t>
  </si>
  <si>
    <t>45394</t>
  </si>
  <si>
    <t>GES BASTI AHMAD SHAH WALI</t>
  </si>
  <si>
    <t>Mehar Imam Shah Daggar</t>
  </si>
  <si>
    <t>Basti Ahmad Shah Wali P / o. Panjgirain Teh. Daryakhan District. Bhakkar</t>
  </si>
  <si>
    <t>Basti Ahmad Shah Wali</t>
  </si>
  <si>
    <t>GGPS BASTI DANGA</t>
  </si>
  <si>
    <t>Hamzy Wali</t>
  </si>
  <si>
    <t>basti danga moza hamzy wali tehsil jatoi dist m.garh</t>
  </si>
  <si>
    <t>Basti Danga</t>
  </si>
  <si>
    <t>Ambreen Mustafa</t>
  </si>
  <si>
    <t>30177</t>
  </si>
  <si>
    <t>GGHS ISLAMIA MUSTAFABAD</t>
  </si>
  <si>
    <t>Govt. Islamia GHS, Main Bazar, Mustafabad, Dharam Pura, Lhr</t>
  </si>
  <si>
    <t>GGES,FAROOQ ABAD</t>
  </si>
  <si>
    <t>Shughfutah Jabeen</t>
  </si>
  <si>
    <t>37874</t>
  </si>
  <si>
    <t>GGPS 115/10-R GHULAMU WALA, JAHANIAN</t>
  </si>
  <si>
    <t>Ghulamuwala</t>
  </si>
  <si>
    <t>chak no 115/10-R ghulamu wala</t>
  </si>
  <si>
    <t>Shazia Altaf</t>
  </si>
  <si>
    <t>GPS CHAK 534/4 GB</t>
  </si>
  <si>
    <t>Jhangir Da Tubwell</t>
  </si>
  <si>
    <t>chak no 534 gb</t>
  </si>
  <si>
    <t>534gb</t>
  </si>
  <si>
    <t>Chak No648 Gb</t>
  </si>
  <si>
    <t>Tanweer Hussain</t>
  </si>
  <si>
    <t>GPS CHAK NO.23/BC</t>
  </si>
  <si>
    <t>Chak 23 BC</t>
  </si>
  <si>
    <t>yazman road near sardaro wala bagla</t>
  </si>
  <si>
    <t>Chak No 23BC</t>
  </si>
  <si>
    <t>Chak No 24BC</t>
  </si>
  <si>
    <t>Naveed Ahmed Khalil</t>
  </si>
  <si>
    <t>GGPS RADHA NAGAR</t>
  </si>
  <si>
    <t>Radha nagar</t>
  </si>
  <si>
    <t>GGES HAIRO GHARBI</t>
  </si>
  <si>
    <t>hairo gharbi</t>
  </si>
  <si>
    <t>Saqiba Rahim</t>
  </si>
  <si>
    <t>GGPS 6 LOT 43 WB</t>
  </si>
  <si>
    <t>43/wb 6 Lat</t>
  </si>
  <si>
    <t>6 lat 43/wb vehai</t>
  </si>
  <si>
    <t>6 Lat</t>
  </si>
  <si>
    <t>GGPS CHAH KOTLI WALA</t>
  </si>
  <si>
    <t>Chah Kotli Wala</t>
  </si>
  <si>
    <t>chah kotli wala</t>
  </si>
  <si>
    <t>Chah kotli Wala</t>
  </si>
  <si>
    <t>GGES BINDI</t>
  </si>
  <si>
    <t>Bindi 12</t>
  </si>
  <si>
    <t>Humaira Andleeb</t>
  </si>
  <si>
    <t>GMPS DAIWAL GHARBI</t>
  </si>
  <si>
    <t>Daiwal gharbi</t>
  </si>
  <si>
    <t>Muhammad Niaz</t>
  </si>
  <si>
    <t>GES CHAK NO 130 TDA</t>
  </si>
  <si>
    <t>SUMRA THAL KALAN</t>
  </si>
  <si>
    <t>chak no 130/TDA P/O chak no 279/TDA adda bhagal Layyah</t>
  </si>
  <si>
    <t>Ckak No 130</t>
  </si>
  <si>
    <t>GMES 15/V, KHANEWAL</t>
  </si>
  <si>
    <t>Govt model middle school15/v kwl</t>
  </si>
  <si>
    <t>chak no 14v kwl</t>
  </si>
  <si>
    <t>SHAMSHAD AKHTAR</t>
  </si>
  <si>
    <t>GGPS THANDI BHAEER</t>
  </si>
  <si>
    <t>Village Thandi.bheer post office Attock khurd</t>
  </si>
  <si>
    <t>Thandi baheer</t>
  </si>
  <si>
    <t>Quratulain Asghar</t>
  </si>
  <si>
    <t>GPS CHAK NO. 151/ML</t>
  </si>
  <si>
    <t>151 Ml</t>
  </si>
  <si>
    <t>chak no 151 ml kot adu</t>
  </si>
  <si>
    <t>Chak No 151 Ml</t>
  </si>
  <si>
    <t>GMPS CHAK NO 101 JB</t>
  </si>
  <si>
    <t>CHAK NO.101 JAHANIA</t>
  </si>
  <si>
    <t>CHAK NO 101 JB JAHANIA</t>
  </si>
  <si>
    <t>GGPS CHAK NO 205 JB</t>
  </si>
  <si>
    <t>Galotranwali</t>
  </si>
  <si>
    <t>chak no 205jb Tehsil Bhowana District Chiniot</t>
  </si>
  <si>
    <t>Sidra farheen</t>
  </si>
  <si>
    <t>GPS 34-D</t>
  </si>
  <si>
    <t>34/D</t>
  </si>
  <si>
    <t>Chak No 34/D Tehsil Depalpur District Okara</t>
  </si>
  <si>
    <t>Qila Jawind Sing</t>
  </si>
  <si>
    <t>GES CHAK NO. 109/ EB</t>
  </si>
  <si>
    <t>Chak No 109/EB</t>
  </si>
  <si>
    <t>chak no. 109/EB, Arifwala</t>
  </si>
  <si>
    <t>Chao No 109/eb</t>
  </si>
  <si>
    <t>Chao No 109/EB</t>
  </si>
  <si>
    <t>GGPS HAVELI KORANGA, ABDUL HAKIM</t>
  </si>
  <si>
    <t>GGPS Haveli Koranga Abdul Hakim</t>
  </si>
  <si>
    <t>Havaily Koranga</t>
  </si>
  <si>
    <t>Syeda Shazia</t>
  </si>
  <si>
    <t>Chak no 525Tda</t>
  </si>
  <si>
    <t>chak no 525 tda  qasba Noorshah tehsil kot addu</t>
  </si>
  <si>
    <t>Chak no 525</t>
  </si>
  <si>
    <t>Muhammad Tariq malik</t>
  </si>
  <si>
    <t>GPS SUMRA THAL</t>
  </si>
  <si>
    <t>Chak No.127/TDA</t>
  </si>
  <si>
    <t>Chak No127/TDA</t>
  </si>
  <si>
    <t>GPS ADDA SAHLOWAL</t>
  </si>
  <si>
    <t>Adda Salehwal</t>
  </si>
  <si>
    <t>Adda Salehwal the depalpur district okara</t>
  </si>
  <si>
    <t>Adda Salhowal</t>
  </si>
  <si>
    <t>GPS DARA MEHRAM, ABDUL HAKIM</t>
  </si>
  <si>
    <t>Moza Dara Mehram Mrkaz Darkhana</t>
  </si>
  <si>
    <t>Ibrar Ahmad</t>
  </si>
  <si>
    <t>GES SOHAY WALA</t>
  </si>
  <si>
    <t>allah yar soha</t>
  </si>
  <si>
    <t>sohay walla</t>
  </si>
  <si>
    <t>chak 06 T.D.A</t>
  </si>
  <si>
    <t>Muhammad Waseem Sajjad</t>
  </si>
  <si>
    <t>GES CHAK NO 250 JB</t>
  </si>
  <si>
    <t>Chak No 250jb</t>
  </si>
  <si>
    <t>Nanga Amrana Chak 250</t>
  </si>
  <si>
    <t>Muhammad Arif Shah</t>
  </si>
  <si>
    <t>GGMPS SANBAL GALI</t>
  </si>
  <si>
    <t>Vill sumble gali teh murree dist rawalpindi</t>
  </si>
  <si>
    <t>Sumble Sayedan</t>
  </si>
  <si>
    <t>GGPS MIR MUHAMMAD CHACHAR</t>
  </si>
  <si>
    <t>mir m chachar mud hassan tranda</t>
  </si>
  <si>
    <t>Mir M Chachar</t>
  </si>
  <si>
    <t>chak no 100</t>
  </si>
  <si>
    <t>Nusrat Abbas</t>
  </si>
  <si>
    <t>GGES CHAK 708 GB SHAMU WALA</t>
  </si>
  <si>
    <t>Shamonwala</t>
  </si>
  <si>
    <t>GGES 708GB SHAMONWALA KAMALIA</t>
  </si>
  <si>
    <t>Chak # 708 Shamon Wala</t>
  </si>
  <si>
    <t>GGES CHAK 713 GB-II</t>
  </si>
  <si>
    <t>Chak No 713 Gb</t>
  </si>
  <si>
    <t>Got Girls e/S 713gb Tehsil kamalia</t>
  </si>
  <si>
    <t>Chak No 713gb</t>
  </si>
  <si>
    <t>712gb</t>
  </si>
  <si>
    <t>Shazia   Rani</t>
  </si>
  <si>
    <t>GGES CHAK 56 TUKRA KAMALIA</t>
  </si>
  <si>
    <t>chak no.56 tukra kamalia</t>
  </si>
  <si>
    <t>56tukra</t>
  </si>
  <si>
    <t>Chak No661/2</t>
  </si>
  <si>
    <t>Mehwish Shahid</t>
  </si>
  <si>
    <t>GPS BHANJRAN WALA MUZA BUMB P/O JUGGU WALA</t>
  </si>
  <si>
    <t>bumb</t>
  </si>
  <si>
    <t>basti bhanjraan wala p/o juggu wala</t>
  </si>
  <si>
    <t>bhanjran wala</t>
  </si>
  <si>
    <t>Muhammad Abid Munir</t>
  </si>
  <si>
    <t>basti chandia malana</t>
  </si>
  <si>
    <t>Chandia Malana</t>
  </si>
  <si>
    <t>Jazbah ZafarUllah</t>
  </si>
  <si>
    <t>GGPS 271/EB</t>
  </si>
  <si>
    <t>271/eb</t>
  </si>
  <si>
    <t>GGPS CHAIPRHI</t>
  </si>
  <si>
    <t>basti chappri</t>
  </si>
  <si>
    <t>Chappri Sounra</t>
  </si>
  <si>
    <t>36191</t>
  </si>
  <si>
    <t>GPS CHAK NO.184 EB</t>
  </si>
  <si>
    <t>184/EB</t>
  </si>
  <si>
    <t>chak No 184/EB vehari</t>
  </si>
  <si>
    <t>Chal No 184/EB</t>
  </si>
  <si>
    <t>Chak No 204/EB</t>
  </si>
  <si>
    <t>GGPS BASTI DHAMRAI WALI</t>
  </si>
  <si>
    <t>GGPS Basti Dhamraya wali kallur kot</t>
  </si>
  <si>
    <t>Basti Dhamraya Wali</t>
  </si>
  <si>
    <t>Sajida Saeed</t>
  </si>
  <si>
    <t>50435</t>
  </si>
  <si>
    <t>GES 93-A/12-L</t>
  </si>
  <si>
    <t>GES 93A/12.L, Chichawatni District Sahiwal</t>
  </si>
  <si>
    <t>93A/12L</t>
  </si>
  <si>
    <t>Ali Irfan</t>
  </si>
  <si>
    <t>GGES NARI JANOOBI</t>
  </si>
  <si>
    <t>nari Janubi</t>
  </si>
  <si>
    <t>Zubaida Qadir</t>
  </si>
  <si>
    <t>Naiwala Tehsil and District Sheikhupura</t>
  </si>
  <si>
    <t>Sham singh</t>
  </si>
  <si>
    <t>GGCMS HARDO SAHARAN</t>
  </si>
  <si>
    <t>G/G/C/M/S HERDO SAHARAN</t>
  </si>
  <si>
    <t>SAHARAN CHATTHA</t>
  </si>
  <si>
    <t>Her do Saharan</t>
  </si>
  <si>
    <t>GPS BERWALA WARA</t>
  </si>
  <si>
    <t>Ber Wala Wara</t>
  </si>
  <si>
    <t>BAIR WALA WARA</t>
  </si>
  <si>
    <t>Bhagyana Kalan</t>
  </si>
  <si>
    <t>MUHAMMAD ATIF RAFIQ</t>
  </si>
  <si>
    <t>GPS CHAK NO. 649/TDA</t>
  </si>
  <si>
    <t>Nagairi wala , hanjrai mustaqil sharqi , ehsan pur , kot adu , Muzaffar garh</t>
  </si>
  <si>
    <t>Nagairi Wala</t>
  </si>
  <si>
    <t>Muhammad imran</t>
  </si>
  <si>
    <t>GPS 82/12-L</t>
  </si>
  <si>
    <t>82/12 L</t>
  </si>
  <si>
    <t>chak no 82/12L Tehsil Chichawatni District Sahiwal</t>
  </si>
  <si>
    <t>chak no 82/12L</t>
  </si>
  <si>
    <t>chak no 31/14L</t>
  </si>
  <si>
    <t>GMPS MAHI WALA</t>
  </si>
  <si>
    <t>Mahi wala</t>
  </si>
  <si>
    <t>Ayesha Jaffar</t>
  </si>
  <si>
    <t>50447</t>
  </si>
  <si>
    <t>GES 95/12-L</t>
  </si>
  <si>
    <t>9512L</t>
  </si>
  <si>
    <t>chak no 95/12L</t>
  </si>
  <si>
    <t>Burhan Ameer</t>
  </si>
  <si>
    <t>GPS MAHANTAN WALI</t>
  </si>
  <si>
    <t>Mahantan Wali</t>
  </si>
  <si>
    <t>Mahantanwali</t>
  </si>
  <si>
    <t>Khalid Mahmood Zia</t>
  </si>
  <si>
    <t>50952</t>
  </si>
  <si>
    <t>GGCMS GAJI WALA</t>
  </si>
  <si>
    <t>Basti Gaji Wala</t>
  </si>
  <si>
    <t>Gaji Wala</t>
  </si>
  <si>
    <t>Suriya Rahim</t>
  </si>
  <si>
    <t>GPS CHAK NO 70-M</t>
  </si>
  <si>
    <t>Chak 70/m</t>
  </si>
  <si>
    <t>chak 70/M</t>
  </si>
  <si>
    <t>Naeem Akram</t>
  </si>
  <si>
    <t>GPS KHURAM HITHAR</t>
  </si>
  <si>
    <t>Khurram Hithar</t>
  </si>
  <si>
    <t>khurram hithar</t>
  </si>
  <si>
    <t>Khurram</t>
  </si>
  <si>
    <t>Muhammad Saeed Andleeb</t>
  </si>
  <si>
    <t>GGPS 22/14-L</t>
  </si>
  <si>
    <t>22/14L</t>
  </si>
  <si>
    <t>chak no 22/14L Iqbal Nagar</t>
  </si>
  <si>
    <t>22/14</t>
  </si>
  <si>
    <t>Noshaba Qaiser</t>
  </si>
  <si>
    <t>GES KAANDH SHARIF</t>
  </si>
  <si>
    <t>Belaywala</t>
  </si>
  <si>
    <t>Basti kandh sharif mauza belaywala tehsil jatoi distt m.garh</t>
  </si>
  <si>
    <t>Kandh Sharif</t>
  </si>
  <si>
    <t>Muhammad Mujahid Fida</t>
  </si>
  <si>
    <t>GGPS CHAK NO. 411/EB DERA KHUSHI MUHMMAD</t>
  </si>
  <si>
    <t>411/eb</t>
  </si>
  <si>
    <t>chak no 411/eb dera khushi</t>
  </si>
  <si>
    <t>411/eb Dera Khushi</t>
  </si>
  <si>
    <t>GGPS KANDIARI</t>
  </si>
  <si>
    <t>Kandiari</t>
  </si>
  <si>
    <t>village kandiari</t>
  </si>
  <si>
    <t>Sameena Yasmeen</t>
  </si>
  <si>
    <t>54851</t>
  </si>
  <si>
    <t>GGPS MOUZA BHAWANI</t>
  </si>
  <si>
    <t>mouzabhawnni</t>
  </si>
  <si>
    <t>BHAWANI</t>
  </si>
  <si>
    <t>Bhadurshah 58 GD</t>
  </si>
  <si>
    <t>Riffat Sarwar</t>
  </si>
  <si>
    <t>GGPS CHAK NO 13-14 MB</t>
  </si>
  <si>
    <t>13/14MB</t>
  </si>
  <si>
    <t>13/14mb</t>
  </si>
  <si>
    <t>Asia Ashraf</t>
  </si>
  <si>
    <t>11701</t>
  </si>
  <si>
    <t>mouza faqeer wali tehsil kot adu district Muzafar garh</t>
  </si>
  <si>
    <t>Irfan Sikunder</t>
  </si>
  <si>
    <t>GPS BASTI LIARI LASHARI</t>
  </si>
  <si>
    <t>Kheray Wala</t>
  </si>
  <si>
    <t>Chah Lashari Wala chaobara Layyah</t>
  </si>
  <si>
    <t>Hand pump and DC water pump</t>
  </si>
  <si>
    <t>GGPS SIHALA MINHAS</t>
  </si>
  <si>
    <t>Dara Kayal</t>
  </si>
  <si>
    <t>village sehala po khalabut teh gujarkhan Rwp</t>
  </si>
  <si>
    <t>Sehala Minhas</t>
  </si>
  <si>
    <t>GPS MC 7-B KHANEWAL</t>
  </si>
  <si>
    <t>near Hussain chok Old khanewal</t>
  </si>
  <si>
    <t>Muhammad Zahid Mahmood</t>
  </si>
  <si>
    <t>Kharay wala</t>
  </si>
  <si>
    <t>chah Numbran wala Kharay wala chubara</t>
  </si>
  <si>
    <t>Numbran wala</t>
  </si>
  <si>
    <t>GPS KAZIM KHAN WALA</t>
  </si>
  <si>
    <t>cha nawa cheena wala</t>
  </si>
  <si>
    <t>Karey Wala</t>
  </si>
  <si>
    <t>9658</t>
  </si>
  <si>
    <t>GPS SHAIKH DAWA</t>
  </si>
  <si>
    <t>chah shaikh dawa moza nawan kot tehsil chowbara layyah</t>
  </si>
  <si>
    <t>Shaikh Dawa</t>
  </si>
  <si>
    <t>40607</t>
  </si>
  <si>
    <t>GPS PAKHWAL</t>
  </si>
  <si>
    <t>village pakhwal Tensil and p.o sohawa</t>
  </si>
  <si>
    <t>GES  94/9-L</t>
  </si>
  <si>
    <t>94/9-l</t>
  </si>
  <si>
    <t>chak ni 94/9-l sahiwal</t>
  </si>
  <si>
    <t>94/9l</t>
  </si>
  <si>
    <t>80/5-l</t>
  </si>
  <si>
    <t>GES JAYYA</t>
  </si>
  <si>
    <t>Jayya</t>
  </si>
  <si>
    <t>Jayya M.B. DIN.</t>
  </si>
  <si>
    <t>Chak # 40</t>
  </si>
  <si>
    <t>Khalid Rauf Ahmad</t>
  </si>
  <si>
    <t>GES CHAK NO.44 M</t>
  </si>
  <si>
    <t>Chak no 44 M</t>
  </si>
  <si>
    <t>GPS CENTER SAHNA</t>
  </si>
  <si>
    <t>vpo sahna tehsil and district mandibahauddin</t>
  </si>
  <si>
    <t>Hafiz Sajid Hassan</t>
  </si>
  <si>
    <t>GGES SANGRA</t>
  </si>
  <si>
    <t>sangra</t>
  </si>
  <si>
    <t>sangra sadat</t>
  </si>
  <si>
    <t>dawar</t>
  </si>
  <si>
    <t>Rabia Hina</t>
  </si>
  <si>
    <t>GPS DARANGA</t>
  </si>
  <si>
    <t>Dhranga</t>
  </si>
  <si>
    <t>dhranga p/o headsulemanki tehsil depalpur disst.okara</t>
  </si>
  <si>
    <t>Jmal Kot</t>
  </si>
  <si>
    <t>28806</t>
  </si>
  <si>
    <t>GPS MAKHNAY WALA</t>
  </si>
  <si>
    <t>Makhnay Wala Treda Makhna Wala</t>
  </si>
  <si>
    <t>makhnay wala treda</t>
  </si>
  <si>
    <t>Makhnay  Wala Treda Makhnay Wala</t>
  </si>
  <si>
    <t>51476</t>
  </si>
  <si>
    <t>GPS ALAM DHUDDI</t>
  </si>
  <si>
    <t>Alam Dhuddi</t>
  </si>
  <si>
    <t>moza alam dhuddi pakpattan</t>
  </si>
  <si>
    <t>Ferozpur chishtian</t>
  </si>
  <si>
    <t>Abid Maqsood</t>
  </si>
  <si>
    <t>GGMPS JALUB WALI</t>
  </si>
  <si>
    <t>Chit Pani</t>
  </si>
  <si>
    <t>basti jalub wali tehsil taunsa district d g khan</t>
  </si>
  <si>
    <t>Jalub Wali</t>
  </si>
  <si>
    <t>Nadia Kubra</t>
  </si>
  <si>
    <t>GHS 38 GD YOUNG PUR</t>
  </si>
  <si>
    <t>Youngpur</t>
  </si>
  <si>
    <t>38/GD Youngpur Okara</t>
  </si>
  <si>
    <t>Imtiaz Ali Mian</t>
  </si>
  <si>
    <t>GGPS PERVAIZ ABAD</t>
  </si>
  <si>
    <t>basti nai wala ggps pervaizabad</t>
  </si>
  <si>
    <t>34971</t>
  </si>
  <si>
    <t>GMPS DIN PUR JALALPUR PIRWALA</t>
  </si>
  <si>
    <t>Basti Ranjha moza bait kaitch f</t>
  </si>
  <si>
    <t>Bait Kaitch  Junobi</t>
  </si>
  <si>
    <t>Sabra Sultana</t>
  </si>
  <si>
    <t>GES CHAK NO.4 SB</t>
  </si>
  <si>
    <t>Chak No 4 SB</t>
  </si>
  <si>
    <t>Govt. E/S Chak No.4 SB</t>
  </si>
  <si>
    <t>GHS HAMZAY WALI</t>
  </si>
  <si>
    <t>GHS Hamzay wali P/O Maskeenpur Tehsil Jatoi District Muzaffargareh</t>
  </si>
  <si>
    <t>Muhammad Ansar Sohail</t>
  </si>
  <si>
    <t>53492</t>
  </si>
  <si>
    <t>GGPS LAHI ZAREEN</t>
  </si>
  <si>
    <t>Lahi Zreen</t>
  </si>
  <si>
    <t>post office chochaq disttrict okara</t>
  </si>
  <si>
    <t>Lahi Zareen</t>
  </si>
  <si>
    <t>Naveed Kousr</t>
  </si>
  <si>
    <t>GPS 329 EB</t>
  </si>
  <si>
    <t>Chak No. 329/EB</t>
  </si>
  <si>
    <t>Chak No 329/EB</t>
  </si>
  <si>
    <t>Muhammad REHMAN</t>
  </si>
  <si>
    <t>GGPS MOHRI WALA</t>
  </si>
  <si>
    <t>chowk aludey wali</t>
  </si>
  <si>
    <t>Jhandey Wali</t>
  </si>
  <si>
    <t>Kalsoom Toufiq</t>
  </si>
  <si>
    <t>GPS BANDIAN</t>
  </si>
  <si>
    <t>village Chalawara  Dhoke Bandian post office Chalawara Tehsil kotli Sattian District Rawalpindi</t>
  </si>
  <si>
    <t>GGPS 51/GD</t>
  </si>
  <si>
    <t>51/gd</t>
  </si>
  <si>
    <t>chak #51/gd swl</t>
  </si>
  <si>
    <t>51/gd Swl</t>
  </si>
  <si>
    <t>50/gd Swl</t>
  </si>
  <si>
    <t>GGPS CHAKKI</t>
  </si>
  <si>
    <t>Village Chaki PO Box Kotli Loharan West</t>
  </si>
  <si>
    <t>GPS CHAK NO. 80-A TDA</t>
  </si>
  <si>
    <t>Chak 80A/DTA</t>
  </si>
  <si>
    <t>GPS 80A/TDA TEHSIL KAROR DISTT LAYYAH</t>
  </si>
  <si>
    <t>80A/TDA</t>
  </si>
  <si>
    <t>GGPS KHANO WAAL</t>
  </si>
  <si>
    <t>Khanowal p/o Narowal tehsil and District Narowal</t>
  </si>
  <si>
    <t>Kotlukhasing</t>
  </si>
  <si>
    <t>Rabiya Mukhtar</t>
  </si>
  <si>
    <t>GPS IQBAL FARM</t>
  </si>
  <si>
    <t>mirdad muafi</t>
  </si>
  <si>
    <t>chak iqbal farm</t>
  </si>
  <si>
    <t>iqbal frm</t>
  </si>
  <si>
    <t>GPS DERA RORAN WALA RASUL NAGAR</t>
  </si>
  <si>
    <t>Dera roran Wala post office rasool nagar Tehsil.wazirabad</t>
  </si>
  <si>
    <t>GGPS CHAK NO 79 WB</t>
  </si>
  <si>
    <t>79/wb</t>
  </si>
  <si>
    <t>chak no 79/wb vehari</t>
  </si>
  <si>
    <t>Chak No 79/wb</t>
  </si>
  <si>
    <t>GPS TUKRA 25/1</t>
  </si>
  <si>
    <t>25/1 Tukra</t>
  </si>
  <si>
    <t>GPS tukra 25/1 P/O Harappa Teh &amp;Distt Sahiwal</t>
  </si>
  <si>
    <t>Muhammad Abbas Khan</t>
  </si>
  <si>
    <t>GGPS NAUSHERA  MIRHAL</t>
  </si>
  <si>
    <t>G G P S Mirhal Naushera</t>
  </si>
  <si>
    <t>GPS BASTI SEHAR</t>
  </si>
  <si>
    <t>Sahu Wala Kacha</t>
  </si>
  <si>
    <t>Mouza Sahu Wala Kacha Teh. Karor distt. Layyah</t>
  </si>
  <si>
    <t>Syed Aun Haider Bukhari</t>
  </si>
  <si>
    <t>GGPS WEGO WAL</t>
  </si>
  <si>
    <t>Govt girls primary school wegowal</t>
  </si>
  <si>
    <t>23337</t>
  </si>
  <si>
    <t>GGPS SAIDA GOAL</t>
  </si>
  <si>
    <t>GGPS saida gol,sabarkot lalamusa</t>
  </si>
  <si>
    <t>Sabarkot</t>
  </si>
  <si>
    <t>Mayana Chak</t>
  </si>
  <si>
    <t>Afeera nazir</t>
  </si>
  <si>
    <t>GPS CHAK NO 32</t>
  </si>
  <si>
    <t>chak no32</t>
  </si>
  <si>
    <t>Govt p/s chak no32 teh.pattoki disst.kasur</t>
  </si>
  <si>
    <t>chak no 32</t>
  </si>
  <si>
    <t>phullyani</t>
  </si>
  <si>
    <t>GPS GIRRAH SAWAG</t>
  </si>
  <si>
    <t>basti garrah sewag post office laskani wala tehsil karor district layyah</t>
  </si>
  <si>
    <t>sardar muhammad</t>
  </si>
  <si>
    <t>GES JATOI No. 1</t>
  </si>
  <si>
    <t>ges jatoi no 1</t>
  </si>
  <si>
    <t>jatoi city</t>
  </si>
  <si>
    <t>11942</t>
  </si>
  <si>
    <t>GGPS MOCHI WALA</t>
  </si>
  <si>
    <t>adda 1.R patti naich p/o sanawan tehseel kot adu dist M.Garh</t>
  </si>
  <si>
    <t>Adda 1R</t>
  </si>
  <si>
    <t>Nafeesa Haneef</t>
  </si>
  <si>
    <t>GPS NATA MOHRA</t>
  </si>
  <si>
    <t>Nata</t>
  </si>
  <si>
    <t>nata</t>
  </si>
  <si>
    <t>Nata Mohra</t>
  </si>
  <si>
    <t>Mumtaz Qureshi</t>
  </si>
  <si>
    <t>GPS KALASRAH CHAH FAQIR WALA</t>
  </si>
  <si>
    <t>Samtia Nasheeb</t>
  </si>
  <si>
    <t>Mouza samtia nasheeb layyah</t>
  </si>
  <si>
    <t>Chah Wakeel Wala</t>
  </si>
  <si>
    <t>Lohanch Nasheeb</t>
  </si>
  <si>
    <t>GGMES NOOR MADRISA TUL BINAT JHELUM</t>
  </si>
  <si>
    <t>GMES Noor ul Banat Jhelum</t>
  </si>
  <si>
    <t>Robina Tabassum</t>
  </si>
  <si>
    <t>52386</t>
  </si>
  <si>
    <t>GES KALAIR MAHMAND</t>
  </si>
  <si>
    <t>kalair mehmand</t>
  </si>
  <si>
    <t>kalair mehmandd p/o mandi ahmad abad, okara</t>
  </si>
  <si>
    <t>kalair mehmandd</t>
  </si>
  <si>
    <t>Attare</t>
  </si>
  <si>
    <t>29179</t>
  </si>
  <si>
    <t>GPS CHOUR PURA</t>
  </si>
  <si>
    <t>Chuhar pura</t>
  </si>
  <si>
    <t>Shaikh Umad Kohna</t>
  </si>
  <si>
    <t>Sadiq Javaid</t>
  </si>
  <si>
    <t>GPS BASTI WALIA</t>
  </si>
  <si>
    <t>Churhatta Kot Haibat</t>
  </si>
  <si>
    <t>basti walya</t>
  </si>
  <si>
    <t>Basti Walya</t>
  </si>
  <si>
    <t>GHS BARRANGA</t>
  </si>
  <si>
    <t>BARRANGA</t>
  </si>
  <si>
    <t>GHS Barranga, p/o Dulle wala, Darya Khan, Bhakkar</t>
  </si>
  <si>
    <t>GGES 47/12-L</t>
  </si>
  <si>
    <t>47/12L</t>
  </si>
  <si>
    <t>chak no 47/12L</t>
  </si>
  <si>
    <t>Saeeda Iqbal</t>
  </si>
  <si>
    <t>GPS CHAK NO 135 TDA</t>
  </si>
  <si>
    <t>chak no 135/tda layyah</t>
  </si>
  <si>
    <t>Chak No 135/tda</t>
  </si>
  <si>
    <t>43216</t>
  </si>
  <si>
    <t>GMPS MC NO. 2 CHAKWAL</t>
  </si>
  <si>
    <t>Gps mc no2 circular road chakwal</t>
  </si>
  <si>
    <t>Nusrat Shaban</t>
  </si>
  <si>
    <t>GES NOOR DALAL</t>
  </si>
  <si>
    <t>vpo Noor Dolal teh Gujar Khan Distt Rawalpindi</t>
  </si>
  <si>
    <t>IQTADAR RAZA</t>
  </si>
  <si>
    <t>15206</t>
  </si>
  <si>
    <t>GGCMS CHAK 55 RB I KHURRIANWALA</t>
  </si>
  <si>
    <t>55 RB 1</t>
  </si>
  <si>
    <t>55 rb 1</t>
  </si>
  <si>
    <t>55 RB Burj</t>
  </si>
  <si>
    <t>Sajida Hamid</t>
  </si>
  <si>
    <t>GHS CHAK NO. 409/EB</t>
  </si>
  <si>
    <t>409/eB</t>
  </si>
  <si>
    <t>cHAK nO. 409/eB, tEHSIL bUREWALA, dISTRICT vEHARI</t>
  </si>
  <si>
    <t>cHAK nO. 409/eB</t>
  </si>
  <si>
    <t>Chak No. 403/EB</t>
  </si>
  <si>
    <t>hafiz yasir arfat</t>
  </si>
  <si>
    <t>GMPS THATHA GLOTRAN</t>
  </si>
  <si>
    <t>Thatta Gorran Iqbal Nagar</t>
  </si>
  <si>
    <t>thatta glotran</t>
  </si>
  <si>
    <t>Chak 125 Jappy</t>
  </si>
  <si>
    <t>Fakhara  Bibi</t>
  </si>
  <si>
    <t>GGPS DHOK GONDAL P/O DULLAH</t>
  </si>
  <si>
    <t>Dhok Gondal</t>
  </si>
  <si>
    <t>dhok Gondal dullah</t>
  </si>
  <si>
    <t>Sajeela Naveed</t>
  </si>
  <si>
    <t>GPS MIANWALI BANGLA NO.2</t>
  </si>
  <si>
    <t>Village Mianwali Bangla Teh Daska Distt Sialkot</t>
  </si>
  <si>
    <t>M- Azam</t>
  </si>
  <si>
    <t>GGPS HOUSING SCHEME</t>
  </si>
  <si>
    <t>Housing Scheme Burewala</t>
  </si>
  <si>
    <t>Zahida Sharif</t>
  </si>
  <si>
    <t>GGPS SUMRA NASHAIB</t>
  </si>
  <si>
    <t>sumra nashaib janubi old layyah</t>
  </si>
  <si>
    <t>basti zangaiza</t>
  </si>
  <si>
    <t>saima yameen</t>
  </si>
  <si>
    <t>GPS NATHA CHATTAR</t>
  </si>
  <si>
    <t>p.o Daultala District Rawalpindi Tehsil Gujarkhan</t>
  </si>
  <si>
    <t>23642</t>
  </si>
  <si>
    <t>GES MIRZA GORAYA</t>
  </si>
  <si>
    <t>Mirza goraya</t>
  </si>
  <si>
    <t>Mirzagoraya</t>
  </si>
  <si>
    <t>GPS THAKRAH MOHRA</t>
  </si>
  <si>
    <t>Thakra</t>
  </si>
  <si>
    <t>thakra mohra</t>
  </si>
  <si>
    <t>22246</t>
  </si>
  <si>
    <t>GGES TARIKHA</t>
  </si>
  <si>
    <t>Tarikha</t>
  </si>
  <si>
    <t>vpo tarikha</t>
  </si>
  <si>
    <t>Shadiwal Mehmoodkay</t>
  </si>
  <si>
    <t>Iffat Shaheen Kousar</t>
  </si>
  <si>
    <t>GHS UCHHALI</t>
  </si>
  <si>
    <t>Main Bazar Uchhali</t>
  </si>
  <si>
    <t>Muhammad Sultan Akbar</t>
  </si>
  <si>
    <t>GGHS MODEL QALANDER PURA</t>
  </si>
  <si>
    <t>Govt. Model Girls High School Qalander Pura, Lahore</t>
  </si>
  <si>
    <t>Qalandarpura</t>
  </si>
  <si>
    <t>Sakandra Nahid</t>
  </si>
  <si>
    <t>GPS MOCHI WALA P/O OBAVARA SHUMALI</t>
  </si>
  <si>
    <t>GPS Mochi Wala p/o obavara shumali shujabad</t>
  </si>
  <si>
    <t>Muhammad Shahid Amin</t>
  </si>
  <si>
    <t>GGPS KOT WADAWA SINGH BADIAN ROAD</t>
  </si>
  <si>
    <t>village kot wadhawa singh</t>
  </si>
  <si>
    <t>Uzma Subhan</t>
  </si>
  <si>
    <t>36432</t>
  </si>
  <si>
    <t>GGPS CHAK NO.479 EB</t>
  </si>
  <si>
    <t>479/EB</t>
  </si>
  <si>
    <t>CHAK NO 479/E.B TEHSIL AND DISTRICT VEHARI</t>
  </si>
  <si>
    <t>479EB</t>
  </si>
  <si>
    <t>Nasreen Abdul Sattar</t>
  </si>
  <si>
    <t>GMPS KAROOL</t>
  </si>
  <si>
    <t>Karol</t>
  </si>
  <si>
    <t>karol</t>
  </si>
  <si>
    <t>Gulam zahirah</t>
  </si>
  <si>
    <t>GGPS ANAYAT WALA</t>
  </si>
  <si>
    <t>ggps innayat wala</t>
  </si>
  <si>
    <t>Innayat Wala</t>
  </si>
  <si>
    <t>GMPS DHOK WAJJAN</t>
  </si>
  <si>
    <t>Dhoke Wajjan</t>
  </si>
  <si>
    <t>GMPS Dhoke Wajjan Post office Taxila Rawalpindi</t>
  </si>
  <si>
    <t>H I T Taxila Cantt</t>
  </si>
  <si>
    <t>GGPS SARFRAZ PUR</t>
  </si>
  <si>
    <t>SarfrazPur</t>
  </si>
  <si>
    <t>Sarfrazpur Sialkot</t>
  </si>
  <si>
    <t>36217</t>
  </si>
  <si>
    <t>GPS CHAK NO.168/EB</t>
  </si>
  <si>
    <t>chak 168/E.B p/o chak 166/E.B teh. &amp; distt, vehari</t>
  </si>
  <si>
    <t>168/EB</t>
  </si>
  <si>
    <t>Muhammad Aamir Hanif</t>
  </si>
  <si>
    <t>Village and Post Office Jhandu Syedan Teh and District rawalpindi</t>
  </si>
  <si>
    <t>Sadia bibi</t>
  </si>
  <si>
    <t>GMPS CHAK 536 GB II</t>
  </si>
  <si>
    <t>GMPS 536 GB North</t>
  </si>
  <si>
    <t>Razia Muzffar</t>
  </si>
  <si>
    <t>GGES KANGAR NO.1</t>
  </si>
  <si>
    <t>Thaakra</t>
  </si>
  <si>
    <t>P.O kangar Teh gujar khan Dist Rwp</t>
  </si>
  <si>
    <t>Basti khair pur Mao Mubarakh Road Rahim yar khan</t>
  </si>
  <si>
    <t>10437</t>
  </si>
  <si>
    <t>GPS CHAK NO 109 ML</t>
  </si>
  <si>
    <t>CHAK NO 109 ML</t>
  </si>
  <si>
    <t>109ML</t>
  </si>
  <si>
    <t>41372</t>
  </si>
  <si>
    <t>GPS ARWARI</t>
  </si>
  <si>
    <t>Arwari</t>
  </si>
  <si>
    <t>village Arwari, p/o lower topa, tehsil murree, distt. rawalpindi</t>
  </si>
  <si>
    <t>SAIMA AJAB</t>
  </si>
  <si>
    <t>GGPS RAKH SHAMAN</t>
  </si>
  <si>
    <t>dera shaman khel</t>
  </si>
  <si>
    <t>Bi Bi Arifa</t>
  </si>
  <si>
    <t>GGPS SHAFIQ KHALTI</t>
  </si>
  <si>
    <t>Dodi sangi</t>
  </si>
  <si>
    <t>basti shafique khalti</t>
  </si>
  <si>
    <t>shafique khalti</t>
  </si>
  <si>
    <t>thul khair muhammad</t>
  </si>
  <si>
    <t>GGES KOTLA HAYAT</t>
  </si>
  <si>
    <t>G.G.E/S kotla hayat bsti syad talib hussain shah</t>
  </si>
  <si>
    <t>Bsti Syad Talib Hussain Shah</t>
  </si>
  <si>
    <t>Chowk Bhadur Pur</t>
  </si>
  <si>
    <t>47372</t>
  </si>
  <si>
    <t>GGPS SHAHBAZ KHEL</t>
  </si>
  <si>
    <t>GGPS mohalla wazeerkhel shahbazkhel</t>
  </si>
  <si>
    <t>GGPS BERI WALA</t>
  </si>
  <si>
    <t>Ch.basant pur moza rukan pur lodhran</t>
  </si>
  <si>
    <t>Kamal Pur Jatiyal</t>
  </si>
  <si>
    <t>Zahra Zafar</t>
  </si>
  <si>
    <t>GES ANWAR UL ISLAM KAMAL ABAD</t>
  </si>
  <si>
    <t>Chak Jlal Din</t>
  </si>
  <si>
    <t>GES anwar ul islam chak jlal din</t>
  </si>
  <si>
    <t>M Zahir Shah</t>
  </si>
  <si>
    <t>GGPS VILLIGE AID</t>
  </si>
  <si>
    <t>Villageaid</t>
  </si>
  <si>
    <t>street #7 school street mohallah:AhmedAbad</t>
  </si>
  <si>
    <t>Thekarian</t>
  </si>
  <si>
    <t>Maryam Masood</t>
  </si>
  <si>
    <t>GGES BHAN BAGIAN WALA</t>
  </si>
  <si>
    <t>ggesbhanbagianwala@gmail.com Bhan baggianwala</t>
  </si>
  <si>
    <t>Bhan Baggianwala</t>
  </si>
  <si>
    <t>GPS DIARA WADHU</t>
  </si>
  <si>
    <t>Daira Wadhu</t>
  </si>
  <si>
    <t>Gps Daira Wadhoo p/o basheer sinawan</t>
  </si>
  <si>
    <t>Jhamat Wala</t>
  </si>
  <si>
    <t>kot ahmed shah</t>
  </si>
  <si>
    <t>MBDIN III</t>
  </si>
  <si>
    <t>GGHS MALHU WALA</t>
  </si>
  <si>
    <t>Gandakas</t>
  </si>
  <si>
    <t>GGHS MALHUWALA</t>
  </si>
  <si>
    <t>IFFAT ZOHRA</t>
  </si>
  <si>
    <t>GPS BAILI WALA</t>
  </si>
  <si>
    <t>chah  Baili  wala Ali Abad bhakar  road jhang</t>
  </si>
  <si>
    <t>Akhlaq Ul Hassan Naeem</t>
  </si>
  <si>
    <t>49271</t>
  </si>
  <si>
    <t>jinnah colony sargodha</t>
  </si>
  <si>
    <t>GGPS BERULI YARU KHEL</t>
  </si>
  <si>
    <t>shehbaz khel</t>
  </si>
  <si>
    <t>beruli yaru khel near mustafa flour mill</t>
  </si>
  <si>
    <t>beruli yaru khel</t>
  </si>
  <si>
    <t>Ruqaia</t>
  </si>
  <si>
    <t>GGPS WARHI GUJRAN WALA MOHALLA FAROOQ ABAD</t>
  </si>
  <si>
    <t>Mohallah Farooqabad Noorpur Thal</t>
  </si>
  <si>
    <t>Musarrat Nazir</t>
  </si>
  <si>
    <t>GGPS CHATOR</t>
  </si>
  <si>
    <t>Chatro</t>
  </si>
  <si>
    <t>Village Chatro P/O Mughal via Sihala Teh &amp; Dist RWP</t>
  </si>
  <si>
    <t>Riffat Rehna</t>
  </si>
  <si>
    <t>GGES DAUKE MURIDKE</t>
  </si>
  <si>
    <t>GGESDAOKE</t>
  </si>
  <si>
    <t>UrbanDaoke</t>
  </si>
  <si>
    <t>Fasiha Sumbal</t>
  </si>
  <si>
    <t>GPS CHAK NO. 600/TDA</t>
  </si>
  <si>
    <t>Chak No 600 tda</t>
  </si>
  <si>
    <t>p/o wander tehsil kotadu district muzaffargarh</t>
  </si>
  <si>
    <t>Chak no 600tda</t>
  </si>
  <si>
    <t>GMES 83/15-L, MIAN CHANNU</t>
  </si>
  <si>
    <t>Wanjari</t>
  </si>
  <si>
    <t>GMES,83/15-L,Tehsil mian channu , district khanewal</t>
  </si>
  <si>
    <t>83/15-l</t>
  </si>
  <si>
    <t>84/15-l</t>
  </si>
  <si>
    <t>Hafiza Tayaba Noreen</t>
  </si>
  <si>
    <t>GHS J.M. 73/RB</t>
  </si>
  <si>
    <t>73/RB</t>
  </si>
  <si>
    <t>Govt. J.M High School 73/RB</t>
  </si>
  <si>
    <t>Chak No 76/RB</t>
  </si>
  <si>
    <t>mohallah Sharif pura kamoke</t>
  </si>
  <si>
    <t>GES 87/10-R, KHANEWAL</t>
  </si>
  <si>
    <t>87/10R Kwl</t>
  </si>
  <si>
    <t>chack  no. 87/10 R  khanwqal</t>
  </si>
  <si>
    <t>87/10R  Kwl</t>
  </si>
  <si>
    <t>86/10R Kwl</t>
  </si>
  <si>
    <t>Muhammad Anwaar Aslam</t>
  </si>
  <si>
    <t>GPS DERA HAJI WARYAM</t>
  </si>
  <si>
    <t>GPS dera haji waryam meni wala chak noor shah jhang</t>
  </si>
  <si>
    <t>Mahmood Ul Hasan</t>
  </si>
  <si>
    <t>GGHS JANDRAKA</t>
  </si>
  <si>
    <t>jandraka</t>
  </si>
  <si>
    <t>GGHS JANDRAKA OKARA</t>
  </si>
  <si>
    <t>13079</t>
  </si>
  <si>
    <t>GPS SALEH WALA</t>
  </si>
  <si>
    <t>basti nichrani moza Jatoi shumali</t>
  </si>
  <si>
    <t>Basti Nicrani</t>
  </si>
  <si>
    <t>GPS BATTIAN RAJOWAL</t>
  </si>
  <si>
    <t>Battian Rajowal</t>
  </si>
  <si>
    <t>Nai Abadi Rajowal Teh.Depalpur Okara</t>
  </si>
  <si>
    <t>Nai ABADI RAJOWAL</t>
  </si>
  <si>
    <t>Ghulam Haidar</t>
  </si>
  <si>
    <t>GPS 98/12-L</t>
  </si>
  <si>
    <t>98/12L</t>
  </si>
  <si>
    <t>GPS 98/12L</t>
  </si>
  <si>
    <t>Syed Ijaz Hussain</t>
  </si>
  <si>
    <t>GGPS ICHRIAL</t>
  </si>
  <si>
    <t>village ichrall post office gagen fateh jang attock</t>
  </si>
  <si>
    <t>Ichrall</t>
  </si>
  <si>
    <t>Shakeela Rohi</t>
  </si>
  <si>
    <t>GGPS CHAK NO. 582/TDA</t>
  </si>
  <si>
    <t>582/tda</t>
  </si>
  <si>
    <t>chak no 582/tda</t>
  </si>
  <si>
    <t>Chak No 582/tda</t>
  </si>
  <si>
    <t>GGPS MC NO. 7 MUHAMMAD PURA</t>
  </si>
  <si>
    <t>GGPS M.C No.7 Muhammad Pura Lalamusa</t>
  </si>
  <si>
    <t>Lalamusa III</t>
  </si>
  <si>
    <t>GGES TALIRI</t>
  </si>
  <si>
    <t>near taliri bypass M.garh</t>
  </si>
  <si>
    <t>Saeeda Shakil</t>
  </si>
  <si>
    <t>KUNDRALAL</t>
  </si>
  <si>
    <t>MOUZA KUNDRALA</t>
  </si>
  <si>
    <t>KUNDRALA</t>
  </si>
  <si>
    <t>LATI</t>
  </si>
  <si>
    <t>Bilal Din</t>
  </si>
  <si>
    <t>GES AWAN ABAD</t>
  </si>
  <si>
    <t>Awan Abad Moza Khairay Wala Tehsil Choubara District Layah</t>
  </si>
  <si>
    <t>GGES APWA JHELUM</t>
  </si>
  <si>
    <t>gges apwa jhelum</t>
  </si>
  <si>
    <t>Alia Kamran</t>
  </si>
  <si>
    <t>GES SHAHEEDAN WALI</t>
  </si>
  <si>
    <t>Govt. boys elementary school,vpo shaheedanwali, mandi bahauddin 
postal code 50400</t>
  </si>
  <si>
    <t>GGPS CHAK NO 209 JB EAST</t>
  </si>
  <si>
    <t>Chak No 209 Jb</t>
  </si>
  <si>
    <t>Govt.Girls Primary School Chak No 209 JB East</t>
  </si>
  <si>
    <t>Chak  209 JB East</t>
  </si>
  <si>
    <t>GPS KHAI JAMALI</t>
  </si>
  <si>
    <t>Khai Jamali</t>
  </si>
  <si>
    <t>Gps khai jamali p/o sial tehsil o dist Bhakkar</t>
  </si>
  <si>
    <t>Mureed Hassan Khan</t>
  </si>
  <si>
    <t>GES MUMDANA KHURD</t>
  </si>
  <si>
    <t>Mumdana Khurd</t>
  </si>
  <si>
    <t>mouza mumdana khurd  p/o qadir bux</t>
  </si>
  <si>
    <t>Mouza Mumdana Khurd</t>
  </si>
  <si>
    <t>737gb</t>
  </si>
  <si>
    <t>village Baghanwala post office hellan tehsil phalia district Mandi bahauddin</t>
  </si>
  <si>
    <t>Raiky</t>
  </si>
  <si>
    <t>GPS DERA PHULRAN</t>
  </si>
  <si>
    <t>Dera Phulran</t>
  </si>
  <si>
    <t>Gps Dera phuran jugian</t>
  </si>
  <si>
    <t>Muhammad Toheed khan</t>
  </si>
  <si>
    <t>GES CHAK NO.78 WB</t>
  </si>
  <si>
    <t>78w/B</t>
  </si>
  <si>
    <t>chakno78w b</t>
  </si>
  <si>
    <t>78W/B</t>
  </si>
  <si>
    <t>Rana Muhammad Farooq</t>
  </si>
  <si>
    <t>GGES BAISA MAIRA</t>
  </si>
  <si>
    <t>Baisa Maira</t>
  </si>
  <si>
    <t>VILLAGE   BAISA  MAIRA P/O   BAISA KALAN TEHSIL SARAI  ALAMGIR DISTRICT GUJRAT</t>
  </si>
  <si>
    <t>GMPS CHAK JHAMMAT</t>
  </si>
  <si>
    <t>Chak Jhammat</t>
  </si>
  <si>
    <t>Madiha Atta</t>
  </si>
  <si>
    <t>15588</t>
  </si>
  <si>
    <t>GGES CHAK 390 GB I SAMUNDRI</t>
  </si>
  <si>
    <t>Chak No 138 gb</t>
  </si>
  <si>
    <t>Chak No 390gb west</t>
  </si>
  <si>
    <t>390 gb west</t>
  </si>
  <si>
    <t>GPS MAHNIAN WALA CHAK 14</t>
  </si>
  <si>
    <t>chak no 14</t>
  </si>
  <si>
    <t>mahnianwala chak no 14 rb tehsil safdarabad district sheikhuoura</t>
  </si>
  <si>
    <t>ZULFIQAR Ali</t>
  </si>
  <si>
    <t>GES JAHAN PUR</t>
  </si>
  <si>
    <t>Jahan pur Mailsi</t>
  </si>
  <si>
    <t>GHS NO.1 TANDLIANWALA</t>
  </si>
  <si>
    <t>ABDUR RASHID</t>
  </si>
  <si>
    <t>36407</t>
  </si>
  <si>
    <t>GGPS 99 WB</t>
  </si>
  <si>
    <t>Basti Rajpoot</t>
  </si>
  <si>
    <t>chak 99wb,basti rajpoot, PO Vehari</t>
  </si>
  <si>
    <t>Chak 99 WB</t>
  </si>
  <si>
    <t>Chak 95 WB</t>
  </si>
  <si>
    <t>Mehr-un-nisa</t>
  </si>
  <si>
    <t>GPS NO. 1 PADHRAR</t>
  </si>
  <si>
    <t>49510</t>
  </si>
  <si>
    <t>GMPS YAREY WALA</t>
  </si>
  <si>
    <t>Yareywala</t>
  </si>
  <si>
    <t>Yareywala p/o vijh tehsil shahpur district sargodha</t>
  </si>
  <si>
    <t>Yareywals</t>
  </si>
  <si>
    <t>GHS NAJAF H GULBERG NEAR RC COLA N-BLOCK</t>
  </si>
  <si>
    <t>Gulberg II</t>
  </si>
  <si>
    <t>Govt. Najaf h/s gulberg. II lahore</t>
  </si>
  <si>
    <t>Ghos E Azam Coleny E Azam C</t>
  </si>
  <si>
    <t>Muhammad Naveed Ahmad</t>
  </si>
  <si>
    <t>GMPS KHARLANWALA NORTH</t>
  </si>
  <si>
    <t>Kharlanwala</t>
  </si>
  <si>
    <t>kharlanwala M B. din</t>
  </si>
  <si>
    <t>GHS BHAGWAL</t>
  </si>
  <si>
    <t>VPO Bhagwal (Via Sehna) Teh.Kharian Distt.Gujrat</t>
  </si>
  <si>
    <t>Zahid Rafique</t>
  </si>
  <si>
    <t>GPS RAB NAWAZ SOHIAY WALA</t>
  </si>
  <si>
    <t>Thind Kalan Cholistan Cholistan Cholistan</t>
  </si>
  <si>
    <t>chah ghooray wala union council olakh thal kalan moza thind cholistan,tehseel choubara district layyah post office peer baroo shareef</t>
  </si>
  <si>
    <t>Chah Ghooro Wala</t>
  </si>
  <si>
    <t>Faisal Thaseen</t>
  </si>
  <si>
    <t>GES CHOHAN</t>
  </si>
  <si>
    <t>vpo chohan teh&amp;dist chakwal</t>
  </si>
  <si>
    <t>42518</t>
  </si>
  <si>
    <t>GMPS DARYALA KHAKI</t>
  </si>
  <si>
    <t>Daryala Khaki</t>
  </si>
  <si>
    <t>village &amp; P.O Daryala khaki Tehsil gujarkhan District Rawakpindi</t>
  </si>
  <si>
    <t>Asia Abid</t>
  </si>
  <si>
    <t>GPS BANGLOW KAMBOWAN</t>
  </si>
  <si>
    <t>Bangla Kambowan Kasur</t>
  </si>
  <si>
    <t>village Bangla kambowan kasur</t>
  </si>
  <si>
    <t>GGPS GAGRANA NO1</t>
  </si>
  <si>
    <t>khalilabad moza gagrana no 1</t>
  </si>
  <si>
    <t>Moza Gagana</t>
  </si>
  <si>
    <t>Nazma Farakh</t>
  </si>
  <si>
    <t>GPS TOGEERA SHARIF WEST (BASTI AMEER AHMED HOTYANA)</t>
  </si>
  <si>
    <t>Abhrerauttar</t>
  </si>
  <si>
    <t>basti AMEER ahmad hotiana</t>
  </si>
  <si>
    <t>Basti AMEER Ahmad Hotiana</t>
  </si>
  <si>
    <t>Jhullan arraian</t>
  </si>
  <si>
    <t>GGES CHAK NO 14 JB</t>
  </si>
  <si>
    <t>CHAK NO 14 JB KALRU</t>
  </si>
  <si>
    <t>chak #14kalru chiniot</t>
  </si>
  <si>
    <t>GGPS JOGI MARA</t>
  </si>
  <si>
    <t>Village Jogi mera P.O Dhurnal Tehsil Fatehjang Distt Attock</t>
  </si>
  <si>
    <t>Rabia Bi Bi</t>
  </si>
  <si>
    <t>GGES CHAK 129 RB II</t>
  </si>
  <si>
    <t>ch no 129 rb 11 tibbi</t>
  </si>
  <si>
    <t>Ch No 129 Rb Tibbi</t>
  </si>
  <si>
    <t>Paka Dala</t>
  </si>
  <si>
    <t>Razia Akhter</t>
  </si>
  <si>
    <t>35771</t>
  </si>
  <si>
    <t>Malik pur mouza lali pur P/O  Dokota</t>
  </si>
  <si>
    <t>GES MOHALLAH KHURSHID AHMED SHAH</t>
  </si>
  <si>
    <t>muhallah khursheed Ahmed shah bhakkar</t>
  </si>
  <si>
    <t>Bhakkar City</t>
  </si>
  <si>
    <t>Muhammad Hassnain Shah</t>
  </si>
  <si>
    <t>GMPS JABBOKI</t>
  </si>
  <si>
    <t>Jabboki</t>
  </si>
  <si>
    <t>GMPS Jabboki P/o Kunjah</t>
  </si>
  <si>
    <t>GGPS HAVELI MORAN WALI</t>
  </si>
  <si>
    <t>Havaily Moran Wali</t>
  </si>
  <si>
    <t>Havaily Moran Wali,LHR</t>
  </si>
  <si>
    <t>Haveli Moran Wali</t>
  </si>
  <si>
    <t>Ruqqia Zafar</t>
  </si>
  <si>
    <t>sultanpura Multan road lahore</t>
  </si>
  <si>
    <t>Shahpure</t>
  </si>
  <si>
    <t>Muhammed Zia Rasool</t>
  </si>
  <si>
    <t>GHS BARA</t>
  </si>
  <si>
    <t>Basti Bara P/O Murad Pur Janubi Tehsil Ali Pur District Muzaffargarh</t>
  </si>
  <si>
    <t>shohrat wala moza olakh tehsil choubars dist. layyah</t>
  </si>
  <si>
    <t>Shohrat Wala</t>
  </si>
  <si>
    <t>GES CHAK NO.531 TDA</t>
  </si>
  <si>
    <t>Chak No  531tda</t>
  </si>
  <si>
    <t>chak number 531tda</t>
  </si>
  <si>
    <t>Chak Nomber 531 Tda</t>
  </si>
  <si>
    <t>Reyaz Abad</t>
  </si>
  <si>
    <t>GGMES RAMA</t>
  </si>
  <si>
    <t>Govt.Girls Model Elementary school Rama tehsil fateh jang district Attock</t>
  </si>
  <si>
    <t>GGPS NANAK SAR</t>
  </si>
  <si>
    <t>bhagta nanak sar</t>
  </si>
  <si>
    <t>Bhagta Nanak Sir</t>
  </si>
  <si>
    <t>36564</t>
  </si>
  <si>
    <t>GGHS MAHNI SIAL, KABIRWALA</t>
  </si>
  <si>
    <t>Mahni sial</t>
  </si>
  <si>
    <t>GGHS MAHNI SIAL TEHSIL KABIRWALA DISTRICT KHANEWAL</t>
  </si>
  <si>
    <t>Tooba Hayat</t>
  </si>
  <si>
    <t>GPS  JALAL PUR</t>
  </si>
  <si>
    <t>Mouza Jalal Pur</t>
  </si>
  <si>
    <t>GES CHAK NO. 427 EB</t>
  </si>
  <si>
    <t>chak no 427/EB</t>
  </si>
  <si>
    <t>GES chak no 427/EB</t>
  </si>
  <si>
    <t>427/EB</t>
  </si>
  <si>
    <t>chak no 425/EB</t>
  </si>
  <si>
    <t>9819</t>
  </si>
  <si>
    <t>GPS NOWBAHAR WALA</t>
  </si>
  <si>
    <t>Noshehra Shumali</t>
  </si>
  <si>
    <t>Chah Nowbahar wala p/o darbar peer baroo sharif</t>
  </si>
  <si>
    <t>Nowbahar Wala</t>
  </si>
  <si>
    <t>GGPS CHAK 462 SHERPUR</t>
  </si>
  <si>
    <t>Baagh</t>
  </si>
  <si>
    <t>chak 462 sher pur</t>
  </si>
  <si>
    <t>Saima Abrar</t>
  </si>
  <si>
    <t>GES 19/14-L</t>
  </si>
  <si>
    <t>Chak No 19/14.L</t>
  </si>
  <si>
    <t>chak no 19/14.l</t>
  </si>
  <si>
    <t>chak no 23/14.l</t>
  </si>
  <si>
    <t>GGHS DHOK KARSAL</t>
  </si>
  <si>
    <t>Vpo karsal tehsil and district chakwal</t>
  </si>
  <si>
    <t>Rehana Kaleem</t>
  </si>
  <si>
    <t>43367</t>
  </si>
  <si>
    <t>GPS DHOK ALFOO</t>
  </si>
  <si>
    <t>village dhoke alfoo post office mangwal tehsil and district chakwal</t>
  </si>
  <si>
    <t>Ayesha Maryam</t>
  </si>
  <si>
    <t>50396</t>
  </si>
  <si>
    <t>GPS MOZA DHERMA</t>
  </si>
  <si>
    <t>moza dharma</t>
  </si>
  <si>
    <t>116/7cr</t>
  </si>
  <si>
    <t>GMPS CHAK NO. 476/2</t>
  </si>
  <si>
    <t>gmps 476/2 toba road jhang</t>
  </si>
  <si>
    <t>Chak 476/2</t>
  </si>
  <si>
    <t>Mushraf Bano</t>
  </si>
  <si>
    <t>GPS CHAK 534 GB III</t>
  </si>
  <si>
    <t>Abadi Rehmy Ki</t>
  </si>
  <si>
    <t>chak no 534 gblll</t>
  </si>
  <si>
    <t>534 Gblll</t>
  </si>
  <si>
    <t>Chak No 648 Gb</t>
  </si>
  <si>
    <t>GGPS DINGIZIR</t>
  </si>
  <si>
    <t>Dingizair</t>
  </si>
  <si>
    <t>village dingizair po dullah</t>
  </si>
  <si>
    <t>44118</t>
  </si>
  <si>
    <t>GGPS NO. 2 CHOA SADIAN SHAH</t>
  </si>
  <si>
    <t>Grid road Choa Saiden Shah</t>
  </si>
  <si>
    <t>Farhana Nawaz</t>
  </si>
  <si>
    <t>GGPS NAJAF ABAD</t>
  </si>
  <si>
    <t>P A Rehman</t>
  </si>
  <si>
    <t>chah wan markaz P.A.Rehman</t>
  </si>
  <si>
    <t>chah wan</t>
  </si>
  <si>
    <t>GPS CHAH MASTI</t>
  </si>
  <si>
    <t>Chah Masti</t>
  </si>
  <si>
    <t>chah masti</t>
  </si>
  <si>
    <t>Gul shair</t>
  </si>
  <si>
    <t>34139</t>
  </si>
  <si>
    <t>GGPS WALAN WALA P/O SIKANDAR ABAD</t>
  </si>
  <si>
    <t>Sikandarbad</t>
  </si>
  <si>
    <t>Chan walan walan,moza sikandarabad,p/o sikandarbad,tehsil shujabad,district multan</t>
  </si>
  <si>
    <t>Walan Wala</t>
  </si>
  <si>
    <t>government boys elemantry school dandi</t>
  </si>
  <si>
    <t>MUHAMMAD ZIA</t>
  </si>
  <si>
    <t>GGPS BHIR SOHAL</t>
  </si>
  <si>
    <t>Bhair Sohal</t>
  </si>
  <si>
    <t>bhair sohal</t>
  </si>
  <si>
    <t>Ajnainwala</t>
  </si>
  <si>
    <t>Asifa Waris</t>
  </si>
  <si>
    <t>GGPS PUNJ GARIEN</t>
  </si>
  <si>
    <t>Punj Garien</t>
  </si>
  <si>
    <t>punj garien p/o qila dedar singh</t>
  </si>
  <si>
    <t>Chack Choudhri</t>
  </si>
  <si>
    <t>Rubab Faiz</t>
  </si>
  <si>
    <t>village,jhanda,jermot kalan,gujarkhan</t>
  </si>
  <si>
    <t>Adeeba majeed</t>
  </si>
  <si>
    <t>GGPS WALIDAD KHULANG</t>
  </si>
  <si>
    <t>Bait Wali Dad Khulang</t>
  </si>
  <si>
    <t>GGPS WALI Dad Khulang</t>
  </si>
  <si>
    <t>Aqeela Mukhtiar</t>
  </si>
  <si>
    <t>35577</t>
  </si>
  <si>
    <t>GES GHALLOO</t>
  </si>
  <si>
    <t>Mouza Ghalloo, Tehsil Mailsi District Vehari</t>
  </si>
  <si>
    <t>GGPS RATTA MOHRA</t>
  </si>
  <si>
    <t>Govt.Girls Primary School Ratta  Mohra</t>
  </si>
  <si>
    <t>Aneela Liaqat</t>
  </si>
  <si>
    <t>GMPS CHAK NO 211 JB</t>
  </si>
  <si>
    <t>Titranwala</t>
  </si>
  <si>
    <t>GMPS 211 Jb Titranwala Tehsil Bhowana dist Chiniot</t>
  </si>
  <si>
    <t>Titranwala 211</t>
  </si>
  <si>
    <t>Chak No. 210 JB Tarrar</t>
  </si>
  <si>
    <t>Nighat Naseem</t>
  </si>
  <si>
    <t>GGPS LALWARI</t>
  </si>
  <si>
    <t>Lalwari</t>
  </si>
  <si>
    <t>lalwari</t>
  </si>
  <si>
    <t>Ammara Akram</t>
  </si>
  <si>
    <t>43474</t>
  </si>
  <si>
    <t>GMPS SATHIANA SAHMBAL</t>
  </si>
  <si>
    <t>satyana sahmal</t>
  </si>
  <si>
    <t>Satyana Sahmal</t>
  </si>
  <si>
    <t>riffat batool</t>
  </si>
  <si>
    <t>GPS CHAK NO.71/KB</t>
  </si>
  <si>
    <t>71 Kb</t>
  </si>
  <si>
    <t>71 kb mailsi</t>
  </si>
  <si>
    <t>Muhammad Saifal</t>
  </si>
  <si>
    <t>GPS KUNG BODHA</t>
  </si>
  <si>
    <t>Kung buddha</t>
  </si>
  <si>
    <t>post office khas, kung buddha</t>
  </si>
  <si>
    <t>GES CDG SAWAMI NAGAR</t>
  </si>
  <si>
    <t>swami nagor</t>
  </si>
  <si>
    <t>swami nagor 45 GTroad Lahore</t>
  </si>
  <si>
    <t>sultanpura</t>
  </si>
  <si>
    <t>Tariq Aziz Virk</t>
  </si>
  <si>
    <t>35777</t>
  </si>
  <si>
    <t>GPS HAFIZ WALI</t>
  </si>
  <si>
    <t>125 Wb</t>
  </si>
  <si>
    <t>125 wb</t>
  </si>
  <si>
    <t>AbdulShakoor</t>
  </si>
  <si>
    <t>35770</t>
  </si>
  <si>
    <t>Moza Bhadda,Mitroo,P/O Mitroo,Mailsi,Vehari</t>
  </si>
  <si>
    <t>Muhammad Shoaib Iqbal</t>
  </si>
  <si>
    <t>24947</t>
  </si>
  <si>
    <t>GGPS KHOKHAR SULAHERIAN</t>
  </si>
  <si>
    <t>Khokhar Sulehrian</t>
  </si>
  <si>
    <t>village khokhar sulehrian p/o Imranwali</t>
  </si>
  <si>
    <t>49931</t>
  </si>
  <si>
    <t>GPS PINDI ARA</t>
  </si>
  <si>
    <t>Kootla Mir Baaz</t>
  </si>
  <si>
    <t>dakhli basti</t>
  </si>
  <si>
    <t>Pindi Ara</t>
  </si>
  <si>
    <t>GHS KALU WALA</t>
  </si>
  <si>
    <t>Shah Sadiq Nihang</t>
  </si>
  <si>
    <t>GGPS NO.1 CHAK NO.40 SB</t>
  </si>
  <si>
    <t>Chak 40SB</t>
  </si>
  <si>
    <t>chak no 40 sb</t>
  </si>
  <si>
    <t>40 Sb</t>
  </si>
  <si>
    <t>Saba Javaid</t>
  </si>
  <si>
    <t>GES CHAK NO 13 ML</t>
  </si>
  <si>
    <t>Chak 13 Ml</t>
  </si>
  <si>
    <t>Chak 13 ml.po liaqat abad.teh piplan.distt mianwali</t>
  </si>
  <si>
    <t>Mohammad Tanvir Akhtar</t>
  </si>
  <si>
    <t>GMPS BASTI SIALAN</t>
  </si>
  <si>
    <t>Basti sialan</t>
  </si>
  <si>
    <t>safia khanam</t>
  </si>
  <si>
    <t>GMPS SANBAL</t>
  </si>
  <si>
    <t>Sanbhal</t>
  </si>
  <si>
    <t>Village sanbhal, po rasool pur tarar, thesil pindi bhattian, distt hafizabad</t>
  </si>
  <si>
    <t>GGPS CHAK 47/M</t>
  </si>
  <si>
    <t>chak47m markaz galewal lodhran</t>
  </si>
  <si>
    <t>47/m</t>
  </si>
  <si>
    <t>Sajida Imamdine</t>
  </si>
  <si>
    <t>GHS CHAK NO.1</t>
  </si>
  <si>
    <t>chak no.1</t>
  </si>
  <si>
    <t>Imran Tariq</t>
  </si>
  <si>
    <t>38184</t>
  </si>
  <si>
    <t>GGCMS SAGOWAAN</t>
  </si>
  <si>
    <t>Sagowaan</t>
  </si>
  <si>
    <t>Basti kavni moza sagowaan galaywal tehsil and district lodhran</t>
  </si>
  <si>
    <t>Kavni Wala</t>
  </si>
  <si>
    <t>GPS 93/12-L</t>
  </si>
  <si>
    <t>chak 93/12.L</t>
  </si>
  <si>
    <t>Walyait Ali</t>
  </si>
  <si>
    <t>GGPS BANGLA ARAIN TEH. JALALPUR PIRWALA</t>
  </si>
  <si>
    <t>G.G..P.S Bangla arain moza Abu saeed</t>
  </si>
  <si>
    <t>Ameen Wala</t>
  </si>
  <si>
    <t>GGES 411 EB NEW</t>
  </si>
  <si>
    <t>411/EB</t>
  </si>
  <si>
    <t>GGES411/EB NEW</t>
  </si>
  <si>
    <t>Nusrat-un-NIsa</t>
  </si>
  <si>
    <t>GMPS BHOLA</t>
  </si>
  <si>
    <t>bhola</t>
  </si>
  <si>
    <t>Bhola P/O Haji Muhammad</t>
  </si>
  <si>
    <t>GGES BARILA SHARIF</t>
  </si>
  <si>
    <t>GMPS NALI</t>
  </si>
  <si>
    <t>village Nali tehsil choa saiden shah distt chakwal</t>
  </si>
  <si>
    <t>Shabana Batool</t>
  </si>
  <si>
    <t>GGPS JABA DAKHLI SARWALA</t>
  </si>
  <si>
    <t>GGPS JABA DAKHALI SARWALA DHOK PATHAN</t>
  </si>
  <si>
    <t>Shin Bagh</t>
  </si>
  <si>
    <t>GGPS CHAK 95-98/P</t>
  </si>
  <si>
    <t>Chak 95/98p</t>
  </si>
  <si>
    <t>chak 95/98p post office chak 94p</t>
  </si>
  <si>
    <t>Chak 92p</t>
  </si>
  <si>
    <t>Sajida Pervern</t>
  </si>
  <si>
    <t>GPS SARRAY</t>
  </si>
  <si>
    <t>Sarry</t>
  </si>
  <si>
    <t>moh pir bukhari narang</t>
  </si>
  <si>
    <t>GPS AZIZ QUHAM</t>
  </si>
  <si>
    <t>Aziz Quham</t>
  </si>
  <si>
    <t>GMPS BAKAR KAY</t>
  </si>
  <si>
    <t>Sado Hadir</t>
  </si>
  <si>
    <t>GMPS Bakar kay</t>
  </si>
  <si>
    <t>Bakar Kay</t>
  </si>
  <si>
    <t>GGPS KOT NAWAB KHAN</t>
  </si>
  <si>
    <t>Kot Nawab Khan</t>
  </si>
  <si>
    <t>kot Nawab Khan tehsil and district Attock</t>
  </si>
  <si>
    <t>Najam-us-sahar</t>
  </si>
  <si>
    <t>15564</t>
  </si>
  <si>
    <t>GGES RAJANA ROAD SAMUNDRI</t>
  </si>
  <si>
    <t>rajanaroad samundri</t>
  </si>
  <si>
    <t>Muncipal Committe Smundri</t>
  </si>
  <si>
    <t>Faiza Ashraf</t>
  </si>
  <si>
    <t>GPS CHAK NO. 124 TDA</t>
  </si>
  <si>
    <t>Chak 124/tda</t>
  </si>
  <si>
    <t>chak124 TDA</t>
  </si>
  <si>
    <t>124 TDA</t>
  </si>
  <si>
    <t>Rab Nawaz Sajid</t>
  </si>
  <si>
    <t>GES CDG CHAH MIRAN</t>
  </si>
  <si>
    <t>chah Miran makhan pura lahore</t>
  </si>
  <si>
    <t>Hussain Park</t>
  </si>
  <si>
    <t>Abdul razaq</t>
  </si>
  <si>
    <t>GGPS CHOGATTI</t>
  </si>
  <si>
    <t>78Np</t>
  </si>
  <si>
    <t>GGPS Chougatti</t>
  </si>
  <si>
    <t>Chougatti</t>
  </si>
  <si>
    <t>Mahpara Aslam</t>
  </si>
  <si>
    <t>GPS CHAK NO 265 TDA</t>
  </si>
  <si>
    <t>noshera thal kalan</t>
  </si>
  <si>
    <t>chak no 265 tda layyah</t>
  </si>
  <si>
    <t>265tda</t>
  </si>
  <si>
    <t>chak 306 tda</t>
  </si>
  <si>
    <t>Sarfarz</t>
  </si>
  <si>
    <t>GES CHAK NO.132 TDA</t>
  </si>
  <si>
    <t>Ges chak.no.132/tda</t>
  </si>
  <si>
    <t>GPS CHAK NO 17/P KHANPUR</t>
  </si>
  <si>
    <t>Havali Lal Chand</t>
  </si>
  <si>
    <t>chak 17/p</t>
  </si>
  <si>
    <t>17/p</t>
  </si>
  <si>
    <t>Imran saeed</t>
  </si>
  <si>
    <t>GPS 353 EB</t>
  </si>
  <si>
    <t>353/EB</t>
  </si>
  <si>
    <t>chak no 353/EB</t>
  </si>
  <si>
    <t>Chak No 353/EB</t>
  </si>
  <si>
    <t>Chak 351/EB</t>
  </si>
  <si>
    <t>Shakeel Zafar Tahir</t>
  </si>
  <si>
    <t>GGHS 26/14-L</t>
  </si>
  <si>
    <t>26/14L</t>
  </si>
  <si>
    <t>GGHS2614LSWL chak no.26 14L, cci sahiwal</t>
  </si>
  <si>
    <t>GES CHAK NO.103/DNB</t>
  </si>
  <si>
    <t>chak no 103/dnb tehsil yazman district bwp</t>
  </si>
  <si>
    <t>Chak 103/DNB</t>
  </si>
  <si>
    <t>98/dnb</t>
  </si>
  <si>
    <t>Nadeem Iqbal Javeed</t>
  </si>
  <si>
    <t>GGCMS AALI WALA</t>
  </si>
  <si>
    <t>basti AALI WALA</t>
  </si>
  <si>
    <t>Farhat Fatima</t>
  </si>
  <si>
    <t>36324</t>
  </si>
  <si>
    <t>GGPS 555 EB</t>
  </si>
  <si>
    <t>chak no. 555/E.B. Vehari</t>
  </si>
  <si>
    <t>561EB</t>
  </si>
  <si>
    <t>Chak Koriana Shumali</t>
  </si>
  <si>
    <t>Gmps tahirabad chak koriana shumali tehsil ,&amp;district jhang</t>
  </si>
  <si>
    <t>Tahir Abad</t>
  </si>
  <si>
    <t>Asyia Iqbal</t>
  </si>
  <si>
    <t>vpo jhamra</t>
  </si>
  <si>
    <t>GGES DHOULAR</t>
  </si>
  <si>
    <t>Dhaular</t>
  </si>
  <si>
    <t>vpo dholar</t>
  </si>
  <si>
    <t>Shirin Batool</t>
  </si>
  <si>
    <t>Sargodha road kallur kot</t>
  </si>
  <si>
    <t>GMPS MIAN NAGAR</t>
  </si>
  <si>
    <t>javid colony iqbal abad</t>
  </si>
  <si>
    <t>Javid Colony Iqbal Abad</t>
  </si>
  <si>
    <t>GHS PUBLIC WAZRIABAD</t>
  </si>
  <si>
    <t>Near railway station Wazirabad</t>
  </si>
  <si>
    <t>Urban Wazirabad</t>
  </si>
  <si>
    <t>TANVEER AHMAD MALIK</t>
  </si>
  <si>
    <t>GGES QASIM ABAD KOHANOOR MILL</t>
  </si>
  <si>
    <t>GGES Street 6 Qasimabad rawalpindi</t>
  </si>
  <si>
    <t>Rawalpindi  City</t>
  </si>
  <si>
    <t>shamim afshan</t>
  </si>
  <si>
    <t>GGPS SAHOT BADAL</t>
  </si>
  <si>
    <t>Sahout Badhal</t>
  </si>
  <si>
    <t>GGPS sahout badhal,p.o dhamali,tehsil kallar syedan,district rawalpindi</t>
  </si>
  <si>
    <t>Shahida Sultana</t>
  </si>
  <si>
    <t>GPS 580 GB</t>
  </si>
  <si>
    <t>chak no 580 GB</t>
  </si>
  <si>
    <t>Chak 580 GB</t>
  </si>
  <si>
    <t>Chak No 378 GB</t>
  </si>
  <si>
    <t>Wali Muhammad</t>
  </si>
  <si>
    <t>GGPS CHAK 419 GB I TANDLIANWALA</t>
  </si>
  <si>
    <t>Lonianwala</t>
  </si>
  <si>
    <t>chak no 419 gb</t>
  </si>
  <si>
    <t>419 Gb</t>
  </si>
  <si>
    <t>Jhok Burhan</t>
  </si>
  <si>
    <t>GPS AHMAD WALA REGULAR</t>
  </si>
  <si>
    <t>Douloana Ghrbi</t>
  </si>
  <si>
    <t>chah sharein wala Doloana ghrbi tehseel Ap sial jhang</t>
  </si>
  <si>
    <t>Douloana</t>
  </si>
  <si>
    <t>Mehmood Koat</t>
  </si>
  <si>
    <t>Toqeer Haider</t>
  </si>
  <si>
    <t>Post office Dinga village Chakora teh Kharian distt Gujrat</t>
  </si>
  <si>
    <t>Naila Riaz</t>
  </si>
  <si>
    <t>GPS BHIKHI SANDHUAN</t>
  </si>
  <si>
    <t>Bhikhi Sandhuan</t>
  </si>
  <si>
    <t>Bhikhi Sandhwan</t>
  </si>
  <si>
    <t>Bhikhi Sandhwsn</t>
  </si>
  <si>
    <t>Azhar Farooq</t>
  </si>
  <si>
    <t>GGPS 311 WB</t>
  </si>
  <si>
    <t>311/wb</t>
  </si>
  <si>
    <t>chak no 311/w.b</t>
  </si>
  <si>
    <t>Chak No 311/wb</t>
  </si>
  <si>
    <t>from other hand pump</t>
  </si>
  <si>
    <t>GGES CHINA MURRANI</t>
  </si>
  <si>
    <t>Bhakkar Nashaib</t>
  </si>
  <si>
    <t>Elementry school E/S Chhina Murani</t>
  </si>
  <si>
    <t>Chhina Murani</t>
  </si>
  <si>
    <t>GES 120/7-ER</t>
  </si>
  <si>
    <t>Chak 120/7ER</t>
  </si>
  <si>
    <t>chak#120/7.ER</t>
  </si>
  <si>
    <t>Chak120/7ER</t>
  </si>
  <si>
    <t>GGES 105 RB</t>
  </si>
  <si>
    <t>105 RB</t>
  </si>
  <si>
    <t>105 RB gabian wala tehsil jaranwala</t>
  </si>
  <si>
    <t>Gabian Wala</t>
  </si>
  <si>
    <t>ANJUM ABBAS</t>
  </si>
  <si>
    <t>GGPS 55/5-L</t>
  </si>
  <si>
    <t>55/5l</t>
  </si>
  <si>
    <t>chak no 55/5l</t>
  </si>
  <si>
    <t>Chak No 55/5l</t>
  </si>
  <si>
    <t>ZENAB KHATOON</t>
  </si>
  <si>
    <t>GGPS 62/4-R</t>
  </si>
  <si>
    <t>G.G.P.S 62./4.r</t>
  </si>
  <si>
    <t>saima gulnaz</t>
  </si>
  <si>
    <t>GPS JADAH</t>
  </si>
  <si>
    <t>jadah shahdara town Lahore</t>
  </si>
  <si>
    <t>Jadah</t>
  </si>
  <si>
    <t>Mujeed  Park</t>
  </si>
  <si>
    <t>GHS CHAK 60 JB FSD</t>
  </si>
  <si>
    <t>60 JB</t>
  </si>
  <si>
    <t>Chak No  60 JB Shahbazpur Faisalabad</t>
  </si>
  <si>
    <t>Chak No 60 JB</t>
  </si>
  <si>
    <t>59 JB Chaladaywali</t>
  </si>
  <si>
    <t>GGPS HAVELI CHATO WALI</t>
  </si>
  <si>
    <t>HAVEELI CHATTO wali</t>
  </si>
  <si>
    <t>GGPS HAVEELI CHATTO WALI</t>
  </si>
  <si>
    <t>HAVEELI CHATTO Wali</t>
  </si>
  <si>
    <t>Sadia Tariq</t>
  </si>
  <si>
    <t>GPS KAHNA NIPAL</t>
  </si>
  <si>
    <t>Khana Nipal</t>
  </si>
  <si>
    <t>Khana nipal</t>
  </si>
  <si>
    <t>Sohrab Khan</t>
  </si>
  <si>
    <t>GGPS MOHALLAH FALAK SHER</t>
  </si>
  <si>
    <t>G.G.P.S.MOHALA FLAKSHER JAURA KALAN</t>
  </si>
  <si>
    <t>Samina Rani</t>
  </si>
  <si>
    <t>GGHS CHAK NO.88/DB HAKIM WALI</t>
  </si>
  <si>
    <t>88/DB hakim Wali</t>
  </si>
  <si>
    <t>Govt.Girls High School 88/DB yazman ,BWP</t>
  </si>
  <si>
    <t>Chak No. 88/DB Yazman Bwp</t>
  </si>
  <si>
    <t>88/db yazman</t>
  </si>
  <si>
    <t>BUSHRA BASHIR</t>
  </si>
  <si>
    <t>GGPS DHOK WADHAN</t>
  </si>
  <si>
    <t>Dhok Wadhan</t>
  </si>
  <si>
    <t>vpo dhok wadhan</t>
  </si>
  <si>
    <t>GGPS MIRZA NO.1</t>
  </si>
  <si>
    <t>Govt. girls primary school mirza no 1</t>
  </si>
  <si>
    <t>AMNA NIGAR</t>
  </si>
  <si>
    <t>GGPS ADALAT GARH OLD</t>
  </si>
  <si>
    <t>adalat garh old</t>
  </si>
  <si>
    <t>Adalat garh old</t>
  </si>
  <si>
    <t>GPS RANA TOWN FEROZWATTUAN</t>
  </si>
  <si>
    <t>Ferozewattwan</t>
  </si>
  <si>
    <t>rana town feroze wattwan teh and disst sheikhupura</t>
  </si>
  <si>
    <t>GGHS 2/1-AL</t>
  </si>
  <si>
    <t>2 1 A L</t>
  </si>
  <si>
    <t>Chak No. 2/1 A L,Tehsil Renala Khurd, District Okara.</t>
  </si>
  <si>
    <t>2 1A L</t>
  </si>
  <si>
    <t>4 1 A L KLAN</t>
  </si>
  <si>
    <t>GGES CHAK NO 149/T LATIF MODEL FARM</t>
  </si>
  <si>
    <t>149B/TDA</t>
  </si>
  <si>
    <t>149B/TDA Latif model farm layyah</t>
  </si>
  <si>
    <t>Latif Model</t>
  </si>
  <si>
    <t>Tahwar Nazeer</t>
  </si>
  <si>
    <t>GGES PARWANA P/O JABBI DHOK PARWANA</t>
  </si>
  <si>
    <t>dhok parwana</t>
  </si>
  <si>
    <t>vill dhok parwana po jabbi</t>
  </si>
  <si>
    <t>dullah</t>
  </si>
  <si>
    <t>Gulshan Nissa</t>
  </si>
  <si>
    <t>40365</t>
  </si>
  <si>
    <t>GPS DHOK BABIALA</t>
  </si>
  <si>
    <t>DHOK babiala</t>
  </si>
  <si>
    <t>DHOK babiala teh pd Khan district Jhelum</t>
  </si>
  <si>
    <t>DHOK Babiala</t>
  </si>
  <si>
    <t>Imran Hayat</t>
  </si>
  <si>
    <t>portable water cooler</t>
  </si>
  <si>
    <t>GGPS DHOK AZIZAL</t>
  </si>
  <si>
    <t>Dhoke Azizal</t>
  </si>
  <si>
    <t>village dhoke azizal p/o shahbagh tehsil kallar syedan district rawalpindi</t>
  </si>
  <si>
    <t>DHOKE AZIZAL</t>
  </si>
  <si>
    <t>Sadaf Bi Bi</t>
  </si>
  <si>
    <t>GGES QILA BALWANT SINGH</t>
  </si>
  <si>
    <t>qila balwant singh</t>
  </si>
  <si>
    <t>Tashkeer Sarwar</t>
  </si>
  <si>
    <t>GPS SABEEL PUR</t>
  </si>
  <si>
    <t>Chak No7/2 Thall</t>
  </si>
  <si>
    <t>kotli Baqir Shah</t>
  </si>
  <si>
    <t>Chak No7/2 Thall Janobi</t>
  </si>
  <si>
    <t>GPS 158 RB</t>
  </si>
  <si>
    <t>158rb</t>
  </si>
  <si>
    <t>gps 158rb Borrywali, chak jhumram Faisalabad</t>
  </si>
  <si>
    <t>Borrywali</t>
  </si>
  <si>
    <t>sobay chak</t>
  </si>
  <si>
    <t>reverse osmosis plant</t>
  </si>
  <si>
    <t>GGPS SEHRIEN WALA</t>
  </si>
  <si>
    <t>basti sehreen wala mouza sabay wala</t>
  </si>
  <si>
    <t>Sehreen Wala</t>
  </si>
  <si>
    <t>Kishwar Ejaz</t>
  </si>
  <si>
    <t>GPS LIAQAT MODEL</t>
  </si>
  <si>
    <t>JHAWRA</t>
  </si>
  <si>
    <t>Gps,Liaqat Model Kamalabad RWP</t>
  </si>
  <si>
    <t>CC-B</t>
  </si>
  <si>
    <t>BENISH BUKHARI</t>
  </si>
  <si>
    <t>wter tank</t>
  </si>
  <si>
    <t>GES MULLAN WALA</t>
  </si>
  <si>
    <t>Khanpur janobi</t>
  </si>
  <si>
    <t>chah mullan wala khanpur janobi tehsil kotchuta district dgkhan</t>
  </si>
  <si>
    <t>32905</t>
  </si>
  <si>
    <t>GPS HALLA SYEDAN</t>
  </si>
  <si>
    <t>hallah syedan</t>
  </si>
  <si>
    <t>53171</t>
  </si>
  <si>
    <t>GPS CHAK 36/GD</t>
  </si>
  <si>
    <t>36 GD</t>
  </si>
  <si>
    <t>34 GD Distt Okara</t>
  </si>
  <si>
    <t>Bahadar Nagar Farm</t>
  </si>
  <si>
    <t>50261</t>
  </si>
  <si>
    <t>GGES 100/12-L</t>
  </si>
  <si>
    <t>100/12l</t>
  </si>
  <si>
    <t>chak 100/12.l tehsil cci district sahiwal</t>
  </si>
  <si>
    <t>99/12l</t>
  </si>
  <si>
    <t>Abida Faqir</t>
  </si>
  <si>
    <t>38473</t>
  </si>
  <si>
    <t>GGES 351/WB</t>
  </si>
  <si>
    <t>351/Wb</t>
  </si>
  <si>
    <t>chak no 351/wb</t>
  </si>
  <si>
    <t>355/Wb</t>
  </si>
  <si>
    <t>Hameeda Nasreen</t>
  </si>
  <si>
    <t>GMPS MARZI PURA SHARQI</t>
  </si>
  <si>
    <t>GMPS Merzi Pura Sharqi</t>
  </si>
  <si>
    <t>Jhang MC AREA</t>
  </si>
  <si>
    <t>Mussarat Riaz</t>
  </si>
  <si>
    <t>52818</t>
  </si>
  <si>
    <t>GGES JASSO KEY DHON</t>
  </si>
  <si>
    <t>Jasso Kay Dhon</t>
  </si>
  <si>
    <t>Jasso Kay Dhoon</t>
  </si>
  <si>
    <t>GGES Jaso Kaydhon</t>
  </si>
  <si>
    <t>Pandat Manfolpurpur</t>
  </si>
  <si>
    <t>GES 46/5-L</t>
  </si>
  <si>
    <t>46/5L</t>
  </si>
  <si>
    <t>GES 46/5.L</t>
  </si>
  <si>
    <t>Abdul Razaq Anjum</t>
  </si>
  <si>
    <t>GGMPS CHAK NO.1/BC</t>
  </si>
  <si>
    <t>Chak No 1 Bc</t>
  </si>
  <si>
    <t>chak no 1 bc</t>
  </si>
  <si>
    <t>Chak No 38 Bc</t>
  </si>
  <si>
    <t>nargis yasmeen</t>
  </si>
  <si>
    <t>GGPS ASHRAF SHAH</t>
  </si>
  <si>
    <t>basti noorpur batwani mouza ashraf shah p/o pakka laran tehseel liaquatpur district rahim yar khan</t>
  </si>
  <si>
    <t>Noorpur Batwani</t>
  </si>
  <si>
    <t>Munazza Yaseen</t>
  </si>
  <si>
    <t>GPS KABIR WALA SHARIF ABAD</t>
  </si>
  <si>
    <t>Dolana Sharqi</t>
  </si>
  <si>
    <t>moza dolana sharqi p/o sharifa abad tehsil ahmad pur sial dissttt jhang</t>
  </si>
  <si>
    <t>Doorigondal</t>
  </si>
  <si>
    <t>Muhammaf Taqi Raza</t>
  </si>
  <si>
    <t>GGPS PAIAHNA</t>
  </si>
  <si>
    <t>Pai Ahana</t>
  </si>
  <si>
    <t>Basti pai ahana p / o Zahir pir</t>
  </si>
  <si>
    <t>GPS ALMAN LOHARAN</t>
  </si>
  <si>
    <t>Alman Loharan Gharbi</t>
  </si>
  <si>
    <t>Mouza Almam Loharan Gharbi Teh 18 Hazari Distt Jhang</t>
  </si>
  <si>
    <t>38203</t>
  </si>
  <si>
    <t>GGES BHUTTA SADAAT</t>
  </si>
  <si>
    <t>Basti Bhutta sadat moza Khanwan Ghalwan Dak Khana Quraishi Wala, Lodhran</t>
  </si>
  <si>
    <t>Bhutta Sadat</t>
  </si>
  <si>
    <t>Najma Hamid</t>
  </si>
  <si>
    <t>38598</t>
  </si>
  <si>
    <t>GGMES 339WB DUNYA PUR</t>
  </si>
  <si>
    <t>339wb</t>
  </si>
  <si>
    <t>355wb</t>
  </si>
  <si>
    <t>Tanzeela Naseem</t>
  </si>
  <si>
    <t>GPS 72 RB</t>
  </si>
  <si>
    <t>chak no 72 RB FAISALABAD</t>
  </si>
  <si>
    <t>Chak No 72 Rb</t>
  </si>
  <si>
    <t>Chak No 151 Rb</t>
  </si>
  <si>
    <t>GPS DODA SAHOO</t>
  </si>
  <si>
    <t>Doda Sahoo</t>
  </si>
  <si>
    <t>moza dodasahoo district sahiwal</t>
  </si>
  <si>
    <t>Dadrah Bala</t>
  </si>
  <si>
    <t>GPS TARUBRI</t>
  </si>
  <si>
    <t>Trobari</t>
  </si>
  <si>
    <t>Mohammad pur Sansaran mnd dist BWN</t>
  </si>
  <si>
    <t>Basti Trobari</t>
  </si>
  <si>
    <t>Tobabluchan</t>
  </si>
  <si>
    <t>GGPS DAIRA KALOO CHAK NO.36 NB</t>
  </si>
  <si>
    <t>GGPS Dera Kallu 36NB Sargodha</t>
  </si>
  <si>
    <t>36 NB 80</t>
  </si>
  <si>
    <t>farhana mehboob</t>
  </si>
  <si>
    <t>GGPS KOTLI SINDWAN</t>
  </si>
  <si>
    <t>kotly.  sindwan. p o kanjrur</t>
  </si>
  <si>
    <t>Kotly Sindwan</t>
  </si>
  <si>
    <t>Muqadass Riaz</t>
  </si>
  <si>
    <t>GGHS BAJWALA KALAN</t>
  </si>
  <si>
    <t>gghs bajwala kalan jhelum</t>
  </si>
  <si>
    <t>farva manzoor</t>
  </si>
  <si>
    <t>25825</t>
  </si>
  <si>
    <t>GGPS BHATTI GORAYA</t>
  </si>
  <si>
    <t>bhatti gorayya</t>
  </si>
  <si>
    <t>Bhatti Gorayya</t>
  </si>
  <si>
    <t>bobak marali</t>
  </si>
  <si>
    <t>Gulfam Tabassum Gill</t>
  </si>
  <si>
    <t>GGPS MUZAFAR ABAD</t>
  </si>
  <si>
    <t>CHAK MUZAFFAR  ABAD</t>
  </si>
  <si>
    <t>CHAK MUZAFFAR ABAD.TEHSIL SHAHPUR SADAR.SARGODHA</t>
  </si>
  <si>
    <t>CHAK MUZAFFAR ABAD</t>
  </si>
  <si>
    <t>UMBREEN FATIMA</t>
  </si>
  <si>
    <t>GMPS HINDWAN</t>
  </si>
  <si>
    <t>Hindwan</t>
  </si>
  <si>
    <t>moza hindwan tehsil sahiwal district sargodha</t>
  </si>
  <si>
    <t>GGPS CHAK 534 GB JARANWLA</t>
  </si>
  <si>
    <t>Jahangir Ka Tubewell</t>
  </si>
  <si>
    <t>Chak No. 534 g.b. Tehseel Jaranwala District Faisalabad</t>
  </si>
  <si>
    <t>534 GB</t>
  </si>
  <si>
    <t>648 Mehdi Shah</t>
  </si>
  <si>
    <t>Shazia Shaikh</t>
  </si>
  <si>
    <t>27819</t>
  </si>
  <si>
    <t>GGPS GUR BAKHSH PURA</t>
  </si>
  <si>
    <t>Gurbakhshpura</t>
  </si>
  <si>
    <t>chakno9 gurbakhshpura,tehsil Malakwal, district m.b.din</t>
  </si>
  <si>
    <t>Chak9 Gurbakhshpura</t>
  </si>
  <si>
    <t>Surriya Nasim</t>
  </si>
  <si>
    <t>GGPS DARIANWALA</t>
  </si>
  <si>
    <t>Derianwala</t>
  </si>
  <si>
    <t>Derianwala district and division Narowal</t>
  </si>
  <si>
    <t>Paijowali</t>
  </si>
  <si>
    <t>Rukhsana Akbar Ali</t>
  </si>
  <si>
    <t>40553</t>
  </si>
  <si>
    <t>GMPS SALITHA</t>
  </si>
  <si>
    <t>SALITHA</t>
  </si>
  <si>
    <t>Ghosia Jabeen</t>
  </si>
  <si>
    <t>GGES AQIL SHAH KALAN</t>
  </si>
  <si>
    <t>Aqil shqh</t>
  </si>
  <si>
    <t>Ghazala Latif</t>
  </si>
  <si>
    <t>49796</t>
  </si>
  <si>
    <t>GGHS NISHATABAD SILLANWALI.</t>
  </si>
  <si>
    <t>GGHS NISHATABAD Sillanwali</t>
  </si>
  <si>
    <t>MC Sillanwali City</t>
  </si>
  <si>
    <t>Shabana Rehman</t>
  </si>
  <si>
    <t>GGPS MOOLEY</t>
  </si>
  <si>
    <t>Moolay</t>
  </si>
  <si>
    <t>GMPS Moolay, P/o Minwal , Teh &amp; Distt Chakwal</t>
  </si>
  <si>
    <t>Amna Hafeez</t>
  </si>
  <si>
    <t>GGPS CHAK NO 57 RB I</t>
  </si>
  <si>
    <t>chack no 57 rb 1</t>
  </si>
  <si>
    <t>Abeera Yaqoob</t>
  </si>
  <si>
    <t>GMPS SAJAN KAY</t>
  </si>
  <si>
    <t>Sajjankay</t>
  </si>
  <si>
    <t>GMPS Sajjankay p/O Muhammed Sharif Bhowana Chiniot</t>
  </si>
  <si>
    <t>Thata Abola</t>
  </si>
  <si>
    <t>Nasreen Malik</t>
  </si>
  <si>
    <t>GES CHAK 262 GB</t>
  </si>
  <si>
    <t>Martha Wala</t>
  </si>
  <si>
    <t>chak 262GB  teh and distt TTSingh</t>
  </si>
  <si>
    <t>262GB</t>
  </si>
  <si>
    <t>GPS BHIR SOHAL</t>
  </si>
  <si>
    <t>Bhir Sohal</t>
  </si>
  <si>
    <t>43547</t>
  </si>
  <si>
    <t>GGPS TALAB MAYRAN</t>
  </si>
  <si>
    <t>govt girls primary school Talab Mayran Dhudial</t>
  </si>
  <si>
    <t>Ismat Nisar</t>
  </si>
  <si>
    <t>GGCMS 259/EB</t>
  </si>
  <si>
    <t>Lot No 3</t>
  </si>
  <si>
    <t>chak no 259/E.B</t>
  </si>
  <si>
    <t>Chak No 499/EB</t>
  </si>
  <si>
    <t>Asma Rehman            Ata ur Rehman</t>
  </si>
  <si>
    <t>GHS KLASSAN HAMEED</t>
  </si>
  <si>
    <t>Klassan Hameed</t>
  </si>
  <si>
    <t>mouza klassan hameed post office baser Pur</t>
  </si>
  <si>
    <t>Klassan Hamed</t>
  </si>
  <si>
    <t>Klsssan Hameed</t>
  </si>
  <si>
    <t>GES HALLA KHICHIAN</t>
  </si>
  <si>
    <t>Halla Khichian</t>
  </si>
  <si>
    <t>Halla Khichian near Bara Ghar Nankana Sahib</t>
  </si>
  <si>
    <t>GGES THATTA MOHAMMAD PANAH</t>
  </si>
  <si>
    <t>Thatta M Panah</t>
  </si>
  <si>
    <t>tehsil sahiwal, disst, sargodha</t>
  </si>
  <si>
    <t>Sajooka</t>
  </si>
  <si>
    <t>GMPS MANGOWAL</t>
  </si>
  <si>
    <t>chak jhaamtanwala tehsil shahpur district sargodha</t>
  </si>
  <si>
    <t>Sajid Nadeem</t>
  </si>
  <si>
    <t>50081</t>
  </si>
  <si>
    <t>GMPS THATTI LONG</t>
  </si>
  <si>
    <t>Thati Long</t>
  </si>
  <si>
    <t>nehangtehsahiwalsargodha</t>
  </si>
  <si>
    <t>Hafizsarfrazhussain</t>
  </si>
  <si>
    <t>GGPS NARU KHELAN WALA</t>
  </si>
  <si>
    <t>Govt.Girls.Primary School NAROKHELANWA</t>
  </si>
  <si>
    <t>Narokhelanwala</t>
  </si>
  <si>
    <t>Zarina khatoon</t>
  </si>
  <si>
    <t>GPS NOON JAGEER</t>
  </si>
  <si>
    <t>Noon jageer The Shahpur Disr Sargodha</t>
  </si>
  <si>
    <t>Noon Jagir</t>
  </si>
  <si>
    <t>Abdul Waheed Rabbani</t>
  </si>
  <si>
    <t>GGPS KOTLI SULAHERIAN</t>
  </si>
  <si>
    <t>Kotli Sulehriyan</t>
  </si>
  <si>
    <t>Ggps kotli sulehriyan teh pasrur district sialkot</t>
  </si>
  <si>
    <t>GGPS BAPRAN</t>
  </si>
  <si>
    <t>basti bapran</t>
  </si>
  <si>
    <t>Basti Bapran</t>
  </si>
  <si>
    <t>GMPS BASTI KHOKHRAN</t>
  </si>
  <si>
    <t>tranda swaye khan</t>
  </si>
  <si>
    <t>basti khokran</t>
  </si>
  <si>
    <t>M C tranda swaye khan</t>
  </si>
  <si>
    <t>GGPS KOT KABIR</t>
  </si>
  <si>
    <t>Ggps kot kabir</t>
  </si>
  <si>
    <t>Shakeela Zafar</t>
  </si>
  <si>
    <t>50739</t>
  </si>
  <si>
    <t>GES  88-A/6-R RATI TABI</t>
  </si>
  <si>
    <t>Chak No 88-a/6-r</t>
  </si>
  <si>
    <t>chak no 88-a/6-r Ratti Tabi Sahiwal</t>
  </si>
  <si>
    <t>88-a/6-r Ratti Tabi</t>
  </si>
  <si>
    <t>Chakra No 87/6-r</t>
  </si>
  <si>
    <t>ATIQUE AHMAD</t>
  </si>
  <si>
    <t>41423</t>
  </si>
  <si>
    <t>GGPS SER BAGLA</t>
  </si>
  <si>
    <t>Sehar Bagla</t>
  </si>
  <si>
    <t>village and p/o sehar bagla tehsil murree district rawalpindi</t>
  </si>
  <si>
    <t>Hajra Zulfiqar</t>
  </si>
  <si>
    <t>GPS HATHI WIND</t>
  </si>
  <si>
    <t>Hathi Wind</t>
  </si>
  <si>
    <t>Government Primary school Hathi wind</t>
  </si>
  <si>
    <t>Muhammad Mumtaz Sipra</t>
  </si>
  <si>
    <t>GGPS CHAK 139/P (B)</t>
  </si>
  <si>
    <t>Wah Kona</t>
  </si>
  <si>
    <t>139/pBRYK</t>
  </si>
  <si>
    <t>139/pB</t>
  </si>
  <si>
    <t>GPS BUTIAN WALI</t>
  </si>
  <si>
    <t>Bootian Wali</t>
  </si>
  <si>
    <t>Muhammad Pur Sansaran bootian wali</t>
  </si>
  <si>
    <t>Botianwali</t>
  </si>
  <si>
    <t>Muhammadpursansaran</t>
  </si>
  <si>
    <t>Muhammad Hussain Tahir</t>
  </si>
  <si>
    <t>GGHS DHARO WAL</t>
  </si>
  <si>
    <t>dharowal</t>
  </si>
  <si>
    <t>gghs dharowal</t>
  </si>
  <si>
    <t>dilawar cheema</t>
  </si>
  <si>
    <t>Naila Jabeen Butt</t>
  </si>
  <si>
    <t>45542</t>
  </si>
  <si>
    <t>GPS KATH JANUBI</t>
  </si>
  <si>
    <t>Kath, Moza Gadai, P/o Dullewala, Tehsil Darya Khan, District Bhakkar</t>
  </si>
  <si>
    <t>GGPS MUGHLI</t>
  </si>
  <si>
    <t>village mughli p/o baghrianwala tehdil kharian district gujrat</t>
  </si>
  <si>
    <t>Baghrianwala</t>
  </si>
  <si>
    <t>GPS CHAK NO. 122 ML</t>
  </si>
  <si>
    <t>chak number 122ML  choubara</t>
  </si>
  <si>
    <t>Chak No 122/ML</t>
  </si>
  <si>
    <t>GHS KALI DILLI</t>
  </si>
  <si>
    <t>Kali Dilli</t>
  </si>
  <si>
    <t>Village and Post Office Kali Dilli Tehsil Jand District Attock</t>
  </si>
  <si>
    <t>Abdul Malik Khan</t>
  </si>
  <si>
    <t>GGES 100/ WB</t>
  </si>
  <si>
    <t>Chak No 100wb</t>
  </si>
  <si>
    <t>chak no 100wb</t>
  </si>
  <si>
    <t>100 Wb Garha Mor</t>
  </si>
  <si>
    <t>GGPS MONA</t>
  </si>
  <si>
    <t>ggps Mona vpo Mona</t>
  </si>
  <si>
    <t>Nabila Mubarik</t>
  </si>
  <si>
    <t>GGPS CHAK NO. 634 TDA</t>
  </si>
  <si>
    <t>Jhoorar  Sharqi</t>
  </si>
  <si>
    <t>G.G.P/ S  Chak  No  634/ TDA</t>
  </si>
  <si>
    <t>634/TDA</t>
  </si>
  <si>
    <t>Sadiq  Abad</t>
  </si>
  <si>
    <t>50824</t>
  </si>
  <si>
    <t>GGES 144/9-L</t>
  </si>
  <si>
    <t>chak No.144/9.L Swl</t>
  </si>
  <si>
    <t>Chak No144/9L Swl</t>
  </si>
  <si>
    <t>Chak No141/9L Swl</t>
  </si>
  <si>
    <t>NAJMA SALEEM</t>
  </si>
  <si>
    <t>42184</t>
  </si>
  <si>
    <t>GMPS BANI SERI</t>
  </si>
  <si>
    <t>vill  and p/0 bani Seri tehsil kotli sattian district rwp</t>
  </si>
  <si>
    <t>Bani Seri</t>
  </si>
  <si>
    <t>Musfeen Akhter</t>
  </si>
  <si>
    <t>GPS BEHRAM PUR PO PAKPATTAN</t>
  </si>
  <si>
    <t>GPS CHAK 240 GB II</t>
  </si>
  <si>
    <t>Mohallah Gujjar town Jaranwala</t>
  </si>
  <si>
    <t>Chak 240 GB</t>
  </si>
  <si>
    <t>Chak 240 GB Singhpura</t>
  </si>
  <si>
    <t>ARIF MAHMOOD</t>
  </si>
  <si>
    <t>GGES HADALA</t>
  </si>
  <si>
    <t>village hadala PO dhudial tehsile and district chakwal</t>
  </si>
  <si>
    <t>Abida Mussarat</t>
  </si>
  <si>
    <t>mud peer wah</t>
  </si>
  <si>
    <t>Mud Perr Wah</t>
  </si>
  <si>
    <t>Farahn Fayyaz</t>
  </si>
  <si>
    <t>GGPS JHETHAL</t>
  </si>
  <si>
    <t>VPO JETHAL TEHSIL AND DISTRICT CHAKWAL</t>
  </si>
  <si>
    <t>Uzma Tabassam</t>
  </si>
  <si>
    <t>GGPS CHAK 110 RB BABE WALA 111</t>
  </si>
  <si>
    <t>110 babay Wala 111</t>
  </si>
  <si>
    <t>Babay Wala</t>
  </si>
  <si>
    <t>Hira Islam</t>
  </si>
  <si>
    <t>GGPS CHAK 129 RB III</t>
  </si>
  <si>
    <t>Chakera</t>
  </si>
  <si>
    <t>chak no 129|||</t>
  </si>
  <si>
    <t>Uchkyra</t>
  </si>
  <si>
    <t>Chak Purana</t>
  </si>
  <si>
    <t>village chak purana post office looni</t>
  </si>
  <si>
    <t>Chak  Purana</t>
  </si>
  <si>
    <t>Kachi  Mand</t>
  </si>
  <si>
    <t>Neelam Salman</t>
  </si>
  <si>
    <t>GGPS ADDA CHAKRALLA</t>
  </si>
  <si>
    <t>GGPS ADDA CHAKRALA</t>
  </si>
  <si>
    <t>43704</t>
  </si>
  <si>
    <t>GGHS DHULLI</t>
  </si>
  <si>
    <t>Saadia Mazhar</t>
  </si>
  <si>
    <t>GGPS BAHLOOL PUR</t>
  </si>
  <si>
    <t>G G P S behlolpur bala tahsil skg D Narowal,</t>
  </si>
  <si>
    <t>Behlolpur  Bala</t>
  </si>
  <si>
    <t>Chmreyal</t>
  </si>
  <si>
    <t>Shahnaz Beghum</t>
  </si>
  <si>
    <t>GGES MIR PUR GUJRAN</t>
  </si>
  <si>
    <t>Mirpur Gujran</t>
  </si>
  <si>
    <t>GGES mirpur gujran tehsil shakargarh dist narowal</t>
  </si>
  <si>
    <t>Kalha</t>
  </si>
  <si>
    <t>36403</t>
  </si>
  <si>
    <t>GGPS CHAK NO.161/WB</t>
  </si>
  <si>
    <t>161/wb</t>
  </si>
  <si>
    <t>chak no 161/w.b vehari</t>
  </si>
  <si>
    <t>SOBIA YASIN</t>
  </si>
  <si>
    <t>GGPS DHOK MARI</t>
  </si>
  <si>
    <t>Afshan Akram</t>
  </si>
  <si>
    <t>boar with electric motor</t>
  </si>
  <si>
    <t>GPS BUKHARA</t>
  </si>
  <si>
    <t>TRIMIN</t>
  </si>
  <si>
    <t>BUKHARA P/O NUTKANI TEHSIL TAUNSA DISTT DG KHAN</t>
  </si>
  <si>
    <t>JALO WALI NO.3</t>
  </si>
  <si>
    <t>Ghulam Sarwar Kulachi</t>
  </si>
  <si>
    <t>GGPS CHAK HAMEED</t>
  </si>
  <si>
    <t>Chak Hameed P/O Nawanloke Tehsil P. D. Khan Distt. Jhelum</t>
  </si>
  <si>
    <t>GPS PIRANI</t>
  </si>
  <si>
    <t>Pirani</t>
  </si>
  <si>
    <t>village pirani tehsil pindigheb distt attock</t>
  </si>
  <si>
    <t>GGES 93/WB</t>
  </si>
  <si>
    <t>chack no 93/wb vehari</t>
  </si>
  <si>
    <t>Umara Tania</t>
  </si>
  <si>
    <t>GES GHOUS MUHAMMAD WALA</t>
  </si>
  <si>
    <t>Ghous M Wala</t>
  </si>
  <si>
    <t>ghous muhammad wala, kotmoman, sargodha</t>
  </si>
  <si>
    <t>Ghous Muhammad Wala</t>
  </si>
  <si>
    <t>kHIZAR HAYAT</t>
  </si>
  <si>
    <t>12474</t>
  </si>
  <si>
    <t>GPS KHALIQ NAGGAR</t>
  </si>
  <si>
    <t>Sharif Panwar</t>
  </si>
  <si>
    <t>basti color wala mouza sharif panwar district muzaffargarh</t>
  </si>
  <si>
    <t>Basti Colr Wala</t>
  </si>
  <si>
    <t>Fazik Karloo</t>
  </si>
  <si>
    <t>GPS 68/4-R</t>
  </si>
  <si>
    <t>Chak No. 68/4r sahiwal</t>
  </si>
  <si>
    <t>GES CHAK 294 GB SIAL PUR</t>
  </si>
  <si>
    <t>Sial Pur</t>
  </si>
  <si>
    <t>Chak No 294 GB, Sial Our,  Tehsil and District Toba  Tek Singh</t>
  </si>
  <si>
    <t>GES 294 GB</t>
  </si>
  <si>
    <t>Chak 296 GB</t>
  </si>
  <si>
    <t>GPS 104 / 7- R</t>
  </si>
  <si>
    <t>Chak No 104/7R</t>
  </si>
  <si>
    <t>Chak  No 102/6AR</t>
  </si>
  <si>
    <t>Hafaz Muhammad Saleem</t>
  </si>
  <si>
    <t>GPS KOT CHUTTA NO. 1</t>
  </si>
  <si>
    <t>Municipal commiti</t>
  </si>
  <si>
    <t>GGPS QILA SAHIB SINGH</t>
  </si>
  <si>
    <t>Qila sahib singh</t>
  </si>
  <si>
    <t>Bhaianwala</t>
  </si>
  <si>
    <t>53184</t>
  </si>
  <si>
    <t>GPS BUDDH JALAL</t>
  </si>
  <si>
    <t>Budh Jalal</t>
  </si>
  <si>
    <t>Budh Jalal P/O 38/GD Young Pur Okara</t>
  </si>
  <si>
    <t>38/GD Young Pur Okara</t>
  </si>
  <si>
    <t>GPS BANNI MOHALLAH</t>
  </si>
  <si>
    <t>Gbps banni moh taxila</t>
  </si>
  <si>
    <t>Wah Cantonment</t>
  </si>
  <si>
    <t>40298</t>
  </si>
  <si>
    <t>GHS DHARYALA JALIB</t>
  </si>
  <si>
    <t>GHS Dharyala Jalip.</t>
  </si>
  <si>
    <t>akhtar mehmood</t>
  </si>
  <si>
    <t>wATER SUPPLY DHARYALA JALIP</t>
  </si>
  <si>
    <t>GPS DHOK LARI TOOT</t>
  </si>
  <si>
    <t>dhoke larri toot</t>
  </si>
  <si>
    <t>Dhoke Larri Toot</t>
  </si>
  <si>
    <t>GHS KARKAN</t>
  </si>
  <si>
    <t>KARKAN</t>
  </si>
  <si>
    <t>KARKAN CHAK NO 168 RB TEHSIL SHAHKOT District NANKANA SAHIB</t>
  </si>
  <si>
    <t>Chak No 28 UCC</t>
  </si>
  <si>
    <t>Chak No 28 UCC P/O Kuthyala Virkan Tehsil Muridke District Sheikhupura.</t>
  </si>
  <si>
    <t>Karamat Ali Bhatti</t>
  </si>
  <si>
    <t>19116</t>
  </si>
  <si>
    <t>GGPS GRAIN MARKET KAMALIA</t>
  </si>
  <si>
    <t>mohalla Khalid colony kamalia</t>
  </si>
  <si>
    <t>Ghazalia Shaheen</t>
  </si>
  <si>
    <t>GHS CHAK 199 GB KHIDARWALA SAMUNDRI FSD</t>
  </si>
  <si>
    <t>SOTHARI</t>
  </si>
  <si>
    <t>CHAK NO. 199 GB.TEHSIL SAMUNDRI,FAISALABAD.</t>
  </si>
  <si>
    <t>CHAK NO.199 GB</t>
  </si>
  <si>
    <t>CHAK NO.196 GB</t>
  </si>
  <si>
    <t>GES KALA SHADIAN</t>
  </si>
  <si>
    <t>v p o kala shadian phalia m b din</t>
  </si>
  <si>
    <t>M Akhter Naushahi</t>
  </si>
  <si>
    <t>GGHS BHOLA MUSA</t>
  </si>
  <si>
    <t>Bhola Musa Tehsil Sambrial District Sialkot</t>
  </si>
  <si>
    <t>Balqees akhtar</t>
  </si>
  <si>
    <t>GPS THALLIAN WALA</t>
  </si>
  <si>
    <t>Badh Rajbana Shumali</t>
  </si>
  <si>
    <t>chah Thallianwala shorkot city District Jhang</t>
  </si>
  <si>
    <t>Chah Thallianwala</t>
  </si>
  <si>
    <t>Mohammed Asif Shahzad</t>
  </si>
  <si>
    <t>5.92961e+006</t>
  </si>
  <si>
    <t>GPS MANDI MUHAMMAD SIDDIQUE</t>
  </si>
  <si>
    <t>Mandi Mohammad Saddique</t>
  </si>
  <si>
    <t>gps mm s pdk</t>
  </si>
  <si>
    <t>Mandi Muhammad Saddique</t>
  </si>
  <si>
    <t>Allah Rakhi Ansari</t>
  </si>
  <si>
    <t>GGPS KHAN BELA</t>
  </si>
  <si>
    <t>p/o binda ishaq  basti Khan bela</t>
  </si>
  <si>
    <t>azra batool</t>
  </si>
  <si>
    <t>GGPS KIKKRI KALAN</t>
  </si>
  <si>
    <t>Kikri Kalan</t>
  </si>
  <si>
    <t>ggps Kikri kalan</t>
  </si>
  <si>
    <t>Girdawar</t>
  </si>
  <si>
    <t>GHS CDG SAIDAN SHAH COLONY UPPER MALL</t>
  </si>
  <si>
    <t>Basti Saidan Shah</t>
  </si>
  <si>
    <t>CDG Boys H/S Basti Saidan Shah upper mall LHR</t>
  </si>
  <si>
    <t>ashfaq Ahmed</t>
  </si>
  <si>
    <t>GPS 334 WB</t>
  </si>
  <si>
    <t>Chak no. 334/wB  p/o 335/WB teh: Mailsi Distt: Vehari</t>
  </si>
  <si>
    <t>334/wb</t>
  </si>
  <si>
    <t>335/Wb</t>
  </si>
  <si>
    <t>GES 5 JB</t>
  </si>
  <si>
    <t>chak 5 JB kamalpur Faisalabad</t>
  </si>
  <si>
    <t>6jb East</t>
  </si>
  <si>
    <t>MUHAMMAD MAZHAR NASIR</t>
  </si>
  <si>
    <t>GES FAROOQ ABAD MANDI</t>
  </si>
  <si>
    <t>Farooqabad Mandi, Near Sadar police Station</t>
  </si>
  <si>
    <t>Farooqabad -3</t>
  </si>
  <si>
    <t>GPS BHATTI (MURALI)</t>
  </si>
  <si>
    <t>GPS dhok bhatti murali</t>
  </si>
  <si>
    <t>Dhok Bhatti Murali</t>
  </si>
  <si>
    <t>GPS DERA BAKIR KHAN</t>
  </si>
  <si>
    <t>GPS Dera Bakir khan</t>
  </si>
  <si>
    <t>Dera Bakir Khan</t>
  </si>
  <si>
    <t>PERVAIZ MASIH</t>
  </si>
  <si>
    <t>30792</t>
  </si>
  <si>
    <t>GES CDG JEVAN HANA</t>
  </si>
  <si>
    <t>JEVEN HANA</t>
  </si>
  <si>
    <t>city district government boys middle school jeven Hana 194garder block Lahore</t>
  </si>
  <si>
    <t>inam ullah bhatti</t>
  </si>
  <si>
    <t>48901</t>
  </si>
  <si>
    <t>GGES CHAK NO.77 SB</t>
  </si>
  <si>
    <t>Chak 77sb</t>
  </si>
  <si>
    <t>GGES 77 SB</t>
  </si>
  <si>
    <t>Chak 77 SB</t>
  </si>
  <si>
    <t>Sadaf Andleeb</t>
  </si>
  <si>
    <t>51811</t>
  </si>
  <si>
    <t>GES MODEL NO. 2 D BLOCK  ARIF WALA</t>
  </si>
  <si>
    <t>D block Arifwala Tehsil Arifwala District pakpattan</t>
  </si>
  <si>
    <t>GGES SHEIKH SADD KALU WALA</t>
  </si>
  <si>
    <t>Sheikh Saad Kalu Wala</t>
  </si>
  <si>
    <t>Sheikh Saad Kalu Wala p/o Usman Wala</t>
  </si>
  <si>
    <t>Sheikh Sadd Kalu Wala</t>
  </si>
  <si>
    <t>Iqra Nazeer</t>
  </si>
  <si>
    <t>Malik pur Mailsi</t>
  </si>
  <si>
    <t>Basti Joy Jon Wali</t>
  </si>
  <si>
    <t>36524</t>
  </si>
  <si>
    <t>GGCMS 18 WB BASTI DAR MUHAMMAD</t>
  </si>
  <si>
    <t>18wb</t>
  </si>
  <si>
    <t>govt.girls community model school 18wb basti dur Muhammad vehari</t>
  </si>
  <si>
    <t>basti dur Muhammad</t>
  </si>
  <si>
    <t>16wb</t>
  </si>
  <si>
    <t>GGPS RAKH KOTLA</t>
  </si>
  <si>
    <t>mouza rakh kotla tehsil shorkot city</t>
  </si>
  <si>
    <t>Farzana yasmin</t>
  </si>
  <si>
    <t>GGPS CHAH MARKH WALA</t>
  </si>
  <si>
    <t>Drabi</t>
  </si>
  <si>
    <t>chah markh wala mkwal</t>
  </si>
  <si>
    <t>Chah Marakh Wala</t>
  </si>
  <si>
    <t>GGCMS PANDOWAL BALA</t>
  </si>
  <si>
    <t>pandowal bala</t>
  </si>
  <si>
    <t>Asia Naeem</t>
  </si>
  <si>
    <t>GPS BASTI KANAKA</t>
  </si>
  <si>
    <t>Aziz Quhm</t>
  </si>
  <si>
    <t>GPS Kanaka, P/o Mitroo, Tehsil Mailsi, District Vehari</t>
  </si>
  <si>
    <t>Basti Kanaka</t>
  </si>
  <si>
    <t>Muhammad Hussnain Fiaz</t>
  </si>
  <si>
    <t>GGPS JUNGLE BARALI RAIT WALI</t>
  </si>
  <si>
    <t>Jungle Burali Rait Wali Vehari</t>
  </si>
  <si>
    <t>Sadia Sadiq</t>
  </si>
  <si>
    <t>GPS DHOK CHAPRI</t>
  </si>
  <si>
    <t>Dhok Chapri</t>
  </si>
  <si>
    <t>dhok chapri po box herdosodhi khushab</t>
  </si>
  <si>
    <t>GGPS ORARA KALAN</t>
  </si>
  <si>
    <t>Orara kalan kasur</t>
  </si>
  <si>
    <t>Orara Kalan</t>
  </si>
  <si>
    <t>orara</t>
  </si>
  <si>
    <t>GGPS CHAK NO. 34-A TDA</t>
  </si>
  <si>
    <t>34A</t>
  </si>
  <si>
    <t>govt. girls primary school 34 tda</t>
  </si>
  <si>
    <t>34TDA</t>
  </si>
  <si>
    <t>GGES PHAMRA JAGIR</t>
  </si>
  <si>
    <t>Phamra Jageer</t>
  </si>
  <si>
    <t>Gges Phamra jageer</t>
  </si>
  <si>
    <t>GGMES (MC) HASSANABDAL</t>
  </si>
  <si>
    <t>Govt.Girls Elementary (mc) Model School Hassan Abdal</t>
  </si>
  <si>
    <t>SHAISTA SAFDAR</t>
  </si>
  <si>
    <t>GPS MADARI</t>
  </si>
  <si>
    <t>Madari</t>
  </si>
  <si>
    <t>vill Madari po daultala tehsil gujar Khan distt rwp</t>
  </si>
  <si>
    <t>Syed Muntazer Haider</t>
  </si>
  <si>
    <t>Basti badani hydar wala Khair pur sadat</t>
  </si>
  <si>
    <t>Hydar Wala</t>
  </si>
  <si>
    <t>Khair-pur Sadat</t>
  </si>
  <si>
    <t>Muhammad Khalid Munir</t>
  </si>
  <si>
    <t>GGPS 41/14-L</t>
  </si>
  <si>
    <t>41/14l</t>
  </si>
  <si>
    <t>Chak no 41/14l</t>
  </si>
  <si>
    <t>SHAKEELA AKHTAR</t>
  </si>
  <si>
    <t>GGES CHABBA PURANA</t>
  </si>
  <si>
    <t>gges chabba purana</t>
  </si>
  <si>
    <t>GGES KOT QUTAB DIN</t>
  </si>
  <si>
    <t>kot qutab din</t>
  </si>
  <si>
    <t>GGPS 7/14-L</t>
  </si>
  <si>
    <t>7/14/L</t>
  </si>
  <si>
    <t>chak no 7/14/L Iqbal nagar</t>
  </si>
  <si>
    <t>H/Q 7/14/L</t>
  </si>
  <si>
    <t>Sajida Nadeem</t>
  </si>
  <si>
    <t>GPS LANGER PAKHRAL</t>
  </si>
  <si>
    <t>Langar Pakhral</t>
  </si>
  <si>
    <t>Langer Pakhral P.O DIALI  TEHSILE SOHAWA DISTRICT JHELUM</t>
  </si>
  <si>
    <t>Pind MATAY KHAN</t>
  </si>
  <si>
    <t>water motor from nearest land.</t>
  </si>
  <si>
    <t>21985</t>
  </si>
  <si>
    <t>GMPS SADU GORAYA</t>
  </si>
  <si>
    <t>sadu goraya</t>
  </si>
  <si>
    <t>Buddah Goraya</t>
  </si>
  <si>
    <t>Mariam Arfan</t>
  </si>
  <si>
    <t>GGPS GHANDI CHAKRALA MIANWALI</t>
  </si>
  <si>
    <t>Dhoke ghandi chakrala district mianwali</t>
  </si>
  <si>
    <t>Dhoke Ghandi</t>
  </si>
  <si>
    <t>Irfana Bibi</t>
  </si>
  <si>
    <t>GGPS 183 WB</t>
  </si>
  <si>
    <t>183wb</t>
  </si>
  <si>
    <t>chak no 183wb Teh. mailsi district vehari</t>
  </si>
  <si>
    <t>Alia Parveen</t>
  </si>
  <si>
    <t>GGPS CHAK NO.34/2-RA</t>
  </si>
  <si>
    <t>33/2r</t>
  </si>
  <si>
    <t>34/2ra</t>
  </si>
  <si>
    <t>34/2r</t>
  </si>
  <si>
    <t>GGES DAULLAT PUR</t>
  </si>
  <si>
    <t>GGES Doulatpur Rawani Doulatpur p/o gellaywala Lodhran</t>
  </si>
  <si>
    <t>Ayesha Shaukat</t>
  </si>
  <si>
    <t>50574</t>
  </si>
  <si>
    <t>GGPS 11/14-L MAMDOOT FARM</t>
  </si>
  <si>
    <t>Mamdoot Form</t>
  </si>
  <si>
    <t>11/14 L mf</t>
  </si>
  <si>
    <t>11/14 L Mf</t>
  </si>
  <si>
    <t>7/14 L</t>
  </si>
  <si>
    <t>FOZIA RAMZAN</t>
  </si>
  <si>
    <t>GPS MAHMOOD ABAD CHAH DARKHAN WALA</t>
  </si>
  <si>
    <t>chah darkhan wala mehmoodabad</t>
  </si>
  <si>
    <t>Bulay Wala</t>
  </si>
  <si>
    <t>Muhammad Gulfam Farooq</t>
  </si>
  <si>
    <t>GGPS GURDIAL PUR</t>
  </si>
  <si>
    <t>Gurdialpur</t>
  </si>
  <si>
    <t>gradualpur mpur sansarsn</t>
  </si>
  <si>
    <t>Kbotri</t>
  </si>
  <si>
    <t>GHS ALODAY WALI (AGRO TECHNICAL)</t>
  </si>
  <si>
    <t>GHS Aluday Wali Muzaffargarh</t>
  </si>
  <si>
    <t>Aluday wali</t>
  </si>
  <si>
    <t>GGPS 176/9-L NEW</t>
  </si>
  <si>
    <t>176/9L new</t>
  </si>
  <si>
    <t>Safia Naheed</t>
  </si>
  <si>
    <t>38445</t>
  </si>
  <si>
    <t>GGHS 363 WB</t>
  </si>
  <si>
    <t>chak no 363/wb dunyapur</t>
  </si>
  <si>
    <t>363 /wb</t>
  </si>
  <si>
    <t>GPS 131 WB</t>
  </si>
  <si>
    <t>131 Wb</t>
  </si>
  <si>
    <t>chak no 131 WB,P/o mitru,Mailsi vehari</t>
  </si>
  <si>
    <t>Chak 131 Wb</t>
  </si>
  <si>
    <t>GPS ROADA SINGH</t>
  </si>
  <si>
    <t>Roada Singh</t>
  </si>
  <si>
    <t>moza roada singh Tehsil minchinabad district bhawalnagar</t>
  </si>
  <si>
    <t>43758</t>
  </si>
  <si>
    <t>GPS NO. 1 TAMMAN PO TAMMAN</t>
  </si>
  <si>
    <t>Vil&amp;poTamman</t>
  </si>
  <si>
    <t>GPS SAID BLOUCH MOUZA SAID BLOUCH</t>
  </si>
  <si>
    <t>Said Blouch</t>
  </si>
  <si>
    <t>mouza said blouch tehsil Mialsi</t>
  </si>
  <si>
    <t>Naval Ram</t>
  </si>
  <si>
    <t>moza naval ram chak ganga pur Mcd</t>
  </si>
  <si>
    <t>Muhammad Ishfaq Wahga</t>
  </si>
  <si>
    <t>50021</t>
  </si>
  <si>
    <t>GGPS RATRI</t>
  </si>
  <si>
    <t>G G P S Ratri</t>
  </si>
  <si>
    <t>Tehreem Nazir</t>
  </si>
  <si>
    <t>GMES BHUSSI KATHIA</t>
  </si>
  <si>
    <t>Bhussi Kathia</t>
  </si>
  <si>
    <t>bhussi kathia</t>
  </si>
  <si>
    <t>Ambreen Iftikhar</t>
  </si>
  <si>
    <t>38152</t>
  </si>
  <si>
    <t>GGPS ISMAIL JHANDEER</t>
  </si>
  <si>
    <t>Kotli Wajwah</t>
  </si>
  <si>
    <t>moza Kotli wajwah tehseel lodhran district lodhran</t>
  </si>
  <si>
    <t>Ismaeel Jhandeer</t>
  </si>
  <si>
    <t>GGPS BASTI KHAN GAAHI</t>
  </si>
  <si>
    <t>Basti Khan Gahi post office gaily wal tehsil and district lodhran</t>
  </si>
  <si>
    <t>Basti khan gahi</t>
  </si>
  <si>
    <t>GGES CHAK NO 200 JB</t>
  </si>
  <si>
    <t>chak no 200/jb Nasrana tehsil bhowana Disst Chiniot</t>
  </si>
  <si>
    <t>Chak No 200/jb Nasrana</t>
  </si>
  <si>
    <t>Siddha</t>
  </si>
  <si>
    <t>Basti farooq abad moza siddha galy wal lodhran</t>
  </si>
  <si>
    <t>GGPS FAIZ BHAND WALA</t>
  </si>
  <si>
    <t>Bhand Nashaib</t>
  </si>
  <si>
    <t>ggps faiz bhand wala p/o shah pur dhrutta tehsil and distt. layyah</t>
  </si>
  <si>
    <t>Mouza Bhand</t>
  </si>
  <si>
    <t>GES CHAK NO.61 NB</t>
  </si>
  <si>
    <t>Chak No 61 NB</t>
  </si>
  <si>
    <t>chak no.61 NB district sargodha</t>
  </si>
  <si>
    <t>Chak No61NB</t>
  </si>
  <si>
    <t>GPS KORINA KALAN</t>
  </si>
  <si>
    <t>Korinakalan</t>
  </si>
  <si>
    <t>Korina  kalan the kotli sattian</t>
  </si>
  <si>
    <t>Surriya Bano Satti</t>
  </si>
  <si>
    <t>GGPS BUDHAWANA WALA</t>
  </si>
  <si>
    <t>Baluch wala P/O Jandanwala Tehsil kallar kot district  Bhakkar</t>
  </si>
  <si>
    <t>New Baluch Wala</t>
  </si>
  <si>
    <t>Waheeda Farzand</t>
  </si>
  <si>
    <t>chah amb wala p/o gellay wala Tehsil n district Lodhran</t>
  </si>
  <si>
    <t>GMPS BHAMANIAN</t>
  </si>
  <si>
    <t>Bahmanian</t>
  </si>
  <si>
    <t>village Bhamanian PO qila didar  singh tehsil  Noshehra Virkan District  Gujranwala</t>
  </si>
  <si>
    <t>Chak Ch</t>
  </si>
  <si>
    <t>GPS SHAHER SULTAN NO. 4</t>
  </si>
  <si>
    <t>bsti dabli wala</t>
  </si>
  <si>
    <t>Dabli Wala</t>
  </si>
  <si>
    <t>Mc Shaher Sultan</t>
  </si>
  <si>
    <t>Muhammad Tariq Farid</t>
  </si>
  <si>
    <t>GPS BEHAK DIAM</t>
  </si>
  <si>
    <t>Behak Daim</t>
  </si>
  <si>
    <t>Behak daim kotmomin</t>
  </si>
  <si>
    <t>GMPS ANNAY SHARIF P/O MIANWAL RANJHAN</t>
  </si>
  <si>
    <t>Annhay  shreef</t>
  </si>
  <si>
    <t>Govt  M  P  school annay shreef</t>
  </si>
  <si>
    <t>Annhay shreef</t>
  </si>
  <si>
    <t>GHS 164/10-R, KHANEWAL</t>
  </si>
  <si>
    <t>Chak No 164/10-R</t>
  </si>
  <si>
    <t>CHAK NO 164/10-R, P.O SAME, TEH&amp;DISTT KHANEWAL</t>
  </si>
  <si>
    <t>164/10-R</t>
  </si>
  <si>
    <t>Muhammad Aqib</t>
  </si>
  <si>
    <t>42119</t>
  </si>
  <si>
    <t>GGES GANGU JUMMA</t>
  </si>
  <si>
    <t>Gangu Jumma</t>
  </si>
  <si>
    <t>post office village gangu jumma tehsil taxila distt rwp</t>
  </si>
  <si>
    <t>Anisa</t>
  </si>
  <si>
    <t>GGPS NORUNG WALA SHUJABAD DISTT. MULTAN</t>
  </si>
  <si>
    <t>soman</t>
  </si>
  <si>
    <t>chahnirung wala tehsil shujabad district multan</t>
  </si>
  <si>
    <t>ponta</t>
  </si>
  <si>
    <t>GHSS SAKHI SARWAR</t>
  </si>
  <si>
    <t>Sakhi Satwar West</t>
  </si>
  <si>
    <t>Malik Ghulam Rasool</t>
  </si>
  <si>
    <t>GGES KHAWASPUR</t>
  </si>
  <si>
    <t>Saima Ibraheem</t>
  </si>
  <si>
    <t>GPS NAKKA REHAN</t>
  </si>
  <si>
    <t>Nakka rehan</t>
  </si>
  <si>
    <t>v.p.o Nakka Rehan tehsil talagang district Chakwal</t>
  </si>
  <si>
    <t>49453</t>
  </si>
  <si>
    <t>GPS NOON KALLU</t>
  </si>
  <si>
    <t>village noon kallu tehsil shahpur sargodha</t>
  </si>
  <si>
    <t>14926</t>
  </si>
  <si>
    <t>GES SHEREEN ABAD</t>
  </si>
  <si>
    <t>Dandot Rs</t>
  </si>
  <si>
    <t>V and P O  Dandot R S Tehsil Pind Dadan Jhelum.</t>
  </si>
  <si>
    <t>Zadar Iqbal</t>
  </si>
  <si>
    <t>GPS KOTLA HASSAN SHAH</t>
  </si>
  <si>
    <t>KOTLA HASSAN SHAH, UMER KOT TEHSIL ROJHAN DISTRICT RAJANPUR</t>
  </si>
  <si>
    <t>Sumar Ahmad</t>
  </si>
  <si>
    <t>GGCMS HEAD RAJKAN</t>
  </si>
  <si>
    <t>MadinaColony</t>
  </si>
  <si>
    <t>Madina Colony,Headrajkan,Yazman</t>
  </si>
  <si>
    <t>5DNB</t>
  </si>
  <si>
    <t>Uzma Zahoor</t>
  </si>
  <si>
    <t>from nearby waterfilter</t>
  </si>
  <si>
    <t>GGPS MANNA WALI</t>
  </si>
  <si>
    <t>Munnanwali</t>
  </si>
  <si>
    <t>village Munnanwali post office Depoky Zafarwal</t>
  </si>
  <si>
    <t>Depoky</t>
  </si>
  <si>
    <t>41706</t>
  </si>
  <si>
    <t>GPS RATTA AMRAL</t>
  </si>
  <si>
    <t>choki muhallah near janaza gah ratta amral</t>
  </si>
  <si>
    <t>Ratta  Amral</t>
  </si>
  <si>
    <t>Shabana Jamil</t>
  </si>
  <si>
    <t>GGES CHAK NO.481 EB</t>
  </si>
  <si>
    <t>481-eb</t>
  </si>
  <si>
    <t>481-eb Teh.Dist.Vehari</t>
  </si>
  <si>
    <t>GPS KHICHI JAGIR</t>
  </si>
  <si>
    <t>Khichi Jageer</t>
  </si>
  <si>
    <t>P/o Tankiwala khichi Jageer</t>
  </si>
  <si>
    <t>Muhammad Zeeshan Ul Haq Awan</t>
  </si>
  <si>
    <t>27625</t>
  </si>
  <si>
    <t>GHS GOJRA</t>
  </si>
  <si>
    <t>vpo gojra malakwal mandi bahauddin</t>
  </si>
  <si>
    <t>Muhammad Arif Javed</t>
  </si>
  <si>
    <t>GES ISLAMIA PATTOKI</t>
  </si>
  <si>
    <t>kareem parak pattoki</t>
  </si>
  <si>
    <t>MUDASSER LATIF</t>
  </si>
  <si>
    <t>GGPS JALAL PUR SHARIF GHARI</t>
  </si>
  <si>
    <t>GGPS Jalal pur Sharif gharbi teh p d khan distt jhelum</t>
  </si>
  <si>
    <t>GGES BAISA KALAN</t>
  </si>
  <si>
    <t>GGES Baisa Kalan</t>
  </si>
  <si>
    <t>Basis Kalan</t>
  </si>
  <si>
    <t>GGCMS CHAK NO. 120/6-R</t>
  </si>
  <si>
    <t>120/6r</t>
  </si>
  <si>
    <t>120/6.R</t>
  </si>
  <si>
    <t>Shehnaz Siddique</t>
  </si>
  <si>
    <t>GPS KHARALA</t>
  </si>
  <si>
    <t>basti kikerwala mouza kharala p/o tibba sultan pur tehsil Mailsi district vehari</t>
  </si>
  <si>
    <t>Basti Kiker Wala</t>
  </si>
  <si>
    <t>Umer Rashid</t>
  </si>
  <si>
    <t>GGPS LATIFAL</t>
  </si>
  <si>
    <t>village latifal po mangwal teh and distt chakwal</t>
  </si>
  <si>
    <t>Shireen Hyder</t>
  </si>
  <si>
    <t>42864</t>
  </si>
  <si>
    <t>GHS KAHLIAN SIAHLIAN</t>
  </si>
  <si>
    <t>Kahli Damnoha</t>
  </si>
  <si>
    <t>VILLAGE Kahli damnoha post office siahli umer khan kallar syedan, Rawalpindi</t>
  </si>
  <si>
    <t>11067</t>
  </si>
  <si>
    <t>GPS BUKHARAY WALA</t>
  </si>
  <si>
    <t>Jhorar Thal Klan</t>
  </si>
  <si>
    <t>muuza Jhorar Thal Klan</t>
  </si>
  <si>
    <t>Chak 172/ TDA</t>
  </si>
  <si>
    <t>GPS WARA IMAM DIN GHARBI</t>
  </si>
  <si>
    <t>WARA IMAM DIN GHARBI</t>
  </si>
  <si>
    <t>p/o wara imam din gharbi mananwala sheikhupura</t>
  </si>
  <si>
    <t>Wara Imam Din Gharbi</t>
  </si>
  <si>
    <t>GGPS BINDI BAIG MAHNI NO. 1</t>
  </si>
  <si>
    <t>Bindi Baig Mahni</t>
  </si>
  <si>
    <t>GGPS bindi baig mahni no 1</t>
  </si>
  <si>
    <t>GES SAI</t>
  </si>
  <si>
    <t>Village and post office sai tehseel kahuta district rawalpindi</t>
  </si>
  <si>
    <t>Humayoon Amjad Kiyani</t>
  </si>
  <si>
    <t>GPS KOTLI BABA HERA</t>
  </si>
  <si>
    <t>K0tli Baba Heera</t>
  </si>
  <si>
    <t>kotli baba heera</t>
  </si>
  <si>
    <t>MUHAMMAD Farooq</t>
  </si>
  <si>
    <t>GPS CHAH WATTOWAN WALA</t>
  </si>
  <si>
    <t>chah wattowan wala chunian Kasur</t>
  </si>
  <si>
    <t>Chunian Hirhar</t>
  </si>
  <si>
    <t>Umer Azeem Gondal</t>
  </si>
  <si>
    <t>GES HARPAL KAY</t>
  </si>
  <si>
    <t>Harpal Kay</t>
  </si>
  <si>
    <t>GES Harpalkay, Village Harpalkay, P.O. Khana Nau, Tehsil Cantt, District Lahore</t>
  </si>
  <si>
    <t>GGHS DARKHANA, ABDUL HAKIM</t>
  </si>
  <si>
    <t>govt girls high school darkhana abdulhakim</t>
  </si>
  <si>
    <t>GES KOKARA BELA SINGH</t>
  </si>
  <si>
    <t>Bela Singh</t>
  </si>
  <si>
    <t>bela singh minchinbad</t>
  </si>
  <si>
    <t>GHS BHADUR KHAN</t>
  </si>
  <si>
    <t>Village Bahadur Khan, PO Moosa, Tehsil Hazro, Distt. attock</t>
  </si>
  <si>
    <t>MUHAMMAD ANWAR UD DIN</t>
  </si>
  <si>
    <t>GES BABUL WALI</t>
  </si>
  <si>
    <t>Chah Maqami wala moza babul wali jampur</t>
  </si>
  <si>
    <t>Maqami Wala</t>
  </si>
  <si>
    <t>Kotla diwan</t>
  </si>
  <si>
    <t>Syed Munir Hussain Shah</t>
  </si>
  <si>
    <t>GGHS CHAK NO.179/M</t>
  </si>
  <si>
    <t>179/M</t>
  </si>
  <si>
    <t>chak no. 179/m hasilpur</t>
  </si>
  <si>
    <t>Chak No179/M</t>
  </si>
  <si>
    <t>Chak No 163/M</t>
  </si>
  <si>
    <t>GGES PALINA</t>
  </si>
  <si>
    <t>Paleena</t>
  </si>
  <si>
    <t>village&amp; p/o Paleena teh.gujarkhan distt rawalpindi</t>
  </si>
  <si>
    <t>GGPS 309 EB NEW</t>
  </si>
  <si>
    <t>Diwan Sahb</t>
  </si>
  <si>
    <t>chak no. 309/ EB burewala</t>
  </si>
  <si>
    <t>309/EB New</t>
  </si>
  <si>
    <t>Robina Kauser</t>
  </si>
  <si>
    <t>37732</t>
  </si>
  <si>
    <t>GHS 136/10-R, JAHANIAN</t>
  </si>
  <si>
    <t>136/10-R tehsil jahanian district khanewal</t>
  </si>
  <si>
    <t>chak no 136/10-R</t>
  </si>
  <si>
    <t>MUHAMMAD NASIR AZIZ</t>
  </si>
  <si>
    <t>GGHS BARA GHAR</t>
  </si>
  <si>
    <t>BARA GHAR P/O SAME TEHSIL AND DISTRICT NANKANA SAHIB.</t>
  </si>
  <si>
    <t>SAIRA SARDAR</t>
  </si>
  <si>
    <t>GPS KANERI</t>
  </si>
  <si>
    <t>kaneri</t>
  </si>
  <si>
    <t>kachii shahanii</t>
  </si>
  <si>
    <t>Hashim Raza</t>
  </si>
  <si>
    <t>47041</t>
  </si>
  <si>
    <t>GGHS SHAHBAZ KHEL</t>
  </si>
  <si>
    <t>molha habit khel shahbaz khel</t>
  </si>
  <si>
    <t>Ghazala Azmat</t>
  </si>
  <si>
    <t>GPS TIBBA MUHAMMAD NAGAR NO.1</t>
  </si>
  <si>
    <t>kamoke</t>
  </si>
  <si>
    <t>street no. 4, boys school wali, Muhammad nagar tibba Kamoke</t>
  </si>
  <si>
    <t>TIBBA M NAGAR</t>
  </si>
  <si>
    <t>M Israr hussain</t>
  </si>
  <si>
    <t>38781</t>
  </si>
  <si>
    <t>GHS GOLRA</t>
  </si>
  <si>
    <t>village and p.o golra tehsil and district attock</t>
  </si>
  <si>
    <t>GGES CDG JUNIOR MODEL SHAHDARA TOWN LAHORE</t>
  </si>
  <si>
    <t>GGES CDG junior Model shahdara town lahore</t>
  </si>
  <si>
    <t>GGCMS KUTHALA CHENAB</t>
  </si>
  <si>
    <t>Kathala</t>
  </si>
  <si>
    <t>GGCMS kathala gujrat</t>
  </si>
  <si>
    <t>Kathala Chensb</t>
  </si>
  <si>
    <t>Kathla Chenab</t>
  </si>
  <si>
    <t>Nighat Nazir</t>
  </si>
  <si>
    <t>GGPS WAHALI ZEAR</t>
  </si>
  <si>
    <t>wahali zer</t>
  </si>
  <si>
    <t>village and po wahali zer</t>
  </si>
  <si>
    <t>lehr sultanpur</t>
  </si>
  <si>
    <t>samina mushtaq</t>
  </si>
  <si>
    <t>GGHS MOHRA DAROGHAN</t>
  </si>
  <si>
    <t>VILLAGE AND P/O MOHRA DAROGHA RWP</t>
  </si>
  <si>
    <t>GPS RATTA</t>
  </si>
  <si>
    <t>Ratta PO Chohan Tehsil District Chakwal</t>
  </si>
  <si>
    <t>GHS SAADAT PUR</t>
  </si>
  <si>
    <t>SAADAT PUR</t>
  </si>
  <si>
    <t>Vill &amp; P.O Saadat Pur Teh Sarai Alamgir District Gujrat</t>
  </si>
  <si>
    <t>GGHS CHACHO WALI</t>
  </si>
  <si>
    <t>Bedian road lahore cantt.</t>
  </si>
  <si>
    <t>cantonment</t>
  </si>
  <si>
    <t>ANSAB PARWAZ WARSI</t>
  </si>
  <si>
    <t>G ZABS PS PINDI KALU KALAN</t>
  </si>
  <si>
    <t>vill &amp; po pindi kalu tehsil phalia dist. m.b.din</t>
  </si>
  <si>
    <t>rangshah</t>
  </si>
  <si>
    <t>GPS DERA WAILAN WALA</t>
  </si>
  <si>
    <t>Waillan Wala</t>
  </si>
  <si>
    <t>GPS dera waillan wala</t>
  </si>
  <si>
    <t>Mohammed Mustafa</t>
  </si>
  <si>
    <t>GPS DHOK KAMAL</t>
  </si>
  <si>
    <t>Dhoke Kamal</t>
  </si>
  <si>
    <t>village dhoke Kamal p.o dhudial teh &amp; distt.chakwal</t>
  </si>
  <si>
    <t>GES RAJA GHUMAN</t>
  </si>
  <si>
    <t>Raja ghuman</t>
  </si>
  <si>
    <t>village Raja Ghuman. Teh.Daska. Distt. Sialkot.</t>
  </si>
  <si>
    <t>Khalid Javid Iqbal</t>
  </si>
  <si>
    <t>GPS WARRAICH</t>
  </si>
  <si>
    <t>village warraich P/o Bara ghar Teh&amp;Distt Nankana sahib</t>
  </si>
  <si>
    <t>GPS HAYAL</t>
  </si>
  <si>
    <t>GPS Hayal UC Dhamial Rwp</t>
  </si>
  <si>
    <t>GMPS DOUBURJY</t>
  </si>
  <si>
    <t>v/o Doburji p/o Helan Teh/Phalia Distt/MB Din.</t>
  </si>
  <si>
    <t>Parveen Nawaz</t>
  </si>
  <si>
    <t>GHS 58/12-L</t>
  </si>
  <si>
    <t>Chak No.58/12-L Chichawatni</t>
  </si>
  <si>
    <t>Govt. High School Chak No. 58/12-L Tehsil Chichawatni,Distt. Sahiwal</t>
  </si>
  <si>
    <t>Muhammad  Tahir Rasool</t>
  </si>
  <si>
    <t>32133</t>
  </si>
  <si>
    <t>GPS MADHA QADEEM</t>
  </si>
  <si>
    <t>mahda qadeem</t>
  </si>
  <si>
    <t>Mahda Qadeem</t>
  </si>
  <si>
    <t>GPS CHAK 110 GB 66 GB TEH JARANWALA FSD</t>
  </si>
  <si>
    <t>110 G B</t>
  </si>
  <si>
    <t>chak # 110 G B tehsil Jaranwala District Faisalabad</t>
  </si>
  <si>
    <t>Chak #110 G B</t>
  </si>
  <si>
    <t>Chak # 112 G B</t>
  </si>
  <si>
    <t>Muhammad Ilyas Khan</t>
  </si>
  <si>
    <t>GGHS NAWAN BAIGRAJ</t>
  </si>
  <si>
    <t>GGHS Nawan baigraj jampur</t>
  </si>
  <si>
    <t>GES KOTLA PANJU BAIG</t>
  </si>
  <si>
    <t>kotla panju baig</t>
  </si>
  <si>
    <t>Ali Adnan Dogar</t>
  </si>
  <si>
    <t>32215</t>
  </si>
  <si>
    <t>GPS DERA GADIAN</t>
  </si>
  <si>
    <t>DERA GADIAN</t>
  </si>
  <si>
    <t>Govt primary school basti qader abad near jandiala sher khan</t>
  </si>
  <si>
    <t>peer waris shah jandiala</t>
  </si>
  <si>
    <t>Muhammad Shahid Saddique</t>
  </si>
  <si>
    <t>GHS MIANWALI SHEIKHAN</t>
  </si>
  <si>
    <t>GHS Mian Wali Sheikhan, Tehsil &amp; District Rahim Yar Khan</t>
  </si>
  <si>
    <t>Mian Wali sheikhan</t>
  </si>
  <si>
    <t>ghulam hassan</t>
  </si>
  <si>
    <t>GMPS AMIN ABAD</t>
  </si>
  <si>
    <t>GMPS Amin Abad</t>
  </si>
  <si>
    <t>Ihsan Ali Shah</t>
  </si>
  <si>
    <t>GGCMS CHAK NO. 9 MB</t>
  </si>
  <si>
    <t>9mb</t>
  </si>
  <si>
    <t>Chak no 9mb</t>
  </si>
  <si>
    <t>Ayisha Bibi</t>
  </si>
  <si>
    <t>GPS KANNEY</t>
  </si>
  <si>
    <t>Kannay</t>
  </si>
  <si>
    <t>kanney</t>
  </si>
  <si>
    <t>Kanney</t>
  </si>
  <si>
    <t>36376</t>
  </si>
  <si>
    <t>GGPS CHAK NO.22/WB</t>
  </si>
  <si>
    <t>22/WB</t>
  </si>
  <si>
    <t>Chak  No 22/WB Vehari</t>
  </si>
  <si>
    <t>Tayyaba</t>
  </si>
  <si>
    <t>GPS KAKRANI</t>
  </si>
  <si>
    <t>kakrani</t>
  </si>
  <si>
    <t>Saif ullah khan</t>
  </si>
  <si>
    <t>GGHS SHAKREELA</t>
  </si>
  <si>
    <t>Shakreel</t>
  </si>
  <si>
    <t>village shakreela, p.o saadat pur teh.sarai alamgir district Gujrat</t>
  </si>
  <si>
    <t>Shakreela</t>
  </si>
  <si>
    <t>zAKIA KHATOON</t>
  </si>
  <si>
    <t>53515</t>
  </si>
  <si>
    <t>GGPS CHAK NO. 16/1-R TEHSILDAR WALA</t>
  </si>
  <si>
    <t>chak no.16\1.R  Tehsildarwala</t>
  </si>
  <si>
    <t>161r Tehsildarwala</t>
  </si>
  <si>
    <t>151R</t>
  </si>
  <si>
    <t>GGPS THATHA KHOKHARAN</t>
  </si>
  <si>
    <t>Thatha Khokharan</t>
  </si>
  <si>
    <t>thatha khokharan</t>
  </si>
  <si>
    <t>Alaudinke</t>
  </si>
  <si>
    <t>GGPS RIAZ ABAD p/o kot fazil</t>
  </si>
  <si>
    <t>GGPS AMB SHARIF</t>
  </si>
  <si>
    <t>anb Shareef tehseel Qaidabad dist khushab</t>
  </si>
  <si>
    <t>36192</t>
  </si>
  <si>
    <t>GPS 15/WB</t>
  </si>
  <si>
    <t>15 Wb</t>
  </si>
  <si>
    <t>GGES DHARI</t>
  </si>
  <si>
    <t>po dheri</t>
  </si>
  <si>
    <t>water pump neighbour</t>
  </si>
  <si>
    <t>GMPS PAHORAN WALA (CHAH CHEELAN WALA)</t>
  </si>
  <si>
    <t>Alamgheer</t>
  </si>
  <si>
    <t>Cheelan Wala</t>
  </si>
  <si>
    <t>Sharoon Mary</t>
  </si>
  <si>
    <t>GES KOTLI BAKHSHO KHAN MUZA KOTLI BAKHSHO KHAN</t>
  </si>
  <si>
    <t>Kotli bakhshoo khan</t>
  </si>
  <si>
    <t>Mouza kotli bakhshoo khan</t>
  </si>
  <si>
    <t>Hameedullah Zulqarnain</t>
  </si>
  <si>
    <t>30232</t>
  </si>
  <si>
    <t>GGHS TEHZEEB-UL-BINAT 3-B I TOWNSHIP</t>
  </si>
  <si>
    <t>GOVT.TEHZEEB-UL-BINAT MODAL GHS,3B1,TOWNSHIP,LAHORE.</t>
  </si>
  <si>
    <t>3B1</t>
  </si>
  <si>
    <t>19026</t>
  </si>
  <si>
    <t>GPS CHAK NO 706 GB</t>
  </si>
  <si>
    <t>Chak No 706</t>
  </si>
  <si>
    <t>GPS 706 GB Kamalia</t>
  </si>
  <si>
    <t>Chak No 706 GB</t>
  </si>
  <si>
    <t>Chak No 661/2 GB</t>
  </si>
  <si>
    <t>GHS KHAIR PUR</t>
  </si>
  <si>
    <t>VPO Khair Pur Tehsil and District Chakwal</t>
  </si>
  <si>
    <t>GPS WAN WALA</t>
  </si>
  <si>
    <t>Bangla Wan Wala Chack #177/WB</t>
  </si>
  <si>
    <t>Bangla Wan Wala chak#177/WB Tehsil Mailsi distt vehari</t>
  </si>
  <si>
    <t>Chak #177/WB</t>
  </si>
  <si>
    <t>Chak#195/WB</t>
  </si>
  <si>
    <t>Jamshaid Ahmad</t>
  </si>
  <si>
    <t>50074</t>
  </si>
  <si>
    <t>GMPS JAROLA</t>
  </si>
  <si>
    <t>Jarola</t>
  </si>
  <si>
    <t>village jarola p/o farooka  tehseel sahiwal distt.sargodha</t>
  </si>
  <si>
    <t>KOT Musa Khan</t>
  </si>
  <si>
    <t>12701</t>
  </si>
  <si>
    <t>govt girls primery school gamon wala</t>
  </si>
  <si>
    <t>Gamon Wala</t>
  </si>
  <si>
    <t>GPS RATTA KHANA</t>
  </si>
  <si>
    <t>Ratta khana teh.Depalpur district Okara</t>
  </si>
  <si>
    <t>Muhammad Ijaz Riaz</t>
  </si>
  <si>
    <t>GGPS DHOK FATEH KHAN</t>
  </si>
  <si>
    <t>Dk Fateh Khan</t>
  </si>
  <si>
    <t>dk Fateh Khan tehsil Fateh jung</t>
  </si>
  <si>
    <t>Afsheen Gulshan</t>
  </si>
  <si>
    <t>23409</t>
  </si>
  <si>
    <t>GGPS MC NO. 6 LALA MUSA</t>
  </si>
  <si>
    <t>GGPS MC NO 6 LALAMUSA</t>
  </si>
  <si>
    <t>Lalamusa 2</t>
  </si>
  <si>
    <t>Iqra Sharif</t>
  </si>
  <si>
    <t>GGPS CHAK NO 4 TDA</t>
  </si>
  <si>
    <t>4tda</t>
  </si>
  <si>
    <t>ggps 4tda tehsil quaidabad district khushab</t>
  </si>
  <si>
    <t>Fazeela Bano</t>
  </si>
  <si>
    <t>GPS KAHNA KOHNA</t>
  </si>
  <si>
    <t>Kohna Kohna</t>
  </si>
  <si>
    <t>Kahna kohna Lahore</t>
  </si>
  <si>
    <t>Mirza Kaleem Ullah Baig</t>
  </si>
  <si>
    <t>GHS KASHMIR COLONY GUJRANWALA CANTT</t>
  </si>
  <si>
    <t>KASHMIR COLONY GUJRANWALA CANTT</t>
  </si>
  <si>
    <t>Muhmmad Shafaat</t>
  </si>
  <si>
    <t>GGPS CHAH CHSHTIAN WALA</t>
  </si>
  <si>
    <t>Bagg Balochan</t>
  </si>
  <si>
    <t>village chagh chishtian wala tehsil sahiwal distrct sargodha</t>
  </si>
  <si>
    <t>Chah Chishtian Wala</t>
  </si>
  <si>
    <t>Sialsharif</t>
  </si>
  <si>
    <t>Naeema Rani</t>
  </si>
  <si>
    <t>GHS CHAK NO.79 WB</t>
  </si>
  <si>
    <t>CHAK NO 79/WB VEHARI</t>
  </si>
  <si>
    <t>79/WB</t>
  </si>
  <si>
    <t>CHAK NO 75/WB</t>
  </si>
  <si>
    <t>MUHAMMAD SUFIAN LIAQAT</t>
  </si>
  <si>
    <t>GHS NATHU WALA</t>
  </si>
  <si>
    <t>Nathuwala Chak #180. RB Tehsil Shahkot District Nankana Sahib.</t>
  </si>
  <si>
    <t>RAI NAJEEB ULLAH</t>
  </si>
  <si>
    <t>GPS 119/9-L</t>
  </si>
  <si>
    <t>chak No 119/9-L</t>
  </si>
  <si>
    <t>GPS CHAK 190 GB</t>
  </si>
  <si>
    <t>chak 190gb</t>
  </si>
  <si>
    <t>190gb</t>
  </si>
  <si>
    <t>Chak 186 Gb</t>
  </si>
  <si>
    <t>Mazhar Iqbal Qasim</t>
  </si>
  <si>
    <t>GPS CHAK 35/GD</t>
  </si>
  <si>
    <t>35/gd</t>
  </si>
  <si>
    <t>gps 35/gd</t>
  </si>
  <si>
    <t>38/gd</t>
  </si>
  <si>
    <t>Shahzadah Faheem Aslam</t>
  </si>
  <si>
    <t>GPS DERA KAKKIAN</t>
  </si>
  <si>
    <t>Dera Kakkian</t>
  </si>
  <si>
    <t>dera kakkian</t>
  </si>
  <si>
    <t>GPS DHOK DAFRAL PO DHER MOND TEH TLG</t>
  </si>
  <si>
    <t>Dhoke Dafral</t>
  </si>
  <si>
    <t>VPO Dhermond Tehsil Talagang District Chakwal</t>
  </si>
  <si>
    <t>Muhammad Aamir Shehzad</t>
  </si>
  <si>
    <t>GHS JOKALIAN</t>
  </si>
  <si>
    <t>jokalian</t>
  </si>
  <si>
    <t>VPO JOKALIAN TEHSIL PHALIA DISTT. MANDI BAHAUDDIN</t>
  </si>
  <si>
    <t>GPS BASTI JANGALA</t>
  </si>
  <si>
    <t>umer KOT</t>
  </si>
  <si>
    <t>Ø¨Ø³ØªÛŒ Ø¬Ø§Ù†Ú¯Ù„Ø§  Ø¹Ù…Ø± Ú©ÙˆÙ¹</t>
  </si>
  <si>
    <t>GGPS KOT KHUSHAL</t>
  </si>
  <si>
    <t>28182</t>
  </si>
  <si>
    <t>GMPS KOTLI MASNANI</t>
  </si>
  <si>
    <t>village kotli masnani P.O mianwal Ranjha teh &amp;distt M.B.Din</t>
  </si>
  <si>
    <t>Kotli Masnani</t>
  </si>
  <si>
    <t>Shahbaz Gul</t>
  </si>
  <si>
    <t>GGCMS CHAK NO 6 UCC</t>
  </si>
  <si>
    <t>Chak6ucc</t>
  </si>
  <si>
    <t>chak 6ucc</t>
  </si>
  <si>
    <t>Chak No6ucc</t>
  </si>
  <si>
    <t>GMPS KOT RAJKORE</t>
  </si>
  <si>
    <t>Kotrajkore</t>
  </si>
  <si>
    <t>Village Kot rajkore Tehsil &amp; District Sialkot</t>
  </si>
  <si>
    <t>Fouzia Mubasher</t>
  </si>
  <si>
    <t>GMPS 14 WB BASTI RIAZ</t>
  </si>
  <si>
    <t>14/WB</t>
  </si>
  <si>
    <t>14wb Basti Riaz</t>
  </si>
  <si>
    <t>14/WB Basti Riaz</t>
  </si>
  <si>
    <t>Shazia Khushi</t>
  </si>
  <si>
    <t>syed wala</t>
  </si>
  <si>
    <t>Aqsa Sabir</t>
  </si>
  <si>
    <t>GHS CHAK NO.95 SB</t>
  </si>
  <si>
    <t>CHAK NO 95 SB</t>
  </si>
  <si>
    <t>CHAK NO 96 SB</t>
  </si>
  <si>
    <t>GMPS SARLA KHURD</t>
  </si>
  <si>
    <t>Sarlay Kalan</t>
  </si>
  <si>
    <t>Govt model p/s sarla khurd</t>
  </si>
  <si>
    <t>GHS BAKHSHU</t>
  </si>
  <si>
    <t>Moza Bakhshu PO Jabooka Teh &amp; Dist Okara</t>
  </si>
  <si>
    <t>Rai Muhammad Imran</t>
  </si>
  <si>
    <t>GPS CHAK NO. 69/NP</t>
  </si>
  <si>
    <t>Chak69np</t>
  </si>
  <si>
    <t>chak69.np P/O Mao Mubarak Tehsil Rahim Yar Khan</t>
  </si>
  <si>
    <t>Abdul Shakoor Shakir</t>
  </si>
  <si>
    <t>GGPS AZAM HANS 3 KOTHA WALA</t>
  </si>
  <si>
    <t>azam hans 3</t>
  </si>
  <si>
    <t>g g p/s azam hans 3 kothay wala multan tehsil sadar</t>
  </si>
  <si>
    <t>tolay wala</t>
  </si>
  <si>
    <t>kothay wala</t>
  </si>
  <si>
    <t>Ghazala afzal</t>
  </si>
  <si>
    <t>GGPS MOUZA BAATIAN, ABDUL HAKIM</t>
  </si>
  <si>
    <t>Mouza Battian</t>
  </si>
  <si>
    <t>Jinnah Abadi Shahadat kandla</t>
  </si>
  <si>
    <t>GPS ABID BAGH</t>
  </si>
  <si>
    <t>Muhammad Murad Machi</t>
  </si>
  <si>
    <t>Basti Abid Bagh, Moza Muhammad Murad Machi, PO goth machi, Tillu Road,  Sadiqabad</t>
  </si>
  <si>
    <t>Abid Bagh</t>
  </si>
  <si>
    <t>MOHAMMAD YOQOOB</t>
  </si>
  <si>
    <t>GGPS POLTARY FARM MOHALLA RASOOL NAGAR</t>
  </si>
  <si>
    <t>Mohallah Rasool Nagar Narowal</t>
  </si>
  <si>
    <t>Mohalla Rasool Nagar Poultary Farm Narowal</t>
  </si>
  <si>
    <t>Poultry Farm</t>
  </si>
  <si>
    <t>Asifa Begum</t>
  </si>
  <si>
    <t>GPS L-PLOT LASHARI</t>
  </si>
  <si>
    <t>L-PLOT LASHARI</t>
  </si>
  <si>
    <t>L-PLOT LASHARI P/O L-PLOT FOJIAN  TEHSIL RENALA KHURD DISTT. OKARA</t>
  </si>
  <si>
    <t>L-PLOT FOJIAN</t>
  </si>
  <si>
    <t>GGCMS DERA RAJ MUHMMAD</t>
  </si>
  <si>
    <t>Dera Raj Muhammad</t>
  </si>
  <si>
    <t>Dera Raj Muhammad mashmoola Easherky</t>
  </si>
  <si>
    <t>Dera Raj Muhammad Mashmoola Easherky</t>
  </si>
  <si>
    <t>Easherky</t>
  </si>
  <si>
    <t>GPS AHMEDABAD NIAZBAIG LAHORE</t>
  </si>
  <si>
    <t>nzd chowki wali gali ahmad abad niaz baig Lahore</t>
  </si>
  <si>
    <t>niaz baig</t>
  </si>
  <si>
    <t>GGPS SAHIB WAL</t>
  </si>
  <si>
    <t>GGPS  Sahibwal</t>
  </si>
  <si>
    <t>Nazeem Thaira</t>
  </si>
  <si>
    <t>GGPS CHANI JELA</t>
  </si>
  <si>
    <t>village channijela p.o kahuta tesil kahuta distt Rawalpindi</t>
  </si>
  <si>
    <t>Chanijela</t>
  </si>
  <si>
    <t>Rabia Aurangzaib</t>
  </si>
  <si>
    <t>GPS QUBA LAL PEER</t>
  </si>
  <si>
    <t>Quba lal peer RYK</t>
  </si>
  <si>
    <t>Quba Lal Peer RYK</t>
  </si>
  <si>
    <t>GGPS MOHAN WALA MULTAN</t>
  </si>
  <si>
    <t>kothey wala</t>
  </si>
  <si>
    <t>Mohan Wala</t>
  </si>
  <si>
    <t>41011</t>
  </si>
  <si>
    <t>GGPS NAKKI  JAGASI</t>
  </si>
  <si>
    <t>Nakki Jagesi</t>
  </si>
  <si>
    <t>govt girls primary school nakki jagesi tehsil dina district jhelum</t>
  </si>
  <si>
    <t>Nakki Jagedi</t>
  </si>
  <si>
    <t>Shakila Bashir</t>
  </si>
  <si>
    <t>GMPS HUNJ</t>
  </si>
  <si>
    <t>Hunj</t>
  </si>
  <si>
    <t>p/o Tanda village Hunj district  Gujrat</t>
  </si>
  <si>
    <t>farzana gull taj</t>
  </si>
  <si>
    <t>GPS BAIT BAHMANI</t>
  </si>
  <si>
    <t>Bait Bahmoni</t>
  </si>
  <si>
    <t>minchnabad road bait bahmoni pakpattan</t>
  </si>
  <si>
    <t>Mouza Fateh Pur Tehsil Mailsi Distt.  Vehari</t>
  </si>
  <si>
    <t>GGES ALLAH BACHAYA KHAN</t>
  </si>
  <si>
    <t>Dharey Oat</t>
  </si>
  <si>
    <t>govt.girls E/S allah bachaya khan new mouza dharey oat teh.LQP</t>
  </si>
  <si>
    <t>Aneela Awais</t>
  </si>
  <si>
    <t>GGPS BAHADAR PURA</t>
  </si>
  <si>
    <t>Bahadur Pura kasur</t>
  </si>
  <si>
    <t>Amna Zaib</t>
  </si>
  <si>
    <t>13489</t>
  </si>
  <si>
    <t>GPS KALHORA P/O DAJAL</t>
  </si>
  <si>
    <t>basti kalhora tal shumali</t>
  </si>
  <si>
    <t>GPS KHURRAM PURA, MADINA COLONY, KHANEWAL</t>
  </si>
  <si>
    <t>khuram pura khanewal</t>
  </si>
  <si>
    <t>Khuram Pura</t>
  </si>
  <si>
    <t>Khalid Siddiq</t>
  </si>
  <si>
    <t>GPS JHALARIEN</t>
  </si>
  <si>
    <t>basti jhabale jhalarien</t>
  </si>
  <si>
    <t>jhalarien</t>
  </si>
  <si>
    <t>abdul qadir</t>
  </si>
  <si>
    <t>GGES TAPIALA</t>
  </si>
  <si>
    <t>village and p/o Tapiala teh kharian Distt.Gujrat</t>
  </si>
  <si>
    <t>Sumreen Mehdi</t>
  </si>
  <si>
    <t>GMPS CHAK NO. 180 TIWANA</t>
  </si>
  <si>
    <t>chak no 180 tiwana</t>
  </si>
  <si>
    <t>180 Tiwana</t>
  </si>
  <si>
    <t>chak no 182 mochiwala</t>
  </si>
  <si>
    <t>Asma Bloch</t>
  </si>
  <si>
    <t>GGES DERA SINGOWALLIAN</t>
  </si>
  <si>
    <t>Dera Singowalian</t>
  </si>
  <si>
    <t>Dera singowalian</t>
  </si>
  <si>
    <t>Madiha Kanwal</t>
  </si>
  <si>
    <t>GPS CHAK NO 15</t>
  </si>
  <si>
    <t>Chak No 15</t>
  </si>
  <si>
    <t>chak no 15 teh chunian distt kasur</t>
  </si>
  <si>
    <t>GHS 123/10-R, JAHANIAN</t>
  </si>
  <si>
    <t>123/10-R</t>
  </si>
  <si>
    <t>GGPS CHAK NO 217/9-R G</t>
  </si>
  <si>
    <t>217/9-r</t>
  </si>
  <si>
    <t>213/9-r</t>
  </si>
  <si>
    <t>Sana Jabbar</t>
  </si>
  <si>
    <t>GPS LATHAYPUR</t>
  </si>
  <si>
    <t>Lathey Pur</t>
  </si>
  <si>
    <t>Lathey pur</t>
  </si>
  <si>
    <t>GHS RANG MAHAL CHRISTIAN</t>
  </si>
  <si>
    <t>I-1074 Govt. Christian High School Rang Mahel Lahore</t>
  </si>
  <si>
    <t>Rang Mahel</t>
  </si>
  <si>
    <t>AMJAD KHURSHID</t>
  </si>
  <si>
    <t>GPS DHOK JAKHAR</t>
  </si>
  <si>
    <t>Dhoke Jakhar</t>
  </si>
  <si>
    <t>Village dhoke jakhar post office dorey teh and distt chakwal</t>
  </si>
  <si>
    <t>Ibrar Hussain</t>
  </si>
  <si>
    <t>GPS TIBBI AHEERAN</t>
  </si>
  <si>
    <t>Gps tibbi aheeran</t>
  </si>
  <si>
    <t>Tibbi Aheeran</t>
  </si>
  <si>
    <t>Chak No 140 Jb</t>
  </si>
  <si>
    <t>GGES KAMAL PUR MUSSA</t>
  </si>
  <si>
    <t>KAMAL PUR  MUSA</t>
  </si>
  <si>
    <t>Village and P/O Kamal  Pur  Mussa</t>
  </si>
  <si>
    <t>Kamal Pur  Mussa</t>
  </si>
  <si>
    <t>Kamal  Pur Mussa</t>
  </si>
  <si>
    <t>GGHS CHAK NO. 97/6-R</t>
  </si>
  <si>
    <t>Chak 97/6R</t>
  </si>
  <si>
    <t>gg hs 97/6r</t>
  </si>
  <si>
    <t>97/6r</t>
  </si>
  <si>
    <t>chak no 94/6r</t>
  </si>
  <si>
    <t>nasreen jan</t>
  </si>
  <si>
    <t>GPS KHANAN WALI HUJRA</t>
  </si>
  <si>
    <t>attari road mohllah islam pura hujra shah muqeem</t>
  </si>
  <si>
    <t>Attari Road Hujra</t>
  </si>
  <si>
    <t>M C Hujra</t>
  </si>
  <si>
    <t>village dhoke gondal post office Dullah</t>
  </si>
  <si>
    <t>GHS KHANPUR MIRCHAN</t>
  </si>
  <si>
    <t>mouza khanpur</t>
  </si>
  <si>
    <t>Wahi Hussai</t>
  </si>
  <si>
    <t>GES 131 RB II</t>
  </si>
  <si>
    <t>Arorri</t>
  </si>
  <si>
    <t>chak no. 131 RB arorri, tehsil chak jhumra fsd</t>
  </si>
  <si>
    <t>131 RB Arorri</t>
  </si>
  <si>
    <t>Mohammad Asif Latif</t>
  </si>
  <si>
    <t>GES RAHIM SHAH, JAHANIAN</t>
  </si>
  <si>
    <t>RAHIM SHAH</t>
  </si>
  <si>
    <t>GOVT ELEMENTARY SCHOOL RAHIM SHAH JAHANIAN</t>
  </si>
  <si>
    <t>GES 13/9-R, KACHA KHUH</t>
  </si>
  <si>
    <t>13/9R</t>
  </si>
  <si>
    <t>Chak No 13/9R Post Office Makhdoom Pur Khanewal</t>
  </si>
  <si>
    <t>Chak 14/9R</t>
  </si>
  <si>
    <t>GPS JANNU NASHAIB</t>
  </si>
  <si>
    <t>Tibba Ghair Mustaqil Gharbi</t>
  </si>
  <si>
    <t>chah  Malhay wala Mauza Tibba Ghair Gharbi P/O Daira Din Panah Tehsile Kot Addu Muzaffar Garh</t>
  </si>
  <si>
    <t>Chah Malhay Wala</t>
  </si>
  <si>
    <t>Tibba #3</t>
  </si>
  <si>
    <t>Muhammad Safdar Iqbal</t>
  </si>
  <si>
    <t>GPS CHAK 626 GB</t>
  </si>
  <si>
    <t>Kot Fazal Dad</t>
  </si>
  <si>
    <t>chak No.626G.B.</t>
  </si>
  <si>
    <t>Chak No 626 Gb</t>
  </si>
  <si>
    <t>Chak No 650/1</t>
  </si>
  <si>
    <t>ZAHEER UD DIN BABAR</t>
  </si>
  <si>
    <t>GGPS QUTAB PUR</t>
  </si>
  <si>
    <t>ggp/s qutab pur</t>
  </si>
  <si>
    <t>23125</t>
  </si>
  <si>
    <t>GGPS KUNJAL</t>
  </si>
  <si>
    <t>Kunjhal</t>
  </si>
  <si>
    <t>village kunjhal p.o box tehal</t>
  </si>
  <si>
    <t>Bidder Merjan</t>
  </si>
  <si>
    <t>Samina Safdar</t>
  </si>
  <si>
    <t>GES 142 RB</t>
  </si>
  <si>
    <t>Chak 142 RB.</t>
  </si>
  <si>
    <t>Govt. Elementary School Chak No. 142 RB.</t>
  </si>
  <si>
    <t>Ghartal khurd</t>
  </si>
  <si>
    <t>Bakhray wali</t>
  </si>
  <si>
    <t>GGHS ISLAMIA SAHIWAL</t>
  </si>
  <si>
    <t>Fateh sher road sahiwal</t>
  </si>
  <si>
    <t>MRS. SHAHNAZ ANWAR BHUTTA</t>
  </si>
  <si>
    <t>GGPS CHAK 227 RB NEW ABADI</t>
  </si>
  <si>
    <t>ggps227 rb new abadi</t>
  </si>
  <si>
    <t>227 Rb</t>
  </si>
  <si>
    <t>227rb</t>
  </si>
  <si>
    <t>Shahla Noureen</t>
  </si>
  <si>
    <t>GGHS 279/WB JANDIR WAH</t>
  </si>
  <si>
    <t>279-WB</t>
  </si>
  <si>
    <t>GGHS 279WB,LODHRAN</t>
  </si>
  <si>
    <t>Chak No.279 WB</t>
  </si>
  <si>
    <t>TASLEEM KAUSAR</t>
  </si>
  <si>
    <t>GGPS LUS LAWARIS</t>
  </si>
  <si>
    <t>lus la waris</t>
  </si>
  <si>
    <t>Tahirabad Lahore Road CHINIOT.</t>
  </si>
  <si>
    <t>Misbah Riaz</t>
  </si>
  <si>
    <t>GHS CHAK NO.19/F.W</t>
  </si>
  <si>
    <t>CHAK NO 19/FW HASILPUR</t>
  </si>
  <si>
    <t>GOVT. HIGH SCHOOL CHAK NO 19/FW HASILPUR DISTT BAHAWALPUR</t>
  </si>
  <si>
    <t>GGPS MC PUL MOJ DARYA MUHALLAH TARIQ ABAD GALI NO.2 MULTAN</t>
  </si>
  <si>
    <t>taraf ismail</t>
  </si>
  <si>
    <t>Mohalla tariq abad Gali No.2 Multan</t>
  </si>
  <si>
    <t>nishter town</t>
  </si>
  <si>
    <t>GES AMIR PUR MANGAN</t>
  </si>
  <si>
    <t>Village Amir Pur Mangan, P.O. Bheen, Chakwal</t>
  </si>
  <si>
    <t>Ch Aftab Hussain</t>
  </si>
  <si>
    <t>GES ABASS WALA</t>
  </si>
  <si>
    <t>Abbas Wala, Hunjrai Ghair Mustaqil Sharqi</t>
  </si>
  <si>
    <t>MUHAMMAD ASGHAR NAEEM</t>
  </si>
  <si>
    <t>GGPS NORANG WALA</t>
  </si>
  <si>
    <t>GGPS Norang Wala,tehsil sahiwal,district Sargodha</t>
  </si>
  <si>
    <t>Noore Wala</t>
  </si>
  <si>
    <t>Kanwal Rani</t>
  </si>
  <si>
    <t>35078</t>
  </si>
  <si>
    <t>GES CHAK NO.201/EB</t>
  </si>
  <si>
    <t>Chak no 201/eb</t>
  </si>
  <si>
    <t>GES NOOR AHMAD CHISHTI</t>
  </si>
  <si>
    <t>Basti noor ahmad chishti</t>
  </si>
  <si>
    <t>Kokari Noor Ahmad Chishti</t>
  </si>
  <si>
    <t>bhadal po bhagat pure tah daska</t>
  </si>
  <si>
    <t>GHS HANDAL KASUR ROAD HANDAL</t>
  </si>
  <si>
    <t>village handal</t>
  </si>
  <si>
    <t>DOST MUHAMMAD NIAZI</t>
  </si>
  <si>
    <t>GGHS CHAK 213/9-R</t>
  </si>
  <si>
    <t>chak no 213/9-r</t>
  </si>
  <si>
    <t>Shahida Balqees</t>
  </si>
  <si>
    <t>51834</t>
  </si>
  <si>
    <t>GGES HASSAN ARAIN</t>
  </si>
  <si>
    <t>HASSAN ARAIN</t>
  </si>
  <si>
    <t>HASSAN ARAIN, PO QABOOLA, ARIFWALA, PAKPATTAN</t>
  </si>
  <si>
    <t>GHS CHAK NO.50-D</t>
  </si>
  <si>
    <t>Dolowale</t>
  </si>
  <si>
    <t>chak no 50/d teh.depal pur district okara</t>
  </si>
  <si>
    <t>50/d</t>
  </si>
  <si>
    <t>GGES CHAK NO 279 HR</t>
  </si>
  <si>
    <t>279/HR</t>
  </si>
  <si>
    <t>Chak# 279/HR , Teh. Fort Abbas ,Distt. Bahawalnagar.</t>
  </si>
  <si>
    <t>GGCMS BASTI MUSTAFA ABAD</t>
  </si>
  <si>
    <t>basti mustafaabhad po karim pur vehari</t>
  </si>
  <si>
    <t>GHS KALAR WALA</t>
  </si>
  <si>
    <t>MUHAMMAD  PIRHAR</t>
  </si>
  <si>
    <t>MOUZA MUHAMMAD PIRHAR BASTI KALLAR WALA POST OFFIC SONHARA CHANDIA TEHSIL MUZAFFARGARH</t>
  </si>
  <si>
    <t>BASTI KALLAR WALA</t>
  </si>
  <si>
    <t>Muhammad Naeem Akbar</t>
  </si>
  <si>
    <t>GHS CHAK 26 JB FSD</t>
  </si>
  <si>
    <t>26 JB HARGOBIND PUR</t>
  </si>
  <si>
    <t>CHAK NO. 26 J.B. (N) FAISALABAD</t>
  </si>
  <si>
    <t>CHAK NO. 27 J.B. FSD</t>
  </si>
  <si>
    <t>MUHAMMAD ABBAS ANJUM</t>
  </si>
  <si>
    <t>GGHS NAZAM PURA CHAK NO.80/RB</t>
  </si>
  <si>
    <t>Nizam Pura Chak#80</t>
  </si>
  <si>
    <t>Govt.Girls High Scool Nizam pura chak #80/rb tehsil shahkot district nankana sahib</t>
  </si>
  <si>
    <t>Amber Yasin</t>
  </si>
  <si>
    <t>GPS DERA ALLAH DAD WALA</t>
  </si>
  <si>
    <t>Dera Allah Dad Wala Noor Pur Noon Tehsil Bhera District Sargodha</t>
  </si>
  <si>
    <t>dera Allah dad wala Noor pur noon tehsil Bhera district sargodha</t>
  </si>
  <si>
    <t>Noor pur Noon</t>
  </si>
  <si>
    <t>Muhammad Adnan Khan</t>
  </si>
  <si>
    <t>GMPS DAHNDI GUJRAN</t>
  </si>
  <si>
    <t>Dandi Gujran</t>
  </si>
  <si>
    <t>Village Dandi Gujran, teh and dist Rawalindi</t>
  </si>
  <si>
    <t>Tahira Haleema</t>
  </si>
  <si>
    <t>GPS PHURALA</t>
  </si>
  <si>
    <t>vpo pirani tahsel pindi gheb attock</t>
  </si>
  <si>
    <t>Maira Shref</t>
  </si>
  <si>
    <t>Khaleel Ahemd</t>
  </si>
  <si>
    <t>GPS PULL 27000 RD</t>
  </si>
  <si>
    <t>gps pull 27000</t>
  </si>
  <si>
    <t>Pull 27000 Rd</t>
  </si>
  <si>
    <t>Ahmad Bakhsh Zahid</t>
  </si>
  <si>
    <t>GHS MANDIALA WARRIACH</t>
  </si>
  <si>
    <t>mandiala warraich</t>
  </si>
  <si>
    <t>GHS mandiala warraich GUJRANWALA</t>
  </si>
  <si>
    <t>MANDIALA WARRAICH</t>
  </si>
  <si>
    <t>ABDUL SABOOR</t>
  </si>
  <si>
    <t>GGPS MASSAD GARH</t>
  </si>
  <si>
    <t>Massad Ghar</t>
  </si>
  <si>
    <t>village Massad Ghar aeo ferozpur,tehsil zafarwal,dist.Narowal</t>
  </si>
  <si>
    <t>Masad Ghar</t>
  </si>
  <si>
    <t>Gaistiwala</t>
  </si>
  <si>
    <t>Sajida Bi Bi</t>
  </si>
  <si>
    <t>33502</t>
  </si>
  <si>
    <t>GGES MARAR CHAK NO. 41/RB</t>
  </si>
  <si>
    <t>marar chak no 41/rB</t>
  </si>
  <si>
    <t>Govt Girls Elementary school marar chak no 41/rB</t>
  </si>
  <si>
    <t>GES RAKH KOLAN</t>
  </si>
  <si>
    <t>Rakh Kolan</t>
  </si>
  <si>
    <t>Rakh kolan  tahsil kharian district gujrat dakkhana tapyala</t>
  </si>
  <si>
    <t>Rakh  Kolan</t>
  </si>
  <si>
    <t>GMPS NAKHNAL</t>
  </si>
  <si>
    <t>nakhnal p/o nakhnal</t>
  </si>
  <si>
    <t>GPS BASTI ISALMBAD P/O MIRAN PUR</t>
  </si>
  <si>
    <t>basti Islam abad moza miran pur Mailsi vehari</t>
  </si>
  <si>
    <t>Basti Islam abad</t>
  </si>
  <si>
    <t>Basti Shah pur</t>
  </si>
  <si>
    <t>jamal Din wali</t>
  </si>
  <si>
    <t>Aisha Arshad</t>
  </si>
  <si>
    <t>GHS CHAK NO.44</t>
  </si>
  <si>
    <t>chak no 44 teh, phalia district mandi baha uddin</t>
  </si>
  <si>
    <t>chak no 44</t>
  </si>
  <si>
    <t>mumdana</t>
  </si>
  <si>
    <t>GGES CHAK NO.159/WB</t>
  </si>
  <si>
    <t>159/wb</t>
  </si>
  <si>
    <t>Chack no 159/w.b Vehari</t>
  </si>
  <si>
    <t>159/WB</t>
  </si>
  <si>
    <t>GGHS GOVERNOR HOUSE LAHORE</t>
  </si>
  <si>
    <t>GOVT. GIRLS HIGH SCHOOL GOVERNOR'S HOUSE LAHORE</t>
  </si>
  <si>
    <t>/ Muhallah GOVERNOR HOUSE</t>
  </si>
  <si>
    <t>QILA GUJJAR SINGH</t>
  </si>
  <si>
    <t>FARRUKH SIDDIQUE</t>
  </si>
  <si>
    <t>GGES 16/V, KHANEWAL</t>
  </si>
  <si>
    <t>Chak No 16v</t>
  </si>
  <si>
    <t>Robina Mahboob</t>
  </si>
  <si>
    <t>Gps basti Adam mouza khokhar uc alu rid</t>
  </si>
  <si>
    <t>Bastiadam</t>
  </si>
  <si>
    <t>Alu rid</t>
  </si>
  <si>
    <t>Hafiz Mazhar Hussain</t>
  </si>
  <si>
    <t>GPS MC MAIN MANDI BAHAUDDIN</t>
  </si>
  <si>
    <t>Sarfa market ,mandi bahauddin</t>
  </si>
  <si>
    <t>Muhammad Wahid Ali</t>
  </si>
  <si>
    <t>26814</t>
  </si>
  <si>
    <t>GGPS NAGWAL</t>
  </si>
  <si>
    <t>ggps nagwal</t>
  </si>
  <si>
    <t>AMDAD NABI</t>
  </si>
  <si>
    <t>GMPS SANDRANA</t>
  </si>
  <si>
    <t>Nory A Wala</t>
  </si>
  <si>
    <t>Asima Noureen</t>
  </si>
  <si>
    <t>GGPS CHAK 82 WB</t>
  </si>
  <si>
    <t>82wb</t>
  </si>
  <si>
    <t>82 wb</t>
  </si>
  <si>
    <t>Munazza Mehwish</t>
  </si>
  <si>
    <t>41219</t>
  </si>
  <si>
    <t>GGPS JANHATTAL</t>
  </si>
  <si>
    <t>janhattal p/o khalol kahuta rawalpindi</t>
  </si>
  <si>
    <t>Mehreen Akhtar</t>
  </si>
  <si>
    <t>GPS CHAK NO 128-B TDA</t>
  </si>
  <si>
    <t>Noshaira Thal Jandi</t>
  </si>
  <si>
    <t>chak no 128B TDA Layyah</t>
  </si>
  <si>
    <t>128TDA</t>
  </si>
  <si>
    <t>Tailandus</t>
  </si>
  <si>
    <t>Muhammad Ramzaan bhatti</t>
  </si>
  <si>
    <t>27378</t>
  </si>
  <si>
    <t>32424</t>
  </si>
  <si>
    <t>GGES MC NOOR-UL-AMEEN COLONY</t>
  </si>
  <si>
    <t>Noor Ul Amin Colony Skp</t>
  </si>
  <si>
    <t>GGES Noor ul Amin colony skp</t>
  </si>
  <si>
    <t>GPS DHOKE GUJRAL</t>
  </si>
  <si>
    <t>Dhoke Gujral</t>
  </si>
  <si>
    <t>village dhoke gujral p o padhal teh dina distt jhelum</t>
  </si>
  <si>
    <t>GPS CHAK NO.240/TDA</t>
  </si>
  <si>
    <t>GPS 240/TDA</t>
  </si>
  <si>
    <t>Check No240/TDA</t>
  </si>
  <si>
    <t>Shauckat Abad</t>
  </si>
  <si>
    <t>GPS BHOE ASAL</t>
  </si>
  <si>
    <t>GGHS ISMAILWAL</t>
  </si>
  <si>
    <t>p.o gharibwal cement factory teh pind dadan khan jhelum</t>
  </si>
  <si>
    <t>ismailwal</t>
  </si>
  <si>
    <t>Samia Shahwar Khanum</t>
  </si>
  <si>
    <t>GPS SHAH NAWAZ</t>
  </si>
  <si>
    <t>Gps shahnawaz tehsil Depalpur District Okara</t>
  </si>
  <si>
    <t>GMMS BASTI RAHMAT ALI</t>
  </si>
  <si>
    <t>basti imam bux dak khana basti shadi</t>
  </si>
  <si>
    <t>Basti Imam Bux</t>
  </si>
  <si>
    <t>GPS BANDAL KHEL</t>
  </si>
  <si>
    <t>village Bandal khel p/o makhad road Kani tehsil jand district attock</t>
  </si>
  <si>
    <t>Bandal Khel</t>
  </si>
  <si>
    <t>GPS BOUNGA AZAM</t>
  </si>
  <si>
    <t>Bounga Azam</t>
  </si>
  <si>
    <t>moza bounga azam post office luddan vehari</t>
  </si>
  <si>
    <t>Dad Kamira</t>
  </si>
  <si>
    <t>Khizar Hayyat</t>
  </si>
  <si>
    <t>GHS CHAK NO.49/M</t>
  </si>
  <si>
    <t>chack 49m lodhran</t>
  </si>
  <si>
    <t>Ali Ahmad Qureshi</t>
  </si>
  <si>
    <t>GES WAHI SANDILA JALALPUR PIRWALA</t>
  </si>
  <si>
    <t>Wahi Sandia</t>
  </si>
  <si>
    <t>Basti darkhan wala moza wahi sandila</t>
  </si>
  <si>
    <t>49891</t>
  </si>
  <si>
    <t>GGES NOOREY WALA</t>
  </si>
  <si>
    <t>Noorey Wala, p/o Rabana</t>
  </si>
  <si>
    <t>GPS CHAK NO 431/6-R</t>
  </si>
  <si>
    <t>Chak No 431/6R P/O same,Teh Haroonabad,Dist Bahawalnagar</t>
  </si>
  <si>
    <t>GHS KOTLI NAWAB</t>
  </si>
  <si>
    <t>Riasat ali javid</t>
  </si>
  <si>
    <t>Misbah Bibi</t>
  </si>
  <si>
    <t>GPS DHOK JANDER</t>
  </si>
  <si>
    <t>DHOK JANDER</t>
  </si>
  <si>
    <t>Village DHOK JANDER PO  BHILOWAL TEHSIL PUND DADAN KHAN DISTRICT JHELUM</t>
  </si>
  <si>
    <t>DHOKJANDER</t>
  </si>
  <si>
    <t>TOBA</t>
  </si>
  <si>
    <t>GGHS CHOWK PERMAT</t>
  </si>
  <si>
    <t>Jhallarin</t>
  </si>
  <si>
    <t>gghschowk naseerabad permat</t>
  </si>
  <si>
    <t>ggps tahli wala</t>
  </si>
  <si>
    <t>Nasreen Zaidi</t>
  </si>
  <si>
    <t>GGHS AHMADANI</t>
  </si>
  <si>
    <t>GGHS Ahmadani P/o Shadan Lund</t>
  </si>
  <si>
    <t>Salma Akbar</t>
  </si>
  <si>
    <t>GPS 24/14-L</t>
  </si>
  <si>
    <t>Chak No24/14L</t>
  </si>
  <si>
    <t>chak no 24/14L po chak no 21/14L</t>
  </si>
  <si>
    <t>Chak No 24/14L</t>
  </si>
  <si>
    <t>Chak No 23/14L</t>
  </si>
  <si>
    <t>GGHS CHAK NO. 31/P BAGHO BAHAR</t>
  </si>
  <si>
    <t>BAGHOBAHAR</t>
  </si>
  <si>
    <t>GOVT GIRLS HIGH SCHOOL 31/P BAGHOBHAR</t>
  </si>
  <si>
    <t>chak 31/p</t>
  </si>
  <si>
    <t>BAGHOBHAR</t>
  </si>
  <si>
    <t>SHAISTA PARVAIZ</t>
  </si>
  <si>
    <t>GHS KHANUANA JHANG</t>
  </si>
  <si>
    <t>KHANUANA</t>
  </si>
  <si>
    <t>MOUZA KHANUANA P.O KHANUANA 30 KM CHINIOT ROAD JHANG</t>
  </si>
  <si>
    <t>SATIANA</t>
  </si>
  <si>
    <t>MAZHAR SULTAN</t>
  </si>
  <si>
    <t>GMPS AZMAT SULTAN AHMADPUR EAST</t>
  </si>
  <si>
    <t>gothyar Muhammad,mehrabwala</t>
  </si>
  <si>
    <t>Gothyar Muhammad</t>
  </si>
  <si>
    <t>Fozia Elahi</t>
  </si>
  <si>
    <t>GHS GURMANI</t>
  </si>
  <si>
    <t>Gurmani Sharki</t>
  </si>
  <si>
    <t>po gurmani</t>
  </si>
  <si>
    <t>gurmani</t>
  </si>
  <si>
    <t>Qazi Muhammad Ajmal</t>
  </si>
  <si>
    <t>GGPS CHAK 260 GB</t>
  </si>
  <si>
    <t>260gb</t>
  </si>
  <si>
    <t>chak no 260gb</t>
  </si>
  <si>
    <t>Saima Shreen</t>
  </si>
  <si>
    <t>GHS 208 RB</t>
  </si>
  <si>
    <t>208 rb</t>
  </si>
  <si>
    <t>CHAK NO 208 RB FAISALABAD</t>
  </si>
  <si>
    <t>CHAK NO 208 RB</t>
  </si>
  <si>
    <t>208 RB</t>
  </si>
  <si>
    <t>GPS GARHI GEHNA</t>
  </si>
  <si>
    <t>Garhi Gehna</t>
  </si>
  <si>
    <t>GPS 413 EB</t>
  </si>
  <si>
    <t>413EB</t>
  </si>
  <si>
    <t>Chak no.413EB PO Goggoo Burewala(Vehari)</t>
  </si>
  <si>
    <t>403EB</t>
  </si>
  <si>
    <t>GHS KANDAN SIAN</t>
  </si>
  <si>
    <t>VPO KANDAN SIAN TEHSIL DASKA DISTRICT SIALKOT</t>
  </si>
  <si>
    <t>Abdul Qaddoos Alvi</t>
  </si>
  <si>
    <t>160083</t>
  </si>
  <si>
    <t>GGCMES CHAK 234 GB JARANWALA</t>
  </si>
  <si>
    <t>234 GB Jrw</t>
  </si>
  <si>
    <t>GGCMES 234 GB</t>
  </si>
  <si>
    <t>234 GB</t>
  </si>
  <si>
    <t>Naveela Kousar</t>
  </si>
  <si>
    <t>GES LASKANI WALA</t>
  </si>
  <si>
    <t>BASTI LASKANI MOUZA SHAHBAZ PUR WARD NO.18 MC JATOI</t>
  </si>
  <si>
    <t>BASTI LASKANI</t>
  </si>
  <si>
    <t>GHS CHAK NO 6/3-L</t>
  </si>
  <si>
    <t>Kasowana</t>
  </si>
  <si>
    <t>Chak No 6/3L</t>
  </si>
  <si>
    <t>Chak No 6 /3L</t>
  </si>
  <si>
    <t>15291</t>
  </si>
  <si>
    <t>GES CHAK 563 GB</t>
  </si>
  <si>
    <t>Ges Chak no 563 Buggay mahal</t>
  </si>
  <si>
    <t>Chak No 563 BM</t>
  </si>
  <si>
    <t>GMPS SIKANDAR ABAD</t>
  </si>
  <si>
    <t>skindarabad, jhang</t>
  </si>
  <si>
    <t>skindarabad</t>
  </si>
  <si>
    <t>Ansar Perveen</t>
  </si>
  <si>
    <t>GHS 377 EB</t>
  </si>
  <si>
    <t>CHAK NO.377/E.B</t>
  </si>
  <si>
    <t>CHAK NO.377/E.B DOCTOR WALA BUREWALA</t>
  </si>
  <si>
    <t>CHAK NO.403/E.B</t>
  </si>
  <si>
    <t>MUHAMMAD AKRAM NEDAI</t>
  </si>
  <si>
    <t>GGPS DARBAR MIAN JEEWAN</t>
  </si>
  <si>
    <t>Abadi darbar mian jeewan moaza mukhiana</t>
  </si>
  <si>
    <t>Umm e Aiman</t>
  </si>
  <si>
    <t>GPS MUSTAFA ABAD JRN FSD</t>
  </si>
  <si>
    <t>Mustafa Abad Jaranwala District Faisalabad</t>
  </si>
  <si>
    <t>Ahmed Park</t>
  </si>
  <si>
    <t>Muhammad Abbas Khan Sial</t>
  </si>
  <si>
    <t>GGPS CHAK 459 GB LUNDIANWALA</t>
  </si>
  <si>
    <t>Bholi Jhok</t>
  </si>
  <si>
    <t>Govt.girls primary school 459gb</t>
  </si>
  <si>
    <t>459gb</t>
  </si>
  <si>
    <t>GGPS CHAK 462 WARACH</t>
  </si>
  <si>
    <t>chak no 462 waraich</t>
  </si>
  <si>
    <t>Chak No 462-wraich</t>
  </si>
  <si>
    <t>31037</t>
  </si>
  <si>
    <t>GPS MURIDWALI</t>
  </si>
  <si>
    <t>Muriedwall</t>
  </si>
  <si>
    <t>GPS MURIED WALL LAHORE</t>
  </si>
  <si>
    <t>Shahpurkanjra</t>
  </si>
  <si>
    <t>Razia Saeed</t>
  </si>
  <si>
    <t>GGPS CHAK 457 JHALAR WALA</t>
  </si>
  <si>
    <t>Jhalarwala</t>
  </si>
  <si>
    <t>Ggps chak no 457 jhalarwala</t>
  </si>
  <si>
    <t>Rahat Qureshi</t>
  </si>
  <si>
    <t>GPS DHOK PATHAN</t>
  </si>
  <si>
    <t>Dhoke Pathan</t>
  </si>
  <si>
    <t>Village:- Dhoke Pathan, Post Office:- Kotsarang, Tehsil:- Talagang, District:- Chakwal.</t>
  </si>
  <si>
    <t>GMPS KHORKA KHINGER</t>
  </si>
  <si>
    <t>Khoraka Khinger</t>
  </si>
  <si>
    <t>Khoraka Khinger P.O. and Tehsil Sohawa District Jhelum</t>
  </si>
  <si>
    <t>mc Sohawa</t>
  </si>
  <si>
    <t>Mehwish Mansoor</t>
  </si>
  <si>
    <t>GHS BAMBOOL</t>
  </si>
  <si>
    <t>VPO Bambool Tehsil Noor Pur Thal</t>
  </si>
  <si>
    <t>Malik Khizar Hayat Saggu</t>
  </si>
  <si>
    <t>GGHS KOT NAZAM DIN CHAK 184/RB</t>
  </si>
  <si>
    <t>Kot Nizam din</t>
  </si>
  <si>
    <t>Govt. Girls High School Kot Nizam din Chak 184 R.B</t>
  </si>
  <si>
    <t>Musarat Nasim kousar</t>
  </si>
  <si>
    <t>GPS CHAK NO. 3/WB OLD</t>
  </si>
  <si>
    <t>3wb</t>
  </si>
  <si>
    <t>chak 3 WB old</t>
  </si>
  <si>
    <t>Ali Abdullah</t>
  </si>
  <si>
    <t>GGPS MC NO.3 WAZIRABAD</t>
  </si>
  <si>
    <t>committee wali gali,wazirabad</t>
  </si>
  <si>
    <t>Muincipal Administration</t>
  </si>
  <si>
    <t>Shahana Bano</t>
  </si>
  <si>
    <t>GPS MISRIOT</t>
  </si>
  <si>
    <t>GPS, MISRIOT, Chakri road, Teh&amp;Distt Rawalpindi</t>
  </si>
  <si>
    <t>Misriot</t>
  </si>
  <si>
    <t>Mehwish Arif</t>
  </si>
  <si>
    <t>GHS BAISA KALAN</t>
  </si>
  <si>
    <t>Vill. &amp; P.O. Baisa Kalan Teh. Sarai Alamgir Dist Gujratt</t>
  </si>
  <si>
    <t>Baisa Kalan</t>
  </si>
  <si>
    <t>Farkh Zubair</t>
  </si>
  <si>
    <t>21049</t>
  </si>
  <si>
    <t>GPS CHAWATIAN CHATHA</t>
  </si>
  <si>
    <t>Chawatian</t>
  </si>
  <si>
    <t>Chawatin Chattha, Teh-Wazir abad, Disst-GRW</t>
  </si>
  <si>
    <t>CHAWATIAN Chattha</t>
  </si>
  <si>
    <t>Behloul Abbas</t>
  </si>
  <si>
    <t>Dhok Malkan</t>
  </si>
  <si>
    <t>P/O Sihal Village bagra seydan dhok malkan rwp</t>
  </si>
  <si>
    <t>Bagra Seydan</t>
  </si>
  <si>
    <t>Musarat Nisar</t>
  </si>
  <si>
    <t>GES CHAK 34/1-AL</t>
  </si>
  <si>
    <t>34-1AL</t>
  </si>
  <si>
    <t>34/1AL</t>
  </si>
  <si>
    <t>Muhammad Ali Shahid</t>
  </si>
  <si>
    <t>GES JURA</t>
  </si>
  <si>
    <t>jura P/O: Alipur chatha</t>
  </si>
  <si>
    <t>Raza-i-mustafa</t>
  </si>
  <si>
    <t>GPS CHAK SHAH MUHAMMAD</t>
  </si>
  <si>
    <t>Chak Shah Muhammad</t>
  </si>
  <si>
    <t>Chak No 38/GD</t>
  </si>
  <si>
    <t>GES SUR SINGH CHAK NO 53</t>
  </si>
  <si>
    <t>Sursingh Chak#53</t>
  </si>
  <si>
    <t>Sursing Chak#53, Tehsil Pattoki</t>
  </si>
  <si>
    <t>Sursing Chak#53</t>
  </si>
  <si>
    <t>GGPS DERA KADHRAN</t>
  </si>
  <si>
    <t>Pandowal bala</t>
  </si>
  <si>
    <t>district  tensil Mandi Bahadur din</t>
  </si>
  <si>
    <t>Asifa Azam</t>
  </si>
  <si>
    <t>GGPS WAZIR KA UTTAR</t>
  </si>
  <si>
    <t>Wazkir Ka Ottar</t>
  </si>
  <si>
    <t>GGPS wazir ka ottar manchinabad</t>
  </si>
  <si>
    <t>Wizkir Ka</t>
  </si>
  <si>
    <t>Bushra Ibrahim</t>
  </si>
  <si>
    <t>GMPS BALLAN WALA</t>
  </si>
  <si>
    <t>ballan wala</t>
  </si>
  <si>
    <t>GPS KALYARAN MASHMOLA</t>
  </si>
  <si>
    <t>WARAN</t>
  </si>
  <si>
    <t>DERA KALYARAN UC WARAN</t>
  </si>
  <si>
    <t>DERA KALYARAN</t>
  </si>
  <si>
    <t>RIZWAN AHMED</t>
  </si>
  <si>
    <t>GGHS CHAK NO.98 NB</t>
  </si>
  <si>
    <t>chak  no 98nb Sargodha</t>
  </si>
  <si>
    <t>100NB</t>
  </si>
  <si>
    <t>GPS WADDAY WALA</t>
  </si>
  <si>
    <t>Wahi Mirza Baig</t>
  </si>
  <si>
    <t>wadday wala post office mandooren disttmuzaffargarh</t>
  </si>
  <si>
    <t>Wadday Wala</t>
  </si>
  <si>
    <t>GHS DHUNNI</t>
  </si>
  <si>
    <t>VPO DHUNNI TEH kharian DISTT gujrat</t>
  </si>
  <si>
    <t>MUHAMMAD AKBAR ALI</t>
  </si>
  <si>
    <t>GGPS DULMI KHTRAIL</t>
  </si>
  <si>
    <t>Dulmi Khtrail</t>
  </si>
  <si>
    <t>Dulmi khtrail P/O Dulmi Tamma Gujar khan</t>
  </si>
  <si>
    <t>GMPS THATHA SHAH JAMAL</t>
  </si>
  <si>
    <t>Thatta Shah Jamal</t>
  </si>
  <si>
    <t>Moza Thatta shah Jsmal</t>
  </si>
  <si>
    <t>GGPS QASIM ABAD</t>
  </si>
  <si>
    <t>ggps qasim abad</t>
  </si>
  <si>
    <t>Shazia Laghari</t>
  </si>
  <si>
    <t>GPS JHOKE KHICHI</t>
  </si>
  <si>
    <t>jhoke khichi darya khan bhakkar</t>
  </si>
  <si>
    <t>Wahi Mulan Fazil</t>
  </si>
  <si>
    <t>govt p/s basti bhattian Wahi Mola fazil.</t>
  </si>
  <si>
    <t>Chak No 49m</t>
  </si>
  <si>
    <t>Muhammad Akram Shahid</t>
  </si>
  <si>
    <t>GGPS 118 EB</t>
  </si>
  <si>
    <t>118/Eb</t>
  </si>
  <si>
    <t>chak no 118/EB</t>
  </si>
  <si>
    <t>37191</t>
  </si>
  <si>
    <t>GES 19/9-R GHARBI, KACHA KHUH</t>
  </si>
  <si>
    <t>Chak no 19/9r gharbi kacha khuh</t>
  </si>
  <si>
    <t>19/9r</t>
  </si>
  <si>
    <t>Muhammad Shahzad Nadeem</t>
  </si>
  <si>
    <t>GPS NIAZ BAIG</t>
  </si>
  <si>
    <t>Slamat Pura</t>
  </si>
  <si>
    <t>gps niaz baig slamat  pura</t>
  </si>
  <si>
    <t>Niaz Big</t>
  </si>
  <si>
    <t>Khald Naseeb Khan</t>
  </si>
  <si>
    <t>GPS TEHSIL ROAD FATEH JANG NO.1</t>
  </si>
  <si>
    <t>Gps No.1 Tehsil road Fateh Jang</t>
  </si>
  <si>
    <t>Fateh Jang City</t>
  </si>
  <si>
    <t>Qadeer Akhter</t>
  </si>
  <si>
    <t>43353</t>
  </si>
  <si>
    <t>GPS BAGH BALLA</t>
  </si>
  <si>
    <t>Bagh Bala</t>
  </si>
  <si>
    <t>village bagh bala p.o mangwal distt.chakwal</t>
  </si>
  <si>
    <t>Mohammad Yousaf Rehmani</t>
  </si>
  <si>
    <t>GES NAWAN LOK</t>
  </si>
  <si>
    <t>Nawanlok mandibahauddin</t>
  </si>
  <si>
    <t>GPS MAJAZ ABAD</t>
  </si>
  <si>
    <t>matty shah</t>
  </si>
  <si>
    <t>gps majazabad basti jhalar shareef</t>
  </si>
  <si>
    <t>jhalar shareef</t>
  </si>
  <si>
    <t>hassan pur kacha</t>
  </si>
  <si>
    <t>GPS LAHNA SINGH WALA</t>
  </si>
  <si>
    <t>Lehna Singh wala</t>
  </si>
  <si>
    <t>Lehna Singh Wala  post office budhoki tehsil chunian district kasur</t>
  </si>
  <si>
    <t>GPS 79 EB</t>
  </si>
  <si>
    <t>79/EB</t>
  </si>
  <si>
    <t>GGCMS 18/4-L</t>
  </si>
  <si>
    <t>govt girls community model primrary schol 18/4l</t>
  </si>
  <si>
    <t>Chak No 18/4l</t>
  </si>
  <si>
    <t>Ruquiabegum</t>
  </si>
  <si>
    <t>9969</t>
  </si>
  <si>
    <t>GGHS WARA SEHRAN</t>
  </si>
  <si>
    <t>village wara sehran ,tehsil karore,layyah</t>
  </si>
  <si>
    <t>Wara sehran</t>
  </si>
  <si>
    <t>Shazia Amber</t>
  </si>
  <si>
    <t>50863</t>
  </si>
  <si>
    <t>GES 96/9-L</t>
  </si>
  <si>
    <t>96/9-L</t>
  </si>
  <si>
    <t>chak 96/9L</t>
  </si>
  <si>
    <t>96/9L</t>
  </si>
  <si>
    <t>GG BBS HS LADHER</t>
  </si>
  <si>
    <t>Ladher Kalan</t>
  </si>
  <si>
    <t>Ladher kalan</t>
  </si>
  <si>
    <t>Dhoul Ranjah</t>
  </si>
  <si>
    <t>GGPS SIDRIAL</t>
  </si>
  <si>
    <t>v.sidrial po Nathan malkan tehsil fatehjang distt attock</t>
  </si>
  <si>
    <t>GHS 124/15-L, MIAN CHANNU</t>
  </si>
  <si>
    <t>Chak No.124/15-L, Post Office Same, Tehsil Mian Channu</t>
  </si>
  <si>
    <t>13281</t>
  </si>
  <si>
    <t>GPS JHALARIEN (NEW)</t>
  </si>
  <si>
    <t>basti  samtia p /o belay wala tehsil jatoi  district muzaffar garh</t>
  </si>
  <si>
    <t>GGHS AHMAD NAGAR, KHANEWAL</t>
  </si>
  <si>
    <t>bherowaal</t>
  </si>
  <si>
    <t>mussarat batool naqvi</t>
  </si>
  <si>
    <t>38432</t>
  </si>
  <si>
    <t>GHS 237/WB  DUNYA PUR</t>
  </si>
  <si>
    <t>GOVT. HIGH SCHOOL, CHAK NO. 237/WB, NEAR ADDA ZAKHIRA, DUNYAPUR, LODHRAN</t>
  </si>
  <si>
    <t>CHAK NO. 237/WB</t>
  </si>
  <si>
    <t>Muhammad Waleed Iqbal</t>
  </si>
  <si>
    <t>water supply connection Chak No. 237/WB</t>
  </si>
  <si>
    <t>GGPS JAN WALA</t>
  </si>
  <si>
    <t>Mosa Molana</t>
  </si>
  <si>
    <t>Moza mosa molana basti jan wala tehsil and district muzafargarh</t>
  </si>
  <si>
    <t>Jan Wala</t>
  </si>
  <si>
    <t>Aisha Sadiqa</t>
  </si>
  <si>
    <t>GGPS SADQAL (AJJUWALA)</t>
  </si>
  <si>
    <t>village Sadqal Tehsil Fateh Jang district Attock</t>
  </si>
  <si>
    <t>GPS KHAN WAL</t>
  </si>
  <si>
    <t>GPS Khanwal po mangwal tehsil &amp; dist chakwal</t>
  </si>
  <si>
    <t>GPS DARKHANA WALI</t>
  </si>
  <si>
    <t>basti dirkhana wali karor nashaib tehsile karor district layyah</t>
  </si>
  <si>
    <t>Basti Dirkhana Wali</t>
  </si>
  <si>
    <t>GGHS CHAK MITRU</t>
  </si>
  <si>
    <t>GGHS mitru mailsi district vehari</t>
  </si>
  <si>
    <t>muqaddas noreen</t>
  </si>
  <si>
    <t>GPS 569 GB</t>
  </si>
  <si>
    <t>569GB</t>
  </si>
  <si>
    <t>569GB Jaranwala, Faisalabad</t>
  </si>
  <si>
    <t>Fakhar Ullah Khan</t>
  </si>
  <si>
    <t>52248</t>
  </si>
  <si>
    <t>GGHS MAIN DARS ROAD BASIR PUR</t>
  </si>
  <si>
    <t>GGHS  BASIRPUR</t>
  </si>
  <si>
    <t>GGHS CHAK SHAFI</t>
  </si>
  <si>
    <t>GGHS Chak Shafi</t>
  </si>
  <si>
    <t>Basti Sohal Moza Baseera the karor dist. layyah</t>
  </si>
  <si>
    <t>43149</t>
  </si>
  <si>
    <t>GES PERHAL</t>
  </si>
  <si>
    <t>Parhal</t>
  </si>
  <si>
    <t>VPO parhal teh &amp; distt chakwal</t>
  </si>
  <si>
    <t>GPS CHAK 649 GB</t>
  </si>
  <si>
    <t>Chaku</t>
  </si>
  <si>
    <t>chack #649 G.B</t>
  </si>
  <si>
    <t>649 GB</t>
  </si>
  <si>
    <t>Alam Sher Tahir</t>
  </si>
  <si>
    <t>GPS DHOK BHANDER</t>
  </si>
  <si>
    <t>village dhok bhandar'P.O Dullah</t>
  </si>
  <si>
    <t>Dhok Bhandar</t>
  </si>
  <si>
    <t>MUJTABA HASAN</t>
  </si>
  <si>
    <t>GPS BONGI RAM SINGH</t>
  </si>
  <si>
    <t>Bongi Ram Singh</t>
  </si>
  <si>
    <t>mozza BONGI RAM SINGH</t>
  </si>
  <si>
    <t>GGES 71/4-R</t>
  </si>
  <si>
    <t>Chak No 71/4-R Sahiwal</t>
  </si>
  <si>
    <t>Zaib--un-nisa</t>
  </si>
  <si>
    <t>GES WANDLA JAGIR</t>
  </si>
  <si>
    <t>Vendla Jagir Tehsil Depal Pur District Okara</t>
  </si>
  <si>
    <t>48629</t>
  </si>
  <si>
    <t>village Allahabad teh bhera district sargodha</t>
  </si>
  <si>
    <t>Nasira Parvin</t>
  </si>
  <si>
    <t>GPS QAYYUM SAFDRA ABAD</t>
  </si>
  <si>
    <t>Dafdarabad</t>
  </si>
  <si>
    <t>near eid gah safdarabad</t>
  </si>
  <si>
    <t>Umer Farooq</t>
  </si>
  <si>
    <t>GGHS AMIN TOWN</t>
  </si>
  <si>
    <t>Pakka Mari</t>
  </si>
  <si>
    <t>Govt. Girls High School, Amin Town, Faisalabad</t>
  </si>
  <si>
    <t>Donation</t>
  </si>
  <si>
    <t>GGHS CHAK NO. 4/1-RA</t>
  </si>
  <si>
    <t>Chak no 4/GD</t>
  </si>
  <si>
    <t>Chak no 4/1.RA RENALA KHURD Okara</t>
  </si>
  <si>
    <t>Chak no 4/1RA</t>
  </si>
  <si>
    <t>GHS 9/14-L</t>
  </si>
  <si>
    <t>9/14L</t>
  </si>
  <si>
    <t>CHAK NO. 9/14L, DISTRICT SAHIWAL</t>
  </si>
  <si>
    <t>CHAK NO. 9/14L</t>
  </si>
  <si>
    <t>CHAK NO. 6/14L</t>
  </si>
  <si>
    <t>GPS CHAK NO 14/P</t>
  </si>
  <si>
    <t>Gulkana</t>
  </si>
  <si>
    <t>chak 14 p</t>
  </si>
  <si>
    <t>Jethabutha</t>
  </si>
  <si>
    <t>Hafiz Yasir Ali Zaki</t>
  </si>
  <si>
    <t>GPS DERA SIPRAWAN</t>
  </si>
  <si>
    <t>faiznawazgondal@gmail.com</t>
  </si>
  <si>
    <t>Faiz Nawaz</t>
  </si>
  <si>
    <t>GGES HUSSAIN SHAH</t>
  </si>
  <si>
    <t>GGE/S hussain shah teh. shahpur distric sargodha post offc wadhi</t>
  </si>
  <si>
    <t>SEHRISH ISMAIL</t>
  </si>
  <si>
    <t>GHS CHAK NO.17/GB KARYAL</t>
  </si>
  <si>
    <t>chak no 17 G.B NANKANA SAHIB</t>
  </si>
  <si>
    <t>Chak No 17 GB Nankana Sahib</t>
  </si>
  <si>
    <t>Chak No 12 GB</t>
  </si>
  <si>
    <t>GPS CHAK GODER</t>
  </si>
  <si>
    <t>Godar</t>
  </si>
  <si>
    <t>Gps chak godar</t>
  </si>
  <si>
    <t>Chak Goder</t>
  </si>
  <si>
    <t>Zulqarnain Haidar</t>
  </si>
  <si>
    <t>GGES BASTI MIRANI LOHANCH NASHAIB</t>
  </si>
  <si>
    <t>GGES Basti Mirani Lohanch Nashaib Layyah</t>
  </si>
  <si>
    <t>Aqueela sharif</t>
  </si>
  <si>
    <t>GGHS MIAN BADAR-UD-DIN CIVIL LINE</t>
  </si>
  <si>
    <t>Gujranwala.</t>
  </si>
  <si>
    <t>small civil line, sialkot road, grw</t>
  </si>
  <si>
    <t>Small Civil Line Sialkot Road</t>
  </si>
  <si>
    <t>Small Civil Line</t>
  </si>
  <si>
    <t>Nazia Amir</t>
  </si>
  <si>
    <t>GPS BASTI JULLUN</t>
  </si>
  <si>
    <t>Gullan Galkalla</t>
  </si>
  <si>
    <t>Basti tary jhur moza gullan Galkalla Khan pur</t>
  </si>
  <si>
    <t>Tary jhur</t>
  </si>
  <si>
    <t>Jetha Bhuta</t>
  </si>
  <si>
    <t>GPS RODA MALKA</t>
  </si>
  <si>
    <t>Roda Malka</t>
  </si>
  <si>
    <t>Roda malka</t>
  </si>
  <si>
    <t>Muhammad  Ifikhar</t>
  </si>
  <si>
    <t>dhoke awan</t>
  </si>
  <si>
    <t>Babar Nadeem Kayani</t>
  </si>
  <si>
    <t>37103</t>
  </si>
  <si>
    <t>GGHS 170/10-R, KHANEWAL</t>
  </si>
  <si>
    <t>GGHS 170/10.R. P/O 171/10.R. Teh.Khanewal   District Khanewal.</t>
  </si>
  <si>
    <t>Moza Khokhar p/o Khan Garh Tehsil &amp; District  MuzaffarGarh</t>
  </si>
  <si>
    <t>GGPS SAKKER WALA</t>
  </si>
  <si>
    <t>Mutafarriqa</t>
  </si>
  <si>
    <t>Fates pur road alipur</t>
  </si>
  <si>
    <t>Alipur City</t>
  </si>
  <si>
    <t>Khalida Kauser</t>
  </si>
  <si>
    <t>11846</t>
  </si>
  <si>
    <t>GGPS JAHAN KHAN</t>
  </si>
  <si>
    <t>basti jahan khan</t>
  </si>
  <si>
    <t>Kaneez Aasma</t>
  </si>
  <si>
    <t>41381</t>
  </si>
  <si>
    <t>GPS BARA HOTER</t>
  </si>
  <si>
    <t>Misyari</t>
  </si>
  <si>
    <t>RAB NAWAZ Abbasi</t>
  </si>
  <si>
    <t>GPS DERA DIN MUHAMMAD</t>
  </si>
  <si>
    <t>Dera Deen Muhammad</t>
  </si>
  <si>
    <t>dera deen muhammad p.o. alipur chatha</t>
  </si>
  <si>
    <t>Muhammad Umair Ehsan</t>
  </si>
  <si>
    <t>GGES MEETA</t>
  </si>
  <si>
    <t>Meeta</t>
  </si>
  <si>
    <t>GGES Meeta</t>
  </si>
  <si>
    <t>GPS DHAK</t>
  </si>
  <si>
    <t>village dhak musyari murree</t>
  </si>
  <si>
    <t>GPS JHUMMIAN KALAN</t>
  </si>
  <si>
    <t>Jhumian Kalan</t>
  </si>
  <si>
    <t>jhumian kalan</t>
  </si>
  <si>
    <t>GGPS BAHAWAL PUR SUKHA QASBA MARAL ROAD</t>
  </si>
  <si>
    <t>Bahwalpur sukhnn</t>
  </si>
  <si>
    <t>basti bahwalpur sukhnn qasba maral road multan</t>
  </si>
  <si>
    <t>Kaiyan Poor</t>
  </si>
  <si>
    <t>GGPS CHAK 135/P KHAN WALI</t>
  </si>
  <si>
    <t>135/p</t>
  </si>
  <si>
    <t>Chak no.135/p Khan wali</t>
  </si>
  <si>
    <t>135/p Khan Wali</t>
  </si>
  <si>
    <t>GMPS BAGA BALOCHAN</t>
  </si>
  <si>
    <t>Baga Balochan</t>
  </si>
  <si>
    <t>Village Baga Balochan Post Office Sahiwal(sgd)</t>
  </si>
  <si>
    <t>Sial Shreef</t>
  </si>
  <si>
    <t>GGPS MODEL KUKKI VIRKAN</t>
  </si>
  <si>
    <t>Kaki Virkan</t>
  </si>
  <si>
    <t>village kaki virkan p/o bahalike tehsil safadarabad distt skp</t>
  </si>
  <si>
    <t>Kaki  Virkan</t>
  </si>
  <si>
    <t>Iqra Nazim</t>
  </si>
  <si>
    <t>GHS DARBULA</t>
  </si>
  <si>
    <t>Darbula,P/O Haider abad Thal tehsil Mankera ,distt:Bhakkar</t>
  </si>
  <si>
    <t>Amanullah Khan</t>
  </si>
  <si>
    <t>GMPS CHAK DHOOL</t>
  </si>
  <si>
    <t>chak dhool</t>
  </si>
  <si>
    <t>chak dhool tehsil sahiwal sargodha</t>
  </si>
  <si>
    <t>likhiwal</t>
  </si>
  <si>
    <t>muhammmad nawaz khan</t>
  </si>
  <si>
    <t>GGES KALIAL</t>
  </si>
  <si>
    <t>GGES Kalyal Adyala Road</t>
  </si>
  <si>
    <t>GPS DERA GUL MUHAMMAD</t>
  </si>
  <si>
    <t>DERA Gul Muhammad MUHAMUHAMMUHAMMMUHAMMAMUHAMMAD</t>
  </si>
  <si>
    <t>mianwal ranjha</t>
  </si>
  <si>
    <t>GGPS SODAGAR PUR</t>
  </si>
  <si>
    <t>Sodagar Pura</t>
  </si>
  <si>
    <t>sodagar pura p/o qila kalar wala tehsil pasrur district sialkot</t>
  </si>
  <si>
    <t>Shabana Kouser</t>
  </si>
  <si>
    <t>GPS ZAHIR PIR BASTI LASHARI WALA</t>
  </si>
  <si>
    <t>GPS, ZAHIR PEER BASTI LASHARI WALA</t>
  </si>
  <si>
    <t>BASTI LASHARI WALA</t>
  </si>
  <si>
    <t>GGES RABANA</t>
  </si>
  <si>
    <t>rabana</t>
  </si>
  <si>
    <t>GGES rabana</t>
  </si>
  <si>
    <t>Nooray wala</t>
  </si>
  <si>
    <t>Munnazza Ijaz</t>
  </si>
  <si>
    <t>GES KOT SARDAR KAHAN SINGH P/O BEHER WAL KALAN</t>
  </si>
  <si>
    <t>Ksk Singh</t>
  </si>
  <si>
    <t>GES KOT SARDAR KAHAN MARKAZ JAMBER KALAN,PATTOKI</t>
  </si>
  <si>
    <t>sayad farrukh rashid</t>
  </si>
  <si>
    <t>GPS CHAH PIR MUHAMMAD</t>
  </si>
  <si>
    <t>Chah Pir Muhammad</t>
  </si>
  <si>
    <t>pobox fateh pur teh and distt okara</t>
  </si>
  <si>
    <t>Waan Mutali</t>
  </si>
  <si>
    <t>20614</t>
  </si>
  <si>
    <t>GPS DHIDHO DUGGAL</t>
  </si>
  <si>
    <t>Dhido Duggal</t>
  </si>
  <si>
    <t>Abu Bakar Mian Khan</t>
  </si>
  <si>
    <t>GGES 54/15-L, MIAN CHANNU</t>
  </si>
  <si>
    <t>chak No. 54/15-L</t>
  </si>
  <si>
    <t>Govt. Girls Elementary School, 54/15-L Mian Channu, Khanewal.</t>
  </si>
  <si>
    <t>Chak No. 54/15-L</t>
  </si>
  <si>
    <t>Chak No. 57/15-L</t>
  </si>
  <si>
    <t>Rabia Shafique</t>
  </si>
  <si>
    <t>GGCMS MUJTABA COLONY</t>
  </si>
  <si>
    <t>Basti Qazi wala mouza matoi near Noor hospital</t>
  </si>
  <si>
    <t>GMPS DERA VIRKAN</t>
  </si>
  <si>
    <t>Mainwal ranjha</t>
  </si>
  <si>
    <t>Gmps dera virkan mianwal ranjha</t>
  </si>
  <si>
    <t>25279</t>
  </si>
  <si>
    <t>GES MASYAL</t>
  </si>
  <si>
    <t>village masyal tehsile pasrur dist sialkot</t>
  </si>
  <si>
    <t>KOT TAHIR P/O SAME TEHSIL &amp; DISTT. NANKANA SAHIB</t>
  </si>
  <si>
    <t>53696</t>
  </si>
  <si>
    <t>GPS CHAK 7/GD</t>
  </si>
  <si>
    <t>7gd</t>
  </si>
  <si>
    <t>Chak #7 gd tehsil Renala khurd Dist Okara</t>
  </si>
  <si>
    <t>7GD</t>
  </si>
  <si>
    <t>BamaBala</t>
  </si>
  <si>
    <t>Nasir Tufail</t>
  </si>
  <si>
    <t>GGPS GARAN</t>
  </si>
  <si>
    <t>Garan</t>
  </si>
  <si>
    <t>village garan post office Dakhali</t>
  </si>
  <si>
    <t>Saima Bano</t>
  </si>
  <si>
    <t>GGES SEHTHI</t>
  </si>
  <si>
    <t>Govt Girls Elementry School Sethi</t>
  </si>
  <si>
    <t>Najma Batool Hydari</t>
  </si>
  <si>
    <t>GGPS NO.2 CHAK NO.36 SB</t>
  </si>
  <si>
    <t>Chak 36</t>
  </si>
  <si>
    <t>36 sb sargodha</t>
  </si>
  <si>
    <t>Sana Mubeen</t>
  </si>
  <si>
    <t>ahmad Abad</t>
  </si>
  <si>
    <t>Ahmad Abad, Street no. 9 Sangla Hill, Dist. Nankana Sahib</t>
  </si>
  <si>
    <t>mC Sangla Hill</t>
  </si>
  <si>
    <t>Shagufa Asmat</t>
  </si>
  <si>
    <t>GHS BHATTI BHANGO</t>
  </si>
  <si>
    <t>v.p.o bhatti bhango gujranwala</t>
  </si>
  <si>
    <t>bhatti Bhango</t>
  </si>
  <si>
    <t>bhatti bhango</t>
  </si>
  <si>
    <t>ASIF SAEED</t>
  </si>
  <si>
    <t>GMPS MAKWAL</t>
  </si>
  <si>
    <t>P/O and village makwal, Tehsil Kharian, district Gujrat</t>
  </si>
  <si>
    <t>Zarlish Majeed</t>
  </si>
  <si>
    <t>28436</t>
  </si>
  <si>
    <t>GGPS DHOUL BALA</t>
  </si>
  <si>
    <t>Dhoul Bala</t>
  </si>
  <si>
    <t>village and post office dhoul ranjha</t>
  </si>
  <si>
    <t>Maida Arshad</t>
  </si>
  <si>
    <t>GGHS RAIWIND PIND RAIWIND ROAD</t>
  </si>
  <si>
    <t>Raiwindpind</t>
  </si>
  <si>
    <t>Gov't. girls high school raiwind pind Lahore</t>
  </si>
  <si>
    <t>Village Raiwind</t>
  </si>
  <si>
    <t>shahida iqbal</t>
  </si>
  <si>
    <t>GPS CHAK 311 JB</t>
  </si>
  <si>
    <t>Kamley Bhag</t>
  </si>
  <si>
    <t>chak no 311 jb</t>
  </si>
  <si>
    <t>311 JB</t>
  </si>
  <si>
    <t>39094</t>
  </si>
  <si>
    <t>GMPS BHAGVI</t>
  </si>
  <si>
    <t>village bhagvi  p.o bahtar  tehsil fateh jang attock</t>
  </si>
  <si>
    <t>Bhagvi</t>
  </si>
  <si>
    <t>Aamna Khatoon</t>
  </si>
  <si>
    <t>ggps gorala</t>
  </si>
  <si>
    <t>Fakhra  Noreen</t>
  </si>
  <si>
    <t>GMPS NAWAZ ABAD LATIF NAGAR</t>
  </si>
  <si>
    <t>gmps nawazabad latif nagar</t>
  </si>
  <si>
    <t>Csheikh Chohar</t>
  </si>
  <si>
    <t>Ferhat Yasmeen</t>
  </si>
  <si>
    <t>GPS CHAK JHARRAY</t>
  </si>
  <si>
    <t>Chak Jharray</t>
  </si>
  <si>
    <t>VPO Chak Jharray  chakwal</t>
  </si>
  <si>
    <t>23137</t>
  </si>
  <si>
    <t>GGPS KULIAN</t>
  </si>
  <si>
    <t>Kulian</t>
  </si>
  <si>
    <t>village  kulian  tehsil  kharian  distt  gujrat</t>
  </si>
  <si>
    <t>Raqiba Arshad</t>
  </si>
  <si>
    <t>GPS NO.3 DEPAL PUR</t>
  </si>
  <si>
    <t>Sakhi saidan colony depalpur</t>
  </si>
  <si>
    <t>GHS ISLAMIA NO.2 EMINABAD</t>
  </si>
  <si>
    <t>GHS Islamia No.2 Eminabas</t>
  </si>
  <si>
    <t>NIsar Ahmad Awan</t>
  </si>
  <si>
    <t>GGPS CHAK NO.230/EB</t>
  </si>
  <si>
    <t>Chak No 230 EB</t>
  </si>
  <si>
    <t>Chak No 230/EB near pull 48, Vehari</t>
  </si>
  <si>
    <t>GPS CITY NO. 5</t>
  </si>
  <si>
    <t>Churhatta Sindh Janobi</t>
  </si>
  <si>
    <t>chowk churhatta sindh janobi near filter plant D.G.Khan</t>
  </si>
  <si>
    <t>Churrhata Sindh Janobi</t>
  </si>
  <si>
    <t>GPS 29/14-L</t>
  </si>
  <si>
    <t>29/14 L</t>
  </si>
  <si>
    <t>29/14/L</t>
  </si>
  <si>
    <t>93/12 L</t>
  </si>
  <si>
    <t>GPS MUSA BHOTTA</t>
  </si>
  <si>
    <t>Basti haji shahra, Moza Musa Bhota BWN</t>
  </si>
  <si>
    <t>Haji Shahra</t>
  </si>
  <si>
    <t>GPS MODLE CHAH GHULAM RASOOL ARAIN</t>
  </si>
  <si>
    <t>M Bux Mahar</t>
  </si>
  <si>
    <t>basti chah ghulam rasool arain APE</t>
  </si>
  <si>
    <t>Basti Chah Ghulam Rasool Arain</t>
  </si>
  <si>
    <t>Muncipal Commitee</t>
  </si>
  <si>
    <t>GGES CHAK NO.82 SB</t>
  </si>
  <si>
    <t>Chak No 82 SB</t>
  </si>
  <si>
    <t>Chak no 82 SB</t>
  </si>
  <si>
    <t>Rashda  Parveen</t>
  </si>
  <si>
    <t>GES RAILWAY COLONY</t>
  </si>
  <si>
    <t>shorkot cantt tehseel shorkot disff jhang</t>
  </si>
  <si>
    <t>Cantt  Area</t>
  </si>
  <si>
    <t>Habib Ahmad Saeed</t>
  </si>
  <si>
    <t>GGES SHAHABAL</t>
  </si>
  <si>
    <t>ballo shahabal jhang</t>
  </si>
  <si>
    <t>Akhtar Batool</t>
  </si>
  <si>
    <t>GGHSS AMRAO ALI KHAN ROSHAN BHEELA</t>
  </si>
  <si>
    <t>Govt Girls Amrao Ali Khan Higher Secondary School Roshan Bheela</t>
  </si>
  <si>
    <t>Shazia Anees</t>
  </si>
  <si>
    <t>GPS 567 GB II</t>
  </si>
  <si>
    <t>chak no 567 g.b ii</t>
  </si>
  <si>
    <t>Chak No 566</t>
  </si>
  <si>
    <t>Hafiz Muhammad Saeed  Ahmad</t>
  </si>
  <si>
    <t>GGES QALANDER COLONY SATELLITE TOWN</t>
  </si>
  <si>
    <t>APE</t>
  </si>
  <si>
    <t>GGES QALANDER COLONY WARD NO 8 AHMAD PUR EAST</t>
  </si>
  <si>
    <t>AHMED PUR EAST</t>
  </si>
  <si>
    <t>GPS 565 GB W</t>
  </si>
  <si>
    <t>Chak No 565 Gb</t>
  </si>
  <si>
    <t>chak no 565 GB west qalandar wala jarnanwala Fsd</t>
  </si>
  <si>
    <t>565Gb</t>
  </si>
  <si>
    <t>566 GB Namdar</t>
  </si>
  <si>
    <t>GGPS CHAK 97 GB JARANWALA</t>
  </si>
  <si>
    <t>chak no 97gb jaranwala</t>
  </si>
  <si>
    <t>GGPS 77 WB</t>
  </si>
  <si>
    <t>77/WB</t>
  </si>
  <si>
    <t>Govt girls primary school 77/ W.B VEHARI</t>
  </si>
  <si>
    <t>23154</t>
  </si>
  <si>
    <t>GMPS PUNJWARIAN</t>
  </si>
  <si>
    <t>Punjwarian</t>
  </si>
  <si>
    <t>punjwarian</t>
  </si>
  <si>
    <t>Nabila Tabsum</t>
  </si>
  <si>
    <t>GPS MC NAYA MADRASSA REHMAN PURA LAHORE</t>
  </si>
  <si>
    <t>rehmanpura ichhra</t>
  </si>
  <si>
    <t>Farzana Saeed</t>
  </si>
  <si>
    <t>GGPS 303 WB</t>
  </si>
  <si>
    <t>303 Wb</t>
  </si>
  <si>
    <t>chak # 303/wb</t>
  </si>
  <si>
    <t>Sultan Ayoub</t>
  </si>
  <si>
    <t>Uzma Khan</t>
  </si>
  <si>
    <t>GGPS 159/10-R JADEED, JAHANIAN</t>
  </si>
  <si>
    <t>159/10R</t>
  </si>
  <si>
    <t>chak no159/10r jahanian khanewal</t>
  </si>
  <si>
    <t>159/10r</t>
  </si>
  <si>
    <t>160/10r</t>
  </si>
  <si>
    <t>GMPS FAQIR SIAL</t>
  </si>
  <si>
    <t>Faqeer Sial Ahmad Pur Sial</t>
  </si>
  <si>
    <t>11296</t>
  </si>
  <si>
    <t>ggps kothay wala</t>
  </si>
  <si>
    <t>Farzana Aslam</t>
  </si>
  <si>
    <t>GGES KHUDA BAKHASH DULO WALA</t>
  </si>
  <si>
    <t>Dullu Nashaib</t>
  </si>
  <si>
    <t>Govt. Girls elementary school khuda bukhsh Dullo wala</t>
  </si>
  <si>
    <t>Chah Khuda Bukhsh</t>
  </si>
  <si>
    <t>naghma ahmed</t>
  </si>
  <si>
    <t>40117</t>
  </si>
  <si>
    <t>GES NARA</t>
  </si>
  <si>
    <t>Village p.o nara teh. distt. jhelum</t>
  </si>
  <si>
    <t>Malik Tariq Mehmood</t>
  </si>
  <si>
    <t>GPS CHAK 571 GB P/O CHAK 565 GB</t>
  </si>
  <si>
    <t>Chak No 571 Gb</t>
  </si>
  <si>
    <t>Chak no 571 gb P/O Chak no 565 gb west</t>
  </si>
  <si>
    <t>Chak No 566 Gb</t>
  </si>
  <si>
    <t>GGPS CHAHAT</t>
  </si>
  <si>
    <t>Chahat</t>
  </si>
  <si>
    <t>Ggps chahat kahuta</t>
  </si>
  <si>
    <t>Kahuta City</t>
  </si>
  <si>
    <t>Urban Shamali 1</t>
  </si>
  <si>
    <t>Fatima Ishtiaq</t>
  </si>
  <si>
    <t>GGHS CHAK NO. 13 GB RANDHIR</t>
  </si>
  <si>
    <t>Chak no 13 randhir</t>
  </si>
  <si>
    <t>govt girls high school chak no 13 randhir</t>
  </si>
  <si>
    <t>chak no 13 randhir</t>
  </si>
  <si>
    <t>talat javed</t>
  </si>
  <si>
    <t>GGPS CHAK 99 GB JARANWALA</t>
  </si>
  <si>
    <t>nehang badala</t>
  </si>
  <si>
    <t>Chak # 99 GB</t>
  </si>
  <si>
    <t>99gb</t>
  </si>
  <si>
    <t>101 GB</t>
  </si>
  <si>
    <t>Musarrat Zia</t>
  </si>
  <si>
    <t>37795</t>
  </si>
  <si>
    <t>GES 150/10-R, JAHANIAN</t>
  </si>
  <si>
    <t>Chak No150/10R Jahanian district Khanewal</t>
  </si>
  <si>
    <t>Chak No150/10R</t>
  </si>
  <si>
    <t>Chak No 149/10R</t>
  </si>
  <si>
    <t>Zia Ur Rehman Sulamani</t>
  </si>
  <si>
    <t>GES MEHAR PUR</t>
  </si>
  <si>
    <t>post office mehar pur</t>
  </si>
  <si>
    <t>GES BASTI GHAZI SHAH</t>
  </si>
  <si>
    <t>GES basti ghazi shah jhang</t>
  </si>
  <si>
    <t>arif ali</t>
  </si>
  <si>
    <t>GES BAJRA GARHI</t>
  </si>
  <si>
    <t>village bajra garhi tehsil pasrur district sialkot</t>
  </si>
  <si>
    <t>GGHS KEERAN WALA SYEDAN</t>
  </si>
  <si>
    <t>gghs keeranwala syedan PO mangowal west Teh &amp; Distt Gujrat</t>
  </si>
  <si>
    <t>zarina kausar</t>
  </si>
  <si>
    <t>15007</t>
  </si>
  <si>
    <t>GPS 562 GB II</t>
  </si>
  <si>
    <t>Chak No 562 GB</t>
  </si>
  <si>
    <t>Chak no 562 G.B 2nd Tehsil Jaranwala District Faisalabad.</t>
  </si>
  <si>
    <t>Chak No 562 GB 2nd</t>
  </si>
  <si>
    <t>ZIA ULLAH ASLAM</t>
  </si>
  <si>
    <t>GGPS KANWAN WALI SARKAR</t>
  </si>
  <si>
    <t>Kawan Wali</t>
  </si>
  <si>
    <t>GGPS KANWAN WALI SARKAR GUJRAT</t>
  </si>
  <si>
    <t>Shama Islam</t>
  </si>
  <si>
    <t>GGES GHAZI GHAT</t>
  </si>
  <si>
    <t>govt.girls elementary school Ghazi ghat moza bait uttra</t>
  </si>
  <si>
    <t>Surriya Munawar</t>
  </si>
  <si>
    <t>32783</t>
  </si>
  <si>
    <t>GPS MADHO DAS TEH NANKANA</t>
  </si>
  <si>
    <t>Madhodas</t>
  </si>
  <si>
    <t>Madhodas PO Mandi Faiz Abad Nankana sahib</t>
  </si>
  <si>
    <t>Ghanaishpur</t>
  </si>
  <si>
    <t>Shagufta khalil</t>
  </si>
  <si>
    <t>GPS GADDAI SHAH PO PAKPATTAN</t>
  </si>
  <si>
    <t>Gadai Shah</t>
  </si>
  <si>
    <t>GPS.Gadai Shah</t>
  </si>
  <si>
    <t>Muhammad Fakhar</t>
  </si>
  <si>
    <t>51469</t>
  </si>
  <si>
    <t>GPS MAL BOHAR PO PAKPATTAN</t>
  </si>
  <si>
    <t>Moza Mall</t>
  </si>
  <si>
    <t>moza mall bohar tehsil district pakpattan</t>
  </si>
  <si>
    <t>Mall Bohar</t>
  </si>
  <si>
    <t>GGES CHAK NO.62 SB</t>
  </si>
  <si>
    <t>Chsk 62 Sb</t>
  </si>
  <si>
    <t>chak 62 sb</t>
  </si>
  <si>
    <t>Chak 62 Sb</t>
  </si>
  <si>
    <t>GGPS HAJI MUHAMMAD DULO WALA</t>
  </si>
  <si>
    <t>basti kaliaan lohanch nashaib layyah</t>
  </si>
  <si>
    <t>Basti Kaliaan</t>
  </si>
  <si>
    <t>Naseem Nawaz</t>
  </si>
  <si>
    <t>38171</t>
  </si>
  <si>
    <t>GGPS PUL 75000</t>
  </si>
  <si>
    <t>pull 75000 post office Rawani Teh and District Lodhran</t>
  </si>
  <si>
    <t>Pull 75000</t>
  </si>
  <si>
    <t>43252</t>
  </si>
  <si>
    <t>GPS TAASA MOHRA</t>
  </si>
  <si>
    <t>tasamohra</t>
  </si>
  <si>
    <t>village tasa mohra po mulhal tehsil chakwal</t>
  </si>
  <si>
    <t>Tasamohra</t>
  </si>
  <si>
    <t>Noshaba imtiaz</t>
  </si>
  <si>
    <t>52958</t>
  </si>
  <si>
    <t>GMMS ABADI CHAKAR KAY</t>
  </si>
  <si>
    <t>Abadi Chakar-Kay</t>
  </si>
  <si>
    <t>33/A waqas street Mazar colony near PTCL exchange Depalpur</t>
  </si>
  <si>
    <t>Shahid Rafique</t>
  </si>
  <si>
    <t>GPS HARAM WALI</t>
  </si>
  <si>
    <t>vpo Kani teh jand distt attock</t>
  </si>
  <si>
    <t>GPS PACCA MIANA</t>
  </si>
  <si>
    <t>R/O PACCA MIANA,P/O DULLEWALA,TEH:DARYA KHAN,DISTT: BHAKKAR</t>
  </si>
  <si>
    <t>PACCA MIANA</t>
  </si>
  <si>
    <t>GES SINDH KLAREI</t>
  </si>
  <si>
    <t>Chah dhangri wala</t>
  </si>
  <si>
    <t>Dhangri Wala</t>
  </si>
  <si>
    <t>GGES KARNANA</t>
  </si>
  <si>
    <t>Gges village karnana, post office khas, tehsil kharian district gujrat</t>
  </si>
  <si>
    <t>zohra akhtar</t>
  </si>
  <si>
    <t>GPS CHAK NO.144 EB</t>
  </si>
  <si>
    <t>144/EB</t>
  </si>
  <si>
    <t>chak no 144/E.b</t>
  </si>
  <si>
    <t>chak no 148/EB</t>
  </si>
  <si>
    <t>GHS MANDI BAHAUDDIN</t>
  </si>
  <si>
    <t>MAIN STREET SCHOOL MOHALLAH</t>
  </si>
  <si>
    <t>SCHOOL MOHALLAH</t>
  </si>
  <si>
    <t>GGPS DOST ALI WALA</t>
  </si>
  <si>
    <t>MAUZA CHAHUDHRY UC CHAUDHRY 6 SHAH JAMAL ROAD NEAR QASIM CHOWK KOT ADU</t>
  </si>
  <si>
    <t>CHAH KHITHRI WALA</t>
  </si>
  <si>
    <t>GMPS BHULLAH WALA NO 2</t>
  </si>
  <si>
    <t>GMPS Bhullay Wala no2</t>
  </si>
  <si>
    <t>Bhullay Wala No2</t>
  </si>
  <si>
    <t>Seerat Bibi</t>
  </si>
  <si>
    <t>GGES RATALA</t>
  </si>
  <si>
    <t>post office&amp; village  ratala  .tehsil gujar khan</t>
  </si>
  <si>
    <t>Islam Pora Jabbar</t>
  </si>
  <si>
    <t>Asima Firduse</t>
  </si>
  <si>
    <t>GGES 27 GHAH, ABDUL HAKIM</t>
  </si>
  <si>
    <t>27 Ghagh</t>
  </si>
  <si>
    <t>27 Ghagh, P/O 25 Pul, Tehsil Kabirwala, Dist Khanewal</t>
  </si>
  <si>
    <t>GPS BHADRIAN WALI</t>
  </si>
  <si>
    <t>Bahdrianwali</t>
  </si>
  <si>
    <t>GPS MAIRA SHARIF</t>
  </si>
  <si>
    <t>vpo maira sharif</t>
  </si>
  <si>
    <t>Noor Zaman</t>
  </si>
  <si>
    <t>bring water outside</t>
  </si>
  <si>
    <t>GGCMES BHEKHE WAL</t>
  </si>
  <si>
    <t>Bhekheywal</t>
  </si>
  <si>
    <t>Bhekheywal vop Ghuganwali</t>
  </si>
  <si>
    <t>Saman Nawaz</t>
  </si>
  <si>
    <t>GGPS SIRHAL</t>
  </si>
  <si>
    <t>Sirhal</t>
  </si>
  <si>
    <t>GGPS Sirhal</t>
  </si>
  <si>
    <t>GGES GHELLA KALAN</t>
  </si>
  <si>
    <t>Ghella Kalan</t>
  </si>
  <si>
    <t>GGES Gheela kalan</t>
  </si>
  <si>
    <t>Syeda Atiya Habib</t>
  </si>
  <si>
    <t>GGES HEAD MUHAMMAD ABAD (Azad Colony)</t>
  </si>
  <si>
    <t>GGES HEAD MUHAMMAD ABAD</t>
  </si>
  <si>
    <t>Head Muhammad Abad</t>
  </si>
  <si>
    <t>Hafiza Mehwish Kanwal</t>
  </si>
  <si>
    <t>40533</t>
  </si>
  <si>
    <t>GPS MAHAL CHAHI</t>
  </si>
  <si>
    <t>Mahal Chahi</t>
  </si>
  <si>
    <t>V.p.o mahal chahi, teh. pdkhan, distt.jhelum</t>
  </si>
  <si>
    <t>25815</t>
  </si>
  <si>
    <t>GGPS KAKAYKE</t>
  </si>
  <si>
    <t>Kakay K</t>
  </si>
  <si>
    <t>Kakay k</t>
  </si>
  <si>
    <t>Hasan Husan</t>
  </si>
  <si>
    <t>GPS KOTLA RAHAM ALI LAR MULTAN</t>
  </si>
  <si>
    <t>Kotla Raham Ali</t>
  </si>
  <si>
    <t>Basti Kotla Raham Ali</t>
  </si>
  <si>
    <t>GGPS HAYYAL MIR GALA</t>
  </si>
  <si>
    <t>Hayal Mirgala</t>
  </si>
  <si>
    <t>hayal mirgala p/o choa khalsa teh kalar syedan distt rwp</t>
  </si>
  <si>
    <t>GPS HAMEED PUR</t>
  </si>
  <si>
    <t>p/o Chawinda village Hameedpur</t>
  </si>
  <si>
    <t>Hameedpur</t>
  </si>
  <si>
    <t>Madssar Hayat Junjua</t>
  </si>
  <si>
    <t>39216</t>
  </si>
  <si>
    <t>village and p/o Dhurnal</t>
  </si>
  <si>
    <t>RUQIA JAN</t>
  </si>
  <si>
    <t>GGPS CHAK NO 120/6-R B</t>
  </si>
  <si>
    <t>120 6R AB</t>
  </si>
  <si>
    <t>GGPS 120 6r</t>
  </si>
  <si>
    <t>120 6R</t>
  </si>
  <si>
    <t>Nasreen Azez</t>
  </si>
  <si>
    <t>GGPSNARA</t>
  </si>
  <si>
    <t>Qurat Ul Ain Shaukat</t>
  </si>
  <si>
    <t>GPS CHAK NO.158 EB</t>
  </si>
  <si>
    <t>Chak 158 EB</t>
  </si>
  <si>
    <t>Govt. Primary School 158/EB Burewala district Vehari</t>
  </si>
  <si>
    <t>Chak 158/EB</t>
  </si>
  <si>
    <t>Chak No170/EB</t>
  </si>
  <si>
    <t>Shoukat ali</t>
  </si>
  <si>
    <t>21477</t>
  </si>
  <si>
    <t>Village kharak Tehsil Kamoke District Gujranwala</t>
  </si>
  <si>
    <t>Gulzada Khan</t>
  </si>
  <si>
    <t>GPS DERVESH PURA</t>
  </si>
  <si>
    <t>Mohalla Dervesh Pura, Tehsil Kamoke, Gujranwala</t>
  </si>
  <si>
    <t>Mohallah Dervesh Pura</t>
  </si>
  <si>
    <t>Kamoke-VII</t>
  </si>
  <si>
    <t>GES DROHAR WALI (CHAK GOBAND)</t>
  </si>
  <si>
    <t>Chak Goband</t>
  </si>
  <si>
    <t>basti sultan mehmood channer mouza chak goband tehsil ahmed pur district bahawapur</t>
  </si>
  <si>
    <t>Sultan Mehmood Channer</t>
  </si>
  <si>
    <t>Atta- Ullah</t>
  </si>
  <si>
    <t>GGPS DHOK KHOSHA</t>
  </si>
  <si>
    <t>Baghneelab</t>
  </si>
  <si>
    <t>village Dhoke khosha Post office Baghneelab Teh Attock</t>
  </si>
  <si>
    <t>Dhoke Khosha</t>
  </si>
  <si>
    <t>Surg</t>
  </si>
  <si>
    <t>GPS BASTI SURANI</t>
  </si>
  <si>
    <t>Balocha Surani</t>
  </si>
  <si>
    <t>basti surani markz sharief chajra distt&amp;Teh MuzaffarGarh</t>
  </si>
  <si>
    <t>Muhammad Ansar Javed</t>
  </si>
  <si>
    <t>GGES CHAK NO. 4/FW</t>
  </si>
  <si>
    <t>Ctn Urban 2</t>
  </si>
  <si>
    <t>Nusrat Noor</t>
  </si>
  <si>
    <t>GGPS SHEEN BAGH KALAN</t>
  </si>
  <si>
    <t>govet girls primary school sheenbagh kalan</t>
  </si>
  <si>
    <t>Sheen Bagh Klan</t>
  </si>
  <si>
    <t>Iram Amir</t>
  </si>
  <si>
    <t>GGES QASIM ABAD (CHOHA MAL)</t>
  </si>
  <si>
    <t>P.O khas, village qasimabad</t>
  </si>
  <si>
    <t>GES CHANDAY WALI</t>
  </si>
  <si>
    <t>Jagga Sanatteka</t>
  </si>
  <si>
    <t>Chanday Wali PO Swai Wala Tehsil and District Bahawalnagar</t>
  </si>
  <si>
    <t>Chanday Wali</t>
  </si>
  <si>
    <t>30826</t>
  </si>
  <si>
    <t>GGHS CDG GARHI SHAHU</t>
  </si>
  <si>
    <t>sarmad street 6 garhi shahu</t>
  </si>
  <si>
    <t>Farkhanda jabeen</t>
  </si>
  <si>
    <t>40294</t>
  </si>
  <si>
    <t>GHS MALYAR</t>
  </si>
  <si>
    <t>MALYAR</t>
  </si>
  <si>
    <t>VPO MALYAR TEHSIL PIND DADAN KHAN DISTRICT JHELUM</t>
  </si>
  <si>
    <t>AFTAB MAHMOOD</t>
  </si>
  <si>
    <t>FROM PUBLIC WATER SUPPLY</t>
  </si>
  <si>
    <t>GGES CHAK NO 21 WB</t>
  </si>
  <si>
    <t>chak  no 21wb vehari</t>
  </si>
  <si>
    <t>Nuzhat Farzana</t>
  </si>
  <si>
    <t>36319</t>
  </si>
  <si>
    <t>GGCMES 19 WB</t>
  </si>
  <si>
    <t>chak no 19wb post office tehsil &amp;distt vehari</t>
  </si>
  <si>
    <t>Chack 19wb</t>
  </si>
  <si>
    <t>Farzana Tehseen</t>
  </si>
  <si>
    <t>GGPS LODHI JAJJA</t>
  </si>
  <si>
    <t>Lodhi Jajja</t>
  </si>
  <si>
    <t>lodhi jajja teh pasrur distt Sialkot</t>
  </si>
  <si>
    <t>Fazilat Munawar</t>
  </si>
  <si>
    <t>GMPS KARAMABAD</t>
  </si>
  <si>
    <t>Karmabad</t>
  </si>
  <si>
    <t>Slalkot Road, Karmabad, wazirabad</t>
  </si>
  <si>
    <t>winjowali</t>
  </si>
  <si>
    <t>Memoona Qayyum</t>
  </si>
  <si>
    <t>36138</t>
  </si>
  <si>
    <t>GGES CHAK NO 5 WB</t>
  </si>
  <si>
    <t>5/wb</t>
  </si>
  <si>
    <t>Sughra Ibrahim</t>
  </si>
  <si>
    <t>33834</t>
  </si>
  <si>
    <t>GGPS RAILWAY COLONY NO: 2</t>
  </si>
  <si>
    <t>Daulata Abad</t>
  </si>
  <si>
    <t>Usmania Colony near kacha phatak Sher Shah Road Khudadad Colony Multan</t>
  </si>
  <si>
    <t>Khudadad Colony</t>
  </si>
  <si>
    <t>Bhakar R-B</t>
  </si>
  <si>
    <t>GGPS CENTERAL JAIL</t>
  </si>
  <si>
    <t>Central jail</t>
  </si>
  <si>
    <t>Ggps C.Jail</t>
  </si>
  <si>
    <t>227 Chaddar</t>
  </si>
  <si>
    <t>Abida Amin</t>
  </si>
  <si>
    <t>Basti Sultan Kehror Pakka road Mailsi</t>
  </si>
  <si>
    <t>Parveen Mehar Din</t>
  </si>
  <si>
    <t>GGPS MAN</t>
  </si>
  <si>
    <t>village Maan post office Dhamthal tehsil Zafarwal dist Narowal</t>
  </si>
  <si>
    <t>Memona Arim</t>
  </si>
  <si>
    <t>17038</t>
  </si>
  <si>
    <t>GPS KOT SAI SINGH</t>
  </si>
  <si>
    <t>Mouza Kot sai singh</t>
  </si>
  <si>
    <t>54285</t>
  </si>
  <si>
    <t>GGCMS LAL HUSSAIN</t>
  </si>
  <si>
    <t>lal hussain</t>
  </si>
  <si>
    <t>Anwari Begum</t>
  </si>
  <si>
    <t>GGPS SANG KHURD</t>
  </si>
  <si>
    <t>sang KHURD vpo sang kalan</t>
  </si>
  <si>
    <t>Sang Khurd</t>
  </si>
  <si>
    <t>GES CHAK NO 63 M MOZA CHAK NO 63</t>
  </si>
  <si>
    <t>chak 63/m</t>
  </si>
  <si>
    <t>chak 63m jppw</t>
  </si>
  <si>
    <t>chak63/M</t>
  </si>
  <si>
    <t>GGPS DERA MUHAMMAD SAEED SALAM</t>
  </si>
  <si>
    <t>GGPS Dera Saeed Salam,</t>
  </si>
  <si>
    <t>Ayesha Muneer</t>
  </si>
  <si>
    <t>GGPS DHALLA KHEL P.O GADOLA</t>
  </si>
  <si>
    <t>basti dhala khail bhakkar</t>
  </si>
  <si>
    <t>Dhala Khail</t>
  </si>
  <si>
    <t>GPS TOTAL</t>
  </si>
  <si>
    <t>Total</t>
  </si>
  <si>
    <t>Total. Teh Pattoki Dist.  Kasur</t>
  </si>
  <si>
    <t>Muhammad suleman</t>
  </si>
  <si>
    <t>GGPS CHAK NO. 100/6-R AB</t>
  </si>
  <si>
    <t>100/6R AB</t>
  </si>
  <si>
    <t>CHAK NO 100/6R AB PO SAME</t>
  </si>
  <si>
    <t>Chak No 101/6R</t>
  </si>
  <si>
    <t>Samra Sardar</t>
  </si>
  <si>
    <t>GGPS THITHER</t>
  </si>
  <si>
    <t>thethar</t>
  </si>
  <si>
    <t>village thethar p/ o same tehsil zferwal district narowal</t>
  </si>
  <si>
    <t>dhamthl</t>
  </si>
  <si>
    <t>GES TAUNSA NO.3 MOUCHI WALA</t>
  </si>
  <si>
    <t>GES TAUNSA NO.3 MOUCHI WALA TAUNSA</t>
  </si>
  <si>
    <t>GGES PARHAL</t>
  </si>
  <si>
    <t>parhal</t>
  </si>
  <si>
    <t>GGES PANDAT WALA CHAK NO. 37/RB</t>
  </si>
  <si>
    <t>pandatwala chak no 37/rbtehsil sangla hill</t>
  </si>
  <si>
    <t>Juggian</t>
  </si>
  <si>
    <t>Tobabalochan</t>
  </si>
  <si>
    <t>GGPS CHAK 14/NP</t>
  </si>
  <si>
    <t>Bhuty Waan</t>
  </si>
  <si>
    <t>GGCMES 75 EB</t>
  </si>
  <si>
    <t>Chak No 75EB</t>
  </si>
  <si>
    <t>chak no 75EB teh arif wala distt ppn</t>
  </si>
  <si>
    <t>chak No 75EB</t>
  </si>
  <si>
    <t>Chak No75EB</t>
  </si>
  <si>
    <t>Sahar Anwar</t>
  </si>
  <si>
    <t>GPS 628 GB</t>
  </si>
  <si>
    <t>chak no 628gb tehsile jaranwala district faisalabad</t>
  </si>
  <si>
    <t>Chak no 628gb</t>
  </si>
  <si>
    <t>Chak 647 Gb</t>
  </si>
  <si>
    <t>GGES 87 WB</t>
  </si>
  <si>
    <t>87wb vehari</t>
  </si>
  <si>
    <t>GGPS 108/RB</t>
  </si>
  <si>
    <t>108 RB</t>
  </si>
  <si>
    <t>108 R B</t>
  </si>
  <si>
    <t>108 R B Chudary Wala</t>
  </si>
  <si>
    <t>106 R B</t>
  </si>
  <si>
    <t>Iqra Ammeer Ali</t>
  </si>
  <si>
    <t>GPS BASTI KHULANG</t>
  </si>
  <si>
    <t>KHALUNG Janubi JANUBI</t>
  </si>
  <si>
    <t>basti thaheem wala maoza khalung janubi p/o utra sandila T/D Muzaffar Garh</t>
  </si>
  <si>
    <t>RULAR</t>
  </si>
  <si>
    <t>UTRA SANDILA</t>
  </si>
  <si>
    <t>GGHSS MC BHOWANA BAZAR FAISALABAD</t>
  </si>
  <si>
    <t>Bhowana Bazar</t>
  </si>
  <si>
    <t>Govt.M.C Girls Higher Secondaryschool Bhawana Bazar Faisalabad</t>
  </si>
  <si>
    <t>Bhawana Bazar</t>
  </si>
  <si>
    <t>CC</t>
  </si>
  <si>
    <t>qamar sultana</t>
  </si>
  <si>
    <t>GPS HASSAIN NAGAR JARANWALA</t>
  </si>
  <si>
    <t>Hussain Nagar</t>
  </si>
  <si>
    <t>Hussain Nagar JARANWALA. Faisal Abad</t>
  </si>
  <si>
    <t>Saeed Bashir</t>
  </si>
  <si>
    <t>GES CHANGA</t>
  </si>
  <si>
    <t>vpo changa</t>
  </si>
  <si>
    <t>GGES 11/WB 3 MARLA SCHEME</t>
  </si>
  <si>
    <t>LALA ZAR 3 MARLA SCHEME</t>
  </si>
  <si>
    <t>GGES 11/WB 3 MARLA SCHEME LALA ZAR COLONY VEHARI</t>
  </si>
  <si>
    <t>Lala Zar Colony Vr</t>
  </si>
  <si>
    <t>nazma sultana</t>
  </si>
  <si>
    <t>GPS GHULLA PUR</t>
  </si>
  <si>
    <t>GGPS GHANIS PUR</t>
  </si>
  <si>
    <t>Ganishpur</t>
  </si>
  <si>
    <t>ganishpur</t>
  </si>
  <si>
    <t>Battian Dewan</t>
  </si>
  <si>
    <t>Maddsara Nawaz</t>
  </si>
  <si>
    <t>GHS JODHO DHEER</t>
  </si>
  <si>
    <t>village jodhu dheer, raiwind, lahore</t>
  </si>
  <si>
    <t>muhammad shahid amin</t>
  </si>
  <si>
    <t>GPS JHADA</t>
  </si>
  <si>
    <t>GHS JALPANA SHAHPUR</t>
  </si>
  <si>
    <t>GPS KOT NAWAB KHAN</t>
  </si>
  <si>
    <t>Nawab Kot</t>
  </si>
  <si>
    <t>NAWAB KOT PO MAHMUN WALI TEH &amp;DISTT SHEIKHUPURA</t>
  </si>
  <si>
    <t>NAWAB KOT</t>
  </si>
  <si>
    <t>TIBBI HAMBO</t>
  </si>
  <si>
    <t>GHS PATHER WALI</t>
  </si>
  <si>
    <t>Patherwali chak no 167RB District Nankana Sahib</t>
  </si>
  <si>
    <t>Rao Karam Elahi Atif</t>
  </si>
  <si>
    <t>ges islampur</t>
  </si>
  <si>
    <t>rai sarfraz khan</t>
  </si>
  <si>
    <t>36519</t>
  </si>
  <si>
    <t>GMPS CHAK NO. 61/WB (SHUMALI)</t>
  </si>
  <si>
    <t>Chak 61</t>
  </si>
  <si>
    <t>61 wb</t>
  </si>
  <si>
    <t>61 Wb</t>
  </si>
  <si>
    <t>63 Wb</t>
  </si>
  <si>
    <t>Robina Muhammad Ali</t>
  </si>
  <si>
    <t>GGHS CHAK NO.102 SB</t>
  </si>
  <si>
    <t>Chak 102 SB SGD</t>
  </si>
  <si>
    <t>chak 102 SB tehsil and district Sargodha</t>
  </si>
  <si>
    <t>Chak NO 100 SB</t>
  </si>
  <si>
    <t>29919</t>
  </si>
  <si>
    <t>GGPS BUGGI</t>
  </si>
  <si>
    <t>bughi</t>
  </si>
  <si>
    <t>GGPS Bughi</t>
  </si>
  <si>
    <t>bughi p/o halla</t>
  </si>
  <si>
    <t>alpa kalan</t>
  </si>
  <si>
    <t>Abida khan</t>
  </si>
  <si>
    <t>GGES KOTLI QAZI</t>
  </si>
  <si>
    <t>kotli Qazi</t>
  </si>
  <si>
    <t>Sabahat Asghar</t>
  </si>
  <si>
    <t>GGPS BASTI ASGHAR ALI</t>
  </si>
  <si>
    <t>Roshan Abad</t>
  </si>
  <si>
    <t>GGPS bastÄ± Asghar ali</t>
  </si>
  <si>
    <t>Basti Asgharali</t>
  </si>
  <si>
    <t>Munawara Kousar</t>
  </si>
  <si>
    <t>Mohalla Islampura</t>
  </si>
  <si>
    <t>GPS Islampura Mohalla Islampura Markaz Khanqah Dogran Tehsil Safdarabad District Sheikhupura</t>
  </si>
  <si>
    <t>Shafqat Naeem</t>
  </si>
  <si>
    <t>GPS RUKH SING PURA</t>
  </si>
  <si>
    <t>Rukh sing pura</t>
  </si>
  <si>
    <t>Zika Ullah</t>
  </si>
  <si>
    <t>GPS BUDHAN MAIRA</t>
  </si>
  <si>
    <t>Budhan</t>
  </si>
  <si>
    <t>Village Budhan P.O. Dina district Jhelum</t>
  </si>
  <si>
    <t>Shafqat Ahmed</t>
  </si>
  <si>
    <t>GGPS KOT PIRO WALA</t>
  </si>
  <si>
    <t>Kot Pirowala</t>
  </si>
  <si>
    <t>VPO Kot Pirowala Tehsil PD khan Dist Jhelum</t>
  </si>
  <si>
    <t>Haran Pur</t>
  </si>
  <si>
    <t>Nida Khan</t>
  </si>
  <si>
    <t>GES JONE KAY</t>
  </si>
  <si>
    <t>Government elementary School jone key</t>
  </si>
  <si>
    <t>Jone key</t>
  </si>
  <si>
    <t>MUHAMMAD AKMAL  KHAN</t>
  </si>
  <si>
    <t>GGES JHATOKAY</t>
  </si>
  <si>
    <t>Jhatokey</t>
  </si>
  <si>
    <t>Govt.girls elementary school jhtokey</t>
  </si>
  <si>
    <t>Dhulam Khalwan</t>
  </si>
  <si>
    <t>Shakila Parveen</t>
  </si>
  <si>
    <t>GPS KANVEEN BLAQA SING</t>
  </si>
  <si>
    <t>Kanwain Balaqa Singh</t>
  </si>
  <si>
    <t>Kanwain Balaqa Singh P/O Kot Radha Kishen Tehsil Pattoki District Kasur</t>
  </si>
  <si>
    <t>Muhammad Yasin Wasim</t>
  </si>
  <si>
    <t>GPS WAHI GHOUS UL MULAK</t>
  </si>
  <si>
    <t>Ghous Ul Mulk</t>
  </si>
  <si>
    <t>mouza wahi ghous ul mulk u/c wahi Salamat Ray lodhran</t>
  </si>
  <si>
    <t>GPS KOT KHUSHAL</t>
  </si>
  <si>
    <t>vpo kufri</t>
  </si>
  <si>
    <t>Habib Sultan</t>
  </si>
  <si>
    <t>GHS MC JINNAH MODEL</t>
  </si>
  <si>
    <t>old city, sheikhupura</t>
  </si>
  <si>
    <t>skp</t>
  </si>
  <si>
    <t>old city</t>
  </si>
  <si>
    <t>GPS THATHA NAAM DAR</t>
  </si>
  <si>
    <t>thatha namdar okara</t>
  </si>
  <si>
    <t>Thatha Namdar</t>
  </si>
  <si>
    <t>GMPS AHMAD PURA</t>
  </si>
  <si>
    <t>Ahmad Pura Khb</t>
  </si>
  <si>
    <t>Gmps Ahmad pura khushab</t>
  </si>
  <si>
    <t>Ahmad pura</t>
  </si>
  <si>
    <t>mc 1 khushab</t>
  </si>
  <si>
    <t>Shagufta Shamshad</t>
  </si>
  <si>
    <t>GGPS BASTI COLONY</t>
  </si>
  <si>
    <t>Ggps basti clony moza kamal pur teh&amp;distt. muzafergarh.</t>
  </si>
  <si>
    <t>GPS KOTLA BEHLOL</t>
  </si>
  <si>
    <t>KOTLAH Behlol</t>
  </si>
  <si>
    <t>basti mohabbat pur mailsi distance vehari</t>
  </si>
  <si>
    <t>Mohabbat pur</t>
  </si>
  <si>
    <t>Kiki Khurd</t>
  </si>
  <si>
    <t>GGPS KOT PHAPHRA</t>
  </si>
  <si>
    <t>KOT PHAPHRA</t>
  </si>
  <si>
    <t>KOT PHAPHRA  P.D. KHAN  JHELUM</t>
  </si>
  <si>
    <t>HARAN PUR</t>
  </si>
  <si>
    <t>GPS MOHRA ALU</t>
  </si>
  <si>
    <t>Gps Mohra Allo</t>
  </si>
  <si>
    <t>Vpo mohra allo teh and distt chakwal</t>
  </si>
  <si>
    <t>Pahadshan</t>
  </si>
  <si>
    <t>GMPS CHAK NO. 116/NP THALI MOULVIAN</t>
  </si>
  <si>
    <t>GGMP school chak 116/NPA Thali Moulvian</t>
  </si>
  <si>
    <t>Thali Moulvian</t>
  </si>
  <si>
    <t>Raisa Noreen</t>
  </si>
  <si>
    <t>GGPS Islamabad markaz basirpur</t>
  </si>
  <si>
    <t>Ghazala Javed</t>
  </si>
  <si>
    <t>25842</t>
  </si>
  <si>
    <t>Misbah Rashid</t>
  </si>
  <si>
    <t>GPS BASTI SAMUNDRI</t>
  </si>
  <si>
    <t>Khuawar</t>
  </si>
  <si>
    <t>Maoza khuhawar Basti samundri p/o Mehmood kot</t>
  </si>
  <si>
    <t>Basti Samundri</t>
  </si>
  <si>
    <t>GGMES BASTI NAZAR</t>
  </si>
  <si>
    <t>Rakh Dhaoo</t>
  </si>
  <si>
    <t>GGMES Basti Nazar</t>
  </si>
  <si>
    <t>Rifat Khadim</t>
  </si>
  <si>
    <t>GPS KHULANG JADEED</t>
  </si>
  <si>
    <t>KHULANG JANUBI JANUBI</t>
  </si>
  <si>
    <t>KHULANG JANUBI, Utra Sandila, Muzaffargarh</t>
  </si>
  <si>
    <t>KHULANG JANUBI</t>
  </si>
  <si>
    <t>Hafiz Muhammad Nadir</t>
  </si>
  <si>
    <t>GPS MAHBOOB ABAD</t>
  </si>
  <si>
    <t>GBPS Mehboob Abad</t>
  </si>
  <si>
    <t>Basti Munshi Abdul Khaliq</t>
  </si>
  <si>
    <t>GES SIAL</t>
  </si>
  <si>
    <t>Fateh Pur Janubi2</t>
  </si>
  <si>
    <t>Basti baseera sadat moza fateh pur janubi2 teh.Ali pur Dist.MGarh</t>
  </si>
  <si>
    <t>Basti Baseera Sadat</t>
  </si>
  <si>
    <t>Fateh Pur Janubi</t>
  </si>
  <si>
    <t>Allahdad Khan</t>
  </si>
  <si>
    <t>GPS CHAK 25/4L</t>
  </si>
  <si>
    <t>25/4L</t>
  </si>
  <si>
    <t>chak no. 25/4L</t>
  </si>
  <si>
    <t>Cantt  Board  Okara</t>
  </si>
  <si>
    <t>GGES KUTIA FARM</t>
  </si>
  <si>
    <t>Kuttia Farm</t>
  </si>
  <si>
    <t>village kuttia farm p/o sadiqabad abad</t>
  </si>
  <si>
    <t>Tanveer Afshan</t>
  </si>
  <si>
    <t>GHS MANDI FAIZ ABAD</t>
  </si>
  <si>
    <t>MANDI FAIZABAD</t>
  </si>
  <si>
    <t>Mandi faizabad tehsil and district nankana sahib</t>
  </si>
  <si>
    <t>GPS HASSAN KHAN WALA</t>
  </si>
  <si>
    <t>BALOCH KHAN</t>
  </si>
  <si>
    <t>BALOCH KHAN UC BAKHRI AHMAD KHAN</t>
  </si>
  <si>
    <t>Syed Qaim Raza</t>
  </si>
  <si>
    <t>GGES 317 EB (SHARQI)</t>
  </si>
  <si>
    <t>Deewan Sahib</t>
  </si>
  <si>
    <t>chak no 317</t>
  </si>
  <si>
    <t>317 Eb</t>
  </si>
  <si>
    <t>Aasiya Ahmed</t>
  </si>
  <si>
    <t>GMPS CHAH AKBARI WALA</t>
  </si>
  <si>
    <t>govt model primary school Chah akbri wala</t>
  </si>
  <si>
    <t>BanglaYasmeen</t>
  </si>
  <si>
    <t>GGHS MAHNDAR NO. 1</t>
  </si>
  <si>
    <t>Mahndar</t>
  </si>
  <si>
    <t>Village &amp; P/o Mahndar, Tehsil GujjarKhan, District Rawalpindi</t>
  </si>
  <si>
    <t>Noor Do lal</t>
  </si>
  <si>
    <t>Raheela Qadeer</t>
  </si>
  <si>
    <t>GPS RAM PERSHAD</t>
  </si>
  <si>
    <t>RAMPARSHAAD</t>
  </si>
  <si>
    <t>Jhukh Kalan</t>
  </si>
  <si>
    <t>GGHS RAILWAY STATION NO.1</t>
  </si>
  <si>
    <t>GGHS Railway Station Karor</t>
  </si>
  <si>
    <t>Ward No. 06</t>
  </si>
  <si>
    <t>Asiya Majeed</t>
  </si>
  <si>
    <t>GGHS JAVAID GUJRAT</t>
  </si>
  <si>
    <t>HASSAN CHOWK NEAR SARWAR GOLD PLAZA GUJRAT</t>
  </si>
  <si>
    <t>MOH KHAWAJGAN</t>
  </si>
  <si>
    <t>Mussarat Naz</t>
  </si>
  <si>
    <t>15026</t>
  </si>
  <si>
    <t>GPS 627 GB DADU KA</t>
  </si>
  <si>
    <t>CHAK NO 627 GB DADU KA</t>
  </si>
  <si>
    <t>CHAK NO 627 GB DADU KA  P  O LUNDIANWALA TEH   JARANWALA  DISTRICT FAISALABAD</t>
  </si>
  <si>
    <t>CHAK NO 627 GB DA</t>
  </si>
  <si>
    <t>CHAK NO 650/1 GB</t>
  </si>
  <si>
    <t>SHAH  NAWAZ</t>
  </si>
  <si>
    <t>GPS CHAK NO.91/TDA</t>
  </si>
  <si>
    <t>Chak No 91TDA</t>
  </si>
  <si>
    <t>chack91tda karor</t>
  </si>
  <si>
    <t>GES JETHA BHUTTA KHAN PUR</t>
  </si>
  <si>
    <t>basti mian Mohammad Islam  ckack 4/p</t>
  </si>
  <si>
    <t>chak 4/P</t>
  </si>
  <si>
    <t>GGES 187 EB</t>
  </si>
  <si>
    <t>187/EB</t>
  </si>
  <si>
    <t>G. G. M. S 187/EB Gaggoo,Tehsil:Burewala,District:Vehari</t>
  </si>
  <si>
    <t>GHULAM ZAHARA</t>
  </si>
  <si>
    <t>khaji wala panwar shumali mehmood kot tehsil kot addu distt muzaffar</t>
  </si>
  <si>
    <t>Saneela Tasneem</t>
  </si>
  <si>
    <t>38641</t>
  </si>
  <si>
    <t>GMPS 309 WB DUNYA PUR</t>
  </si>
  <si>
    <t>chak no 309 Wb teh dunyapur lodhran</t>
  </si>
  <si>
    <t>Chk No 309 Wb</t>
  </si>
  <si>
    <t>Maqbool wah</t>
  </si>
  <si>
    <t>50798</t>
  </si>
  <si>
    <t>GGES 47/5-L</t>
  </si>
  <si>
    <t>47/5l</t>
  </si>
  <si>
    <t>Government Girls elementary school 47/5.l sahiwal</t>
  </si>
  <si>
    <t>GES CHAK 240 GB I</t>
  </si>
  <si>
    <t>ges chak no 240 gb jaranwala</t>
  </si>
  <si>
    <t>chak 240GB</t>
  </si>
  <si>
    <t>chak 240 gb</t>
  </si>
  <si>
    <t>GGES CHAK NO 648 GB</t>
  </si>
  <si>
    <t>Kot Gulam Muhammad</t>
  </si>
  <si>
    <t>Chak no 648 GB Jaranwala</t>
  </si>
  <si>
    <t>648 GB JARANWALA</t>
  </si>
  <si>
    <t>GMPS NARYALA</t>
  </si>
  <si>
    <t>Naryala</t>
  </si>
  <si>
    <t>GMPS Naryala</t>
  </si>
  <si>
    <t>17161</t>
  </si>
  <si>
    <t>Lodhran Wala P/O kotshakir Tehsil 18 Hazari Distt. Jhang</t>
  </si>
  <si>
    <t>GMPS 224 EB</t>
  </si>
  <si>
    <t>224eb</t>
  </si>
  <si>
    <t>chak no 224eb vehari</t>
  </si>
  <si>
    <t>GMPS MODEL LANDA MIRA</t>
  </si>
  <si>
    <t>Mandwal</t>
  </si>
  <si>
    <t>p.o.chach..vill.lunda maira</t>
  </si>
  <si>
    <t>Lunda Maira</t>
  </si>
  <si>
    <t>noshia asghar</t>
  </si>
  <si>
    <t>49211</t>
  </si>
  <si>
    <t>GGES CHAK NO.79 SB CHAUKERA</t>
  </si>
  <si>
    <t>79 Sb Chokera</t>
  </si>
  <si>
    <t>GGES 79 SB CHOKERA</t>
  </si>
  <si>
    <t>GPS SOHAIL KALAN</t>
  </si>
  <si>
    <t>Sohal kalan</t>
  </si>
  <si>
    <t>Ajnaiwala</t>
  </si>
  <si>
    <t>Shazia Rafique</t>
  </si>
  <si>
    <t>GPS CHAK 230/9-R</t>
  </si>
  <si>
    <t>230 9 R</t>
  </si>
  <si>
    <t>Gps 230 9.r</t>
  </si>
  <si>
    <t>230/9R</t>
  </si>
  <si>
    <t>GPS DERA SHIANWALA</t>
  </si>
  <si>
    <t>gps dera shianawala</t>
  </si>
  <si>
    <t>Dera Shianawala</t>
  </si>
  <si>
    <t>Muhammad Tanzeel Ur Rehman</t>
  </si>
  <si>
    <t>GGES CHAK NO 237 RB S</t>
  </si>
  <si>
    <t>Chak No 237rb</t>
  </si>
  <si>
    <t>chak no 237 RB S</t>
  </si>
  <si>
    <t>Chak No 237rb S</t>
  </si>
  <si>
    <t>Chak No 237 Rb N</t>
  </si>
  <si>
    <t>GPS KATHA SAGHRAL</t>
  </si>
  <si>
    <t>GPS katha saghral</t>
  </si>
  <si>
    <t>Mian Muhammad</t>
  </si>
  <si>
    <t>GGPS AZAZI WALA</t>
  </si>
  <si>
    <t>Lailipur</t>
  </si>
  <si>
    <t>Qazi wala budhla sant</t>
  </si>
  <si>
    <t>Qurratulain Nasir</t>
  </si>
  <si>
    <t>49548</t>
  </si>
  <si>
    <t>GGPS DERA WAGHAN WALA</t>
  </si>
  <si>
    <t>Waghan Wala</t>
  </si>
  <si>
    <t>GPS KUND REM SHAH</t>
  </si>
  <si>
    <t>Kund rehm shah</t>
  </si>
  <si>
    <t>kund rehm Shah teh&amp;district nankana sahib</t>
  </si>
  <si>
    <t>Syed  Najmul  Hassan</t>
  </si>
  <si>
    <t>GGPS KOT AHMAD KHAN</t>
  </si>
  <si>
    <t>Sath Shahni</t>
  </si>
  <si>
    <t>kot ahmed khan sath shahani tehsil nur pur khushab</t>
  </si>
  <si>
    <t>GMPS TATRI</t>
  </si>
  <si>
    <t>Tatri</t>
  </si>
  <si>
    <t>Noor pur noon</t>
  </si>
  <si>
    <t>GES BASTI PUNJAB</t>
  </si>
  <si>
    <t>UMER  KOT</t>
  </si>
  <si>
    <t>BASTII PUNJAB UMER KOT TEHSIL ROJHAN DISTRICT RAJANPUR</t>
  </si>
  <si>
    <t>GGPS CHAK 144 GB LUNDIANWALA</t>
  </si>
  <si>
    <t>Chak No 144 GB</t>
  </si>
  <si>
    <t>144 GB Jhok Shado</t>
  </si>
  <si>
    <t>144 GB</t>
  </si>
  <si>
    <t>Chak 648</t>
  </si>
  <si>
    <t>Amina Begum</t>
  </si>
  <si>
    <t>GGPS MEHRAM WALA MEHARAM WALA</t>
  </si>
  <si>
    <t>Basti Mehram wala moza chata</t>
  </si>
  <si>
    <t>Moza Chatha Uc 131</t>
  </si>
  <si>
    <t>14391</t>
  </si>
  <si>
    <t>GPS HAJI AHMAD</t>
  </si>
  <si>
    <t>basti Shah wali</t>
  </si>
  <si>
    <t>GGMPS PEJUWALI WALI KHURD</t>
  </si>
  <si>
    <t>Pejowali Khurd</t>
  </si>
  <si>
    <t>GGP/S Pejowali khurd</t>
  </si>
  <si>
    <t>Pejowali Khlan</t>
  </si>
  <si>
    <t>Naeema Naimat</t>
  </si>
  <si>
    <t>GHS BEHARI PUR NANKANA SAHIB</t>
  </si>
  <si>
    <t>GHS BEHARI PUR TEHSIL &amp; DISTT: NANKANA SAHIB P/O MANDI FAIZABAD</t>
  </si>
  <si>
    <t>BHACHOW KE PAR</t>
  </si>
  <si>
    <t>zahoor qadir</t>
  </si>
  <si>
    <t>GES HARI PUR</t>
  </si>
  <si>
    <t>Govt. Elementary School, Haripur</t>
  </si>
  <si>
    <t>Tariq Jamil</t>
  </si>
  <si>
    <t>GHS SAMBLAH</t>
  </si>
  <si>
    <t>Govt. High School Samblah, Tehsil Kahuta</t>
  </si>
  <si>
    <t>SAMBLAH</t>
  </si>
  <si>
    <t>KHADIOT</t>
  </si>
  <si>
    <t>water is brought from a spring 2km away from school</t>
  </si>
  <si>
    <t>GMPS SAJOKA</t>
  </si>
  <si>
    <t>sajoka</t>
  </si>
  <si>
    <t>GPS NO.4 AWAMI BASTI T.T.SINGH</t>
  </si>
  <si>
    <t>Awami Basti toba tek singh</t>
  </si>
  <si>
    <t>Sultan Bahadur Shehzqd</t>
  </si>
  <si>
    <t>GMPS NARI KHORI</t>
  </si>
  <si>
    <t>Post Office Rajar Nari Khorian Rawalpindi</t>
  </si>
  <si>
    <t>Nari Khorian</t>
  </si>
  <si>
    <t>Ghulam Zaitoon</t>
  </si>
  <si>
    <t>GPS CHAK 239 GB WEST ANWAR ABAD</t>
  </si>
  <si>
    <t>239 GB West</t>
  </si>
  <si>
    <t>govt. p/s 239 g.b  (west) Anwar abad jaranwala</t>
  </si>
  <si>
    <t>Mc Jaranwala</t>
  </si>
  <si>
    <t>GGES MASOOD ABAD</t>
  </si>
  <si>
    <t>Nishat Colony Maghee Road Chakwal</t>
  </si>
  <si>
    <t>GPS CHAK 152 GB</t>
  </si>
  <si>
    <t>chak no 152gb Toba Tek singh</t>
  </si>
  <si>
    <t>Chak No 152gb</t>
  </si>
  <si>
    <t>151 Gb</t>
  </si>
  <si>
    <t>GPS CHAK NO. 499/EB</t>
  </si>
  <si>
    <t>chak no 499/e.b burewala</t>
  </si>
  <si>
    <t>GGPS FARUKHPUR KOHNA</t>
  </si>
  <si>
    <t>Farukhpur Kohna</t>
  </si>
  <si>
    <t>farukhpur kohna post office qadirabad tehsil phalia district mandi bhauudin</t>
  </si>
  <si>
    <t>Samia Akram</t>
  </si>
  <si>
    <t>GGHS CHAK BASAWA</t>
  </si>
  <si>
    <t>chak baswa</t>
  </si>
  <si>
    <t>Ayesha Rani</t>
  </si>
  <si>
    <t>GES GADDAI</t>
  </si>
  <si>
    <t>Gaddai, dulley wala, darya khan, bhakkar</t>
  </si>
  <si>
    <t>post office bhatta tehsil jand district attock</t>
  </si>
  <si>
    <t>Shahid Marwat</t>
  </si>
  <si>
    <t>arrange water</t>
  </si>
  <si>
    <t>GPS BHARKIN</t>
  </si>
  <si>
    <t>Bharkin</t>
  </si>
  <si>
    <t>bharkin khaliqabad khushab</t>
  </si>
  <si>
    <t>Musadiq Shabbir</t>
  </si>
  <si>
    <t>GGPS SAJAWAL ABAD</t>
  </si>
  <si>
    <t>notak sekhani</t>
  </si>
  <si>
    <t>sajawal abad kala dera ghazi khan</t>
  </si>
  <si>
    <t>chah chandy wala</t>
  </si>
  <si>
    <t>Hafeez Bagum</t>
  </si>
  <si>
    <t>37373</t>
  </si>
  <si>
    <t>GMPS 66-A/15-L, KACHA KHUH</t>
  </si>
  <si>
    <t>Chowk Jamal</t>
  </si>
  <si>
    <t>chak no.66/15L p/o 67/15L kwl</t>
  </si>
  <si>
    <t>66/15L</t>
  </si>
  <si>
    <t>Myda Zahid</t>
  </si>
  <si>
    <t>GPS DHOK LOON TARAP</t>
  </si>
  <si>
    <t>dhoke mulan po tarap teh jand distt attock</t>
  </si>
  <si>
    <t>DHOK MULLAN</t>
  </si>
  <si>
    <t>MUHAMMAD ITBAR KHAN</t>
  </si>
  <si>
    <t>GGPS BENDHAY WALA</t>
  </si>
  <si>
    <t>ggps bhindy wala kala kaloni dera ghazi khan</t>
  </si>
  <si>
    <t>kala kaloni</t>
  </si>
  <si>
    <t>Jamila Khanam</t>
  </si>
  <si>
    <t>Kund North</t>
  </si>
  <si>
    <t>Muhammad ASLAM Khan</t>
  </si>
  <si>
    <t>GPS DERA KANDAN</t>
  </si>
  <si>
    <t>Dera kandan</t>
  </si>
  <si>
    <t>dera kandan</t>
  </si>
  <si>
    <t>GPS 119 JB RASOOL PUR</t>
  </si>
  <si>
    <t>chak 119 jb rasoolpur faisalabad</t>
  </si>
  <si>
    <t>sajjad aziz</t>
  </si>
  <si>
    <t>CANAL WATER</t>
  </si>
  <si>
    <t>Khaliqabad District Khushab</t>
  </si>
  <si>
    <t>Dera Muhammad khan</t>
  </si>
  <si>
    <t>GPS PINDI MEHRWAL</t>
  </si>
  <si>
    <t>Pindi Mehrwal</t>
  </si>
  <si>
    <t>pindi mehrwal</t>
  </si>
  <si>
    <t>GPS BURJ MOHRA</t>
  </si>
  <si>
    <t>Burj Mohra</t>
  </si>
  <si>
    <t>water kane</t>
  </si>
  <si>
    <t>GGPS GUJJAN WALA</t>
  </si>
  <si>
    <t>Gujjan Wala</t>
  </si>
  <si>
    <t>38/2R Basti Gujjan wala</t>
  </si>
  <si>
    <t>38/2R Gujjan Wala</t>
  </si>
  <si>
    <t>GPS CHAK NO. 42 / 3-R MANOLIAN</t>
  </si>
  <si>
    <t>42-3R Manolian</t>
  </si>
  <si>
    <t>42-3R manolian</t>
  </si>
  <si>
    <t>42-3R Sachanwala</t>
  </si>
  <si>
    <t>Mian Zafar Iqbal</t>
  </si>
  <si>
    <t>GES RODA TIBA</t>
  </si>
  <si>
    <t>Village Roda Tiba P/O Vehoa Tehsil Taunsa Distt DG Khan</t>
  </si>
  <si>
    <t>Roda Tibba</t>
  </si>
  <si>
    <t>submersible Pump</t>
  </si>
  <si>
    <t>51459</t>
  </si>
  <si>
    <t>GPS SOHARA</t>
  </si>
  <si>
    <t>Sohara</t>
  </si>
  <si>
    <t>chack  Ameer Sohara</t>
  </si>
  <si>
    <t>Ameer Sohara</t>
  </si>
  <si>
    <t>GMPS KOT HAQ NAWAZ</t>
  </si>
  <si>
    <t>kot haq nawaz</t>
  </si>
  <si>
    <t>Kot Haq Nawaz</t>
  </si>
  <si>
    <t>GGHS CHAK 284 GB I</t>
  </si>
  <si>
    <t>CHAK NO 284 GB TOBA TEK SINGH</t>
  </si>
  <si>
    <t>Shahida Akhtar</t>
  </si>
  <si>
    <t>GmPS CHAK ALLAH YAR</t>
  </si>
  <si>
    <t>Chak Allah Yar</t>
  </si>
  <si>
    <t>GMPS Chak Allah Yar</t>
  </si>
  <si>
    <t>GMMS ARNUM FARM</t>
  </si>
  <si>
    <t>Military Farm Arnum</t>
  </si>
  <si>
    <t>Arnum Farm</t>
  </si>
  <si>
    <t>Asif javed</t>
  </si>
  <si>
    <t>GGPS KOT SHADA</t>
  </si>
  <si>
    <t>Kot Shada</t>
  </si>
  <si>
    <t>kot shada,tehsil shahpur,district sargodha</t>
  </si>
  <si>
    <t>Sajida Farooq</t>
  </si>
  <si>
    <t>GGHS JALLO WALI</t>
  </si>
  <si>
    <t>jallu wali</t>
  </si>
  <si>
    <t>Asma Bano</t>
  </si>
  <si>
    <t>GPS 45/5-L</t>
  </si>
  <si>
    <t>45/5-L Sahiwal</t>
  </si>
  <si>
    <t>44/5-L Sahiwal</t>
  </si>
  <si>
    <t>M. Akram javed</t>
  </si>
  <si>
    <t>19412</t>
  </si>
  <si>
    <t>GPS AWAMI BASTI-II SHUJAH COLONY T.T.SINGH</t>
  </si>
  <si>
    <t>GPS Swami Basti 11 Shujah colony T T Singh</t>
  </si>
  <si>
    <t>29733</t>
  </si>
  <si>
    <t>GPS PATTOKI KOHNA</t>
  </si>
  <si>
    <t>Pattoki kohna</t>
  </si>
  <si>
    <t>Toseef Ahmad</t>
  </si>
  <si>
    <t>GGPS DHORAY WALA NO. 2 SHUJABAD</t>
  </si>
  <si>
    <t>Dhoray-wala</t>
  </si>
  <si>
    <t>Bagrin</t>
  </si>
  <si>
    <t>Rukhsana Bagum</t>
  </si>
  <si>
    <t>50908</t>
  </si>
  <si>
    <t>GPS 69/5-L</t>
  </si>
  <si>
    <t>69/5-L</t>
  </si>
  <si>
    <t>G P S 69/5L</t>
  </si>
  <si>
    <t>69/5L</t>
  </si>
  <si>
    <t>Adeeb Sharif</t>
  </si>
  <si>
    <t>32243</t>
  </si>
  <si>
    <t>GGPS SERRIAN WALA</t>
  </si>
  <si>
    <t>serianwala</t>
  </si>
  <si>
    <t>Bhahrianwala</t>
  </si>
  <si>
    <t>Humaira  Ghafoor</t>
  </si>
  <si>
    <t>GGPS CHAK SHAHBAZ</t>
  </si>
  <si>
    <t>chakshahbaz teh phalia Distrit M.B.Din</t>
  </si>
  <si>
    <t>Chak Shahbax</t>
  </si>
  <si>
    <t>Fozia Ilyas</t>
  </si>
  <si>
    <t>Chah Noor Wala Mouza Dargahi Shah Tehsil 18 hazari District Jhang</t>
  </si>
  <si>
    <t>33239</t>
  </si>
  <si>
    <t>GPS KHANQAH DOGRAN</t>
  </si>
  <si>
    <t>Mohallah Muhammad Pura</t>
  </si>
  <si>
    <t>46388</t>
  </si>
  <si>
    <t>GGES TAITRI</t>
  </si>
  <si>
    <t>Taittri</t>
  </si>
  <si>
    <t>village taittri p/o laghari tehsil noorpur distt khushab</t>
  </si>
  <si>
    <t>GGPS MUHALLAH RAJGAN KAHUTA</t>
  </si>
  <si>
    <t>ggps mohallah rajgan punjar chowk kahuta</t>
  </si>
  <si>
    <t>Muncipal Commetti</t>
  </si>
  <si>
    <t>Wajiha Javed</t>
  </si>
  <si>
    <t>GPS DHOK AZIZ</t>
  </si>
  <si>
    <t>GBPA Dhoke Aziz, P/O Chhab, Tehsil Jand, District Attock.</t>
  </si>
  <si>
    <t>Dhoke Aziz</t>
  </si>
  <si>
    <t>village naich p.o pind dadan khan</t>
  </si>
  <si>
    <t>GGPS MC 4-G, KHANEWAL</t>
  </si>
  <si>
    <t>gg MC primary school number 4 block number 6 Khanewal</t>
  </si>
  <si>
    <t>GGES DHOK DABRIP/O DHOK DABARI CHAKWAL</t>
  </si>
  <si>
    <t>VPO Dhoke Dabri</t>
  </si>
  <si>
    <t>GHS NOORAY WALI</t>
  </si>
  <si>
    <t>Nooray wali</t>
  </si>
  <si>
    <t>GBSS Noor E wali ryk</t>
  </si>
  <si>
    <t>Ghulam Sarwar Sadiq</t>
  </si>
  <si>
    <t>8.62784e+006</t>
  </si>
  <si>
    <t>GGPS 240 RB III</t>
  </si>
  <si>
    <t>240RB111</t>
  </si>
  <si>
    <t>chak no 240 rb 111 Faisalabad</t>
  </si>
  <si>
    <t>240 rB 111</t>
  </si>
  <si>
    <t>239 Khanuana</t>
  </si>
  <si>
    <t>Misbah Yasin</t>
  </si>
  <si>
    <t>GPS CHAK NO.140 EB</t>
  </si>
  <si>
    <t>Chak No140/EB</t>
  </si>
  <si>
    <t>Chak No.140/E.B</t>
  </si>
  <si>
    <t>Chak No148/EB</t>
  </si>
  <si>
    <t>MUZAMMAL SATTAR</t>
  </si>
  <si>
    <t>GGCMS 31 M NO.1</t>
  </si>
  <si>
    <t>31M</t>
  </si>
  <si>
    <t>Rukanpur station 31M</t>
  </si>
  <si>
    <t>Chak 31M</t>
  </si>
  <si>
    <t>GGPS CHAK NO 109/6-R</t>
  </si>
  <si>
    <t>chak 109 /6 r</t>
  </si>
  <si>
    <t>109/6 R</t>
  </si>
  <si>
    <t>Nagina Anwer</t>
  </si>
  <si>
    <t>GGPS IQBAL PURA</t>
  </si>
  <si>
    <t>MaharSharif</t>
  </si>
  <si>
    <t>GGPS Iqbalpura MaharSharif Tahseel Chishtian</t>
  </si>
  <si>
    <t>Basti Iqbalpura</t>
  </si>
  <si>
    <t>Tahira Sadiq</t>
  </si>
  <si>
    <t>GPS CITY NO. 7</t>
  </si>
  <si>
    <t>Block M, DGkhan</t>
  </si>
  <si>
    <t>Hafiz Muhammad Irfan Saeed</t>
  </si>
  <si>
    <t>GHS BORH KHOI</t>
  </si>
  <si>
    <t>Borh Khoi P.O Kalabagh</t>
  </si>
  <si>
    <t>Borh Khoi</t>
  </si>
  <si>
    <t>Rafi Ullah Amin</t>
  </si>
  <si>
    <t>35195</t>
  </si>
  <si>
    <t>GPS CHAK NO.501 EB</t>
  </si>
  <si>
    <t>chak 501/E.B</t>
  </si>
  <si>
    <t>Bashir Ali</t>
  </si>
  <si>
    <t>GES JALAL ABAD</t>
  </si>
  <si>
    <t>Chak Janoobi</t>
  </si>
  <si>
    <t>Al haji colony chak Janoobi jhang</t>
  </si>
  <si>
    <t>Qasim Ali Shah</t>
  </si>
  <si>
    <t>GES 2/9-R, KACHA KHUH</t>
  </si>
  <si>
    <t>chak no. 2/9-R</t>
  </si>
  <si>
    <t>Chak No 2/9-R</t>
  </si>
  <si>
    <t>52427</t>
  </si>
  <si>
    <t>GES QADIR ABAD</t>
  </si>
  <si>
    <t>Moza qadir abad tehsil depalpur district okara</t>
  </si>
  <si>
    <t>GES CHAK NO.146 EB</t>
  </si>
  <si>
    <t>146/e.b</t>
  </si>
  <si>
    <t>chak # 146/e.b    city burewala</t>
  </si>
  <si>
    <t>Chak # 146/e.b</t>
  </si>
  <si>
    <t>chak  148/e/b</t>
  </si>
  <si>
    <t>Ijaz Ahemd</t>
  </si>
  <si>
    <t>GHS NEW COLONY GHULAM MUHAMMAD ABAD</t>
  </si>
  <si>
    <t>GMABAD</t>
  </si>
  <si>
    <t>SHAHI CHOWK GM ABAD FAISALABAD</t>
  </si>
  <si>
    <t>SHAHI CHOWK GM ABAD FAISLABAD</t>
  </si>
  <si>
    <t>48689</t>
  </si>
  <si>
    <t>GGPS FATEH PUR NOON</t>
  </si>
  <si>
    <t>fateh pur noon</t>
  </si>
  <si>
    <t>Fateh Pur Noon</t>
  </si>
  <si>
    <t>Tahira Hashim</t>
  </si>
  <si>
    <t>GGCMES 155 WB</t>
  </si>
  <si>
    <t>chak no 155/W.B</t>
  </si>
  <si>
    <t>village kaka p/o jaura kalan thesil noor pur thal district khushab</t>
  </si>
  <si>
    <t>GPS PIR DA KOT TEHSIL NANKANA</t>
  </si>
  <si>
    <t>Pir Da Kot</t>
  </si>
  <si>
    <t>pir da kot p/o mandi faizabad tehsil and distt nankana sahib</t>
  </si>
  <si>
    <t>Jogay Kot Noubahar</t>
  </si>
  <si>
    <t>Muhammad Naveed Saquib</t>
  </si>
  <si>
    <t>GGPS NASIRABAD COLONY AQIL SHAH</t>
  </si>
  <si>
    <t>Aqilshah</t>
  </si>
  <si>
    <t>Ggps nasirabad colony</t>
  </si>
  <si>
    <t>Nasirabad Colony</t>
  </si>
  <si>
    <t>Ruquia Bano</t>
  </si>
  <si>
    <t>GPS DARHALAN WALA</t>
  </si>
  <si>
    <t>Darhalan wala, Moza Allah Yar Soha, Tehsil Darya Khan District Bhakkar.</t>
  </si>
  <si>
    <t>Darhalan wala</t>
  </si>
  <si>
    <t>GGES RANJHAY WALI</t>
  </si>
  <si>
    <t>Rakh Churhatta</t>
  </si>
  <si>
    <t>sidiqui wala chabri zareen</t>
  </si>
  <si>
    <t>Siddiqui Wala</t>
  </si>
  <si>
    <t>Qurat-ul-ain Khan</t>
  </si>
  <si>
    <t>GES CHAK NO.212/9-R</t>
  </si>
  <si>
    <t>212/9-R</t>
  </si>
  <si>
    <t>chak no.212/9.r tehsil Fortabbas Distt  Bahawalnagar</t>
  </si>
  <si>
    <t>Chak No212 /9 R</t>
  </si>
  <si>
    <t>Chak No 226/9 R</t>
  </si>
  <si>
    <t>GGPS CHAK NO. 141 RB II</t>
  </si>
  <si>
    <t>141rbii Sadarwala</t>
  </si>
  <si>
    <t>Sadarwala 141rbii</t>
  </si>
  <si>
    <t>156rb</t>
  </si>
  <si>
    <t>GPS NO 2 KHURRIANWALA 266 RB</t>
  </si>
  <si>
    <t>266 RB khurrianwala</t>
  </si>
  <si>
    <t>Muhammad Sohail Majeed</t>
  </si>
  <si>
    <t>15283</t>
  </si>
  <si>
    <t>GES CHAK 102 RB JARANWALA</t>
  </si>
  <si>
    <t>Chak  No    102 rb</t>
  </si>
  <si>
    <t>Chak.  no.   102.   rb.    Jaranwala.     Faisalabad</t>
  </si>
  <si>
    <t>Chak   No  102     rb</t>
  </si>
  <si>
    <t>Chak   No   99   rb</t>
  </si>
  <si>
    <t>Muhammad     Sajjad</t>
  </si>
  <si>
    <t>GHS CHAK NO.147/148 NB</t>
  </si>
  <si>
    <t>Lakhuana</t>
  </si>
  <si>
    <t>chak no 147/148nb sillanwali sargodha</t>
  </si>
  <si>
    <t>Chak No147/148nb</t>
  </si>
  <si>
    <t>GPS NOOR WAHI</t>
  </si>
  <si>
    <t>Kotla Ahmad khan</t>
  </si>
  <si>
    <t>Basti bhabay wala mouza kotla Ahmad khan post office Mana Ahmadani tehsil kot chutta district Dera Ghazi khan</t>
  </si>
  <si>
    <t>Bhabay Wala</t>
  </si>
  <si>
    <t>Muhammad Fahad</t>
  </si>
  <si>
    <t>41969</t>
  </si>
  <si>
    <t>GMPS DHOK CHACCH</t>
  </si>
  <si>
    <t>Chacch</t>
  </si>
  <si>
    <t>Dhoke Chacch,post office khas,</t>
  </si>
  <si>
    <t>Dhoke Chacch</t>
  </si>
  <si>
    <t>Sana Nasir</t>
  </si>
  <si>
    <t>GGPS KAYIA</t>
  </si>
  <si>
    <t>Kayia</t>
  </si>
  <si>
    <t>village kayia p/o kashmiribazar teh murree</t>
  </si>
  <si>
    <t>Nighat Mehmooda</t>
  </si>
  <si>
    <t>GGPS CHAK 131 RB 1</t>
  </si>
  <si>
    <t>BUCHOANA</t>
  </si>
  <si>
    <t>chak 131 RB(1),bhouchana</t>
  </si>
  <si>
    <t>131Rb</t>
  </si>
  <si>
    <t>tabassum zia</t>
  </si>
  <si>
    <t>38628</t>
  </si>
  <si>
    <t>GGPS CHAK 11/M</t>
  </si>
  <si>
    <t>Sarwar abad Mouza Allah Yar Soha Tehsil Darya Khan District Bhakkar</t>
  </si>
  <si>
    <t>Sarwar abad</t>
  </si>
  <si>
    <t>GGPS CHAH SOFAID POSH VEHARI ROAD MULTAN</t>
  </si>
  <si>
    <t>basti masoom shah bahawalpur road multan</t>
  </si>
  <si>
    <t>Basti Masoom Shah</t>
  </si>
  <si>
    <t>GGES NARHAL, KABIRWALA</t>
  </si>
  <si>
    <t>mouza narhal p/o kabirwala district khanewal</t>
  </si>
  <si>
    <t>Dogar Klassra</t>
  </si>
  <si>
    <t>chah Mahray Wala</t>
  </si>
  <si>
    <t>Mahray wala</t>
  </si>
  <si>
    <t>irfa tehseen</t>
  </si>
  <si>
    <t>GGPS WADDO WALA</t>
  </si>
  <si>
    <t>Basti wado wala, moza wadowala</t>
  </si>
  <si>
    <t>Basti Wadoowala</t>
  </si>
  <si>
    <t>Meerwala</t>
  </si>
  <si>
    <t>GGHS JALLAH JEEM</t>
  </si>
  <si>
    <t>gghs jallah jeem</t>
  </si>
  <si>
    <t>maria ashraf</t>
  </si>
  <si>
    <t>26071</t>
  </si>
  <si>
    <t>GGHS CHAK MAHNI NEAR PS UMER PUR</t>
  </si>
  <si>
    <t>chak mahni Multan</t>
  </si>
  <si>
    <t>Umerpur</t>
  </si>
  <si>
    <t>farhat nasim</t>
  </si>
  <si>
    <t>GGES RAHIM ABAD KHANANI</t>
  </si>
  <si>
    <t>gpo seetpur</t>
  </si>
  <si>
    <t>momina razaq</t>
  </si>
  <si>
    <t>GGPS MITHA HUNJAN</t>
  </si>
  <si>
    <t>mitha hunjan</t>
  </si>
  <si>
    <t>Mitha Hunjan</t>
  </si>
  <si>
    <t>GPS THATHA ABDUL MALIK</t>
  </si>
  <si>
    <t>Thatha Abdul Malik</t>
  </si>
  <si>
    <t>GPS Thatha Abdul Malik tehsil and district Nankana Sahib</t>
  </si>
  <si>
    <t>EHSAN HAIDER KHAN</t>
  </si>
  <si>
    <t>GHS KAMMAN</t>
  </si>
  <si>
    <t>Ghs Kamman</t>
  </si>
  <si>
    <t>GPS KOT ADMANA</t>
  </si>
  <si>
    <t>Village Kot Admana Post Office Majhi Tehsil &amp; District M.B.Din</t>
  </si>
  <si>
    <t>Sana Mukhtar</t>
  </si>
  <si>
    <t>GPS 112 GB</t>
  </si>
  <si>
    <t>chak 112gb</t>
  </si>
  <si>
    <t>Tauheed Shabnam</t>
  </si>
  <si>
    <t>GPS KOTLI MATUAN</t>
  </si>
  <si>
    <t>Kotli Matwan</t>
  </si>
  <si>
    <t>Village Kotli Matwan Teh. Daska dist. Sialkot</t>
  </si>
  <si>
    <t>GHS CHAK NO.71/F</t>
  </si>
  <si>
    <t>CHAK NO. 71/F HASILPUR</t>
  </si>
  <si>
    <t>GHS CHAK 505 GB TANDLIANWALA FSD</t>
  </si>
  <si>
    <t>CHAK NO 505 GB</t>
  </si>
  <si>
    <t>CHAK NO 505 GB, TEHSIL TANDLIANWALA, DISTRICT FAISALABAD</t>
  </si>
  <si>
    <t>CHAK 498 GB</t>
  </si>
  <si>
    <t>NOOR HASAN</t>
  </si>
  <si>
    <t>GES BEHAR COLONY</t>
  </si>
  <si>
    <t>Mohallah Behar Colony Chiniot</t>
  </si>
  <si>
    <t>GGPS BASTI IBRAHEEM</t>
  </si>
  <si>
    <t>Chak no263wb basti ibrahim</t>
  </si>
  <si>
    <t>Khrala</t>
  </si>
  <si>
    <t>GPS MC AKBAR ABAD  FSD</t>
  </si>
  <si>
    <t>Akbarabad Fsd</t>
  </si>
  <si>
    <t>akbarabad fsd</t>
  </si>
  <si>
    <t>GGHS PAKISTAN SARAFA BAZAR RAWALPINDI</t>
  </si>
  <si>
    <t>Govt.Pakistan GHS,New Sarafa Bazar,RWP</t>
  </si>
  <si>
    <t>Purana Qillah</t>
  </si>
  <si>
    <t>rehana kausar</t>
  </si>
  <si>
    <t>GGES CHAK NO. 335 EB</t>
  </si>
  <si>
    <t>chalk #335/eb</t>
  </si>
  <si>
    <t>Rabia  Ejaz</t>
  </si>
  <si>
    <t>28642</t>
  </si>
  <si>
    <t>GES LADI CHUNIAN</t>
  </si>
  <si>
    <t>vill.Ladi p/o Allah Abad Tehsl Chunian Distt. Kasur</t>
  </si>
  <si>
    <t>Sraisar Hithar</t>
  </si>
  <si>
    <t>Mian Abdul Wahid Anjum</t>
  </si>
  <si>
    <t>GHS DHANI MAIN RAM</t>
  </si>
  <si>
    <t>Govt. High School Dhani Mani Ram</t>
  </si>
  <si>
    <t>25799</t>
  </si>
  <si>
    <t>GGES DOMALA</t>
  </si>
  <si>
    <t>Domala,Narowal</t>
  </si>
  <si>
    <t>GGES CHAK 238 RB FSD</t>
  </si>
  <si>
    <t>238 RB Awan Wala</t>
  </si>
  <si>
    <t>chak no 238 RB awan wala faisalabad</t>
  </si>
  <si>
    <t>Nasreen Afzal</t>
  </si>
  <si>
    <t>GGES MUSA</t>
  </si>
  <si>
    <t>Govt,Girls,Elementary School Musa teh:Hazro dis/Attock</t>
  </si>
  <si>
    <t>GPS CHAK NO 153 JB</t>
  </si>
  <si>
    <t>Gatti Saidan</t>
  </si>
  <si>
    <t>chak no 153 post office 152 tehsil and dist chiniot</t>
  </si>
  <si>
    <t>Chak 153</t>
  </si>
  <si>
    <t>Muhammad Nawaz Shakir</t>
  </si>
  <si>
    <t>35617</t>
  </si>
  <si>
    <t>GPS 331 WB</t>
  </si>
  <si>
    <t>Chak No 331 Wb</t>
  </si>
  <si>
    <t>chak no 331 w.b p/o tibba sultan pur tehsil mailsi</t>
  </si>
  <si>
    <t>47547</t>
  </si>
  <si>
    <t>Mouza bhunday wali Tehsil &amp; District Muzaffar Garh</t>
  </si>
  <si>
    <t>Bhunday Wali</t>
  </si>
  <si>
    <t>GHS CHAK NO.45 SB SGD</t>
  </si>
  <si>
    <t>Hafiz Abdul Jalil Tabassum</t>
  </si>
  <si>
    <t>63201</t>
  </si>
  <si>
    <t>GHS REHANA SAHU, KABIRWALA</t>
  </si>
  <si>
    <t>REHANA SAHU</t>
  </si>
  <si>
    <t>GHS REHANA SAHU KABIRWALA</t>
  </si>
  <si>
    <t>GHSS 494 GB</t>
  </si>
  <si>
    <t>GHSS 494 GB CHAK NO 494 GB</t>
  </si>
  <si>
    <t>chak no.507 gb</t>
  </si>
  <si>
    <t>GGPS MANJITOOR</t>
  </si>
  <si>
    <t>Manjitoor</t>
  </si>
  <si>
    <t>Village manjitoor</t>
  </si>
  <si>
    <t>Zeenat Siddique</t>
  </si>
  <si>
    <t>GGPS UTHWAL JAGEER NEW</t>
  </si>
  <si>
    <t>Govt girls primary school uthwal jageer p/o kohla tehsil and district okara</t>
  </si>
  <si>
    <t>Uthwal Jageer New</t>
  </si>
  <si>
    <t>GGES CHAK NO.373 EB</t>
  </si>
  <si>
    <t>Sheikh FAZAL</t>
  </si>
  <si>
    <t>chak no 373 eb burewala</t>
  </si>
  <si>
    <t>373 Eb</t>
  </si>
  <si>
    <t>riffat shaista</t>
  </si>
  <si>
    <t>GMPS LOKRY MULLAN</t>
  </si>
  <si>
    <t>Lokry Mullan</t>
  </si>
  <si>
    <t>lokry Mullan p.o kunjah teh&amp;dist gujrat</t>
  </si>
  <si>
    <t>Jhauranwali</t>
  </si>
  <si>
    <t>Naila Tabassam</t>
  </si>
  <si>
    <t>GPS BANGLA MURLI DHAR</t>
  </si>
  <si>
    <t>Hassan shah</t>
  </si>
  <si>
    <t>mouza Hassan shah p/o Karam pur Teh:Mailsi Dist vehari</t>
  </si>
  <si>
    <t>Bangla Rasool pur</t>
  </si>
  <si>
    <t>GES MEHBOOB KOT</t>
  </si>
  <si>
    <t>Chak Muhammad Chak Zaman</t>
  </si>
  <si>
    <t>Mehboob Kot</t>
  </si>
  <si>
    <t>53363</t>
  </si>
  <si>
    <t>GMPS 17 GD</t>
  </si>
  <si>
    <t>17Gd</t>
  </si>
  <si>
    <t>17GD</t>
  </si>
  <si>
    <t>18Gd</t>
  </si>
  <si>
    <t>Um E Ammara Sadia</t>
  </si>
  <si>
    <t>Kutt</t>
  </si>
  <si>
    <t>ward no 14 c basti kutt kot adu</t>
  </si>
  <si>
    <t>Basti Kutt</t>
  </si>
  <si>
    <t>Sana Tareen</t>
  </si>
  <si>
    <t>GHS CHAK 168 GB SAMUNDRI FSD</t>
  </si>
  <si>
    <t>Siraj</t>
  </si>
  <si>
    <t>ghs 168 gb</t>
  </si>
  <si>
    <t>Chak 166 GB Melu</t>
  </si>
  <si>
    <t>AZIR LUKE GILL</t>
  </si>
  <si>
    <t>35376</t>
  </si>
  <si>
    <t>GGPS 187 EB</t>
  </si>
  <si>
    <t>187/E.B</t>
  </si>
  <si>
    <t>Maria Sarwar</t>
  </si>
  <si>
    <t>GES CHAK 7 JB  PUNJWAR</t>
  </si>
  <si>
    <t>7 JB PUNJWAR</t>
  </si>
  <si>
    <t>GES CHAK 7 JB PUNJWAR</t>
  </si>
  <si>
    <t>muhammad nisar</t>
  </si>
  <si>
    <t>GGCMS CHAK NO. 25/2-RA</t>
  </si>
  <si>
    <t>Samina Sardar</t>
  </si>
  <si>
    <t>GGES JADAY WALA</t>
  </si>
  <si>
    <t>jaday wala manzoor abad mehmood kot</t>
  </si>
  <si>
    <t>53356</t>
  </si>
  <si>
    <t>GGPS THATHA MUSRERA</t>
  </si>
  <si>
    <t>SADAR Gogera Tehsil Okara distt. okara</t>
  </si>
  <si>
    <t>Nabila Sarwar</t>
  </si>
  <si>
    <t>GPS CHAK NO. 113 GB</t>
  </si>
  <si>
    <t>Gobind Pora</t>
  </si>
  <si>
    <t>chak no 113gb east tehsile jaranawala distric faisalabad</t>
  </si>
  <si>
    <t>Chak113gb east</t>
  </si>
  <si>
    <t>Chak No 112GB</t>
  </si>
  <si>
    <t>GGHS RAJA GAZANFAR COLONY FAISALABAD</t>
  </si>
  <si>
    <t>Chak.no.228/RB</t>
  </si>
  <si>
    <t>GGHS Raja Ghazanfar Ali Khan Labour Colony Distt.Fsd.</t>
  </si>
  <si>
    <t>228/RB BOGNI</t>
  </si>
  <si>
    <t>Chak.No.227/RB</t>
  </si>
  <si>
    <t>TASNEEM IQBAL.</t>
  </si>
  <si>
    <t>14904</t>
  </si>
  <si>
    <t>GPS 70 RB II</t>
  </si>
  <si>
    <t>Hajiabad 70RB ll</t>
  </si>
  <si>
    <t>chak No 70RB ll Teh Jaranwala Dist Faisalabad</t>
  </si>
  <si>
    <t>Hajiabad 70RB Il</t>
  </si>
  <si>
    <t>Gujjar Singh Wala</t>
  </si>
  <si>
    <t>GGHS MUSLIM MODEL NIGHBAN PURA, FAISALABAD</t>
  </si>
  <si>
    <t>Neighban Pura</t>
  </si>
  <si>
    <t>govt. muslim model girls high school neighban pura fsd.</t>
  </si>
  <si>
    <t>Janat ul Firdous</t>
  </si>
  <si>
    <t>GPS 97 RB-I</t>
  </si>
  <si>
    <t>97 RB Johal</t>
  </si>
  <si>
    <t>Chak no 97 RB johal</t>
  </si>
  <si>
    <t>97 RB JOHAL</t>
  </si>
  <si>
    <t>GES CHAK NO. 1 JB</t>
  </si>
  <si>
    <t>chak no 1 jb faisalabad</t>
  </si>
  <si>
    <t>1 JB</t>
  </si>
  <si>
    <t>M TAYYAB ZAUK</t>
  </si>
  <si>
    <t>GPS MC SIR SYED TOWN NO. 1</t>
  </si>
  <si>
    <t>D BLOCK SIR SYED TOWN</t>
  </si>
  <si>
    <t>SIR SYED TOWN</t>
  </si>
  <si>
    <t>Shameher Khan</t>
  </si>
  <si>
    <t>Water Man Out Sider</t>
  </si>
  <si>
    <t>GES NISHAT MODEL NISHAT MILLS COLONY FSD</t>
  </si>
  <si>
    <t>NISHATABAD</t>
  </si>
  <si>
    <t>NISHAT MILLS COLONY NISHATABAD FAISALABAD</t>
  </si>
  <si>
    <t>GHS TARIQ ISLAMIA CHAK 254 RB</t>
  </si>
  <si>
    <t>254 RB</t>
  </si>
  <si>
    <t>GHS TARIQ ISLAMIA CHAK 254 RB KOT TARIQ, FAISALABAD</t>
  </si>
  <si>
    <t>254 RB KOT TARIQ</t>
  </si>
  <si>
    <t>257 RB Jehangir</t>
  </si>
  <si>
    <t>MUHAMMAD ZUBAIR ANJUM</t>
  </si>
  <si>
    <t>16226</t>
  </si>
  <si>
    <t>GGHS CHAK 192 RB FSD</t>
  </si>
  <si>
    <t>192 RB</t>
  </si>
  <si>
    <t>CHAK NO. 192 RB Rasool Nagar Faisalabad</t>
  </si>
  <si>
    <t>192 RB Rasool Nagar Faisalabad</t>
  </si>
  <si>
    <t>GGHS CHAK NO 224 RB WAZIR KHAN</t>
  </si>
  <si>
    <t>gGHS 224 r.B WAZIR KHAN WALI FSD</t>
  </si>
  <si>
    <t>224 r.b</t>
  </si>
  <si>
    <t>SHALIMAR PARK</t>
  </si>
  <si>
    <t>GGPS TIBBI JAWAHIR CHAK NO. 29/RB</t>
  </si>
  <si>
    <t>Tibbi Jawahir</t>
  </si>
  <si>
    <t>tibbi jawahir chak no 29</t>
  </si>
  <si>
    <t>Juggiya</t>
  </si>
  <si>
    <t>Ammara Safdar</t>
  </si>
  <si>
    <t>GGES CHAK NO. 28/2-RA</t>
  </si>
  <si>
    <t>28/2 R Okara</t>
  </si>
  <si>
    <t>28/2 R okara</t>
  </si>
  <si>
    <t>25/2 R Okara</t>
  </si>
  <si>
    <t>GGES CHAK NO.56/DB</t>
  </si>
  <si>
    <t>CHAK NO 56/DB</t>
  </si>
  <si>
    <t>chak no.56Ddak khana khas teh yazman</t>
  </si>
  <si>
    <t>MUNCIPAL COMMITEE</t>
  </si>
  <si>
    <t>Shazia Khanum</t>
  </si>
  <si>
    <t>GGPS DERA MANZOOR HUSSAIN</t>
  </si>
  <si>
    <t>Dera Manzoor Hussain</t>
  </si>
  <si>
    <t>GGES JHARKIL</t>
  </si>
  <si>
    <t>jharkil tehsil noorpur thal</t>
  </si>
  <si>
    <t>Sadia Islam</t>
  </si>
  <si>
    <t>GHS CHAK NO.50 WB</t>
  </si>
  <si>
    <t>chak no 50 wb</t>
  </si>
  <si>
    <t>50wb</t>
  </si>
  <si>
    <t>52wb</t>
  </si>
  <si>
    <t>SAEED Ahmad</t>
  </si>
  <si>
    <t>113348</t>
  </si>
  <si>
    <t>GPS ADIL SHAH</t>
  </si>
  <si>
    <t>Basti Bhaya Moza Kacha Bhutta</t>
  </si>
  <si>
    <t>Tufail Muhammad</t>
  </si>
  <si>
    <t>33364</t>
  </si>
  <si>
    <t>GHS WALI PUR BORA 175/RB</t>
  </si>
  <si>
    <t>Walipur Bura</t>
  </si>
  <si>
    <t>Walipur Bura 175 RB.Tehsil Shahkot, Nankana Sahib</t>
  </si>
  <si>
    <t>Walipur Bura 175RB</t>
  </si>
  <si>
    <t>MUHAMMAD ASIM RASHID</t>
  </si>
  <si>
    <t>GPS KHAIRAYWAL</t>
  </si>
  <si>
    <t>Khairaywal</t>
  </si>
  <si>
    <t>vpo khairaywal tehsil phalia district Mandi baha ud din</t>
  </si>
  <si>
    <t>GPS CHAK 291 GB II</t>
  </si>
  <si>
    <t>CHAK 291GB II</t>
  </si>
  <si>
    <t>GOVT.PRIMARY SCHOOL 291GB II Madina Park</t>
  </si>
  <si>
    <t>GES LUDDAN</t>
  </si>
  <si>
    <t>Luddn</t>
  </si>
  <si>
    <t>GHS SAKESAR BASE</t>
  </si>
  <si>
    <t>sakesar</t>
  </si>
  <si>
    <t>GHS sakesar, PAF base sakesar, district khushab</t>
  </si>
  <si>
    <t>PAF Base Sakesar</t>
  </si>
  <si>
    <t>uchhali</t>
  </si>
  <si>
    <t>GPS CENTRAL JAIL KOT LAKHPAT LHR</t>
  </si>
  <si>
    <t>Farid Colony</t>
  </si>
  <si>
    <t>central jail lhr</t>
  </si>
  <si>
    <t>Muhammad Imran Ch</t>
  </si>
  <si>
    <t>GPS 44/5-L FOUJIAN</t>
  </si>
  <si>
    <t>44/5L  F</t>
  </si>
  <si>
    <t>G P S 44/5L F</t>
  </si>
  <si>
    <t>44/5L Fojian Wali</t>
  </si>
  <si>
    <t>GGPS BASTI ROHARI</t>
  </si>
  <si>
    <t>basti rohari postoffice khas darien T&amp;D m.garh</t>
  </si>
  <si>
    <t>Basti Rohari</t>
  </si>
  <si>
    <t>GGPS CHAK 51/P</t>
  </si>
  <si>
    <t>Ch No 51/p</t>
  </si>
  <si>
    <t>GGPSChak 51/ P</t>
  </si>
  <si>
    <t>ChNo 51/p</t>
  </si>
  <si>
    <t>GMPS DHARAY DA WARA</t>
  </si>
  <si>
    <t>dharay da wara</t>
  </si>
  <si>
    <t>Shazia Gulzar</t>
  </si>
  <si>
    <t>GGPS KOTLY VERYAM SINGH</t>
  </si>
  <si>
    <t>Kotly Veryam Singh</t>
  </si>
  <si>
    <t>Village Kotli Veryam Singh Tehsil &amp; District Narowal</t>
  </si>
  <si>
    <t>Kotly Lakhs Singh</t>
  </si>
  <si>
    <t>GGES NUSRAT WAZIRABAD</t>
  </si>
  <si>
    <t>mohalla kareem pura wazirabad</t>
  </si>
  <si>
    <t>Zahra Talib</t>
  </si>
  <si>
    <t>GES CHAK NO.101 WB</t>
  </si>
  <si>
    <t>Chak No 101/WB</t>
  </si>
  <si>
    <t>chak no 101/W.B, Vehari</t>
  </si>
  <si>
    <t>Chak No 101/WB101/WB</t>
  </si>
  <si>
    <t>Chak No 95/WB</t>
  </si>
  <si>
    <t>33425</t>
  </si>
  <si>
    <t>GPS DALLA CHANDA SINGH CHAK 85/RB</t>
  </si>
  <si>
    <t>Chak No 85 Rb</t>
  </si>
  <si>
    <t>chak no 85Dalla Chanda Singh</t>
  </si>
  <si>
    <t>Liaqat Ali Farooqi</t>
  </si>
  <si>
    <t>35579</t>
  </si>
  <si>
    <t>GGHS CHAK NO.195/WB</t>
  </si>
  <si>
    <t>chak no 195/WB P/O Dokota , tehsil mailsi district vehari</t>
  </si>
  <si>
    <t>Chak No 195/WB</t>
  </si>
  <si>
    <t>Tayyba Rashid</t>
  </si>
  <si>
    <t>36244</t>
  </si>
  <si>
    <t>GES CHAK NO. 91/WB</t>
  </si>
  <si>
    <t>91/WB</t>
  </si>
  <si>
    <t>GES 91/WB VEHARI MARKAZ CHAKRALA</t>
  </si>
  <si>
    <t>87/WB</t>
  </si>
  <si>
    <t>GPS CHAK NO.232/TDA</t>
  </si>
  <si>
    <t>Moj garh</t>
  </si>
  <si>
    <t>Chak no 232/tda p/o Fateh pur Tehsil karor Distt Layyah</t>
  </si>
  <si>
    <t>Chak No 232/TDA</t>
  </si>
  <si>
    <t>GPS CHAK 591 GB II</t>
  </si>
  <si>
    <t>591GB Ganga Pur</t>
  </si>
  <si>
    <t>chak no 591 gb 2</t>
  </si>
  <si>
    <t>Fakhrullah Khan</t>
  </si>
  <si>
    <t>GGPS GUL MUHAMMAD NO 2  MULTAN</t>
  </si>
  <si>
    <t>moza gul muhammad wala 18 kassi vehari road multan</t>
  </si>
  <si>
    <t>Gul Muhammad Walla</t>
  </si>
  <si>
    <t>34782</t>
  </si>
  <si>
    <t>GES KEHER WAH P/O SAEED ABAD</t>
  </si>
  <si>
    <t>kehar wah</t>
  </si>
  <si>
    <t>basti kehar wah p/o karam ali wala</t>
  </si>
  <si>
    <t>dilshad ahmad khan</t>
  </si>
  <si>
    <t>GGES MC MODEL PHALIA</t>
  </si>
  <si>
    <t>Ghanian Road Phalia Ameer</t>
  </si>
  <si>
    <t>Robina Akbar</t>
  </si>
  <si>
    <t>11819</t>
  </si>
  <si>
    <t>GGPS BASTI ASHRAF SHAH</t>
  </si>
  <si>
    <t>Basti Ashraf shah</t>
  </si>
  <si>
    <t>Basti Ashraf Shah</t>
  </si>
  <si>
    <t>GGPS CHAK NO. 1 RMK</t>
  </si>
  <si>
    <t>Chak No1rmk</t>
  </si>
  <si>
    <t>GGPS.1rmk</t>
  </si>
  <si>
    <t>Samia Hanif</t>
  </si>
  <si>
    <t>GPS 43 EB</t>
  </si>
  <si>
    <t>43/eb</t>
  </si>
  <si>
    <t>43/EB TEH.ARIFWALA DISTT.PAKPATTAN</t>
  </si>
  <si>
    <t>Abdul Hameed Kamal</t>
  </si>
  <si>
    <t>bloha ara kahuta</t>
  </si>
  <si>
    <t>Bloha</t>
  </si>
  <si>
    <t>Urban North</t>
  </si>
  <si>
    <t>GPS CHAK NO 141 M</t>
  </si>
  <si>
    <t>141/M</t>
  </si>
  <si>
    <t>chak no 141 muraad tehsil chishitian disit. Bahawalnagar</t>
  </si>
  <si>
    <t>GGES KHAJULA</t>
  </si>
  <si>
    <t>Khajoola</t>
  </si>
  <si>
    <t>khajoola</t>
  </si>
  <si>
    <t>GPS ZOHRANIAN WALA</t>
  </si>
  <si>
    <t>GPS Zohranian wala tehsil darya khan District Bhakkar</t>
  </si>
  <si>
    <t>GES MIANWALI BANGLA NO.1</t>
  </si>
  <si>
    <t>mianwali bangla ,tehsil daska,  District Sialkot</t>
  </si>
  <si>
    <t>GPS 563 GB E</t>
  </si>
  <si>
    <t>chak no.563 GB(East)</t>
  </si>
  <si>
    <t>Chak No 563 GB</t>
  </si>
  <si>
    <t>Muhammad Khalid Waheed</t>
  </si>
  <si>
    <t>Bait Sulman</t>
  </si>
  <si>
    <t>besti Aziz Abad teh. Jatoi dist.  m .garh</t>
  </si>
  <si>
    <t>M C City Jatoi</t>
  </si>
  <si>
    <t>Uzma Naseem</t>
  </si>
  <si>
    <t>28313</t>
  </si>
  <si>
    <t>GPS DHABOOLA</t>
  </si>
  <si>
    <t>villege Dhaboola Post office Agroya Tehsil Phalia distt mbdin</t>
  </si>
  <si>
    <t>Dehrekan</t>
  </si>
  <si>
    <t>52446</t>
  </si>
  <si>
    <t>GES QILA SONDHA SINGH</t>
  </si>
  <si>
    <t>Qila Sondha Singh, Teh. Depalpur, Distt. Okara</t>
  </si>
  <si>
    <t>GMPS MOHRA RAJGAN</t>
  </si>
  <si>
    <t>Mohra Rajgan</t>
  </si>
  <si>
    <t>Vil Mohra Rajgan Post office Lehr sultan pur Teh choa ss Dis chakwal</t>
  </si>
  <si>
    <t>Naveeda Kausar</t>
  </si>
  <si>
    <t>GMPS LAILY PUR</t>
  </si>
  <si>
    <t>Laili Pur</t>
  </si>
  <si>
    <t>Gmps LailiPur Budhla sant Multan</t>
  </si>
  <si>
    <t>Gulam hussain wala</t>
  </si>
  <si>
    <t>Khagy wala</t>
  </si>
  <si>
    <t>GPS FAROOQ PARK JARANWALA</t>
  </si>
  <si>
    <t>Bilal Gunj jrw</t>
  </si>
  <si>
    <t>Jrw City</t>
  </si>
  <si>
    <t>Nauman Irshad</t>
  </si>
  <si>
    <t>GHSS GAGGOO</t>
  </si>
  <si>
    <t>GAGGOO</t>
  </si>
  <si>
    <t>SHAIKH FAZAL ROAD GAGGOO</t>
  </si>
  <si>
    <t>GHS CHAK 192 RB</t>
  </si>
  <si>
    <t>Chak NO 192 Rb</t>
  </si>
  <si>
    <t>Chak NO 192 Rb Rasool Nagar Fsd</t>
  </si>
  <si>
    <t>GGPS GARAY WAHIN</t>
  </si>
  <si>
    <t>Fathy Shah Wala</t>
  </si>
  <si>
    <t>gairy whain liaqat abad</t>
  </si>
  <si>
    <t>Gairy Wahain</t>
  </si>
  <si>
    <t>Gairy Whaim</t>
  </si>
  <si>
    <t>Razia Shabir</t>
  </si>
  <si>
    <t>53739</t>
  </si>
  <si>
    <t>GPS CHAK 67 A.M.L</t>
  </si>
  <si>
    <t>Chak No 67/AML Tehsil Renala Khurd District</t>
  </si>
  <si>
    <t>Chak No  67/AML</t>
  </si>
  <si>
    <t>L plot Fojian</t>
  </si>
  <si>
    <t>GGPS USMA</t>
  </si>
  <si>
    <t>Usman</t>
  </si>
  <si>
    <t>Village usman post office harnpur</t>
  </si>
  <si>
    <t>Harnpur</t>
  </si>
  <si>
    <t>Afshan Saeed</t>
  </si>
  <si>
    <t>GPS CHAK NO 20 GHAGH</t>
  </si>
  <si>
    <t>20 ghagh</t>
  </si>
  <si>
    <t>chak no 20 ghagh</t>
  </si>
  <si>
    <t>Chak No 20 Ghagh</t>
  </si>
  <si>
    <t>Kaki Nou Soaim</t>
  </si>
  <si>
    <t>GPS GUJJAR</t>
  </si>
  <si>
    <t>Gujjar tehsil pind dadan khan distt.Jhelum</t>
  </si>
  <si>
    <t>GGPS CHAK NO.38/WB</t>
  </si>
  <si>
    <t>38/wb</t>
  </si>
  <si>
    <t>chak 38/wb</t>
  </si>
  <si>
    <t>GGPS SAIDAN SHAH</t>
  </si>
  <si>
    <t>Saidan Shah</t>
  </si>
  <si>
    <t>Mouza Saidan shah</t>
  </si>
  <si>
    <t>Shahla Hameed</t>
  </si>
  <si>
    <t>sailkot road Hajipura</t>
  </si>
  <si>
    <t>Nasira Siddique</t>
  </si>
  <si>
    <t>GGHS CHAK 674/15GB</t>
  </si>
  <si>
    <t>Chak No 674/15 GB Pirmahal</t>
  </si>
  <si>
    <t>Rubina Hanif</t>
  </si>
  <si>
    <t>GPS BOHGUN</t>
  </si>
  <si>
    <t>Village Bohgan PO Lakhoki Tehsil Cantt Distt Lahore</t>
  </si>
  <si>
    <t>Khan Muhammad Zahid</t>
  </si>
  <si>
    <t>GPS CHAK NO.36/2RA</t>
  </si>
  <si>
    <t>36/2 RA</t>
  </si>
  <si>
    <t>chak no.36/2ra okara</t>
  </si>
  <si>
    <t>38/2 RA</t>
  </si>
  <si>
    <t>Muhammad  Rizwan Qadri</t>
  </si>
  <si>
    <t>GPS CHAH TOTAIJA</t>
  </si>
  <si>
    <t>Basti Chah Totaija Harrapa district Sahiwal</t>
  </si>
  <si>
    <t>Chah Totaija</t>
  </si>
  <si>
    <t>Muhammad Amin Shakir</t>
  </si>
  <si>
    <t>GGPS CHAK 441/GB III SAMUNDARI NAI ABADI</t>
  </si>
  <si>
    <t>441 GB</t>
  </si>
  <si>
    <t>chak 441 GB 3 nai abadi</t>
  </si>
  <si>
    <t>Chak  441/3</t>
  </si>
  <si>
    <t>Sadawala</t>
  </si>
  <si>
    <t>Pameela Aftab</t>
  </si>
  <si>
    <t>GmPS SHEIKHAN WALA</t>
  </si>
  <si>
    <t>chak shiekhan wala tehsil shahpur district sargodha</t>
  </si>
  <si>
    <t>GMPS NADALA PACCA</t>
  </si>
  <si>
    <t>Naddala Pacca</t>
  </si>
  <si>
    <t>Nadala pacca</t>
  </si>
  <si>
    <t>GGPS LOWER DHELA</t>
  </si>
  <si>
    <t>village dehla post ofic Phagwari teh Murree dist RWP</t>
  </si>
  <si>
    <t>Rauf UN Nisa</t>
  </si>
  <si>
    <t>24465</t>
  </si>
  <si>
    <t>GGPS RAJADAY WALI</t>
  </si>
  <si>
    <t>Rajadewali</t>
  </si>
  <si>
    <t>PO Rajadewali tehsil pasrur district sialkot</t>
  </si>
  <si>
    <t>GPS KOT DOOLA SINGH</t>
  </si>
  <si>
    <t>Kot Dhoola Singh</t>
  </si>
  <si>
    <t>GPS kot doola singh</t>
  </si>
  <si>
    <t>Narooki Majah</t>
  </si>
  <si>
    <t>14332</t>
  </si>
  <si>
    <t>GPS DHANNO SHAH</t>
  </si>
  <si>
    <t>RAKH PURYWAR</t>
  </si>
  <si>
    <t>BASTI DHANO SHAH MOZA RAKH PURYWAR UMER KOT TEHSIL ROJHAN DISTRICT RAJANPUR</t>
  </si>
  <si>
    <t>DHANO SHAH</t>
  </si>
  <si>
    <t>Shamsa Masood</t>
  </si>
  <si>
    <t>GMPS  NARALA</t>
  </si>
  <si>
    <t>narala</t>
  </si>
  <si>
    <t>Village narala teh kahuta rawalpindi Po aliot</t>
  </si>
  <si>
    <t>Sumira Bibi</t>
  </si>
  <si>
    <t>34835</t>
  </si>
  <si>
    <t>GPS BOHAR P/O JUGGO WALA</t>
  </si>
  <si>
    <t>basti bohar p/o juggu wala</t>
  </si>
  <si>
    <t>basti bohar</t>
  </si>
  <si>
    <t>juggu walla</t>
  </si>
  <si>
    <t>GPS CHTTI P/O MORE KHUNDA</t>
  </si>
  <si>
    <t>Gps chitti</t>
  </si>
  <si>
    <t>Hafat Madar</t>
  </si>
  <si>
    <t>GGPS CHAK NO. 182/EB VEHARI</t>
  </si>
  <si>
    <t>chak no 182/EB Vehari</t>
  </si>
  <si>
    <t>Raheela Aslam</t>
  </si>
  <si>
    <t>BeerBaran</t>
  </si>
  <si>
    <t>shah hussain Teh Bhera Disst sargodha</t>
  </si>
  <si>
    <t>Shsh Hussain</t>
  </si>
  <si>
    <t>Rakhcharagah</t>
  </si>
  <si>
    <t>GGPS TANGI</t>
  </si>
  <si>
    <t>Tangi</t>
  </si>
  <si>
    <t>village Tangi.Teh.Kahuta.Dis.Rwp</t>
  </si>
  <si>
    <t>Urban Shamali</t>
  </si>
  <si>
    <t>Robina Samunder</t>
  </si>
  <si>
    <t>GGPS NAKKO</t>
  </si>
  <si>
    <t>Nukko</t>
  </si>
  <si>
    <t>village nukko p\ o sayyed tehsil gujarkhan didtt Rawalpindi</t>
  </si>
  <si>
    <t>GES GORAYA</t>
  </si>
  <si>
    <t>Goraya markz colony shaukat abad tehsil and disttrict Nankana Sahib</t>
  </si>
  <si>
    <t>Kot bini das</t>
  </si>
  <si>
    <t>33944</t>
  </si>
  <si>
    <t>GPS INJRA</t>
  </si>
  <si>
    <t>VPO Injra Tehsil Jand Distt Attock</t>
  </si>
  <si>
    <t>Rafiullah Khan</t>
  </si>
  <si>
    <t>GES CHAK NO 139 JB</t>
  </si>
  <si>
    <t>chak no139 jb chiniot</t>
  </si>
  <si>
    <t>chak no 139 jb chiniot</t>
  </si>
  <si>
    <t>chak no 140 jb chiniot</t>
  </si>
  <si>
    <t>Muhammad Atif Zahid</t>
  </si>
  <si>
    <t>GES CHAK NO. 428/6-R</t>
  </si>
  <si>
    <t>428/6-R</t>
  </si>
  <si>
    <t>432/6-R</t>
  </si>
  <si>
    <t>32715</t>
  </si>
  <si>
    <t>GGHS KARYAL CHAK NO.17 GB</t>
  </si>
  <si>
    <t>KARYAL CHAK 17 GB</t>
  </si>
  <si>
    <t>GGHS KARYAL CHAK 17 GB TEHSIL AND DISTRICT NANKANA SAHIB</t>
  </si>
  <si>
    <t>GARMOOLA CHAK NO. 12 GB</t>
  </si>
  <si>
    <t>GGES CHAK 122/6-R</t>
  </si>
  <si>
    <t>chak#122/6R.the, haroonabad,dist BWN</t>
  </si>
  <si>
    <t>Chak#101/6R</t>
  </si>
  <si>
    <t>GES ISLAMIA PARK FSD</t>
  </si>
  <si>
    <t>Sant Singh</t>
  </si>
  <si>
    <t>Govt. M.C. Elementary School Islamia Park Faisalabad</t>
  </si>
  <si>
    <t>Saadat Ali</t>
  </si>
  <si>
    <t>GPS CHARJAGIRAN</t>
  </si>
  <si>
    <t>PO Maira Sharif Charjagiran</t>
  </si>
  <si>
    <t>GGPS CHAK NO 164 EB</t>
  </si>
  <si>
    <t>164/eb</t>
  </si>
  <si>
    <t>g.g p/s 164/eb.teh&amp;dist.vehari</t>
  </si>
  <si>
    <t>166/eb</t>
  </si>
  <si>
    <t>GES TORI ALLAH YAR</t>
  </si>
  <si>
    <t>tori allah yar</t>
  </si>
  <si>
    <t>chachky gill</t>
  </si>
  <si>
    <t>Muhammad Safeer Ahmad</t>
  </si>
  <si>
    <t>GPS CHAK NO. 73-A/5-L</t>
  </si>
  <si>
    <t>73A/5L</t>
  </si>
  <si>
    <t>GPS 73A/5L</t>
  </si>
  <si>
    <t>M Mushtaq Anjum</t>
  </si>
  <si>
    <t>48670</t>
  </si>
  <si>
    <t>GGPS ALI PUR NOON</t>
  </si>
  <si>
    <t>Ali Pur Noon</t>
  </si>
  <si>
    <t>ali pur noon</t>
  </si>
  <si>
    <t>Muqadas Amir</t>
  </si>
  <si>
    <t>36332</t>
  </si>
  <si>
    <t>GGES 160 EB</t>
  </si>
  <si>
    <t>160/EB</t>
  </si>
  <si>
    <t>chak no 160/E.B Vehari</t>
  </si>
  <si>
    <t>Sayyeda Yasin Fatima</t>
  </si>
  <si>
    <t>GGPS BAKHAY WALA</t>
  </si>
  <si>
    <t>Thind Khurd Nasheeb</t>
  </si>
  <si>
    <t>GGPS bakhy wala Monza thind khurd nasheeb layyah</t>
  </si>
  <si>
    <t>Sumra Nasheeb</t>
  </si>
  <si>
    <t>bitti</t>
  </si>
  <si>
    <t>GGPSCheenawala</t>
  </si>
  <si>
    <t>cheenawala</t>
  </si>
  <si>
    <t>Tehrin Javed</t>
  </si>
  <si>
    <t>41967</t>
  </si>
  <si>
    <t>GMPS DHALWALI MOHRAH</t>
  </si>
  <si>
    <t>Dhalwali Morah</t>
  </si>
  <si>
    <t>Village dhalwali morah post office sangral teh and distt rwp</t>
  </si>
  <si>
    <t>Asia Yaqoob</t>
  </si>
  <si>
    <t>GPS BAJAR</t>
  </si>
  <si>
    <t>village bajjar p/o langarpur teh&amp;distt jhelum</t>
  </si>
  <si>
    <t>from neighborhood</t>
  </si>
  <si>
    <t>45539</t>
  </si>
  <si>
    <t>GPS CHAH AWANAN WALA</t>
  </si>
  <si>
    <t>Chah awanawala Kath post office dullewala</t>
  </si>
  <si>
    <t>Chah Awanawala</t>
  </si>
  <si>
    <t>42696</t>
  </si>
  <si>
    <t>GGPS GUSROR</t>
  </si>
  <si>
    <t>Village Gasroor P.O Thati Tehsil Gujar Khan Distt Rawalpindi</t>
  </si>
  <si>
    <t>Sehrish Douraiz</t>
  </si>
  <si>
    <t>GMPS CHOOKNAN WALI</t>
  </si>
  <si>
    <t>Chooknanwali</t>
  </si>
  <si>
    <t>chooknanwali post office kunjah Tehsil District Gujrat.</t>
  </si>
  <si>
    <t>Shadiwal Mehmood K</t>
  </si>
  <si>
    <t>GGPS CHAK 129 RB</t>
  </si>
  <si>
    <t>Ransewal 129 RB 1 chak  jhumra fsd</t>
  </si>
  <si>
    <t>Pakadalla</t>
  </si>
  <si>
    <t>Saliha Jamil</t>
  </si>
  <si>
    <t>GMPS MANDAWAL</t>
  </si>
  <si>
    <t>mandwal</t>
  </si>
  <si>
    <t>GGES KANDAIR</t>
  </si>
  <si>
    <t>basti chokran moza kandair</t>
  </si>
  <si>
    <t>Chokran</t>
  </si>
  <si>
    <t>GMPS SAI KAY SALOKAY</t>
  </si>
  <si>
    <t>Sai Hussain Kay</t>
  </si>
  <si>
    <t>GMPS sai Kay salol kay tehsil Bhowana dist chiniot</t>
  </si>
  <si>
    <t>Sai Kay Salol Kay</t>
  </si>
  <si>
    <t>Tassawar Batool</t>
  </si>
  <si>
    <t>37091</t>
  </si>
  <si>
    <t>GHS 58/10-R, KHANEWAL</t>
  </si>
  <si>
    <t>CHAK SHAHANA</t>
  </si>
  <si>
    <t>GHS 58/10-R KHANEWAL</t>
  </si>
  <si>
    <t>GPS CHAK 238 GB I</t>
  </si>
  <si>
    <t>238G B</t>
  </si>
  <si>
    <t>239 G B</t>
  </si>
  <si>
    <t>GGPS BORING MUSTAFA KHAN</t>
  </si>
  <si>
    <t>tibba pathan wala dakkhana shah pur dorata district layyah</t>
  </si>
  <si>
    <t>Tibba Pathan Wala</t>
  </si>
  <si>
    <t>Riffat Ul Ain</t>
  </si>
  <si>
    <t>GPS CHAK NO.222-A/TDA</t>
  </si>
  <si>
    <t>Chak no 222A/TDA tehsil karor diet. Layyah</t>
  </si>
  <si>
    <t>Chak No 222-A/TDA</t>
  </si>
  <si>
    <t>Muhammad Noor Zaman</t>
  </si>
  <si>
    <t>GMPS KOTLI BHAGO</t>
  </si>
  <si>
    <t>Kotli Bhago</t>
  </si>
  <si>
    <t>Near Qabristan Kotli Bhago</t>
  </si>
  <si>
    <t>GPS 202 RB I WEST BHIWALA</t>
  </si>
  <si>
    <t>202 RB Bhaiwala Faisalabad</t>
  </si>
  <si>
    <t>GGES 17/D, ABDUL HAKIM</t>
  </si>
  <si>
    <t>Chak 17-D darkhana</t>
  </si>
  <si>
    <t>CHAK NO. 17 D</t>
  </si>
  <si>
    <t>DARKHANA</t>
  </si>
  <si>
    <t>SIDRAH ASHFAQ</t>
  </si>
  <si>
    <t>2 handpumps and water pump</t>
  </si>
  <si>
    <t>GGPS CHAK NO 79/TDA</t>
  </si>
  <si>
    <t>chak no. 79/TDA, basti ganjar, tehsil karor lal e san district layyah.</t>
  </si>
  <si>
    <t>basti ganjar</t>
  </si>
  <si>
    <t>IQRA YASMEEN</t>
  </si>
  <si>
    <t>GGPS BANGLA NASIR KHAN</t>
  </si>
  <si>
    <t>Do Charga</t>
  </si>
  <si>
    <t>bangla nasir khan post office rana nagar layyah</t>
  </si>
  <si>
    <t>Shad Khan</t>
  </si>
  <si>
    <t>Faryal mehmood</t>
  </si>
  <si>
    <t>GPS CHAK 99 GB</t>
  </si>
  <si>
    <t>101GB</t>
  </si>
  <si>
    <t>chak no 99GB</t>
  </si>
  <si>
    <t>99GB</t>
  </si>
  <si>
    <t>GMPS KOTLI ALI AHMAD</t>
  </si>
  <si>
    <t>wazidi</t>
  </si>
  <si>
    <t>Kotli Ali Ahmad</t>
  </si>
  <si>
    <t>Musarat Mumtaz</t>
  </si>
  <si>
    <t>GPS CHANU MAHTAM</t>
  </si>
  <si>
    <t>Channu Mahtam</t>
  </si>
  <si>
    <t>markaz Akbar teh &amp; district okara</t>
  </si>
  <si>
    <t>m iqbal anjum</t>
  </si>
  <si>
    <t>GGPS DHOK SEHR</t>
  </si>
  <si>
    <t>village o post office sehr bagla murree</t>
  </si>
  <si>
    <t>Dhok Sehr</t>
  </si>
  <si>
    <t>Seema Shafiq</t>
  </si>
  <si>
    <t>41361</t>
  </si>
  <si>
    <t>GPS LANGHAR</t>
  </si>
  <si>
    <t>Perhinna</t>
  </si>
  <si>
    <t>Langhar po Bann Tehsil Murree</t>
  </si>
  <si>
    <t>Langhar</t>
  </si>
  <si>
    <t>14887</t>
  </si>
  <si>
    <t>GGPS CHAK NO. 91 D</t>
  </si>
  <si>
    <t>91/D</t>
  </si>
  <si>
    <t>GGPS 91/D</t>
  </si>
  <si>
    <t>Zainab Akhtar</t>
  </si>
  <si>
    <t>Water Pump and Hand Pump</t>
  </si>
  <si>
    <t>GES MODEL TAUNSA</t>
  </si>
  <si>
    <t>Govt.Model Middle School Taunsa Sharif</t>
  </si>
  <si>
    <t>Abdul Basit Khan</t>
  </si>
  <si>
    <t>GGPS CHAK 406 GB NORTH TANDLIANWALA</t>
  </si>
  <si>
    <t>chak 406 gb North</t>
  </si>
  <si>
    <t>406GB North</t>
  </si>
  <si>
    <t>Aqsa Irshad</t>
  </si>
  <si>
    <t>GGPS IMTIAZ ABAD</t>
  </si>
  <si>
    <t>Basti machi wala Sumra Nashaib Layyah</t>
  </si>
  <si>
    <t>Ruqia Sultana</t>
  </si>
  <si>
    <t>16291</t>
  </si>
  <si>
    <t>GGPS SABOOKA</t>
  </si>
  <si>
    <t>Sabooka</t>
  </si>
  <si>
    <t>moza Sabooka</t>
  </si>
  <si>
    <t>Wajiha Atta</t>
  </si>
  <si>
    <t>GGPS BASTI WAHEER</t>
  </si>
  <si>
    <t>wastiwaheer ggps 12 block</t>
  </si>
  <si>
    <t>12block Jbd</t>
  </si>
  <si>
    <t>MC 2 JAUHARABAD</t>
  </si>
  <si>
    <t>Rukhsana Rehman</t>
  </si>
  <si>
    <t>GPS HAQ BAHU COLONY</t>
  </si>
  <si>
    <t>Kot Nolan</t>
  </si>
  <si>
    <t>haq bahoo colony</t>
  </si>
  <si>
    <t>Haq Bahoo</t>
  </si>
  <si>
    <t>46582</t>
  </si>
  <si>
    <t>GHS CHAK NO 35 DB</t>
  </si>
  <si>
    <t>Quaiabad</t>
  </si>
  <si>
    <t>GHS. 35DB</t>
  </si>
  <si>
    <t>35DB</t>
  </si>
  <si>
    <t>GES MALIK BAHAWAL PO PAKPATTAN</t>
  </si>
  <si>
    <t>MALIK BAHAWAL</t>
  </si>
  <si>
    <t>CHAK MALIK BAHAWAL POST OFFICE PAKPATTAN TEHSIL AND DISTRICT PAKPATTAN</t>
  </si>
  <si>
    <t>36379</t>
  </si>
  <si>
    <t>GGPS CHAK NO.232/EB</t>
  </si>
  <si>
    <t>232 EB</t>
  </si>
  <si>
    <t>GGPS 232 EB VEHARI</t>
  </si>
  <si>
    <t>34 Wb</t>
  </si>
  <si>
    <t>Safoora Qadri</t>
  </si>
  <si>
    <t>GPS NARI JANUBI</t>
  </si>
  <si>
    <t>nari shumali</t>
  </si>
  <si>
    <t>Near Madrsa dar ul Islam</t>
  </si>
  <si>
    <t>52613</t>
  </si>
  <si>
    <t>GPS CHAK NO.42 D KHURD</t>
  </si>
  <si>
    <t>42/D Khurd</t>
  </si>
  <si>
    <t>Chak # 42/D khurd,Tehsil Depalpur District Okara.</t>
  </si>
  <si>
    <t>MAZHER HUSSAIN</t>
  </si>
  <si>
    <t>GHS BORANA WALA</t>
  </si>
  <si>
    <t>BORANA WALA</t>
  </si>
  <si>
    <t>VPO BORANA  tehsil Noor Pur district Khushab</t>
  </si>
  <si>
    <t>Khatwnan</t>
  </si>
  <si>
    <t>GGPS CHAK NO.74 TDA</t>
  </si>
  <si>
    <t>74 TDA dakkhana chak no 73 TDA</t>
  </si>
  <si>
    <t>Chak No 74 TDA</t>
  </si>
  <si>
    <t>60 I 61 ML</t>
  </si>
  <si>
    <t>Rehana Sawar</t>
  </si>
  <si>
    <t>GGPS MC AWAN PURA</t>
  </si>
  <si>
    <t>AwanPura outside Hafiz Jamal</t>
  </si>
  <si>
    <t>Muhalla</t>
  </si>
  <si>
    <t>GPS MAL JASRAT</t>
  </si>
  <si>
    <t>Mal Jasrat</t>
  </si>
  <si>
    <t>moza mal jasrat p/o kalera tehsile 18-hazari district jhang</t>
  </si>
  <si>
    <t>mal jasrat</t>
  </si>
  <si>
    <t>sabir ali shah</t>
  </si>
  <si>
    <t>GPS MOUZA PAINCH PO PAKPATTAN</t>
  </si>
  <si>
    <t>Painch</t>
  </si>
  <si>
    <t>Moza painch</t>
  </si>
  <si>
    <t>Juggah Bloch</t>
  </si>
  <si>
    <t>Qurban Rasool</t>
  </si>
  <si>
    <t>GGPS 543 EB</t>
  </si>
  <si>
    <t>CHAK NO. 543/E.B TEHSIL AND DISTRICT VEHARI</t>
  </si>
  <si>
    <t>Tasneem Mubashar</t>
  </si>
  <si>
    <t>GGES LAGHARI</t>
  </si>
  <si>
    <t>v&amp;po laghari teh nur pur dist khushab</t>
  </si>
  <si>
    <t>15247</t>
  </si>
  <si>
    <t>GGES CHAK 60 RB II KHURRIANWALA</t>
  </si>
  <si>
    <t>Chak No 60 RB</t>
  </si>
  <si>
    <t>chak no 60 rb mohgi</t>
  </si>
  <si>
    <t>Chak No 91 RB</t>
  </si>
  <si>
    <t>46177</t>
  </si>
  <si>
    <t>GGES GHAREEB COLONY JAUHARABAD</t>
  </si>
  <si>
    <t>Govt.Girls Elementary school Ghraib colony Jauharabad</t>
  </si>
  <si>
    <t>Farhana Jameel</t>
  </si>
  <si>
    <t>GGMES CHAK NO.65/ML</t>
  </si>
  <si>
    <t>chak no. 65ml bk</t>
  </si>
  <si>
    <t>65 Ml</t>
  </si>
  <si>
    <t>60 -61ml</t>
  </si>
  <si>
    <t>FARAH JABEEN</t>
  </si>
  <si>
    <t>GGPS CHAK NO. 313/ EB</t>
  </si>
  <si>
    <t>chak No 313/EB</t>
  </si>
  <si>
    <t>Dewan Sahb</t>
  </si>
  <si>
    <t>GGES 7 WB</t>
  </si>
  <si>
    <t>7/wb</t>
  </si>
  <si>
    <t>shek cutton colony vehari</t>
  </si>
  <si>
    <t>abida Sultana</t>
  </si>
  <si>
    <t>GHS MOONDA</t>
  </si>
  <si>
    <t>Govt. High School Moonda, Tehsil &amp; District Jhang</t>
  </si>
  <si>
    <t>HAROON UR RASHID</t>
  </si>
  <si>
    <t>Khanpoor janobi</t>
  </si>
  <si>
    <t>64TDA , Gulam Muhammad wala</t>
  </si>
  <si>
    <t>64TDA</t>
  </si>
  <si>
    <t>57TDA</t>
  </si>
  <si>
    <t>GPS THATTA LAGHARI</t>
  </si>
  <si>
    <t>thathta leghari</t>
  </si>
  <si>
    <t>Thathta leghari</t>
  </si>
  <si>
    <t>Haroon Ur Rasheed</t>
  </si>
  <si>
    <t>GGPS JUNGLE BARALI (OLD)</t>
  </si>
  <si>
    <t>Tubewell M. Ali arain (late)</t>
  </si>
  <si>
    <t>Jungle Burali Old</t>
  </si>
  <si>
    <t>Shahida Yaseen</t>
  </si>
  <si>
    <t>53622</t>
  </si>
  <si>
    <t>GGPS WAHDI</t>
  </si>
  <si>
    <t>wadhi,tehsil shahpur ,district sargodha</t>
  </si>
  <si>
    <t>GGPS MUNDIAL</t>
  </si>
  <si>
    <t>mohella Mundial naushehra soon</t>
  </si>
  <si>
    <t>naushehra</t>
  </si>
  <si>
    <t>GGPS 204 EB</t>
  </si>
  <si>
    <t>Chak#204/E.B Vehari</t>
  </si>
  <si>
    <t>Brirah Ilyas</t>
  </si>
  <si>
    <t>GGES CHAK NO.9/GD</t>
  </si>
  <si>
    <t>9/GD</t>
  </si>
  <si>
    <t>GGES 9/G.D</t>
  </si>
  <si>
    <t>53150</t>
  </si>
  <si>
    <t>GPS CHAH SANATTA</t>
  </si>
  <si>
    <t>Chah Sanatta Okara</t>
  </si>
  <si>
    <t>Chah Sanatta</t>
  </si>
  <si>
    <t>GPS MEHTA TREDDA</t>
  </si>
  <si>
    <t>Mehta Tredda</t>
  </si>
  <si>
    <t>Mehta Tredda p/o sharaqpur tehsil sharaqpur district sheikhupura</t>
  </si>
  <si>
    <t>GPS JHAKI</t>
  </si>
  <si>
    <t>Jhakhi</t>
  </si>
  <si>
    <t>Govt Primary School Jhakhi Markaz Machiwal Tehseel 18 Hazari District Jhang</t>
  </si>
  <si>
    <t>GGHS CHAK NO. 3-4 ML</t>
  </si>
  <si>
    <t>GGHS Chak 3.4ML, Piplan</t>
  </si>
  <si>
    <t>Chak 3-4ML</t>
  </si>
  <si>
    <t>Kausar Fatima</t>
  </si>
  <si>
    <t>GPS BAHROOP GHARR</t>
  </si>
  <si>
    <t>GPS Behroop Garh</t>
  </si>
  <si>
    <t>Village Behroop Garh PO Qadirabad Colony Tehsil Wazirabad Dist Gujranwala</t>
  </si>
  <si>
    <t>Behroop Garh</t>
  </si>
  <si>
    <t>GPS 59 RB I</t>
  </si>
  <si>
    <t>JOHAL - MALE</t>
  </si>
  <si>
    <t>Warriyan Wind</t>
  </si>
  <si>
    <t>CH#59 RB 1</t>
  </si>
  <si>
    <t>59 RB 1</t>
  </si>
  <si>
    <t>RATTA JOIYA</t>
  </si>
  <si>
    <t>KASHIF SHOUKAT</t>
  </si>
  <si>
    <t>25346</t>
  </si>
  <si>
    <t>GHS PUBLIC GHARTAL</t>
  </si>
  <si>
    <t>VPO GHARTAL TEH. SAMBRIAL SIALKOT</t>
  </si>
  <si>
    <t>VEROWALA</t>
  </si>
  <si>
    <t>GGPS BASTI TALKOT JADEED</t>
  </si>
  <si>
    <t>Zimy Wala</t>
  </si>
  <si>
    <t>GGPS Basti Talkot Jadeed M G</t>
  </si>
  <si>
    <t>Basti Talkoot</t>
  </si>
  <si>
    <t>Bhuttta Pur</t>
  </si>
  <si>
    <t>Sumaira Gul</t>
  </si>
  <si>
    <t>GES NONAR</t>
  </si>
  <si>
    <t>village nonar Tehsil Zafarwal District Narowal</t>
  </si>
  <si>
    <t>nonar</t>
  </si>
  <si>
    <t>GGES GURU NANAK ICHHRA LAHORE</t>
  </si>
  <si>
    <t>Ahata Molchand</t>
  </si>
  <si>
    <t>Govt girls middle school guru Nanak ichhra ahata molchand</t>
  </si>
  <si>
    <t>Yasmin akhtar</t>
  </si>
  <si>
    <t>GHS JALAL ABAD SHUMALI MULTAN</t>
  </si>
  <si>
    <t>jalalabad shumali</t>
  </si>
  <si>
    <t>pull chattha off vehari road,multan</t>
  </si>
  <si>
    <t>jalalabad</t>
  </si>
  <si>
    <t>Abdul raouf</t>
  </si>
  <si>
    <t>GHS CHAK 172 GB SAMUNDRI FSD</t>
  </si>
  <si>
    <t>chak No 172 GB Faisalabad</t>
  </si>
  <si>
    <t>Chak No172GB</t>
  </si>
  <si>
    <t>Chak No170GB</t>
  </si>
  <si>
    <t>Tahir Mushtaq</t>
  </si>
  <si>
    <t>29348</t>
  </si>
  <si>
    <t>GGPS MC KOT GHULAM MUHAMMAD</t>
  </si>
  <si>
    <t>Government M\C Girls Primary School Kasur</t>
  </si>
  <si>
    <t>35571</t>
  </si>
  <si>
    <t>GES FADDA</t>
  </si>
  <si>
    <t>fadda town</t>
  </si>
  <si>
    <t>GES BHERO</t>
  </si>
  <si>
    <t>Moza Bhairo teh&amp;dist jhang</t>
  </si>
  <si>
    <t>Muhammad Anwar Sial</t>
  </si>
  <si>
    <t>43664</t>
  </si>
  <si>
    <t>GGHS MULTAN KHURD TALAGANG</t>
  </si>
  <si>
    <t>GGHS MULTAN KHURD</t>
  </si>
  <si>
    <t>Nasim Sultana</t>
  </si>
  <si>
    <t>GGHSS SANDRAL</t>
  </si>
  <si>
    <t>IMTIAZ KOUSAR</t>
  </si>
  <si>
    <t>GGES 3/10-L</t>
  </si>
  <si>
    <t>GGES Chak No 3/10-L Harappa</t>
  </si>
  <si>
    <t>Jinnah Town Harappa Station Harappa Station</t>
  </si>
  <si>
    <t>GHS 12/AH, KHANEWAL</t>
  </si>
  <si>
    <t>12AH</t>
  </si>
  <si>
    <t>CHAK NO 12-AH</t>
  </si>
  <si>
    <t>GMPS CHAK NO 219/9-R</t>
  </si>
  <si>
    <t>chak No 219/9r</t>
  </si>
  <si>
    <t>Chak No 219/9r</t>
  </si>
  <si>
    <t>Sofia Naheed</t>
  </si>
  <si>
    <t>GPS RAKH PERO WALA</t>
  </si>
  <si>
    <t>Chak peru wala</t>
  </si>
  <si>
    <t>Rakh peru wala</t>
  </si>
  <si>
    <t>Basti yaqeen Muahammad Ahamdani Muhammad Ahamdani</t>
  </si>
  <si>
    <t>GPS BULLOANA JHABRAN</t>
  </si>
  <si>
    <t>Jhabran</t>
  </si>
  <si>
    <t>dera bulloanna jhabran</t>
  </si>
  <si>
    <t>Dera Bulloanna Jhabran</t>
  </si>
  <si>
    <t>Muhammad Abbas Shah</t>
  </si>
  <si>
    <t>GPS MOHIB FAQIR</t>
  </si>
  <si>
    <t>Mail Manjeeth</t>
  </si>
  <si>
    <t>Darbar Mohib Faqir Muza Mail Manjeeth P/O Khair pur sadat Tehsil Ali pur District Muzaffar Garh</t>
  </si>
  <si>
    <t>GPS HAFIZ ABAD NO.1</t>
  </si>
  <si>
    <t>Rakh Chabri Zareen</t>
  </si>
  <si>
    <t>Hafiz Abad Dist D.G.khan</t>
  </si>
  <si>
    <t>52361</t>
  </si>
  <si>
    <t>GGHS DHARMA WALA</t>
  </si>
  <si>
    <t>DHARMAYWALA</t>
  </si>
  <si>
    <t>GOVT.GIRLS HIGH SCHOOL DHARMAYWALA</t>
  </si>
  <si>
    <t>GGHS PIR AADIL</t>
  </si>
  <si>
    <t>qasba pir adil district dg khan</t>
  </si>
  <si>
    <t>pir adil</t>
  </si>
  <si>
    <t>GPS 124 JB MARZI PURA</t>
  </si>
  <si>
    <t>124 Jb Marzi Pura</t>
  </si>
  <si>
    <t>124 JB Marzipura Faisalabad</t>
  </si>
  <si>
    <t>124 Jb Marzipura</t>
  </si>
  <si>
    <t>124 JB Marzipura</t>
  </si>
  <si>
    <t>53107</t>
  </si>
  <si>
    <t>GGES CHAK NO.42/3-R SACHAN WALA</t>
  </si>
  <si>
    <t>chak no:42.3r sachanwala okara</t>
  </si>
  <si>
    <t>GGCMS CHAK NO. 191 EB</t>
  </si>
  <si>
    <t>191/EB</t>
  </si>
  <si>
    <t>chak no 191/EB</t>
  </si>
  <si>
    <t>GPS 68 RB-II</t>
  </si>
  <si>
    <t>Jamiana</t>
  </si>
  <si>
    <t>chak no 68rb</t>
  </si>
  <si>
    <t>68rb II</t>
  </si>
  <si>
    <t>71rb</t>
  </si>
  <si>
    <t>Qamar Amin Malik</t>
  </si>
  <si>
    <t>GPS 62 RB</t>
  </si>
  <si>
    <t>62rb</t>
  </si>
  <si>
    <t>Chak no 62rb JARANWALA faisalabad</t>
  </si>
  <si>
    <t>Ratta Joa</t>
  </si>
  <si>
    <t>GGES CHAK 96 EB</t>
  </si>
  <si>
    <t>GGES 96/E.B sheikh fazal</t>
  </si>
  <si>
    <t>Sheikh  Fazal</t>
  </si>
  <si>
    <t>Ishrat farooq</t>
  </si>
  <si>
    <t>dahar tehsil depalpur district okara</t>
  </si>
  <si>
    <t>GPS CHAK 70 RB I</t>
  </si>
  <si>
    <t>CHAK 70 RB - I . GUJJAR SINGH WALA.</t>
  </si>
  <si>
    <t>CHAK 70 RB - I , GUJJAR SINGH WALA, JARANWALA, FAISALABAD.</t>
  </si>
  <si>
    <t>CHAK 70 RB - I . GUJJAR SINGH WALA</t>
  </si>
  <si>
    <t>CHAK 70 RB - I . gUJJAR SINGH WALA.</t>
  </si>
  <si>
    <t>Mahboob Ali Jafri</t>
  </si>
  <si>
    <t>GPS CHAK 625 GB III</t>
  </si>
  <si>
    <t>GPS 625/3 GB jrw</t>
  </si>
  <si>
    <t>625/3</t>
  </si>
  <si>
    <t>Chak No235 Gb</t>
  </si>
  <si>
    <t>GGCMES CHAK NO. 201/EB (OLD)</t>
  </si>
  <si>
    <t>201/EB</t>
  </si>
  <si>
    <t>chake No  201/E.B post office gaggoo burewala</t>
  </si>
  <si>
    <t>Rifat Kausar</t>
  </si>
  <si>
    <t>GPS CHAK 98 RB</t>
  </si>
  <si>
    <t>98 R.B Bungy Faisalabaf</t>
  </si>
  <si>
    <t>MUHAMMAD ZOHAIB</t>
  </si>
  <si>
    <t>GES CHAK NO.405 EB</t>
  </si>
  <si>
    <t>chak no. 405/EB Burewala</t>
  </si>
  <si>
    <t>Tariq Mahmood Asif</t>
  </si>
  <si>
    <t>GGHS JAUHAR NO 2 GULBERG B FSD</t>
  </si>
  <si>
    <t>Govt Jauhar Gsh gulberg B FsD</t>
  </si>
  <si>
    <t>GULBERg B</t>
  </si>
  <si>
    <t>Afghanabad No 1</t>
  </si>
  <si>
    <t>shagufta anjum</t>
  </si>
  <si>
    <t>GHS QADRIA SIRJIA CHAK 30 JB FSD</t>
  </si>
  <si>
    <t>CHAK NO. 30 JB FSD</t>
  </si>
  <si>
    <t>IQBAL HUSSAN</t>
  </si>
  <si>
    <t>GPS MC CANNAL COLONY FSD</t>
  </si>
  <si>
    <t>mc primary school canal colony Faisalabad</t>
  </si>
  <si>
    <t>GPS AWAN MIANI</t>
  </si>
  <si>
    <t>Awan miani Tehsil Bhera District Sargodha</t>
  </si>
  <si>
    <t>ADIL BASHIR</t>
  </si>
  <si>
    <t>GGPS ALO CHANA</t>
  </si>
  <si>
    <t>Aluchahanan</t>
  </si>
  <si>
    <t>GGPS Alo Chana</t>
  </si>
  <si>
    <t>GGPS CHALIKE 12 RB</t>
  </si>
  <si>
    <t>120RB</t>
  </si>
  <si>
    <t>P. O, box,, Bhagail Singh, chalike 120RB, Teh Sangla hill distt NNS</t>
  </si>
  <si>
    <t>Cheleki</t>
  </si>
  <si>
    <t>Bhalair 119</t>
  </si>
  <si>
    <t>Farhat Zia</t>
  </si>
  <si>
    <t>18582</t>
  </si>
  <si>
    <t>34037</t>
  </si>
  <si>
    <t>GES NASEER PUR NO.1 SHUJABAD</t>
  </si>
  <si>
    <t>ges naseer pur</t>
  </si>
  <si>
    <t>GGES HATHIANA</t>
  </si>
  <si>
    <t>Pati Kar Pal Singh</t>
  </si>
  <si>
    <t>Sajida Naheed</t>
  </si>
  <si>
    <t>GMPS PINDI NOORA</t>
  </si>
  <si>
    <t>Pindi Noora</t>
  </si>
  <si>
    <t>Pindi noora post office Pindi lala district mandi bhauddin tehsil phalia</t>
  </si>
  <si>
    <t>Mehmooda Saadat</t>
  </si>
  <si>
    <t>GHS JAND</t>
  </si>
  <si>
    <t>VPO JAND AWAN TEHSIL &amp; DISTT. CHAKWAL</t>
  </si>
  <si>
    <t>M. Iftekhar</t>
  </si>
  <si>
    <t>GPS MC NO. 4 ISLAM PURA JARANWALA</t>
  </si>
  <si>
    <t>islampura jrw</t>
  </si>
  <si>
    <t>127gb</t>
  </si>
  <si>
    <t>GPS M.N ALI PURA BUND ROAD</t>
  </si>
  <si>
    <t>Badami Bag</t>
  </si>
  <si>
    <t>phatak no 5ali pura band road lhr</t>
  </si>
  <si>
    <t>ROZI Rahat</t>
  </si>
  <si>
    <t>GPS CHAK NO.403 EB</t>
  </si>
  <si>
    <t>Mushtaq Ahmad Anjum</t>
  </si>
  <si>
    <t>GHS CHAK 257 RB FSD</t>
  </si>
  <si>
    <t>257/RB</t>
  </si>
  <si>
    <t>chak no.257/RB,Faisalabad</t>
  </si>
  <si>
    <t>GPS CHAK 67 GB</t>
  </si>
  <si>
    <t>Gidarpindi</t>
  </si>
  <si>
    <t>chak no 67 gb tehsiel jararanwala district Faisalabad</t>
  </si>
  <si>
    <t>Chak no 67 Gb</t>
  </si>
  <si>
    <t>Chak No 67 Gb</t>
  </si>
  <si>
    <t>43991</t>
  </si>
  <si>
    <t>GGPS DHOK HAM</t>
  </si>
  <si>
    <t>Dhok Baza</t>
  </si>
  <si>
    <t>vpo Dhok Baza vilg dhok hum</t>
  </si>
  <si>
    <t>Dhok Hum</t>
  </si>
  <si>
    <t>GGPS PIR GAIB WALA SHUJABAD DISTT. MULTAN</t>
  </si>
  <si>
    <t>peer Ghaib,wala (munir more)</t>
  </si>
  <si>
    <t>Peer Ghaib</t>
  </si>
  <si>
    <t>GHS NO. 1 SANGLA HILL</t>
  </si>
  <si>
    <t>FAISALABAD ROAD SANGLA HILL</t>
  </si>
  <si>
    <t>MOHALLA IQBAL PURA</t>
  </si>
  <si>
    <t>Ghulam Abbas Anjum</t>
  </si>
  <si>
    <t>244752</t>
  </si>
  <si>
    <t>23508</t>
  </si>
  <si>
    <t>GGHS SIMBLI</t>
  </si>
  <si>
    <t>VPO Simbli tehsil Sarai Alamgir District gujrat</t>
  </si>
  <si>
    <t>GHS KORREY KOT</t>
  </si>
  <si>
    <t>Korrey Koot</t>
  </si>
  <si>
    <t>Korrey koot</t>
  </si>
  <si>
    <t>GGES CHAK NO.49 SB</t>
  </si>
  <si>
    <t>G g e s 49 sb</t>
  </si>
  <si>
    <t>Ayesha Akhtar</t>
  </si>
  <si>
    <t>GPS KAIRAN</t>
  </si>
  <si>
    <t>GPS CHAH SARKARI KALAN</t>
  </si>
  <si>
    <t>village sarkari kalan</t>
  </si>
  <si>
    <t>Bahaliky</t>
  </si>
  <si>
    <t>GHS MUGHAL ABAD</t>
  </si>
  <si>
    <t>ghs mughalabad tehsil sohawa district jhelum</t>
  </si>
  <si>
    <t>mughalabad</t>
  </si>
  <si>
    <t>Shabbir Hussain  Malik</t>
  </si>
  <si>
    <t>GHS SHAHO BUZDAR</t>
  </si>
  <si>
    <t>Basti shahoo buzdar, Tehsil Kot Chhutta D.G Khan</t>
  </si>
  <si>
    <t>Basti Shahoo Buzdar</t>
  </si>
  <si>
    <t>544506</t>
  </si>
  <si>
    <t>GGPS MUGHAL PURA PHALIA</t>
  </si>
  <si>
    <t>mughal Pura phalia</t>
  </si>
  <si>
    <t>Phalia Comittee</t>
  </si>
  <si>
    <t>Saima Shahzad</t>
  </si>
  <si>
    <t>GGHSS YAZMAN</t>
  </si>
  <si>
    <t>OPPOSITE GRAIN MARKET YAZMAN BAHAWALPUR</t>
  </si>
  <si>
    <t>YAZMAM</t>
  </si>
  <si>
    <t>city Yazman</t>
  </si>
  <si>
    <t>GHS JOURA SIAN</t>
  </si>
  <si>
    <t>imtiaz hussain</t>
  </si>
  <si>
    <t>GHS CHAK NO. 100/P</t>
  </si>
  <si>
    <t>KOT QAHANDARA SINGH</t>
  </si>
  <si>
    <t>GBHS CHAK # 100 P R.Y.KHAN</t>
  </si>
  <si>
    <t>CHAK NO. 100 P</t>
  </si>
  <si>
    <t>aziz ahmed</t>
  </si>
  <si>
    <t>GPS BLOCK NO. 2 MUHAJIR COLONY</t>
  </si>
  <si>
    <t>muhajir colony sadiq abad</t>
  </si>
  <si>
    <t>GPS NAIB WAL</t>
  </si>
  <si>
    <t>Naib Wal</t>
  </si>
  <si>
    <t>post office kalyana,Teh and Distt Pakpattan. chak naib wal</t>
  </si>
  <si>
    <t>Ferozw Pur</t>
  </si>
  <si>
    <t>GPS SABZO JAT</t>
  </si>
  <si>
    <t>Sabzojat</t>
  </si>
  <si>
    <t>basti khara atar wala mouza sabzojat</t>
  </si>
  <si>
    <t>Khara Atar Wala</t>
  </si>
  <si>
    <t>Ghulam Asghar Sajid</t>
  </si>
  <si>
    <t>GPS ISLAMIA P.D. KHAN</t>
  </si>
  <si>
    <t>PD KHAN</t>
  </si>
  <si>
    <t>MOHALLAH ISLAMIA SCHOOL PD KHAN</t>
  </si>
  <si>
    <t>GHS MALKAY</t>
  </si>
  <si>
    <t>MALKAY</t>
  </si>
  <si>
    <t>VPO MALKAY TEHSIL KAMOKE DISTT GUJRANWALA</t>
  </si>
  <si>
    <t>Ghulam Ullah</t>
  </si>
  <si>
    <t>26466</t>
  </si>
  <si>
    <t>GGPS NEMAT PUR</t>
  </si>
  <si>
    <t>Naimatpur</t>
  </si>
  <si>
    <t>naimatpur</t>
  </si>
  <si>
    <t>Buaa</t>
  </si>
  <si>
    <t>GGPS PINDI MUGHO</t>
  </si>
  <si>
    <t>pindi mugho</t>
  </si>
  <si>
    <t>Tahira Balkees</t>
  </si>
  <si>
    <t>GHS DIAL</t>
  </si>
  <si>
    <t>dial</t>
  </si>
  <si>
    <t>vill &amp; p/o dial</t>
  </si>
  <si>
    <t>qasim wala</t>
  </si>
  <si>
    <t>Mahammad Mushtaq</t>
  </si>
  <si>
    <t>GGHS DHOOL BALA</t>
  </si>
  <si>
    <t>GGHS Dhool bala tehsil Sahiwal</t>
  </si>
  <si>
    <t>GES SANTH SARULA</t>
  </si>
  <si>
    <t>Santh SARULLA</t>
  </si>
  <si>
    <t>village Santh SARULLA p.o &amp; tehsil kotli sattain Rawalpindi</t>
  </si>
  <si>
    <t>Santh Sarulla</t>
  </si>
  <si>
    <t>Zaid Ul Khayal Zaidi</t>
  </si>
  <si>
    <t>GPS DERA SULEMAN BIJAR</t>
  </si>
  <si>
    <t>p/o bijar teh&amp;distt khushab</t>
  </si>
  <si>
    <t>GHS BARKI</t>
  </si>
  <si>
    <t>ghs barki p/o barki lhr cantt</t>
  </si>
  <si>
    <t>GHS KIRI BHAIT</t>
  </si>
  <si>
    <t>kiri bhait</t>
  </si>
  <si>
    <t>chak no 181 kiri bhait tehsil shahkot district nankana sahib</t>
  </si>
  <si>
    <t>nathuwala</t>
  </si>
  <si>
    <t>GMES 65/15-L, KACHA KHUH</t>
  </si>
  <si>
    <t>65/15-L</t>
  </si>
  <si>
    <t>Chak No. 65/15-L Dist. KHANEWAL</t>
  </si>
  <si>
    <t>Chak No. 65/15-L</t>
  </si>
  <si>
    <t>20929</t>
  </si>
  <si>
    <t>GGHS GAKKA MITTAR</t>
  </si>
  <si>
    <t>Ghakka mitter Daska road Wzd</t>
  </si>
  <si>
    <t>Ghakkamitter</t>
  </si>
  <si>
    <t>Hafiza Saera</t>
  </si>
  <si>
    <t>GPS MATABA CHAK 9</t>
  </si>
  <si>
    <t>Mataba chak no 9</t>
  </si>
  <si>
    <t>Gps Matabachak no 9 rb Tehsil sfd Distt.Sheikhupura</t>
  </si>
  <si>
    <t>Matabachak no 9 rb</t>
  </si>
  <si>
    <t>Dhaban kalan chk13</t>
  </si>
  <si>
    <t>MUSHTAQ ALI</t>
  </si>
  <si>
    <t>GHS SEHNA</t>
  </si>
  <si>
    <t>VILLAGE AND POST OFFICE SEHNA TEHSIL KHARIAN DISTT GUJRAT</t>
  </si>
  <si>
    <t>SEHNA</t>
  </si>
  <si>
    <t>30488</t>
  </si>
  <si>
    <t>GES SADHUKI</t>
  </si>
  <si>
    <t>Moza Sadhoki New Defence Road Lahore</t>
  </si>
  <si>
    <t>WAPDA Town</t>
  </si>
  <si>
    <t>GPS KOTHI NAWAB</t>
  </si>
  <si>
    <t>GPS Kothi Nawab</t>
  </si>
  <si>
    <t>GES 103/10-R, P/O SAME, JAHANIAN</t>
  </si>
  <si>
    <t>Govt Middle School chak no 103/10.R jahanian</t>
  </si>
  <si>
    <t>103/10R</t>
  </si>
  <si>
    <t>chak no 160/10R</t>
  </si>
  <si>
    <t>Musharraf  Mahmood</t>
  </si>
  <si>
    <t>GGES TIBBA QADIR ABAD</t>
  </si>
  <si>
    <t>Tibba Qadir Abad</t>
  </si>
  <si>
    <t>GGES Tibba qadir abad street no. 8 tibba qadir abad sdk</t>
  </si>
  <si>
    <t>Nighat Rashida</t>
  </si>
  <si>
    <t>GHS JAHANIAN SHAH</t>
  </si>
  <si>
    <t>JAHANIAN SHAH</t>
  </si>
  <si>
    <t>JAHANIAN SHAH TEHSIL SAHIWAL DISTT:SARGODHA</t>
  </si>
  <si>
    <t>muhammad  Arshad</t>
  </si>
  <si>
    <t>GHS KANDIWAL</t>
  </si>
  <si>
    <t>KANDIWAL TEHSIL LALIAN DISTRICT CHINIOT</t>
  </si>
  <si>
    <t>Sajjad Anwar</t>
  </si>
  <si>
    <t>Dad Wala Tehsil Kallurkot Kot District Bhakkar Postoffice Dadu Wala</t>
  </si>
  <si>
    <t>GGES BANTH</t>
  </si>
  <si>
    <t>govt. girls elementry school banth</t>
  </si>
  <si>
    <t>Kalrah Kalan</t>
  </si>
  <si>
    <t>40366</t>
  </si>
  <si>
    <t>GPS KOT KALAN</t>
  </si>
  <si>
    <t>Kot Kalan</t>
  </si>
  <si>
    <t>Mohallah Kot Kalan Pind Dadan Khan</t>
  </si>
  <si>
    <t>GHS N.D. ISLAMIA ICCHRA</t>
  </si>
  <si>
    <t>Ferozpur Rd, Ichhra Lahore.</t>
  </si>
  <si>
    <t>Syed Muhammad Furqan</t>
  </si>
  <si>
    <t>GGPS FUJA DHARA</t>
  </si>
  <si>
    <t>Klach Fauja Dhara</t>
  </si>
  <si>
    <t>klachi fauj dhara</t>
  </si>
  <si>
    <t>Fuja Dhara</t>
  </si>
  <si>
    <t>ALLAH Yar Jutta</t>
  </si>
  <si>
    <t>Rabia Kiran</t>
  </si>
  <si>
    <t>GGPS MEHNGAY WALA</t>
  </si>
  <si>
    <t>chah mehngay wala</t>
  </si>
  <si>
    <t>Chah Mehngay Wala</t>
  </si>
  <si>
    <t>Humaira Mushtaq</t>
  </si>
  <si>
    <t>GPS 124 RB II</t>
  </si>
  <si>
    <t>Gps 124rbll</t>
  </si>
  <si>
    <t>chak no 124rbll</t>
  </si>
  <si>
    <t>124rbll</t>
  </si>
  <si>
    <t>Rukhsana Nazir</t>
  </si>
  <si>
    <t>GGHS CHAK NO 134 GB</t>
  </si>
  <si>
    <t>134gb</t>
  </si>
  <si>
    <t>chak no.134gb</t>
  </si>
  <si>
    <t>Chak No 138gb</t>
  </si>
  <si>
    <t>GGES 108/6-R</t>
  </si>
  <si>
    <t>108/6R</t>
  </si>
  <si>
    <t>GGES 108/6R</t>
  </si>
  <si>
    <t>GGPS ABDUL WAHID KHUMBHRA</t>
  </si>
  <si>
    <t>Abdul Wahid  Khumbra</t>
  </si>
  <si>
    <t>GGPS Abdul Wahid Khumbra Basti Kot Siyal</t>
  </si>
  <si>
    <t>Kot Siyal</t>
  </si>
  <si>
    <t>Ranjeh Khan</t>
  </si>
  <si>
    <t>Fazeelat Javaid</t>
  </si>
  <si>
    <t>GMPS AHMADPUR KOHNA</t>
  </si>
  <si>
    <t>basti rehman abad ahmed pur kohna</t>
  </si>
  <si>
    <t>Najma Raziq</t>
  </si>
  <si>
    <t>GHS POTHA</t>
  </si>
  <si>
    <t>village Potha Sharif, Tehsil Murree, Distt Rawalpindi</t>
  </si>
  <si>
    <t>GPS MOEEN ABAD</t>
  </si>
  <si>
    <t>Jhanbran</t>
  </si>
  <si>
    <t>gps moeen abad jhabbran mandi skp</t>
  </si>
  <si>
    <t>GHS GULMIRI WALA</t>
  </si>
  <si>
    <t>Gulmiri Tehsil &amp; District Mianwali</t>
  </si>
  <si>
    <t>jAVED ASLAM KHAN NIAZI</t>
  </si>
  <si>
    <t>GPS 104/9-L</t>
  </si>
  <si>
    <t>104/9-L</t>
  </si>
  <si>
    <t>Chak no,104/9L P.O  same Tehsil and Distt Sahiwal</t>
  </si>
  <si>
    <t>Chak 104/9L</t>
  </si>
  <si>
    <t>Chak no 133/9-L</t>
  </si>
  <si>
    <t>GES BASTI FAUJA</t>
  </si>
  <si>
    <t>Basti fauja</t>
  </si>
  <si>
    <t>GGES TIBBI BAGHAWER</t>
  </si>
  <si>
    <t>Chak No 168/P</t>
  </si>
  <si>
    <t>Tibbi Beghawer Sadiq abad</t>
  </si>
  <si>
    <t>168/P</t>
  </si>
  <si>
    <t>MC Sadiq Abad F</t>
  </si>
  <si>
    <t>Uzma Ishaq</t>
  </si>
  <si>
    <t>water from  pvt source</t>
  </si>
  <si>
    <t>48816</t>
  </si>
  <si>
    <t>GHS CHAK NO.120 SB</t>
  </si>
  <si>
    <t>Chak No 120 SB Sargodha</t>
  </si>
  <si>
    <t>Muhammad Adnan Akram</t>
  </si>
  <si>
    <t>Shaher Nindo Khan</t>
  </si>
  <si>
    <t>GGPS Ramzan abad</t>
  </si>
  <si>
    <t>Basti jamlani</t>
  </si>
  <si>
    <t>GPS BASTI KHARLAN WALI 724 GB</t>
  </si>
  <si>
    <t>Kharlan Wali</t>
  </si>
  <si>
    <t>Basti Kharlan Wali Chak No. 724 GB</t>
  </si>
  <si>
    <t>Chak No. 724</t>
  </si>
  <si>
    <t>Chak No. 724 GB</t>
  </si>
  <si>
    <t>Amir Sultan</t>
  </si>
  <si>
    <t>GPS CHHAPAN WALI</t>
  </si>
  <si>
    <t>Chhapanwali</t>
  </si>
  <si>
    <t>chhapanwali chak no 2 RB Teh. Safdarabad Distt. Sheikhupura</t>
  </si>
  <si>
    <t>GES HASIL WALA</t>
  </si>
  <si>
    <t>Pai Wagna</t>
  </si>
  <si>
    <t>Basti Hasil Wala</t>
  </si>
  <si>
    <t>Hasil Wala</t>
  </si>
  <si>
    <t>Nasir Di Wahin</t>
  </si>
  <si>
    <t>saroba</t>
  </si>
  <si>
    <t>gghs saroba. tehsil p.d.khan.disst jhelum</t>
  </si>
  <si>
    <t>tobha</t>
  </si>
  <si>
    <t>GES KHUDALI</t>
  </si>
  <si>
    <t>Khudali</t>
  </si>
  <si>
    <t>E/S khudali</t>
  </si>
  <si>
    <t>Ameen Ghar</t>
  </si>
  <si>
    <t>Hameed Iqbal</t>
  </si>
  <si>
    <t>29951</t>
  </si>
  <si>
    <t>GPS KOT ABDUL RAZAQ</t>
  </si>
  <si>
    <t>kot abdul razzaq</t>
  </si>
  <si>
    <t>Kot Abdul Razzaq</t>
  </si>
  <si>
    <t>kot Abdul razzaq</t>
  </si>
  <si>
    <t>27338</t>
  </si>
  <si>
    <t>GPS WATOAN WALA</t>
  </si>
  <si>
    <t>WATOAN WALA</t>
  </si>
  <si>
    <t>WATOAN WALA TEHSIL PINDI BHATTIAN (HAFIZABAD)</t>
  </si>
  <si>
    <t>GMMS AYA NAGAR KHURD</t>
  </si>
  <si>
    <t>Ayya Khurd</t>
  </si>
  <si>
    <t>ayya khurd</t>
  </si>
  <si>
    <t>WajId Ali</t>
  </si>
  <si>
    <t>25746</t>
  </si>
  <si>
    <t>GGPS CHACHOWALI</t>
  </si>
  <si>
    <t>ggps chachowali</t>
  </si>
  <si>
    <t>Sadowala</t>
  </si>
  <si>
    <t>Shahida Khatoon</t>
  </si>
  <si>
    <t>misile</t>
  </si>
  <si>
    <t>GPS CHIBBER</t>
  </si>
  <si>
    <t>CHIBBER TEHSIL DARYA KHAN DISTRICT BHAKKAR</t>
  </si>
  <si>
    <t>CHIBBER</t>
  </si>
  <si>
    <t>36572</t>
  </si>
  <si>
    <t>GHS ZARGHAM SHAHEED(APS) P/O MAKHDOOM PUR ROAD, KABIRWALA</t>
  </si>
  <si>
    <t>kabirwala (Rural)</t>
  </si>
  <si>
    <t>Makhdoomp pur road kabirwala</t>
  </si>
  <si>
    <t>mc kabirwala</t>
  </si>
  <si>
    <t>GGCMS RASOOL GOWN</t>
  </si>
  <si>
    <t>p/ o rasul m b din</t>
  </si>
  <si>
    <t>GGES MOHRA</t>
  </si>
  <si>
    <t>post office banda village mohra dakheli kali pari</t>
  </si>
  <si>
    <t>Aqeela Kazmi</t>
  </si>
  <si>
    <t>GES BHAGOON</t>
  </si>
  <si>
    <t>P/o Bhagoon Tehsil Kahuta Dist Rwp</t>
  </si>
  <si>
    <t>Muhammad Mansoor Sadiq</t>
  </si>
  <si>
    <t>GPS RAIZ SANDILAY WALA</t>
  </si>
  <si>
    <t>moza kheray wala chobara</t>
  </si>
  <si>
    <t>Husnain Abbas</t>
  </si>
  <si>
    <t>39223</t>
  </si>
  <si>
    <t>GHS TOOT</t>
  </si>
  <si>
    <t>v. p. o toot</t>
  </si>
  <si>
    <t>Mara Sharif</t>
  </si>
  <si>
    <t>Noor Ellahi</t>
  </si>
  <si>
    <t>GGES KANIAL</t>
  </si>
  <si>
    <t>vpo kanial</t>
  </si>
  <si>
    <t>Ruqia Afzal</t>
  </si>
  <si>
    <t>village &amp;post office Khai Tehsil Kallar Kahar District Chawal</t>
  </si>
  <si>
    <t>Sajid Jamil</t>
  </si>
  <si>
    <t>GGES NOTLA</t>
  </si>
  <si>
    <t>Bagham</t>
  </si>
  <si>
    <t>village notla tehsil gujar khan district rawalpindu</t>
  </si>
  <si>
    <t>Taskeen Kousar</t>
  </si>
  <si>
    <t>GPS BASTI JAKHAR</t>
  </si>
  <si>
    <t>Choni Shumali</t>
  </si>
  <si>
    <t>basti Jakhar</t>
  </si>
  <si>
    <t>GPS KALUSAHI KHURD</t>
  </si>
  <si>
    <t>Kale Sahi Khurd</t>
  </si>
  <si>
    <t>Kalu Sahi khurd</t>
  </si>
  <si>
    <t>Kalu Sahi Khurd</t>
  </si>
  <si>
    <t>Bagrian Wala</t>
  </si>
  <si>
    <t>Syed Raza Hussain</t>
  </si>
  <si>
    <t>GHS 60/5-L</t>
  </si>
  <si>
    <t>CHAK no. 60/5.L tehsil and district sahiwal</t>
  </si>
  <si>
    <t>CHAK 60/5L</t>
  </si>
  <si>
    <t>Bashir Ahmad Zahid</t>
  </si>
  <si>
    <t>GPS 159-A/10-R PUNNU WALI, JAHANIAN</t>
  </si>
  <si>
    <t>Punnu Wali 150/10R</t>
  </si>
  <si>
    <t>Govt. primary school 159-A/10R  (punnu wali) tehsile jahanian district khanewal.</t>
  </si>
  <si>
    <t>Muhammad Ashraf Nadeem</t>
  </si>
  <si>
    <t>GGPS CHAK 261/4 ABADI TARAR</t>
  </si>
  <si>
    <t>Chak No 261/4</t>
  </si>
  <si>
    <t>chak261/4 abadi tarar</t>
  </si>
  <si>
    <t>Chanda Rani</t>
  </si>
  <si>
    <t>30112</t>
  </si>
  <si>
    <t>GHS HADYARA</t>
  </si>
  <si>
    <t>village hudiara po khas Lahore cantt</t>
  </si>
  <si>
    <t>Hudiar</t>
  </si>
  <si>
    <t>GPS BASTI ARIF</t>
  </si>
  <si>
    <t>gps basti arif mouza basti arif tehsil jatoi district muzaffar garh</t>
  </si>
  <si>
    <t>GGPS NAGRAY</t>
  </si>
  <si>
    <t>Sidra Muhammad Ali</t>
  </si>
  <si>
    <t>GGMPS MOHIB WALA</t>
  </si>
  <si>
    <t>main taunsa road perdesi chowk dg khan</t>
  </si>
  <si>
    <t>Mohib Wala</t>
  </si>
  <si>
    <t>221780</t>
  </si>
  <si>
    <t>GGPS SARWAI</t>
  </si>
  <si>
    <t>vpo pindigheb</t>
  </si>
  <si>
    <t>GHS CHAK NO 247 JB</t>
  </si>
  <si>
    <t>CHAK NO 247 JB BARAL TEHSIL BHOWANA DISTRICT CHINIOT</t>
  </si>
  <si>
    <t>CHAK NO 247 JB BARAL</t>
  </si>
  <si>
    <t>CHAK NO 203 JB BALOANA</t>
  </si>
  <si>
    <t>UMAR HAYAT KHALID</t>
  </si>
  <si>
    <t>GHS HASSAN SHAH</t>
  </si>
  <si>
    <t>sukha shah</t>
  </si>
  <si>
    <t>p/o hassan shah</t>
  </si>
  <si>
    <t>Muhammad Younas Raza</t>
  </si>
  <si>
    <t>GPS CHARRHOIAN WALA</t>
  </si>
  <si>
    <t>charrowana Wala karari kot</t>
  </si>
  <si>
    <t>Charrowana Wala</t>
  </si>
  <si>
    <t>GES 168/10-R, KHANEWAL</t>
  </si>
  <si>
    <t>chak no 168/10-r khanewal</t>
  </si>
  <si>
    <t>mc khanewal</t>
  </si>
  <si>
    <t>GES ABDUL HAKIM NO.3, ABDUL HAKIM</t>
  </si>
  <si>
    <t>jungle alichappa</t>
  </si>
  <si>
    <t>Nizamabad road abdulhakim</t>
  </si>
  <si>
    <t>abdulhakim</t>
  </si>
  <si>
    <t>Jalil Khattak</t>
  </si>
  <si>
    <t>GGPS HASHAM COLONY</t>
  </si>
  <si>
    <t>Hashim Colony</t>
  </si>
  <si>
    <t>GGPS Alhashim colony hnd</t>
  </si>
  <si>
    <t>GGPS CHAH NAWAN</t>
  </si>
  <si>
    <t>kallarwali ggps chah nawan</t>
  </si>
  <si>
    <t>UZMA ABDUL KARIM</t>
  </si>
  <si>
    <t>GPS JUGIAN HAMOON</t>
  </si>
  <si>
    <t>jhugian hamoon p/o mandi ahmad abad teh. depalpure</t>
  </si>
  <si>
    <t>GGPS MC HILL DEHLO</t>
  </si>
  <si>
    <t>Hill Dhollo</t>
  </si>
  <si>
    <t>Hill Dhollo, P/O Murree , Tehsil  Murree , District Rawalpindi</t>
  </si>
  <si>
    <t>Room-un-nisa</t>
  </si>
  <si>
    <t>GGPS CHAK NO.46 NB</t>
  </si>
  <si>
    <t>chak 46 NB</t>
  </si>
  <si>
    <t>NST Block Y</t>
  </si>
  <si>
    <t>ATIYA HAYAT</t>
  </si>
  <si>
    <t>28029</t>
  </si>
  <si>
    <t>GPS MALKAN WALA</t>
  </si>
  <si>
    <t>Vill Malkanwala teh distt Mandibahauddin</t>
  </si>
  <si>
    <t>Sohawa Dilo Ana</t>
  </si>
  <si>
    <t>GGCMS OBHAL</t>
  </si>
  <si>
    <t>obhal</t>
  </si>
  <si>
    <t>GGPS 72 WB QUHIM WALA</t>
  </si>
  <si>
    <t>chak no 72WB new</t>
  </si>
  <si>
    <t>72WB New</t>
  </si>
  <si>
    <t>78WB</t>
  </si>
  <si>
    <t>Rahila Koser</t>
  </si>
  <si>
    <t>GPS DHULYANA</t>
  </si>
  <si>
    <t>38888</t>
  </si>
  <si>
    <t>GGPS SHIN BAGH KHURD</t>
  </si>
  <si>
    <t>sheenbagh khurd</t>
  </si>
  <si>
    <t>GGPS GHUGH</t>
  </si>
  <si>
    <t>Vill &amp; P / o Ghugh teh &amp; dist chakwal</t>
  </si>
  <si>
    <t>Bibi Shagufta</t>
  </si>
  <si>
    <t>GGES MOHRA BARA HOTTER</t>
  </si>
  <si>
    <t>Bara Hotter</t>
  </si>
  <si>
    <t>Village Mohra Bara hotter, p/o Lower Topa, Tehsil Murree, District Rawalpindi</t>
  </si>
  <si>
    <t>Neelam Fraz</t>
  </si>
  <si>
    <t>Koat Rutta</t>
  </si>
  <si>
    <t>busti ranooja mouza koat rutta</t>
  </si>
  <si>
    <t>Godhuwali</t>
  </si>
  <si>
    <t>Raampur</t>
  </si>
  <si>
    <t>Balquis</t>
  </si>
  <si>
    <t>GGPS MC AHATA NOOR KHAN</t>
  </si>
  <si>
    <t>village Ahata noor khan p/o murree thesil murree district rawalpindi</t>
  </si>
  <si>
    <t>Ahata Noor Khan</t>
  </si>
  <si>
    <t>Sidra shahid</t>
  </si>
  <si>
    <t>GPS GIDDER HATTI</t>
  </si>
  <si>
    <t>Gidder Hatti</t>
  </si>
  <si>
    <t>basti dawanj gidder hatti teh ahmed pur bwp</t>
  </si>
  <si>
    <t>42557</t>
  </si>
  <si>
    <t>GMPS THATTA KALLAN</t>
  </si>
  <si>
    <t>Thatta Kalan</t>
  </si>
  <si>
    <t>village thatta kalan p.o raman tehsil gujarkhan</t>
  </si>
  <si>
    <t>Sehrish Shaheen</t>
  </si>
  <si>
    <t>32958</t>
  </si>
  <si>
    <t>Shah Pura</t>
  </si>
  <si>
    <t>village shahpura. post office bucheki.</t>
  </si>
  <si>
    <t>GGPS MC NO. 3 CHAKWAL</t>
  </si>
  <si>
    <t>GGPS MC NO 3 moh. ghousia Chakwal</t>
  </si>
  <si>
    <t>Rubina Shaheen Saleem</t>
  </si>
  <si>
    <t>GES PHULLAN</t>
  </si>
  <si>
    <t>Mouza Phullan</t>
  </si>
  <si>
    <t>Aliraza</t>
  </si>
  <si>
    <t>GPS 417 EB</t>
  </si>
  <si>
    <t>Chak No417</t>
  </si>
  <si>
    <t>Chak No.417/EB Burewala</t>
  </si>
  <si>
    <t>Chak NO417</t>
  </si>
  <si>
    <t>GMPS 90/P DHANGRA</t>
  </si>
  <si>
    <t>GMPS 90/p dhangra</t>
  </si>
  <si>
    <t>Chak 90/p Dhangra</t>
  </si>
  <si>
    <t>Tahira Ghosh</t>
  </si>
  <si>
    <t>GGPS CHAK NO 52 RB</t>
  </si>
  <si>
    <t>GG PS 52 R B</t>
  </si>
  <si>
    <t>52 RB</t>
  </si>
  <si>
    <t>58 RB</t>
  </si>
  <si>
    <t>GES NO.5 HAVELI LAKHA</t>
  </si>
  <si>
    <t>Mohallah Jandi Haveli Lakha Tehsil Depalpur District Okara</t>
  </si>
  <si>
    <t>Mohallah Jandi</t>
  </si>
  <si>
    <t>shabir Ul Hassan</t>
  </si>
  <si>
    <t>GGPS CHAK NO. 12 MB</t>
  </si>
  <si>
    <t>12mb</t>
  </si>
  <si>
    <t>govt.girl primary school chak 12mb</t>
  </si>
  <si>
    <t>Zahida  Parveen</t>
  </si>
  <si>
    <t>GGPS BASTI HASHIM CHAJOO</t>
  </si>
  <si>
    <t>Murtza Abad</t>
  </si>
  <si>
    <t>GGpsHashim Chajoo  Rahim yar khan</t>
  </si>
  <si>
    <t>Basti Hashim Chajoo</t>
  </si>
  <si>
    <t>Fozia Fazilat</t>
  </si>
  <si>
    <t>GPS KUND MAHR KALAN P/O PAKPATTAN</t>
  </si>
  <si>
    <t>Kund Mahar Kalan</t>
  </si>
  <si>
    <t>kund mahar Kalan pakpattan</t>
  </si>
  <si>
    <t>Kundd Mahar Kalan</t>
  </si>
  <si>
    <t>Muhammad Anwar Bodla</t>
  </si>
  <si>
    <t>41921</t>
  </si>
  <si>
    <t>GMPS DAWRI</t>
  </si>
  <si>
    <t>Dawri</t>
  </si>
  <si>
    <t>Village panjgran dawri</t>
  </si>
  <si>
    <t>Farah Kanwal</t>
  </si>
  <si>
    <t>GPS 1/1-RA</t>
  </si>
  <si>
    <t>Chak No 1/1RA</t>
  </si>
  <si>
    <t>CHAK NO 1/1RA</t>
  </si>
  <si>
    <t>GPS KILLI PO PAKPATTAN</t>
  </si>
  <si>
    <t>THATTA MANZOOR KHAN</t>
  </si>
  <si>
    <t>Shahzad Akram</t>
  </si>
  <si>
    <t>GGPS CHEENA OTAR</t>
  </si>
  <si>
    <t>chhina ottar</t>
  </si>
  <si>
    <t>GGPS DADAY</t>
  </si>
  <si>
    <t>Daday</t>
  </si>
  <si>
    <t>Daday post office Seeray ,Tehsil Phalia, District M.B.Din</t>
  </si>
  <si>
    <t>Sadia Rasul</t>
  </si>
  <si>
    <t>41239</t>
  </si>
  <si>
    <t>GGPS MANYAND</t>
  </si>
  <si>
    <t>vilage manyand p.o kahuta tehsil kahuta distt rwp</t>
  </si>
  <si>
    <t>Tehmina Asghar</t>
  </si>
  <si>
    <t>motor fitting</t>
  </si>
  <si>
    <t>GPS CHAK NO 8/1-RA</t>
  </si>
  <si>
    <t>Chak NO 8/1R</t>
  </si>
  <si>
    <t>Chak No 8/1R</t>
  </si>
  <si>
    <t>7/1R Fojian Wala</t>
  </si>
  <si>
    <t>GGPS TIBBI MUHAMMAD PUR</t>
  </si>
  <si>
    <t>Ggps tibbi m pur</t>
  </si>
  <si>
    <t>Tibbe Mohammad P</t>
  </si>
  <si>
    <t>GGPS 61 WB</t>
  </si>
  <si>
    <t>Basti 61 Wb Vehari</t>
  </si>
  <si>
    <t>61 Wb Vehari</t>
  </si>
  <si>
    <t>Amna Asghar</t>
  </si>
  <si>
    <t>GGHSS CHAK NO.42/DB</t>
  </si>
  <si>
    <t>chak no 42 db yazman road bahawalpur</t>
  </si>
  <si>
    <t>GGES KOT KHAN BAHADUR</t>
  </si>
  <si>
    <t>Kot Khan Bahadar</t>
  </si>
  <si>
    <t>kot khan bahadar</t>
  </si>
  <si>
    <t>Gulnaz Bano</t>
  </si>
  <si>
    <t>53729</t>
  </si>
  <si>
    <t>GPS CHAK 6/1-R</t>
  </si>
  <si>
    <t>Chak No 6/1R</t>
  </si>
  <si>
    <t>GGES MEHDIABAD</t>
  </si>
  <si>
    <t>Mehdiabad</t>
  </si>
  <si>
    <t>village and  p/o vanike tarar tehsil and District Hafizabad</t>
  </si>
  <si>
    <t>Nuzhat Rahmat</t>
  </si>
  <si>
    <t>GPS NATHA SINGH WALA</t>
  </si>
  <si>
    <t>Natha Singh Wala</t>
  </si>
  <si>
    <t>Natha Singh Wala, Kamaha Road, Tehsil Cantt, Lahore</t>
  </si>
  <si>
    <t>Muhammad Nusrat Mubeen Khan</t>
  </si>
  <si>
    <t>53720</t>
  </si>
  <si>
    <t>GPS CHAK NO.2/1-RA</t>
  </si>
  <si>
    <t>Chak No 2/1RA</t>
  </si>
  <si>
    <t>GPS 188 RB III</t>
  </si>
  <si>
    <t>Chak No.188 RB Lakarwala Tehsil Chak Jhumra Faisalabad.</t>
  </si>
  <si>
    <t>188RB Lakarwala</t>
  </si>
  <si>
    <t>Abdur Razaq</t>
  </si>
  <si>
    <t>GPS JHOKAN</t>
  </si>
  <si>
    <t>Basti Jhokan Bhakkarh</t>
  </si>
  <si>
    <t>Jhokan</t>
  </si>
  <si>
    <t>Hammuwali</t>
  </si>
  <si>
    <t>GGES CHAK NO. 21 TDA</t>
  </si>
  <si>
    <t>21 TDA</t>
  </si>
  <si>
    <t>21 TDA P/O kohawarkalan ,Tehsil Darya khan,District Bhakkar</t>
  </si>
  <si>
    <t>Kohawarkalan</t>
  </si>
  <si>
    <t>REHANA SHAHEEN</t>
  </si>
  <si>
    <t>GPS CHAK NO.9/1R</t>
  </si>
  <si>
    <t>Chak No 9/1R</t>
  </si>
  <si>
    <t>7/1R Faujian Wala</t>
  </si>
  <si>
    <t>Kazam Ali Khan</t>
  </si>
  <si>
    <t>GGPS GHAZI KHOKHAR</t>
  </si>
  <si>
    <t>ghazi khokhar</t>
  </si>
  <si>
    <t>govt girls primary school ghazi khohar gujrat</t>
  </si>
  <si>
    <t>munciple committe</t>
  </si>
  <si>
    <t>Shaista Akhtar</t>
  </si>
  <si>
    <t>GGES TRIGRA MAKHDOOM</t>
  </si>
  <si>
    <t>Trigra Makhdoom</t>
  </si>
  <si>
    <t>gges trigra makhdoom</t>
  </si>
  <si>
    <t>GES AMAR SINGH DAKHLI SOCHAN</t>
  </si>
  <si>
    <t>Amar Singh</t>
  </si>
  <si>
    <t>chak amar Singh, dhakli souchan, hotta road. Pakpattan</t>
  </si>
  <si>
    <t>GES CHAK NO. 3/1-RA</t>
  </si>
  <si>
    <t>Chak No 3/1RA</t>
  </si>
  <si>
    <t>GPS CHAK NO.7/1-RA</t>
  </si>
  <si>
    <t>Chak No 7/1R</t>
  </si>
  <si>
    <t>Chak no 7/1R  amin walla tehsel renala khurd</t>
  </si>
  <si>
    <t>7/1R Foujian Wala</t>
  </si>
  <si>
    <t>27099</t>
  </si>
  <si>
    <t>GGPS BUKKEN KALAN</t>
  </si>
  <si>
    <t>Buken Kalan</t>
  </si>
  <si>
    <t>vill bukan kalan p/o vanki tarar</t>
  </si>
  <si>
    <t>Bukan Kalan</t>
  </si>
  <si>
    <t>Vanki Tarar</t>
  </si>
  <si>
    <t>GPS CHAK NO. 10/1-R</t>
  </si>
  <si>
    <t>Chak No 10/1R</t>
  </si>
  <si>
    <t>4 /GD</t>
  </si>
  <si>
    <t>Muhammad Akber</t>
  </si>
  <si>
    <t>GGPS CHAK 649 GB JARANWALA</t>
  </si>
  <si>
    <t>chak #649 gb</t>
  </si>
  <si>
    <t>649 Gb</t>
  </si>
  <si>
    <t>GGES CHAK 60 RB I KHURRIANWALA</t>
  </si>
  <si>
    <t>gges60rb1 balochni</t>
  </si>
  <si>
    <t>60rb1</t>
  </si>
  <si>
    <t>Dhanoana91rb</t>
  </si>
  <si>
    <t>Sharefan Bibi</t>
  </si>
  <si>
    <t>43849</t>
  </si>
  <si>
    <t>Dhoke Kundrala, vpo jhatla teh talagang distt chakwal</t>
  </si>
  <si>
    <t>Natasha Sadia</t>
  </si>
  <si>
    <t>GPS CHAK NO.13/1-RA</t>
  </si>
  <si>
    <t>Chak No 13/1R</t>
  </si>
  <si>
    <t>7/1R Faujian wala</t>
  </si>
  <si>
    <t>GGPS DERA TASDDUQ HAYAT</t>
  </si>
  <si>
    <t>Dera Tasadaq Hayat</t>
  </si>
  <si>
    <t>Dera Tasadaq hayat 5rakh dharema sargodha</t>
  </si>
  <si>
    <t>5rakh Dharema</t>
  </si>
  <si>
    <t>GPS GHULLA P/O PAKPATTAN</t>
  </si>
  <si>
    <t>Aalm dhudi</t>
  </si>
  <si>
    <t>Tehsil and district. Pakpattan punjab pakistan</t>
  </si>
  <si>
    <t>Ghullah</t>
  </si>
  <si>
    <t>GPS RAM KALI</t>
  </si>
  <si>
    <t>Moza sbzojat p/o Basira ram kali. Muzaffargarh</t>
  </si>
  <si>
    <t>Muhammad Younas Ishaq</t>
  </si>
  <si>
    <t>53711</t>
  </si>
  <si>
    <t>GPS CHAK NO. 14/1-RB</t>
  </si>
  <si>
    <t>14A/1R Hazel Pur</t>
  </si>
  <si>
    <t>14A/1R Hazel pur</t>
  </si>
  <si>
    <t>Ch Muhammad Sarwar Saqib</t>
  </si>
  <si>
    <t>32449</t>
  </si>
  <si>
    <t>GMMS MASJID WALNWALI</t>
  </si>
  <si>
    <t>gmms wanwali jhabbran mandi skp</t>
  </si>
  <si>
    <t>Jabbran</t>
  </si>
  <si>
    <t>Naeema Yaqub</t>
  </si>
  <si>
    <t>GPS BANA MIAN WALA</t>
  </si>
  <si>
    <t>Bana Mianwala</t>
  </si>
  <si>
    <t>Abdul Mannan</t>
  </si>
  <si>
    <t>49347</t>
  </si>
  <si>
    <t>GGPS CHAK NO.2 RAKH DHAREMA</t>
  </si>
  <si>
    <t>GGPS Chak no 2 Rakh dharema</t>
  </si>
  <si>
    <t>GGES BAGRAIN SHUJABAD</t>
  </si>
  <si>
    <t>daak khana khas bagrain shujabad</t>
  </si>
  <si>
    <t>shehla islam</t>
  </si>
  <si>
    <t>GPS BAGARIAN</t>
  </si>
  <si>
    <t>Village Bagrian Post Office Bangial</t>
  </si>
  <si>
    <t>Bagrian</t>
  </si>
  <si>
    <t>Shabnam Zahid</t>
  </si>
  <si>
    <t>GPS CHAK ABDUL REHMAN</t>
  </si>
  <si>
    <t>basti sukhey Wala mauza sultan khar</t>
  </si>
  <si>
    <t>Sukhey Wala</t>
  </si>
  <si>
    <t>GPS DERA RASHID KHAN</t>
  </si>
  <si>
    <t>Dera Rasheed Khan</t>
  </si>
  <si>
    <t>GPS Dera Rasheed Khan</t>
  </si>
  <si>
    <t>Kakar Gil</t>
  </si>
  <si>
    <t>ABDUR UR REHMAN</t>
  </si>
  <si>
    <t>GGPS BAKHAT ALI WALA</t>
  </si>
  <si>
    <t>Jatoi Janubi</t>
  </si>
  <si>
    <t>Cah Bakht ali wala jatoi</t>
  </si>
  <si>
    <t>Bakht Ali Wala</t>
  </si>
  <si>
    <t>Aysha Rasool</t>
  </si>
  <si>
    <t>GPS BONGI POHLU</t>
  </si>
  <si>
    <t>Bungi Pohlu</t>
  </si>
  <si>
    <t>bungi pohlu</t>
  </si>
  <si>
    <t>GGPS JAAFAR ABAD</t>
  </si>
  <si>
    <t>Qaiser Ghazlani</t>
  </si>
  <si>
    <t>Basti Mohsin Abad, Moza qaiser ghazlani</t>
  </si>
  <si>
    <t>M/c Jatoi</t>
  </si>
  <si>
    <t>Mustabshra Khurshed</t>
  </si>
  <si>
    <t>43022</t>
  </si>
  <si>
    <t>GGPS DHAKKI RAJGAN</t>
  </si>
  <si>
    <t>GGPS Dhakki Rajgan P.o Beshandote,Tehsil.Kallar Syedan,Distt Rawalpindi</t>
  </si>
  <si>
    <t>DhakkiRajgan</t>
  </si>
  <si>
    <t>Atika Rehman</t>
  </si>
  <si>
    <t>ggpshootwala43@gmail.com basti butt Wala</t>
  </si>
  <si>
    <t>Butt Wala</t>
  </si>
  <si>
    <t>Aneela Rubab</t>
  </si>
  <si>
    <t>GES ROSSA</t>
  </si>
  <si>
    <t>50887</t>
  </si>
  <si>
    <t>GPS 133/9-L</t>
  </si>
  <si>
    <t>M. SADIQ</t>
  </si>
  <si>
    <t>32750</t>
  </si>
  <si>
    <t>GPS THATHA MANGERA</t>
  </si>
  <si>
    <t>thatha Mangera</t>
  </si>
  <si>
    <t>p/o kot tahir teh&amp; disstt Nankana sahib</t>
  </si>
  <si>
    <t>Thatha Mangera</t>
  </si>
  <si>
    <t>GHS MAHANDER</t>
  </si>
  <si>
    <t>Village &amp; P.O. Mahander Tehsil Gujar Khan.</t>
  </si>
  <si>
    <t>Mahander</t>
  </si>
  <si>
    <t>Khurshid Ahmed</t>
  </si>
  <si>
    <t>GGES CHAK 472 GB SAMUNDRI</t>
  </si>
  <si>
    <t>Bogan Pura</t>
  </si>
  <si>
    <t>G.G.E/S 472 GB</t>
  </si>
  <si>
    <t>472 GB</t>
  </si>
  <si>
    <t>Muncipal Commity</t>
  </si>
  <si>
    <t>Shaheen Ara Khanum</t>
  </si>
  <si>
    <t>ggps khalri basti Qamber wala</t>
  </si>
  <si>
    <t>Basti Qamber Wala</t>
  </si>
  <si>
    <t>GPS DHOK MURAD</t>
  </si>
  <si>
    <t>Dhok Murad</t>
  </si>
  <si>
    <t>Dhok  murad</t>
  </si>
  <si>
    <t>GGPS NIAZ WALA</t>
  </si>
  <si>
    <t>GGps.niazwala Uc BindaIshaqJatoiMGarh</t>
  </si>
  <si>
    <t>Niazwala</t>
  </si>
  <si>
    <t>BAKHT ALI</t>
  </si>
  <si>
    <t>GGPS SERAL</t>
  </si>
  <si>
    <t>dist/teh chakwal pobox fimkassar villag siral</t>
  </si>
  <si>
    <t>Riffat Raza</t>
  </si>
  <si>
    <t>28012</t>
  </si>
  <si>
    <t>GPS Mustafa Abad Phalia Rd MB Din</t>
  </si>
  <si>
    <t>31291</t>
  </si>
  <si>
    <t>GPS MC RASOOL PARK SHAHDARA</t>
  </si>
  <si>
    <t>CDG BPS Rasool park shahdara Lahore</t>
  </si>
  <si>
    <t>shshdara</t>
  </si>
  <si>
    <t>Qazi park</t>
  </si>
  <si>
    <t>Moaaz Zia</t>
  </si>
  <si>
    <t>GES KALAIR KALAN</t>
  </si>
  <si>
    <t>Kalair Kalan</t>
  </si>
  <si>
    <t>Moza kalair kalan, Tehsil Depalpur , Okara</t>
  </si>
  <si>
    <t>Mandi Ahmadabad</t>
  </si>
  <si>
    <t>GHS KHAIRAY KALAN NANKANA SAHIB</t>
  </si>
  <si>
    <t>KHIAREY KALAN</t>
  </si>
  <si>
    <t>VILLAGE KHIAREY KALAN TEHSIL &amp; DISTRICT NANKANA SAHIB.</t>
  </si>
  <si>
    <t>GGPS CHAK 138 GB I SAMUNDRI</t>
  </si>
  <si>
    <t>Kais Garh</t>
  </si>
  <si>
    <t>chak no. 138 G B 1</t>
  </si>
  <si>
    <t>138G B 1</t>
  </si>
  <si>
    <t>Take it from another place</t>
  </si>
  <si>
    <t>50955</t>
  </si>
  <si>
    <t>GPS TUKRA 18/WM</t>
  </si>
  <si>
    <t>chack 18/wm tukra post office harappa teshil&amp;Dist Sahiwal</t>
  </si>
  <si>
    <t>Tukra 18/wm</t>
  </si>
  <si>
    <t>GHS MC ISLAM NAGAR</t>
  </si>
  <si>
    <t>Islamnagar Faisalabad</t>
  </si>
  <si>
    <t>Ghulam Ghous Tahir</t>
  </si>
  <si>
    <t>GGPS 53/3-R</t>
  </si>
  <si>
    <t>53/3r</t>
  </si>
  <si>
    <t>GGPS 53/3.r</t>
  </si>
  <si>
    <t>52/3r</t>
  </si>
  <si>
    <t>43067</t>
  </si>
  <si>
    <t>GHS FARID KASSAR</t>
  </si>
  <si>
    <t>FARID KASSAR</t>
  </si>
  <si>
    <t>GHS JAVAID CHAK 483 GB</t>
  </si>
  <si>
    <t>Chak No.483 GB</t>
  </si>
  <si>
    <t>Chak No.483 GB, Tehsil samundri, District fAisalabad</t>
  </si>
  <si>
    <t>Chak No.487 GB</t>
  </si>
  <si>
    <t>khalid mahmood khan</t>
  </si>
  <si>
    <t>50099</t>
  </si>
  <si>
    <t>GPS CHAK 441 GB BUCHOKEY SAMUNDRI</t>
  </si>
  <si>
    <t>Chak 441 GB Buchoki Tehsil Samundri District Faisalabad</t>
  </si>
  <si>
    <t>441 Buchoki</t>
  </si>
  <si>
    <t>Chak 441 GB</t>
  </si>
  <si>
    <t>40669</t>
  </si>
  <si>
    <t>village Pandori</t>
  </si>
  <si>
    <t>GGHS CHOWKHANDI</t>
  </si>
  <si>
    <t>VPO Chowkhandi</t>
  </si>
  <si>
    <t>Mamoona Jabeen</t>
  </si>
  <si>
    <t>GHS FAROOQI ISLAMIA BAGHBAN PURA</t>
  </si>
  <si>
    <t>Govt. Farooqi Islamia High School Baghbanpura Lahore</t>
  </si>
  <si>
    <t>shalimar Lahore</t>
  </si>
  <si>
    <t>Madholal Hussain</t>
  </si>
  <si>
    <t>GPS ISAM NAGAR</t>
  </si>
  <si>
    <t>gbps islam nagar khan pur</t>
  </si>
  <si>
    <t>Bsti Burrah</t>
  </si>
  <si>
    <t>Danish jalil</t>
  </si>
  <si>
    <t>GGPS ASHIQ PUR</t>
  </si>
  <si>
    <t>Ashiq Pur</t>
  </si>
  <si>
    <t>Ashiq Pur, Post office Chobara, Tehsil Pasrur, District Sialkot.</t>
  </si>
  <si>
    <t>GGPS BEER BARAN</t>
  </si>
  <si>
    <t>Beer Baran</t>
  </si>
  <si>
    <t>ggps beer baran</t>
  </si>
  <si>
    <t>Sheeanwala</t>
  </si>
  <si>
    <t>Rakhcheragha</t>
  </si>
  <si>
    <t>GPS TIBBA THALLY</t>
  </si>
  <si>
    <t>Govt. p s Tibba Thally Mian Town RYK</t>
  </si>
  <si>
    <t>Miantown</t>
  </si>
  <si>
    <t>City R Y K</t>
  </si>
  <si>
    <t>Muhammad Kashif Rafi</t>
  </si>
  <si>
    <t>GPS SALEEM KOT PAKPATTAN</t>
  </si>
  <si>
    <t>Saleemkot</t>
  </si>
  <si>
    <t>chak saleemkot pakpattan</t>
  </si>
  <si>
    <t>37262</t>
  </si>
  <si>
    <t>GGPS 45/10-R, KHANEWAL</t>
  </si>
  <si>
    <t>CHAK-45-10-R</t>
  </si>
  <si>
    <t>CHAK-4510-R</t>
  </si>
  <si>
    <t>GGHS BHULAIR 119 R/B</t>
  </si>
  <si>
    <t>gghs,bhullair 119 R/B</t>
  </si>
  <si>
    <t>Bhullair 119</t>
  </si>
  <si>
    <t>bhullair119 R/B</t>
  </si>
  <si>
    <t>FARKHANDA KHURSHEED NAQVI</t>
  </si>
  <si>
    <t>GPS CHAK ZAHIR</t>
  </si>
  <si>
    <t>village and p.o chak Zahir teshil phalia district m b din</t>
  </si>
  <si>
    <t>Hagarwala</t>
  </si>
  <si>
    <t>Arslan Ahmed</t>
  </si>
  <si>
    <t>GPS DHOK NOORAL</t>
  </si>
  <si>
    <t>GPS Dk Nooral Po Tamman</t>
  </si>
  <si>
    <t>DK Nooral</t>
  </si>
  <si>
    <t>HABIB KHAN</t>
  </si>
  <si>
    <t>GPS CHAK NO.54/M</t>
  </si>
  <si>
    <t>chak No 54/m T/D lodhran</t>
  </si>
  <si>
    <t>Chak NO 54 M</t>
  </si>
  <si>
    <t>GGES SHAMIR PUR</t>
  </si>
  <si>
    <t>Shameerpur</t>
  </si>
  <si>
    <t>shamirpur</t>
  </si>
  <si>
    <t>Shamirpur</t>
  </si>
  <si>
    <t>Musarat Arif</t>
  </si>
  <si>
    <t>GGPS KOT MALIAR</t>
  </si>
  <si>
    <t>GGPS Kot Milyar PO khaur</t>
  </si>
  <si>
    <t>GHS KAKRAHI</t>
  </si>
  <si>
    <t>Badhar</t>
  </si>
  <si>
    <t>Village Badhar P/O Kakrahi Murree RWP</t>
  </si>
  <si>
    <t>Muhammad Ikhlaq</t>
  </si>
  <si>
    <t>24812</t>
  </si>
  <si>
    <t>GGHS KAPOURO WALI</t>
  </si>
  <si>
    <t>kapurowali</t>
  </si>
  <si>
    <t>gghs kapurowali airport road sialkot</t>
  </si>
  <si>
    <t>KAPUROWALI</t>
  </si>
  <si>
    <t>MANZOOR BIBI</t>
  </si>
  <si>
    <t>GPS TATAR</t>
  </si>
  <si>
    <t>Village Tatar, post office Mopalkey, tehsil Renalakhurd, district Okara</t>
  </si>
  <si>
    <t>GHULAM YASEEN ABID</t>
  </si>
  <si>
    <t>GGCMS BASTI NEELOT JAHANIAN</t>
  </si>
  <si>
    <t>govt girls community model school basti nelot</t>
  </si>
  <si>
    <t>Basti Nelot</t>
  </si>
  <si>
    <t>GPS BHAIL</t>
  </si>
  <si>
    <t>GPS Bhail</t>
  </si>
  <si>
    <t>Muhammad Saleem Abid</t>
  </si>
  <si>
    <t>GGPS BEHKAN WALA</t>
  </si>
  <si>
    <t>BEHKAN WALA</t>
  </si>
  <si>
    <t>ggps behkanwala tehsil minchinabad</t>
  </si>
  <si>
    <t>13334</t>
  </si>
  <si>
    <t>Basti Kamil wala mouza basti arif</t>
  </si>
  <si>
    <t>Basti Kamil Wala</t>
  </si>
  <si>
    <t>GPS CHAK 216 RB</t>
  </si>
  <si>
    <t>chak 216 Rb</t>
  </si>
  <si>
    <t>Chak 216 RB</t>
  </si>
  <si>
    <t>109 Rb</t>
  </si>
  <si>
    <t>GHS CHAK 12 GD</t>
  </si>
  <si>
    <t>12/GD TEHSIL &amp; DISTRICT OKARA</t>
  </si>
  <si>
    <t>RANA MADAD ALI</t>
  </si>
  <si>
    <t>GGPS JANDANWALA</t>
  </si>
  <si>
    <t>Jhandawala</t>
  </si>
  <si>
    <t>Moza jandanwala chak 204 w. B</t>
  </si>
  <si>
    <t>Chak Ajmal Wala</t>
  </si>
  <si>
    <t>Asmat Parveen</t>
  </si>
  <si>
    <t>GGES DHOK HASUE</t>
  </si>
  <si>
    <t>Dhoke Hashu</t>
  </si>
  <si>
    <t>GGES Dhoke Hashu</t>
  </si>
  <si>
    <t>20453</t>
  </si>
  <si>
    <t>GGHS ABDAL</t>
  </si>
  <si>
    <t>P O Khas abdal Tehsil &amp; District Gujranwala</t>
  </si>
  <si>
    <t>Shamim Firdous</t>
  </si>
  <si>
    <t>GGPS CHORLAKI BANGI KHEL</t>
  </si>
  <si>
    <t>Village Chorlacky, Tola Bangi Khel, Isa Khel</t>
  </si>
  <si>
    <t>Chorlacky</t>
  </si>
  <si>
    <t>hukam Zad Bibi</t>
  </si>
  <si>
    <t>From Water tankers</t>
  </si>
  <si>
    <t>GGHS BASTI HAMID ULLAH BHATTI</t>
  </si>
  <si>
    <t>basti Hameed Ullah bhati p/o laker wali sdk</t>
  </si>
  <si>
    <t>Hamed Ullah Bhati</t>
  </si>
  <si>
    <t>Rukhsana kouser</t>
  </si>
  <si>
    <t>GGHS MALKA</t>
  </si>
  <si>
    <t>malka post office malka tehsil kharian district gujrat</t>
  </si>
  <si>
    <t>GES MEGHA</t>
  </si>
  <si>
    <t>Megha p/o sur singh chak no.53 tehsil pattoki district kasur</t>
  </si>
  <si>
    <t>GGES CHAK 286 JB</t>
  </si>
  <si>
    <t>Chak No 286 Jb</t>
  </si>
  <si>
    <t>chak no 286 jb</t>
  </si>
  <si>
    <t>51017</t>
  </si>
  <si>
    <t>GPS 131/9-L</t>
  </si>
  <si>
    <t>chak no.131/9L</t>
  </si>
  <si>
    <t>Chak No131/9L</t>
  </si>
  <si>
    <t>Chak No129/9L</t>
  </si>
  <si>
    <t>GES MIRAN PUR LODHRAN</t>
  </si>
  <si>
    <t>Mera pur</t>
  </si>
  <si>
    <t>GES Miran pur</t>
  </si>
  <si>
    <t>Rafique Ahmad</t>
  </si>
  <si>
    <t>GGHSS BUCHAL KALAN V &amp; P.O BUCHAL KALAN CHAKWAL</t>
  </si>
  <si>
    <t>GGHSS BUCHAL KALAN  V &amp; P.O. BUCHAL KALAN TEH KALLAR  KAHAR  DISTT CHAKWAL</t>
  </si>
  <si>
    <t>Mahmooda  Kausar</t>
  </si>
  <si>
    <t>GGHS MC LAYYAH</t>
  </si>
  <si>
    <t>Govt Girls MC High School Near Jinnah Park Mohallah Faiz Abad Layyah</t>
  </si>
  <si>
    <t>Mohallah Faiz Abad Layyah</t>
  </si>
  <si>
    <t>Kalsoom Kousar</t>
  </si>
  <si>
    <t>GGHS TENCH BHATIA</t>
  </si>
  <si>
    <t>tench bhatta rwp</t>
  </si>
  <si>
    <t>yasmeen mehboob</t>
  </si>
  <si>
    <t>GGPS BASTI LAGHARI NO. 1</t>
  </si>
  <si>
    <t>basti dub wala moza dinga korai</t>
  </si>
  <si>
    <t>Kotla Gamo</t>
  </si>
  <si>
    <t>GPS BAPPAR</t>
  </si>
  <si>
    <t>Mouza Buppar P/O sardar pur jhandir tehsil Duniya Pur District Lodhran.</t>
  </si>
  <si>
    <t>Muhammad Amir Sohail</t>
  </si>
  <si>
    <t>dakhana watoo bamaqam sher garh</t>
  </si>
  <si>
    <t>GES CHAK NO. 5/1-RA</t>
  </si>
  <si>
    <t>Chak No 5/1RA</t>
  </si>
  <si>
    <t>GHSS 135/10-R, JAHANIAN</t>
  </si>
  <si>
    <t>thatha sadiq abad</t>
  </si>
  <si>
    <t>chak no 135/10.r khanewal</t>
  </si>
  <si>
    <t>chak no 135/10.r</t>
  </si>
  <si>
    <t>28027</t>
  </si>
  <si>
    <t>GPS DITTO CHOUR</t>
  </si>
  <si>
    <t>Ditto chour</t>
  </si>
  <si>
    <t>TEHSIL  AND    DISTRICT       MANDI  BAHAUDDIN</t>
  </si>
  <si>
    <t>GGHSS CHAK NO 221 GB</t>
  </si>
  <si>
    <t>DAKKHANA KHAS CHAK NO 221GB TEHSIL SAMUNDRI DISTT FSD</t>
  </si>
  <si>
    <t>GGPS MUSA KHEL EAST</t>
  </si>
  <si>
    <t>mohallah yarikhel musakhel tehsil o distt mianwal</t>
  </si>
  <si>
    <t>Zaitoon Akhter</t>
  </si>
  <si>
    <t>Qaisra Ishfaq</t>
  </si>
  <si>
    <t>GGPS CHAK 261 GB I</t>
  </si>
  <si>
    <t>chak no 261gb1</t>
  </si>
  <si>
    <t>261 GB 1</t>
  </si>
  <si>
    <t>Chak No 184gb</t>
  </si>
  <si>
    <t>GGHS DERIAN WALA</t>
  </si>
  <si>
    <t>GGHS DERIANWALA Village/PO DERIANWALA</t>
  </si>
  <si>
    <t>NADRA SHAHBAZ KHAN</t>
  </si>
  <si>
    <t>32653</t>
  </si>
  <si>
    <t>GHS BAHAWAL KOT</t>
  </si>
  <si>
    <t>Govt High School Bahawalkot Nanakana Sahib</t>
  </si>
  <si>
    <t>Bahawalkot</t>
  </si>
  <si>
    <t>Muhammad Naeem Akhtar Salahry</t>
  </si>
  <si>
    <t>GGES KHUJJAR</t>
  </si>
  <si>
    <t>Kujjer</t>
  </si>
  <si>
    <t>Noukher Nou</t>
  </si>
  <si>
    <t>45779</t>
  </si>
  <si>
    <t>GPS DHOK LADAL FATEH SHER</t>
  </si>
  <si>
    <t>UCHHALA</t>
  </si>
  <si>
    <t>DHOK FATEH SHER LADAL</t>
  </si>
  <si>
    <t>KHABAKKI</t>
  </si>
  <si>
    <t>Akhtar Iqbal</t>
  </si>
  <si>
    <t>COMMUNITY ARRANGEMENT</t>
  </si>
  <si>
    <t>GGPS GULAB WALA CHAK NO. 11/3</t>
  </si>
  <si>
    <t>gulab wala 11/3 thal</t>
  </si>
  <si>
    <t>Gulab Wala</t>
  </si>
  <si>
    <t>Manshad Fatima</t>
  </si>
  <si>
    <t>GGPS GHUNWAL</t>
  </si>
  <si>
    <t>Ghunwal</t>
  </si>
  <si>
    <t>Village  Ghunwal  POBOX Chakkharak</t>
  </si>
  <si>
    <t>Amreena Shahnaz</t>
  </si>
  <si>
    <t>GPS CHAK NO.8 ML</t>
  </si>
  <si>
    <t>Chak No 8 ML</t>
  </si>
  <si>
    <t>Chak No 8ML</t>
  </si>
  <si>
    <t>Abdur-Rehman</t>
  </si>
  <si>
    <t>28499</t>
  </si>
  <si>
    <t>GMPS THATHA AMIR</t>
  </si>
  <si>
    <t>Thatha Amir</t>
  </si>
  <si>
    <t>vill thatha amir p/o haslanwala teh phalia distt m.b.din</t>
  </si>
  <si>
    <t>Nuzhat Ahsan</t>
  </si>
  <si>
    <t>GMPS ALI PUR CHATHA NO.1</t>
  </si>
  <si>
    <t>gmps no 1 Ali pur chatha</t>
  </si>
  <si>
    <t>Ali Pur chatha</t>
  </si>
  <si>
    <t>GGPS 122 EB</t>
  </si>
  <si>
    <t>Govt girls primery school 122/EB Burewala</t>
  </si>
  <si>
    <t>122/EB Burewala</t>
  </si>
  <si>
    <t>Nasirah Bibi</t>
  </si>
  <si>
    <t>GHS CHAK HAIDER ABAD, NAWAN SHEHR</t>
  </si>
  <si>
    <t>CHAK Hyderabad HAIDERABAD</t>
  </si>
  <si>
    <t>GHS CHAK HAIDERABAD NAWAN SHEHAR , TEHSIL KABIRWALA</t>
  </si>
  <si>
    <t>ZAFAR IQBAL JAVID</t>
  </si>
  <si>
    <t>GGHS CHAK NO. 611/TDA (PATHAN HOTEL)</t>
  </si>
  <si>
    <t>611/tda</t>
  </si>
  <si>
    <t>chak no 611/tda pathan hotel</t>
  </si>
  <si>
    <t>Zulifqara Abad</t>
  </si>
  <si>
    <t>GMPS JANJEEL</t>
  </si>
  <si>
    <t>village janjeel p/o Sanghoi tehsil  Dina distt jhelum</t>
  </si>
  <si>
    <t>Asma Kareem</t>
  </si>
  <si>
    <t>GES CHAK NO 27/2-L</t>
  </si>
  <si>
    <t>Chak no 27/2L</t>
  </si>
  <si>
    <t>Chak no 27/2L tehsil renala khurd distric okara</t>
  </si>
  <si>
    <t>GGPS KOT GOINDKAY</t>
  </si>
  <si>
    <t>Kot Goindke</t>
  </si>
  <si>
    <t>kot goindke daska sialkot</t>
  </si>
  <si>
    <t>Misbah Rani</t>
  </si>
  <si>
    <t>GPS 70/5-L</t>
  </si>
  <si>
    <t>70/5l</t>
  </si>
  <si>
    <t>chak  no 70/5l</t>
  </si>
  <si>
    <t>GES CHAK NO 161 JB NORTH</t>
  </si>
  <si>
    <t>Chak no. 161/JB North Gunyana</t>
  </si>
  <si>
    <t>Chak 161 North</t>
  </si>
  <si>
    <t>Werh Sipra</t>
  </si>
  <si>
    <t>GPS KAIR WARA</t>
  </si>
  <si>
    <t>Kair wara</t>
  </si>
  <si>
    <t>Gps Kair wara tehsil and disst. sheikhupura</t>
  </si>
  <si>
    <t>Kair Wara</t>
  </si>
  <si>
    <t>Tafheem Ahmad Liaqat</t>
  </si>
  <si>
    <t>GPS MC JADEED NO. 5 CHINIOT</t>
  </si>
  <si>
    <t>Mohallah Thatti Gharbi, Chiniot</t>
  </si>
  <si>
    <t>Thatti Gharbi</t>
  </si>
  <si>
    <t>GGHSS DHARNAKA</t>
  </si>
  <si>
    <t>DHIBBA KARSIAL</t>
  </si>
  <si>
    <t>GGHSS DHURNAKA MIANWALI</t>
  </si>
  <si>
    <t>DHURNAKA</t>
  </si>
  <si>
    <t>NOOR AZMAT kHATOON</t>
  </si>
  <si>
    <t>GGPS NEW GULSHAN COLONY</t>
  </si>
  <si>
    <t>GGPS new gulshan.colony</t>
  </si>
  <si>
    <t>New Gulshan colony</t>
  </si>
  <si>
    <t>Samia Mehmood</t>
  </si>
  <si>
    <t>GGMPS JHOKE YAR SHAH</t>
  </si>
  <si>
    <t>Jhokyar Shah</t>
  </si>
  <si>
    <t>ggps jhokyar Shah</t>
  </si>
  <si>
    <t>Fareeda Banu</t>
  </si>
  <si>
    <t>GGHS 79/10-R, KACHA KHUH</t>
  </si>
  <si>
    <t>chak no 79/10-r</t>
  </si>
  <si>
    <t>GGHS 79/10-R KHANEWAL</t>
  </si>
  <si>
    <t>chak no79/10-r</t>
  </si>
  <si>
    <t>pirowal   80/10R</t>
  </si>
  <si>
    <t>Saima Attaullah</t>
  </si>
  <si>
    <t>GGHS CHAK NO 193 GB N</t>
  </si>
  <si>
    <t>YOUSAF PURA</t>
  </si>
  <si>
    <t>CHAK NO 193 G.B (N)</t>
  </si>
  <si>
    <t>CHAK NO 193 G.B (S)</t>
  </si>
  <si>
    <t>PARVEEN MAAN</t>
  </si>
  <si>
    <t>GMPS CHAK 13 GAJIANI A</t>
  </si>
  <si>
    <t>13 GAJIANI A</t>
  </si>
  <si>
    <t>Ä¢MPS  CHAK NO,13G/A  CHISHTIAN.</t>
  </si>
  <si>
    <t>13 G/ A CHISHTIAN</t>
  </si>
  <si>
    <t>Musarat Choudhry</t>
  </si>
  <si>
    <t>GGHS ROOPWAL</t>
  </si>
  <si>
    <t>vpo Roopwal teh&amp;dis Chakwal</t>
  </si>
  <si>
    <t>GGES MARI WALA</t>
  </si>
  <si>
    <t>chah mari wala</t>
  </si>
  <si>
    <t>mari wala</t>
  </si>
  <si>
    <t>Mc Kot Addu</t>
  </si>
  <si>
    <t>Fozia Dost Muhammad</t>
  </si>
  <si>
    <t>GGHS GAKHRA KALAN</t>
  </si>
  <si>
    <t>Ghakra Kalan</t>
  </si>
  <si>
    <t>Govt Girls High School Gakhra Kalan Gujrat</t>
  </si>
  <si>
    <t>35569</t>
  </si>
  <si>
    <t>GES MIRAN PUR</t>
  </si>
  <si>
    <t>Norrabba</t>
  </si>
  <si>
    <t>Hafiz Shabir Ahmad Usmani</t>
  </si>
  <si>
    <t>GHSS BUS STAND PAKPATTAN</t>
  </si>
  <si>
    <t>Sahiwal Road Near General bus stand</t>
  </si>
  <si>
    <t>urban 4</t>
  </si>
  <si>
    <t>Hafiz Muhammad Shafiq</t>
  </si>
  <si>
    <t>62250</t>
  </si>
  <si>
    <t>GGPS BUNGLA LESHARI</t>
  </si>
  <si>
    <t>ggps bangla lashari pul clairi</t>
  </si>
  <si>
    <t>Pul Calari</t>
  </si>
  <si>
    <t>Shawana Farooq</t>
  </si>
  <si>
    <t>GHS MC NANKANA SAHIB</t>
  </si>
  <si>
    <t>City Nankana</t>
  </si>
  <si>
    <t>Bashir Bhati road Mohallaha Usmani Kho Nankana Sahib</t>
  </si>
  <si>
    <t>Usmani Khon</t>
  </si>
  <si>
    <t>GHS 214/RB</t>
  </si>
  <si>
    <t>DHUDDIWALA</t>
  </si>
  <si>
    <t>JARANWALA ROAD, 214 RB DHUDDIWALA</t>
  </si>
  <si>
    <t>CHAK NO 214 RB</t>
  </si>
  <si>
    <t>GES SULTAN ABAD</t>
  </si>
  <si>
    <t>PAF Base Sargodha</t>
  </si>
  <si>
    <t>Noor Ul Hassan</t>
  </si>
  <si>
    <t>GGHS MODERN EUDCATION GUJRANWALA</t>
  </si>
  <si>
    <t>GGHS.Modern Education Satellite Town Grw.</t>
  </si>
  <si>
    <t>Nuzhat Fatima Awan</t>
  </si>
  <si>
    <t>GGPS HAFIZABAD</t>
  </si>
  <si>
    <t>basti hafiz Abad dgk</t>
  </si>
  <si>
    <t>Zarmina Hassan</t>
  </si>
  <si>
    <t>GPS NO. 2 MANGAT</t>
  </si>
  <si>
    <t>filter water plant</t>
  </si>
  <si>
    <t>GHS CHAK 215 GB PO SAME SAMUNDRI FSD</t>
  </si>
  <si>
    <t>Dahood Hamza</t>
  </si>
  <si>
    <t>chak no. 215 gb</t>
  </si>
  <si>
    <t>215 Gb</t>
  </si>
  <si>
    <t>Chak No 214 Gb</t>
  </si>
  <si>
    <t>GPS CHAK NO.141 TDA</t>
  </si>
  <si>
    <t>LOHANCH Thal Jandi</t>
  </si>
  <si>
    <t>GPS Chak 141/TDA</t>
  </si>
  <si>
    <t>Chak 141/TDA</t>
  </si>
  <si>
    <t>Kadhlathi</t>
  </si>
  <si>
    <t>village kudlathi</t>
  </si>
  <si>
    <t>adeeba khan</t>
  </si>
  <si>
    <t>12072</t>
  </si>
  <si>
    <t>GGPS Yaray wala</t>
  </si>
  <si>
    <t>Muredi Wala</t>
  </si>
  <si>
    <t>GHS ISLAMIA SIRAJIA 206/RB</t>
  </si>
  <si>
    <t>MUNSHIWALA</t>
  </si>
  <si>
    <t>Chak No 206 RB. Munshiwala Tehsil Jaranwala Faisalabad</t>
  </si>
  <si>
    <t>Chak No 206 RB. Munshiwala</t>
  </si>
  <si>
    <t>205 RB.</t>
  </si>
  <si>
    <t>GGES CHAK NO.96/WB</t>
  </si>
  <si>
    <t>Chak 96/wb</t>
  </si>
  <si>
    <t>GGMS96/wb</t>
  </si>
  <si>
    <t>96/wb</t>
  </si>
  <si>
    <t>Gharamore</t>
  </si>
  <si>
    <t>43076</t>
  </si>
  <si>
    <t>GHS TATRAL</t>
  </si>
  <si>
    <t>TATRAL</t>
  </si>
  <si>
    <t>VPO TATRAL TEHSIL AND DISTRICT CHAKWAL</t>
  </si>
  <si>
    <t>Amjad Ali Malik</t>
  </si>
  <si>
    <t>51374</t>
  </si>
  <si>
    <t>GPS FAZAL GARH P.O BOYLE GANJ</t>
  </si>
  <si>
    <t>Fazal Garh</t>
  </si>
  <si>
    <t>Boyal Gunj</t>
  </si>
  <si>
    <t>GHS CHAK 463 GB SAMUNDRI FSD</t>
  </si>
  <si>
    <t>CHAK NO.463 GB</t>
  </si>
  <si>
    <t>GOVT. HIGH SCHOOL 463 GB SAMUNDRI</t>
  </si>
  <si>
    <t>463 GB</t>
  </si>
  <si>
    <t>FAQIR MUHAMMAD</t>
  </si>
  <si>
    <t>GHS 150/RB</t>
  </si>
  <si>
    <t>maduana</t>
  </si>
  <si>
    <t>chak no 150 RB TESIL JARANWALA,FAISALABAD</t>
  </si>
  <si>
    <t>CHAK NO 150 RB</t>
  </si>
  <si>
    <t>CHAK NO 71 RB</t>
  </si>
  <si>
    <t>MUNIR MASIH</t>
  </si>
  <si>
    <t>GGHS CHAK NO 478 GB</t>
  </si>
  <si>
    <t>cHAWA</t>
  </si>
  <si>
    <t>GGHS 478 GB</t>
  </si>
  <si>
    <t>478 G.B</t>
  </si>
  <si>
    <t>Fahrat Nazir</t>
  </si>
  <si>
    <t>GGHS 121 JB GHOKOWAL</t>
  </si>
  <si>
    <t>Chak 121JB</t>
  </si>
  <si>
    <t>121 JB Gokhowal</t>
  </si>
  <si>
    <t>GGES KARIM PARK</t>
  </si>
  <si>
    <t>govt girls middle school Karim park block 3</t>
  </si>
  <si>
    <t>53 Karim Park</t>
  </si>
  <si>
    <t>Bushra Nazir Ahmad</t>
  </si>
  <si>
    <t>GHS CHAK 253 RB FSD</t>
  </si>
  <si>
    <t>jahangir Kalan 253/rb</t>
  </si>
  <si>
    <t>Chak No. 253/RB Faisalabad.</t>
  </si>
  <si>
    <t>Jahangir Kalan 253/rb</t>
  </si>
  <si>
    <t>Chak No. 253/RB Jahangir Kalan</t>
  </si>
  <si>
    <t>Hafiz muhammad javed</t>
  </si>
  <si>
    <t>GHS CHAK 275 RB FSD</t>
  </si>
  <si>
    <t>KARTARPUR</t>
  </si>
  <si>
    <t>CHAK NO 275/RB KARTARPUR</t>
  </si>
  <si>
    <t>CHAK NO 275/RB</t>
  </si>
  <si>
    <t>GPS MC NO. 3 JARANWALA</t>
  </si>
  <si>
    <t>127GB</t>
  </si>
  <si>
    <t>chack  no 127GB</t>
  </si>
  <si>
    <t>Muhammad Zahid Javed</t>
  </si>
  <si>
    <t>GGHS CHAK 91 GB FSD</t>
  </si>
  <si>
    <t>CHAK NO 91 GB FSD</t>
  </si>
  <si>
    <t>Umeesa Mazher</t>
  </si>
  <si>
    <t>14669</t>
  </si>
  <si>
    <t>GGHS MC COTTON MILLS FAISALABAD</t>
  </si>
  <si>
    <t>E block</t>
  </si>
  <si>
    <t>sirsyed town</t>
  </si>
  <si>
    <t>NAZISH NAWAZ</t>
  </si>
  <si>
    <t>GPS NO. 1 DERA ATHAL</t>
  </si>
  <si>
    <t>GPS NO.I DERA ATHAL,VPO KHURA,TEH.NAUSHEHRA,DISTT.KHUSHAB</t>
  </si>
  <si>
    <t>from near by mosque via pipe line</t>
  </si>
  <si>
    <t>46567</t>
  </si>
  <si>
    <t>GGPS CHAK NO 27 MB</t>
  </si>
  <si>
    <t>GGPS chak number 27 MB</t>
  </si>
  <si>
    <t>27 MB</t>
  </si>
  <si>
    <t>Chak No 14MB</t>
  </si>
  <si>
    <t>Anum Manzoor</t>
  </si>
  <si>
    <t>GPS BEHBOWALI</t>
  </si>
  <si>
    <t>Longoky</t>
  </si>
  <si>
    <t>village longoky</t>
  </si>
  <si>
    <t>Rabia Hassan</t>
  </si>
  <si>
    <t>GGHS CHAK 681/22 GB</t>
  </si>
  <si>
    <t>CHAK NO 681/22 GB</t>
  </si>
  <si>
    <t>GGHS 681/22 GB TEHSIL PIRMAHAL</t>
  </si>
  <si>
    <t>ASIYA PARVEEN</t>
  </si>
  <si>
    <t>51367</t>
  </si>
  <si>
    <t>GES BUNGA HAYAT</t>
  </si>
  <si>
    <t>GPS CHAK NO.143 TDA</t>
  </si>
  <si>
    <t>LOHANCH THAL JANDI</t>
  </si>
  <si>
    <t>P/O LALAZAR CHAK NO.143/TDA LAYYAH</t>
  </si>
  <si>
    <t>CHAK NO.143/TDA LAYYAH</t>
  </si>
  <si>
    <t>GPS CHAK 84/P</t>
  </si>
  <si>
    <t>Bagh War</t>
  </si>
  <si>
    <t>Chak 81P</t>
  </si>
  <si>
    <t>Chak81P</t>
  </si>
  <si>
    <t>Chak100P</t>
  </si>
  <si>
    <t>GGHS KHOKHAR BALA</t>
  </si>
  <si>
    <t>khokhar bala</t>
  </si>
  <si>
    <t>vpo khokhar bala,teh kalar kahar,distt chakwal</t>
  </si>
  <si>
    <t>shaista alvi</t>
  </si>
  <si>
    <t>GPS NAIMAT ABAD FSD</t>
  </si>
  <si>
    <t>naimatabad 219 rb iii fsd</t>
  </si>
  <si>
    <t>Hafiz Rizwan Mujeeb</t>
  </si>
  <si>
    <t>GPS 59 RB II</t>
  </si>
  <si>
    <t>Gandi Wind</t>
  </si>
  <si>
    <t>Chak No. 59 RB II Jaranwala Faisalabad</t>
  </si>
  <si>
    <t>58 RB Ratta Joya</t>
  </si>
  <si>
    <t>GPS 160/10-R, JAHANIAN</t>
  </si>
  <si>
    <t>govt.primaryschool   160/10r. tehsil jahanian  distt.  khanewal</t>
  </si>
  <si>
    <t>GPS CHAK NO.116 EB</t>
  </si>
  <si>
    <t>Chak  116 EB Burewala</t>
  </si>
  <si>
    <t>116 EB</t>
  </si>
  <si>
    <t>GGPS ALLAHABAD p/o jahanabad tehsil shahpur district sargodha</t>
  </si>
  <si>
    <t>akmal parveen</t>
  </si>
  <si>
    <t>Got primary school Dera Islam Pura</t>
  </si>
  <si>
    <t>45902</t>
  </si>
  <si>
    <t>GPS HEROO</t>
  </si>
  <si>
    <t>Heroo</t>
  </si>
  <si>
    <t>heroo</t>
  </si>
  <si>
    <t>GGES CHAK NO 466 JB EAST</t>
  </si>
  <si>
    <t>GGES466 EAST BHOWANA DIST. CHINIOT</t>
  </si>
  <si>
    <t>AHATAY</t>
  </si>
  <si>
    <t>Samana Touqeer</t>
  </si>
  <si>
    <t>53567</t>
  </si>
  <si>
    <t>GGES FAISAL COLONY OKARA</t>
  </si>
  <si>
    <t>Faisal Colony Okara</t>
  </si>
  <si>
    <t>NOOR ILAHI</t>
  </si>
  <si>
    <t>38856</t>
  </si>
  <si>
    <t>GGHS (MC) CHOI WEST ATTOCK CITY</t>
  </si>
  <si>
    <t>chhoi west attock</t>
  </si>
  <si>
    <t>GHS 81-82/10-R, KHANEWAL</t>
  </si>
  <si>
    <t>81/82</t>
  </si>
  <si>
    <t>ghs 81_82 10 r kwl</t>
  </si>
  <si>
    <t>amjad hussain khan</t>
  </si>
  <si>
    <t>GHS MUSLIM SIALKOT</t>
  </si>
  <si>
    <t>urdu bazar sialkot city</t>
  </si>
  <si>
    <t>karim pura</t>
  </si>
  <si>
    <t>39894</t>
  </si>
  <si>
    <t>GHSS SHADI KHAN</t>
  </si>
  <si>
    <t>vpo shadi khan tehsil hazro district attock</t>
  </si>
  <si>
    <t>arif saeed</t>
  </si>
  <si>
    <t>GMES WAHI WARYAM</t>
  </si>
  <si>
    <t>Wahi Waryam</t>
  </si>
  <si>
    <t>basti chit wala mouza wahi waryam</t>
  </si>
  <si>
    <t>Basti Chit Wala</t>
  </si>
  <si>
    <t>GES CHAK NO 156 TDA</t>
  </si>
  <si>
    <t>Chak no 156/ Tda p.o Ladhana</t>
  </si>
  <si>
    <t>Check 156/TDA</t>
  </si>
  <si>
    <t>Muhammad Aslam Bhatti</t>
  </si>
  <si>
    <t>8221</t>
  </si>
  <si>
    <t>GGPS BASTI RANJHA</t>
  </si>
  <si>
    <t>bastiranjha shdanlund</t>
  </si>
  <si>
    <t>Shehla Naseer</t>
  </si>
  <si>
    <t>GGPS ISLAM NAGAR CHAK ISLAM NAGAR 131 EB</t>
  </si>
  <si>
    <t>Chak Islam nagar p/o 131/EB Teh Arifwala Dist. Pakpattan.</t>
  </si>
  <si>
    <t>Moin Kote</t>
  </si>
  <si>
    <t>GMPS NO.1 CHAK NO.8 NB BHALWAL CITY</t>
  </si>
  <si>
    <t>Chak No 8nb</t>
  </si>
  <si>
    <t>GMPS 8NB Bhalwal</t>
  </si>
  <si>
    <t>Chak 8NB</t>
  </si>
  <si>
    <t>Muhammad Anwar Saeed</t>
  </si>
  <si>
    <t>45477</t>
  </si>
  <si>
    <t>GPS DAGGAR YAR SHAH</t>
  </si>
  <si>
    <t>DAGGAR Yar Shah</t>
  </si>
  <si>
    <t>Qureshian 6TDA Haitoo-Khasoor Road</t>
  </si>
  <si>
    <t>Qureshian wala</t>
  </si>
  <si>
    <t>Ubaid Ullah Tahir</t>
  </si>
  <si>
    <t>GGES RUKAN PURA</t>
  </si>
  <si>
    <t>rukanpura</t>
  </si>
  <si>
    <t>Nazia Akram</t>
  </si>
  <si>
    <t>GGPS THATA WASAL SHAH</t>
  </si>
  <si>
    <t>Alawal K</t>
  </si>
  <si>
    <t>G. G. P. S Thatha wasal shah</t>
  </si>
  <si>
    <t>Thatha Wasal Shah</t>
  </si>
  <si>
    <t>Farah Hayat</t>
  </si>
  <si>
    <t>GPS 64 RB</t>
  </si>
  <si>
    <t>Chak No 64 RB</t>
  </si>
  <si>
    <t>chak no 64 RB tehsil jaranwala dist faisalabad</t>
  </si>
  <si>
    <t>Chak No 151 RB</t>
  </si>
  <si>
    <t>37812</t>
  </si>
  <si>
    <t>GPS 163/10-R, JAHANIAN</t>
  </si>
  <si>
    <t>163/10r</t>
  </si>
  <si>
    <t>Chak no 163/10-R</t>
  </si>
  <si>
    <t>157/10r</t>
  </si>
  <si>
    <t>GHS CHAK NO.64/F</t>
  </si>
  <si>
    <t>Chak No 64F</t>
  </si>
  <si>
    <t>GOVT. HIGH SCHOOL CHAK NO.64/F</t>
  </si>
  <si>
    <t>CHAK NO.64/F</t>
  </si>
  <si>
    <t>GES CHAK 200/GB</t>
  </si>
  <si>
    <t>200 GB Kartarpur</t>
  </si>
  <si>
    <t>GES 200 GB, Samundri, Faisalabad</t>
  </si>
  <si>
    <t>Chak No 200 GB</t>
  </si>
  <si>
    <t>Chak No 203 GB</t>
  </si>
  <si>
    <t>GGPS CHAK NO.33/BC (W)</t>
  </si>
  <si>
    <t>33/bc W</t>
  </si>
  <si>
    <t>GGPS chak no 33/bc p.o dera bakha</t>
  </si>
  <si>
    <t>Saima Irum</t>
  </si>
  <si>
    <t>GES TIBBI HOTE MAHAR</t>
  </si>
  <si>
    <t>Tibbi Hote Mehar</t>
  </si>
  <si>
    <t>moza tibbi hote mahar</t>
  </si>
  <si>
    <t>Tibbi Hote Mahar</t>
  </si>
  <si>
    <t>Mud Peerwa</t>
  </si>
  <si>
    <t>GPS HEAD BALI</t>
  </si>
  <si>
    <t>Chak # 14 TDA</t>
  </si>
  <si>
    <t>gps headbali p/o ninetda DaryaKhandistrictbhakkar</t>
  </si>
  <si>
    <t>Head Bali</t>
  </si>
  <si>
    <t>Daggarqureshi</t>
  </si>
  <si>
    <t>GGPS ABADI MURAD</t>
  </si>
  <si>
    <t>Abadi Murad</t>
  </si>
  <si>
    <t>Chak no. 175</t>
  </si>
  <si>
    <t>Parveen akhter</t>
  </si>
  <si>
    <t>GGPS BEHLOT</t>
  </si>
  <si>
    <t>Behlot</t>
  </si>
  <si>
    <t>behlot</t>
  </si>
  <si>
    <t>GGPS JADEED KAHEERI</t>
  </si>
  <si>
    <t>Kaheeri Snawan</t>
  </si>
  <si>
    <t>basti Hajipur</t>
  </si>
  <si>
    <t>Basti Hajipur</t>
  </si>
  <si>
    <t>GHS 362/W.B</t>
  </si>
  <si>
    <t>Chak No 362/WB</t>
  </si>
  <si>
    <t>chak No. 362/w.b</t>
  </si>
  <si>
    <t>362/w.b</t>
  </si>
  <si>
    <t>386/w.b</t>
  </si>
  <si>
    <t>Mahmood Ul hassan Sheikh</t>
  </si>
  <si>
    <t>GGES SORASI</t>
  </si>
  <si>
    <t>sorasi New murree</t>
  </si>
  <si>
    <t>Gull Afshan</t>
  </si>
  <si>
    <t>GPS BASTI SOHARA, MOUZA KOTLI BHUTTA, KABIRWALA</t>
  </si>
  <si>
    <t>Basti sohanra mouza kotli bhutta Tehsil Kabirwala Disst Khanewal</t>
  </si>
  <si>
    <t>Basti sohanra</t>
  </si>
  <si>
    <t>GPS GARROKA</t>
  </si>
  <si>
    <t>GPS garroka p/o dullewala tehsil darya khan dist.Bhakkar</t>
  </si>
  <si>
    <t>Garroka</t>
  </si>
  <si>
    <t>GGES MC AHMED PURA</t>
  </si>
  <si>
    <t>Ahmadpura</t>
  </si>
  <si>
    <t>Mohallah Ahmadpura Sheikhupura</t>
  </si>
  <si>
    <t>Filtered water cooler</t>
  </si>
  <si>
    <t>GGPS 162P</t>
  </si>
  <si>
    <t>Seena Wad</t>
  </si>
  <si>
    <t>GGPS chk no 162p dak khana mnthar</t>
  </si>
  <si>
    <t>162p</t>
  </si>
  <si>
    <t>GPS MALIK HAMEED</t>
  </si>
  <si>
    <t>basti jurani p/ o pacca laran tehsil liaqat pur district rahim yar Khan</t>
  </si>
  <si>
    <t>Jourani</t>
  </si>
  <si>
    <t>Meharban Hussain</t>
  </si>
  <si>
    <t>GGHS CHABAH SINDWAN</t>
  </si>
  <si>
    <t>gghs chabbah sindhwan</t>
  </si>
  <si>
    <t>Chabbah Sindhwan</t>
  </si>
  <si>
    <t>Rubab Arif</t>
  </si>
  <si>
    <t>GHS MALHOO</t>
  </si>
  <si>
    <t>Kamulpurmusa</t>
  </si>
  <si>
    <t>Vill Malhoo Hazro Distt Attock</t>
  </si>
  <si>
    <t>GGPS BHUDANA JAATTAN</t>
  </si>
  <si>
    <t>Bhundana Jattan</t>
  </si>
  <si>
    <t>Bhundana Jattan p/o maira jhelum</t>
  </si>
  <si>
    <t>Farah Amreen</t>
  </si>
  <si>
    <t>GHS RUPO CHAK</t>
  </si>
  <si>
    <t>Rupo Chak</t>
  </si>
  <si>
    <t>G.H.S.Rupo Chak Tehsil Zafarwal District Narowal</t>
  </si>
  <si>
    <t>GMPS CHAK NAGAR CHIAN</t>
  </si>
  <si>
    <t>Chak Nagarchian</t>
  </si>
  <si>
    <t>village chak nagarchian post office Ghar Mahal teh Dina district jhelum.</t>
  </si>
  <si>
    <t>Misbah Arif</t>
  </si>
  <si>
    <t>GHS PILOT ATTOCK</t>
  </si>
  <si>
    <t>govt pilot secondary school attock</t>
  </si>
  <si>
    <t>GES CHAK 272 JB</t>
  </si>
  <si>
    <t>272 Jb Fsd</t>
  </si>
  <si>
    <t>Chak no 272 jb fsd</t>
  </si>
  <si>
    <t>38 Jb Fsd</t>
  </si>
  <si>
    <t>Shamsul haq shaheen</t>
  </si>
  <si>
    <t>GPS CHAK NO. 85-A/TDA CHAH LAL WALA</t>
  </si>
  <si>
    <t>GPS 85-A / TDA Lal Wala (88 ML)</t>
  </si>
  <si>
    <t>88 ML</t>
  </si>
  <si>
    <t>Syed Sakhawat Hussain</t>
  </si>
  <si>
    <t>GPS NIBBU WALA</t>
  </si>
  <si>
    <t>nibbuwala</t>
  </si>
  <si>
    <t>Nibbu Wala</t>
  </si>
  <si>
    <t>GMPS BASTI GOKAL</t>
  </si>
  <si>
    <t>Dagr rahtas</t>
  </si>
  <si>
    <t>182TDA Basti gokal</t>
  </si>
  <si>
    <t>Basti gokal</t>
  </si>
  <si>
    <t>Dagar rahtas</t>
  </si>
  <si>
    <t>GPS MATWANI WALA GHARBI</t>
  </si>
  <si>
    <t>Basti Allah Wali Taunsa Barrage</t>
  </si>
  <si>
    <t>ALLAH Wali</t>
  </si>
  <si>
    <t>muhammad ismail</t>
  </si>
  <si>
    <t>GHS CHAK NO. 378/WB</t>
  </si>
  <si>
    <t>Chak No 378/wb p/o chak No 384 /Wb Tehsil dunyapur dist lodhran</t>
  </si>
  <si>
    <t>Chak No 378 /wb</t>
  </si>
  <si>
    <t>Chak No 384/wb</t>
  </si>
  <si>
    <t>Malik Muhammad Hussain Nasir</t>
  </si>
  <si>
    <t>GGES UCH GILANI NO.1</t>
  </si>
  <si>
    <t>Uch Gillana</t>
  </si>
  <si>
    <t>sami town uch gillani</t>
  </si>
  <si>
    <t>Uch Sharief</t>
  </si>
  <si>
    <t>Riffat Shumaila</t>
  </si>
  <si>
    <t>GMPS CM BAQAR PUR</t>
  </si>
  <si>
    <t>BAQAR PUR</t>
  </si>
  <si>
    <t>Aalo Mahar</t>
  </si>
  <si>
    <t>Naila Yasmin</t>
  </si>
  <si>
    <t>GPS AKUKA</t>
  </si>
  <si>
    <t>Chota Bhok Hitar</t>
  </si>
  <si>
    <t>Kikrian Wali Jhandaka Chota Bhok Hitar Bahawalnagar</t>
  </si>
  <si>
    <t>Kikrian Wali Jhandaka</t>
  </si>
  <si>
    <t>Sheikh Muhammad Abdullah</t>
  </si>
  <si>
    <t>GGPS KHOKHAR AKBAR KHAN</t>
  </si>
  <si>
    <t>Khokhar Agar Khan</t>
  </si>
  <si>
    <t>village khokhar agar khan teh dina district Jhelum</t>
  </si>
  <si>
    <t>Daniyla</t>
  </si>
  <si>
    <t>Fouzia Kousar</t>
  </si>
  <si>
    <t>GPS BASTI MALAH</t>
  </si>
  <si>
    <t>Bela Jhabana</t>
  </si>
  <si>
    <t>GPS Basti Malah Mouza Bela Jhabana Markz  jhang city</t>
  </si>
  <si>
    <t>Basti Malah</t>
  </si>
  <si>
    <t>Pakky Wala</t>
  </si>
  <si>
    <t>21768</t>
  </si>
  <si>
    <t>GHS ABID ABAD</t>
  </si>
  <si>
    <t>Abid Abad Tehseel Nowshera virkan District gujranwala</t>
  </si>
  <si>
    <t>Bilal Ahmed Khan</t>
  </si>
  <si>
    <t>GGHS ZIA AYUB RESEARCH FAISALABAD</t>
  </si>
  <si>
    <t>GOVT.ZIA GIRLS HIGH SCHOOL AYUB RESEARCH FAISALABAD</t>
  </si>
  <si>
    <t>MUNAZZA AZIZ</t>
  </si>
  <si>
    <t>GMPS SANATHA</t>
  </si>
  <si>
    <t>Sanatha</t>
  </si>
  <si>
    <t>VPO Sanatha Teh Dina Distt Jhelum</t>
  </si>
  <si>
    <t>Lubina Dawood</t>
  </si>
  <si>
    <t>GHSS MORE KHUNDA</t>
  </si>
  <si>
    <t>govt.higher secondary school more khunda</t>
  </si>
  <si>
    <t>36993</t>
  </si>
  <si>
    <t>GPS NAI BASTI ALLAH ABAD, KABIRWALA</t>
  </si>
  <si>
    <t>nai basti allahabad tah kabirwala distt khanewal</t>
  </si>
  <si>
    <t>Nai Basti Allahabad</t>
  </si>
  <si>
    <t>23841</t>
  </si>
  <si>
    <t>GGPS TAJOKAY CHEEMA</t>
  </si>
  <si>
    <t>tajokey Cheema tehsil daska district sialkot</t>
  </si>
  <si>
    <t>Adamkey Cheema</t>
  </si>
  <si>
    <t>GGPS CHAK 205 RB III KHURRIANWALA</t>
  </si>
  <si>
    <t>Tearthwala</t>
  </si>
  <si>
    <t>Chak no 205 r. b lll Tearthwala</t>
  </si>
  <si>
    <t>Tearthwala 205</t>
  </si>
  <si>
    <t>205 mohalwala</t>
  </si>
  <si>
    <t>GPS HAMOON MEERO KA</t>
  </si>
  <si>
    <t>Kot  Langah</t>
  </si>
  <si>
    <t>basti  hamoon Meeroka mouza kot Langah  tehsil and distric bahawal Nagar</t>
  </si>
  <si>
    <t>Hamoon Meeroka</t>
  </si>
  <si>
    <t>mohsan Ali</t>
  </si>
  <si>
    <t>GGPS KANIAL</t>
  </si>
  <si>
    <t>Kaniyal</t>
  </si>
  <si>
    <t>moza kaniyal</t>
  </si>
  <si>
    <t>Panjgrian Nasheb</t>
  </si>
  <si>
    <t>Robina Kosar</t>
  </si>
  <si>
    <t>GGPS CHAK 245 RB I ABADI CHAILA</t>
  </si>
  <si>
    <t>Abaspur</t>
  </si>
  <si>
    <t>ggps245rb1 ababspur</t>
  </si>
  <si>
    <t>Abadi Chella</t>
  </si>
  <si>
    <t>Abasspur</t>
  </si>
  <si>
    <t>GGPS SCHOOL 101 RAB</t>
  </si>
  <si>
    <t>101 RB</t>
  </si>
  <si>
    <t>Chak No 101 RB</t>
  </si>
  <si>
    <t>99 Jandiala</t>
  </si>
  <si>
    <t>GGPS ALLAH BACHAYA</t>
  </si>
  <si>
    <t>GGPS ALLAH Bachaya basti akabar abad tehsil sadiqabad</t>
  </si>
  <si>
    <t>Basti Akbar Abad</t>
  </si>
  <si>
    <t>GES 381/WB</t>
  </si>
  <si>
    <t>Chak No 381/WB</t>
  </si>
  <si>
    <t>Chak No 381/WB Tehsil Dunya pur</t>
  </si>
  <si>
    <t>HAMID KARIM</t>
  </si>
  <si>
    <t>40964</t>
  </si>
  <si>
    <t>GGPS DINA NO.4</t>
  </si>
  <si>
    <t>Domelli Mohalla Dina</t>
  </si>
  <si>
    <t>domelli mohalla dina</t>
  </si>
  <si>
    <t>Domelli Mohalla</t>
  </si>
  <si>
    <t>35538</t>
  </si>
  <si>
    <t>GHS KOT MUZAFFAR</t>
  </si>
  <si>
    <t>Kot Muzaffar</t>
  </si>
  <si>
    <t>maqbool ul hassan abid</t>
  </si>
  <si>
    <t>GGPS MOUTRA</t>
  </si>
  <si>
    <t>village moutra p.o.box jamkey cheema</t>
  </si>
  <si>
    <t>Alou Mahar</t>
  </si>
  <si>
    <t>Sarwat Sultana</t>
  </si>
  <si>
    <t>GGPS BARRANGA GHARBI</t>
  </si>
  <si>
    <t>Barranga gharbi</t>
  </si>
  <si>
    <t>Nosheen Kanwal</t>
  </si>
  <si>
    <t>GHS ILYANI</t>
  </si>
  <si>
    <t>Basti ilynai, thind kalan nashaib, layyah</t>
  </si>
  <si>
    <t>Basti Ilyani</t>
  </si>
  <si>
    <t>Ch. Muhammad Yousaf</t>
  </si>
  <si>
    <t>GGHS BHIRI SHAH REHMAN</t>
  </si>
  <si>
    <t>GGHS Bhiri shah Rehman,p/o Bhiri khurd,Teh Nowshehra Wirkan, Gujranwala.</t>
  </si>
  <si>
    <t>Bhiri Shah Rehman</t>
  </si>
  <si>
    <t>Muqaddas Aslam</t>
  </si>
  <si>
    <t>17699</t>
  </si>
  <si>
    <t>GMPS SAHJHAR KALASAN</t>
  </si>
  <si>
    <t>Sahjhar Kalasan</t>
  </si>
  <si>
    <t>sajhar kslasan pir kot sadhana jhal ka</t>
  </si>
  <si>
    <t>Sajhar Kalasan</t>
  </si>
  <si>
    <t>Hakim Bibi</t>
  </si>
  <si>
    <t>GGPS CHAK 38 JB II DHARAN</t>
  </si>
  <si>
    <t>38jbii</t>
  </si>
  <si>
    <t>GGPS38jbii</t>
  </si>
  <si>
    <t>Dharan</t>
  </si>
  <si>
    <t>Dagora</t>
  </si>
  <si>
    <t>Samra Saleem</t>
  </si>
  <si>
    <t>GHS MAAN KOT, NAWAN SHEHR</t>
  </si>
  <si>
    <t>post office Maan Kot Tehsil Kabirwala district Khanewal</t>
  </si>
  <si>
    <t>GMPS DHOK RAJJO</t>
  </si>
  <si>
    <t>Dhok Rajjo</t>
  </si>
  <si>
    <t>village dhok rajjo po sanghoi tehsil dina district jhelum</t>
  </si>
  <si>
    <t>Jangeel</t>
  </si>
  <si>
    <t>11563</t>
  </si>
  <si>
    <t>GGES GOHAR WALA</t>
  </si>
  <si>
    <t>Bakhar Noon</t>
  </si>
  <si>
    <t>basti gohar wala moza bakhar noon kot adu  muzaffargarh</t>
  </si>
  <si>
    <t>Amina Ashiq</t>
  </si>
  <si>
    <t>GHS CHAK NO.199/P SADIQABAD</t>
  </si>
  <si>
    <t>CHAK NO.199/P</t>
  </si>
  <si>
    <t>P/O CHAK NO.199/P SADIQ ABAD</t>
  </si>
  <si>
    <t>Mudasir Hussain</t>
  </si>
  <si>
    <t>GES CHAK 68 JB I</t>
  </si>
  <si>
    <t>68 JB Leelan</t>
  </si>
  <si>
    <t>Chak 68 JB Leelan Faisalabad</t>
  </si>
  <si>
    <t>70 JB Mansooran</t>
  </si>
  <si>
    <t>muhammad zahid rasheed</t>
  </si>
  <si>
    <t>GPS GHARIB ABAD MULA PUR KABIRWALA</t>
  </si>
  <si>
    <t>ghareebabad mulapur kabirwala</t>
  </si>
  <si>
    <t>GGPS CHAK 57 GB JARANWALA</t>
  </si>
  <si>
    <t>57 G B</t>
  </si>
  <si>
    <t>GGPS 57 GB</t>
  </si>
  <si>
    <t>GES JAWAHRI, P/O SARDAR PUR, SARAI SIDHU</t>
  </si>
  <si>
    <t>Jawahri</t>
  </si>
  <si>
    <t>Mauza Jawahri Post office Hashmat Mirali Tehsil Kabirwala</t>
  </si>
  <si>
    <t>GPS CHAK 65 JB SOUTH</t>
  </si>
  <si>
    <t>65 South</t>
  </si>
  <si>
    <t>Chak No 65 JB South</t>
  </si>
  <si>
    <t>Chak No 65 JB Sout</t>
  </si>
  <si>
    <t>Chak 64 JB</t>
  </si>
  <si>
    <t>Aamir Sarwar</t>
  </si>
  <si>
    <t>GHS KOT SABZAL</t>
  </si>
  <si>
    <t>kot sabzal</t>
  </si>
  <si>
    <t>p/o kot sabzal</t>
  </si>
  <si>
    <t>SHAHZAD HUSSAIN</t>
  </si>
  <si>
    <t>Mansaram Sindila</t>
  </si>
  <si>
    <t>jatwala</t>
  </si>
  <si>
    <t>GES CHAK 33 JB I</t>
  </si>
  <si>
    <t>33 Jb</t>
  </si>
  <si>
    <t>Chak no 33 JB</t>
  </si>
  <si>
    <t>Waruana</t>
  </si>
  <si>
    <t>Chak no-30</t>
  </si>
  <si>
    <t>GHS CHAK NO 566 GB</t>
  </si>
  <si>
    <t>NAMDARWALA</t>
  </si>
  <si>
    <t>CHAK NO.566GB TEHSIL JARANWALA DISTRICT FAISALABAD</t>
  </si>
  <si>
    <t>CHAK NO.566GB</t>
  </si>
  <si>
    <t>GGES KOT BARKAT ALI, TULAMBA</t>
  </si>
  <si>
    <t>GGES, Mauza Kot Barkat Ali Khan, Teh. Mian Channu, Distt. Khanewal</t>
  </si>
  <si>
    <t>GPS MACHHI SINGH</t>
  </si>
  <si>
    <t>moza machi singh p/o same tehsil arifwala Disst pakpatan</t>
  </si>
  <si>
    <t>government girls community model school Maharwali</t>
  </si>
  <si>
    <t>Nasreen Akhter Ajiz</t>
  </si>
  <si>
    <t>GGCMS CHAK 74 GB I SATIANA</t>
  </si>
  <si>
    <t>chak no 74/1 gb</t>
  </si>
  <si>
    <t>Chak No 74/1 Gb</t>
  </si>
  <si>
    <t>72 Gb</t>
  </si>
  <si>
    <t>46057</t>
  </si>
  <si>
    <t>dara Warisabad</t>
  </si>
  <si>
    <t>Dera Warisabad</t>
  </si>
  <si>
    <t>GGPS RANDHEER</t>
  </si>
  <si>
    <t>GPS CHAH BAKHSHU WALA</t>
  </si>
  <si>
    <t>p/o kohawar kalan nashaib chah bakhshu wala teh darya khan dist bhakkar</t>
  </si>
  <si>
    <t>Chah Bakhshu Wala</t>
  </si>
  <si>
    <t>GES MATU KHEL</t>
  </si>
  <si>
    <t>mattu khel</t>
  </si>
  <si>
    <t>Mattu Khel</t>
  </si>
  <si>
    <t>Muhammad Saad</t>
  </si>
  <si>
    <t>GHS 102/12-L</t>
  </si>
  <si>
    <t>CHAK NO. 102/12-L KASSOWAL TEHSIL. CHICHAWATNI DISTT. SAHIWAL</t>
  </si>
  <si>
    <t>102/12-l</t>
  </si>
  <si>
    <t>Tulmeez ul Hussnain</t>
  </si>
  <si>
    <t>GPS SHADI WAL RAKKAR MEHAR PURA</t>
  </si>
  <si>
    <t>Govt. Primary School, Shadiwal Rakkar, Mehr Pura(Doban Pura), Multan Road, Lahore.</t>
  </si>
  <si>
    <t>Shadiwal Rakkar</t>
  </si>
  <si>
    <t>GGES CHAK NO. 11/FW JATTAN WALA</t>
  </si>
  <si>
    <t>11/fw</t>
  </si>
  <si>
    <t>Chak no 11/Fw-Jw Chishtian</t>
  </si>
  <si>
    <t>Chak No/11 Fw-Jw CTN</t>
  </si>
  <si>
    <t>10 Fw-CTN</t>
  </si>
  <si>
    <t>GGPS 194 WB</t>
  </si>
  <si>
    <t>194wb</t>
  </si>
  <si>
    <t>Khurshid Bibi</t>
  </si>
  <si>
    <t>GMPS MARTH</t>
  </si>
  <si>
    <t>MARATH</t>
  </si>
  <si>
    <t>GMPS marath tehsil and district chakwal post office bhagwal</t>
  </si>
  <si>
    <t>Marath</t>
  </si>
  <si>
    <t>Ruqia Jabeen</t>
  </si>
  <si>
    <t>GHS SUKHAIL</t>
  </si>
  <si>
    <t>BASTI AND MOZA SUKHAIL AHMED PUR EAST</t>
  </si>
  <si>
    <t>shahid naeem akhtar</t>
  </si>
  <si>
    <t>GGPS WARAR SIPRA</t>
  </si>
  <si>
    <t>basti warer sipra</t>
  </si>
  <si>
    <t>Saira Saeed</t>
  </si>
  <si>
    <t>GPS NIHALKA</t>
  </si>
  <si>
    <t>nehalka</t>
  </si>
  <si>
    <t>nehalka p.o noor sir district bwn</t>
  </si>
  <si>
    <t>noor sir</t>
  </si>
  <si>
    <t>Muhammad Iqbal Shahid</t>
  </si>
  <si>
    <t>46034</t>
  </si>
  <si>
    <t>GGCMES BIJAR</t>
  </si>
  <si>
    <t>govt girls c m e school15@gmail.com</t>
  </si>
  <si>
    <t>Bushra Shumaila</t>
  </si>
  <si>
    <t>52827</t>
  </si>
  <si>
    <t>GGPS BASTI MATHAILIAN WALI</t>
  </si>
  <si>
    <t>GGPS Basti Mathelian Wali</t>
  </si>
  <si>
    <t>Basti Mathelian Wali</t>
  </si>
  <si>
    <t>Robeena Ameen</t>
  </si>
  <si>
    <t>GGES MC ISLAM NAGAR 2 FSD</t>
  </si>
  <si>
    <t>GGPS 147/9-L</t>
  </si>
  <si>
    <t>Chak no147/9L Tehsil Chichawatni district sahiwal</t>
  </si>
  <si>
    <t>basti Ellah Abad Mailsi Vehari</t>
  </si>
  <si>
    <t>Alan Pur</t>
  </si>
  <si>
    <t>Thathi Hassan Ali</t>
  </si>
  <si>
    <t>chah ghulam Muhammad wala thathi hassan ali</t>
  </si>
  <si>
    <t>Chah Ghulam Muhammad Wala</t>
  </si>
  <si>
    <t>Dogar Kalassra</t>
  </si>
  <si>
    <t>GES SHEINH WALA</t>
  </si>
  <si>
    <t>Basti Sheinh Wala</t>
  </si>
  <si>
    <t>GPS CHAK NO.88/TDA</t>
  </si>
  <si>
    <t>CHAK NO 88/TDA</t>
  </si>
  <si>
    <t>CHAK No 88/TDA</t>
  </si>
  <si>
    <t>GGES CHAK NO 137 GB</t>
  </si>
  <si>
    <t>137 G.B</t>
  </si>
  <si>
    <t>137 gb</t>
  </si>
  <si>
    <t>GHS KARBATH</t>
  </si>
  <si>
    <t>KARBATH</t>
  </si>
  <si>
    <t>village KARBATH Lahore Cantt</t>
  </si>
  <si>
    <t>Muhammad Tasadduq Butt</t>
  </si>
  <si>
    <t>GGHSS GHORA GALI (old GGPS Pithli Malot)</t>
  </si>
  <si>
    <t>pithli</t>
  </si>
  <si>
    <t>govt girls higher secondary school ghora gali murree</t>
  </si>
  <si>
    <t>ghora gali</t>
  </si>
  <si>
    <t>Uzma Afreen</t>
  </si>
  <si>
    <t>GGPS DARBAR MIAN REHMAT</t>
  </si>
  <si>
    <t>darbar mian rehmat teh lalian disct chiniot</t>
  </si>
  <si>
    <t>Darbar Mian Rehmat</t>
  </si>
  <si>
    <t>GHS DHAPPAI</t>
  </si>
  <si>
    <t>GHS DHAPAI</t>
  </si>
  <si>
    <t>GPS KADLOT</t>
  </si>
  <si>
    <t>Kadlot</t>
  </si>
  <si>
    <t>kadlot po same teh sohawa distt jhelum</t>
  </si>
  <si>
    <t>Inayat Rasool</t>
  </si>
  <si>
    <t>GGPS CHAK NO.51/M</t>
  </si>
  <si>
    <t>Chakra 51m</t>
  </si>
  <si>
    <t>chak 51m lodhran</t>
  </si>
  <si>
    <t>51m</t>
  </si>
  <si>
    <t>Shehla Tabbsum</t>
  </si>
  <si>
    <t>GHSS DHAREMA</t>
  </si>
  <si>
    <t>dharema Sargodha</t>
  </si>
  <si>
    <t>GMMS PEOPLES COLONY</t>
  </si>
  <si>
    <t>peoples colony fzw</t>
  </si>
  <si>
    <t>GGPS THATHA RAJIAN</t>
  </si>
  <si>
    <t>Thatha Rajian</t>
  </si>
  <si>
    <t>thatha rajian pbox jalhan teh nowshera virkan district gujranwala</t>
  </si>
  <si>
    <t>GPS MC GALI VIRKAN</t>
  </si>
  <si>
    <t>Old City</t>
  </si>
  <si>
    <t>Gali virkan,old city in front of  commerce college Sheikhupura</t>
  </si>
  <si>
    <t>Saeed Ahmad Zafar</t>
  </si>
  <si>
    <t>GGHS KHARA KASUR</t>
  </si>
  <si>
    <t>SHAHINA NUSRAT</t>
  </si>
  <si>
    <t>GPS KACHI BAHAR SHAH</t>
  </si>
  <si>
    <t>Kachi Bahar Shah</t>
  </si>
  <si>
    <t>mouza Kachi Bahar Shah p o laskani wala teh karor district layyah 10</t>
  </si>
  <si>
    <t>Anis Ul Hassan</t>
  </si>
  <si>
    <t>GHS MANKERA</t>
  </si>
  <si>
    <t>INSIDE QILA MANKERA</t>
  </si>
  <si>
    <t>INSIDE QILA</t>
  </si>
  <si>
    <t>MC MANKERA</t>
  </si>
  <si>
    <t>GHS TOBA DOMEL</t>
  </si>
  <si>
    <t>GBHS TOBA DOMEL TEHSIL JAND DISTRICT ATTOCK</t>
  </si>
  <si>
    <t>TOBA DOMEL</t>
  </si>
  <si>
    <t>Saleem Shahid</t>
  </si>
  <si>
    <t>40848</t>
  </si>
  <si>
    <t>GGHSS MODEL DINA</t>
  </si>
  <si>
    <t>Mangla road dina</t>
  </si>
  <si>
    <t>Dina2</t>
  </si>
  <si>
    <t>Shehba Iqbal</t>
  </si>
  <si>
    <t>GGPS BEHRAM KHAIL</t>
  </si>
  <si>
    <t>Chak no 2 Rakh dullewala Behram Khel</t>
  </si>
  <si>
    <t>Amber Rani</t>
  </si>
  <si>
    <t>GMPS HUSSAIN ABAD</t>
  </si>
  <si>
    <t>Wadd Syedan</t>
  </si>
  <si>
    <t>GMPS Hussain Abad</t>
  </si>
  <si>
    <t>Hest khewa</t>
  </si>
  <si>
    <t>GPS MANJHER</t>
  </si>
  <si>
    <t>village manjher p/o 55 DB teh. Kalur Kot Distt. Bhakkar</t>
  </si>
  <si>
    <t>Manjher</t>
  </si>
  <si>
    <t>Muhammad Yusaf</t>
  </si>
  <si>
    <t>GGPS CHAH SAIR WALA</t>
  </si>
  <si>
    <t>Thatha Gurmanisharqi</t>
  </si>
  <si>
    <t>thatha Gurmani sharqi</t>
  </si>
  <si>
    <t>GGHS KALA</t>
  </si>
  <si>
    <t>p/o kala dgkhan</t>
  </si>
  <si>
    <t>Kala 28</t>
  </si>
  <si>
    <t>Tehmina Karim</t>
  </si>
  <si>
    <t>Talpur road Khanpur, dera ghazi khan</t>
  </si>
  <si>
    <t>GHS KOT QAZI</t>
  </si>
  <si>
    <t>GHS KOT QAZI Teh::LAWA. DISTT::CINHAKWAL</t>
  </si>
  <si>
    <t>Tariq Mehmood Hassan</t>
  </si>
  <si>
    <t>GPS 100 WB</t>
  </si>
  <si>
    <t>GGHS SAMLI TAJJAL</t>
  </si>
  <si>
    <t>Samli tajjal</t>
  </si>
  <si>
    <t>samli tajjal post office trait Murree</t>
  </si>
  <si>
    <t>Aneela Khalid</t>
  </si>
  <si>
    <t>GGES DARGAHI WALA</t>
  </si>
  <si>
    <t>Dargahiwala</t>
  </si>
  <si>
    <t>dargahiwala P.O Butala Jhanda Singh Tehsil Wazirabad District Gujranwala</t>
  </si>
  <si>
    <t>Zobia Mukhtar</t>
  </si>
  <si>
    <t>Basti kot Lishari Moza Gul Qaim Mastoi</t>
  </si>
  <si>
    <t>Kot Lishari</t>
  </si>
  <si>
    <t>Saba Asghar</t>
  </si>
  <si>
    <t>GPS CHAK NO 14/66</t>
  </si>
  <si>
    <t>14/66</t>
  </si>
  <si>
    <t>Chak No. 14/66 Post Office Same Tehsil and District Nankana Sahib</t>
  </si>
  <si>
    <t>CHAK NO 14/66</t>
  </si>
  <si>
    <t>Malka HAJI</t>
  </si>
  <si>
    <t>GPS NOOR DIN SHAH</t>
  </si>
  <si>
    <t>Basti Noor din shah</t>
  </si>
  <si>
    <t>Noor Din Shah</t>
  </si>
  <si>
    <t>Sumara Khanam</t>
  </si>
  <si>
    <t>GHS MODEL CHAK 198 GB FSD</t>
  </si>
  <si>
    <t>AADI</t>
  </si>
  <si>
    <t>CHAK NO 198 GB</t>
  </si>
  <si>
    <t>CHAK NO 196 GB</t>
  </si>
  <si>
    <t>AMJAD ALI FAROOQ</t>
  </si>
  <si>
    <t>GGPS MOUZA JANNU KHAI</t>
  </si>
  <si>
    <t>Khai Dom Mustaqil</t>
  </si>
  <si>
    <t>moza jannu khai dom mustaqil post office dd panah tehsil kot addu</t>
  </si>
  <si>
    <t>Jannu Khai</t>
  </si>
  <si>
    <t>GGPS KOTLA SULTAN SHAH</t>
  </si>
  <si>
    <t>Perveen Bibi</t>
  </si>
  <si>
    <t>GGHS JANDAN WALA KALUR KOT</t>
  </si>
  <si>
    <t>Mohallah khannan khel jandanwala</t>
  </si>
  <si>
    <t>nusrat yasin</t>
  </si>
  <si>
    <t>GHS CHAK 746 GB</t>
  </si>
  <si>
    <t>746 GB</t>
  </si>
  <si>
    <t>GHS 746 GB,TEH KAMALIA,T.T SINGH</t>
  </si>
  <si>
    <t>CHAK NO 746 G.B</t>
  </si>
  <si>
    <t>CHAK NO 722 G.B</t>
  </si>
  <si>
    <t>Rauf Bashir</t>
  </si>
  <si>
    <t>GHS ROSHAN BHAIT</t>
  </si>
  <si>
    <t>P/O Lakar Wali, Roshan Bhait  Tehsil Sadiq Abad District Rahim Yar Khan</t>
  </si>
  <si>
    <t>Muhammad Rasheed Nawaz shan</t>
  </si>
  <si>
    <t>GES SHAMIR PUR CHOBARA</t>
  </si>
  <si>
    <t>Shamir Pur</t>
  </si>
  <si>
    <t>Vill Shamir Pur Chobara P.O Qila Kalar Wala Pasrur Sialkot</t>
  </si>
  <si>
    <t>Shamir Pur Chobara</t>
  </si>
  <si>
    <t>GPS 25/14-L</t>
  </si>
  <si>
    <t>2514L</t>
  </si>
  <si>
    <t>chak no 2514L tehseel chicha watni sahiwal</t>
  </si>
  <si>
    <t>43656</t>
  </si>
  <si>
    <t>GGHSS THOHA MAHRAM KHAN</t>
  </si>
  <si>
    <t>thoha mehram khan</t>
  </si>
  <si>
    <t>thoha mehram khan-1</t>
  </si>
  <si>
    <t>shama zia</t>
  </si>
  <si>
    <t>GGMPS KHALANG WALA</t>
  </si>
  <si>
    <t>Khalung wala basti Leghari wala</t>
  </si>
  <si>
    <t>Basti Leghari wala</t>
  </si>
  <si>
    <t>Hader Qureshi</t>
  </si>
  <si>
    <t>Asifa Rasheed</t>
  </si>
  <si>
    <t>GGHS CHAK 257 GB KOT BADAL KHAN</t>
  </si>
  <si>
    <t>Chak No 257 Gb</t>
  </si>
  <si>
    <t>GGHS 257 GB</t>
  </si>
  <si>
    <t>chak no 257 gb</t>
  </si>
  <si>
    <t>CHAK NO 256 GB</t>
  </si>
  <si>
    <t>Ambreen Anjum</t>
  </si>
  <si>
    <t>GPS DERA SUNJAN SINGH</t>
  </si>
  <si>
    <t>Pakka Dera Near Istaqlalabad Colony Sargodha</t>
  </si>
  <si>
    <t>Istaqlalabad Colony</t>
  </si>
  <si>
    <t>GGHS CHAK NO. 24/2-R</t>
  </si>
  <si>
    <t>24/2R</t>
  </si>
  <si>
    <t>24/2R,Okara</t>
  </si>
  <si>
    <t>sajida kanwal</t>
  </si>
  <si>
    <t>GES KOTLA SHER MUHAMMAD</t>
  </si>
  <si>
    <t>kotla sher mohammad</t>
  </si>
  <si>
    <t>GES, KOTLA SHER MOHAMMAD</t>
  </si>
  <si>
    <t>GGHS CHAK NO 124 TDA</t>
  </si>
  <si>
    <t>Chak No.124 TDA</t>
  </si>
  <si>
    <t>GGHS CHAK NO.  124/ TDA</t>
  </si>
  <si>
    <t>Sofia Rahat</t>
  </si>
  <si>
    <t>GPS CHAK NO 475 JB</t>
  </si>
  <si>
    <t>SYED WALA</t>
  </si>
  <si>
    <t>GOVT PRIMARY SCHOOL chak no 475jb</t>
  </si>
  <si>
    <t>CHAK NO 475</t>
  </si>
  <si>
    <t>CHAK NO 463</t>
  </si>
  <si>
    <t>GMES BHARTHAN WALA</t>
  </si>
  <si>
    <t>village Bharthanwala.p.o kotli loharan west tehsil and district sialkot</t>
  </si>
  <si>
    <t>Rabia Zainab</t>
  </si>
  <si>
    <t>GHS ISLAMIA HELAN</t>
  </si>
  <si>
    <t>HELAN</t>
  </si>
  <si>
    <t>vILLAGE &amp; P/O HELAN TEHSIL PHALIA DISTRICT M.B.DIN</t>
  </si>
  <si>
    <t>GGPS MUKHYALA</t>
  </si>
  <si>
    <t>Balyampindori</t>
  </si>
  <si>
    <t>p/o ratala village mukhyala teh gujarkhan rawalpindi</t>
  </si>
  <si>
    <t>Mukhyala</t>
  </si>
  <si>
    <t>Shabana Rehna</t>
  </si>
  <si>
    <t>GPS 138/9-L OLD</t>
  </si>
  <si>
    <t>chack No.138/9-L old Sahiwal</t>
  </si>
  <si>
    <t>Chack No138/9-L Old</t>
  </si>
  <si>
    <t>Chack No138/9L Old</t>
  </si>
  <si>
    <t>Naik Muhammed</t>
  </si>
  <si>
    <t>GGPS CHAK 29 JB MUSAFAR KHANA</t>
  </si>
  <si>
    <t>29 Jb</t>
  </si>
  <si>
    <t>29jb, musafarkhana, fsd</t>
  </si>
  <si>
    <t>Shaista Rashid</t>
  </si>
  <si>
    <t>GPS MUHAMMAD PUR NO. 1</t>
  </si>
  <si>
    <t>Mhammad pur No2</t>
  </si>
  <si>
    <t>Muhammad Pur Dewan tehsil jampur district rajanpur</t>
  </si>
  <si>
    <t>Masood Javed</t>
  </si>
  <si>
    <t>GGES CHAK NO 14 ML PIPLAN</t>
  </si>
  <si>
    <t>Chak No 14ML</t>
  </si>
  <si>
    <t>chak No 14Ml</t>
  </si>
  <si>
    <t>Chak No 14Ml</t>
  </si>
  <si>
    <t>Rabia Rafique</t>
  </si>
  <si>
    <t>26817</t>
  </si>
  <si>
    <t>GGPS DUDHAM KALAN</t>
  </si>
  <si>
    <t>Dudham kalan</t>
  </si>
  <si>
    <t>Ggps Dudham Kalan</t>
  </si>
  <si>
    <t>GPS HAMID PUR KALAN</t>
  </si>
  <si>
    <t>Hamid pur kalan p/o Kotla musa khan Ahmad pur east bahawal pur</t>
  </si>
  <si>
    <t>GGES CHAK 25 JB</t>
  </si>
  <si>
    <t>Sahthoiwala</t>
  </si>
  <si>
    <t>25jb sahthoiwala</t>
  </si>
  <si>
    <t>25jb</t>
  </si>
  <si>
    <t>Khechian</t>
  </si>
  <si>
    <t>AQEELA RIAZ</t>
  </si>
  <si>
    <t>ghs sial tehsile tandlianwala dist. fsd</t>
  </si>
  <si>
    <t>Bala Khan</t>
  </si>
  <si>
    <t>GGES BUDH GHULAM</t>
  </si>
  <si>
    <t>budh ghulam</t>
  </si>
  <si>
    <t>GGES Budh Ghulam, Luddan</t>
  </si>
  <si>
    <t>samina bashir</t>
  </si>
  <si>
    <t>GPS OPANA</t>
  </si>
  <si>
    <t>chak opana post office pacca Sidhar Teh &amp;District pakpattan</t>
  </si>
  <si>
    <t>41365</t>
  </si>
  <si>
    <t>GPS LOWER MOHRA</t>
  </si>
  <si>
    <t>village mohra moza bara hoter union council musyari,P/O Lower Topa, Tehsil Murree, District Rawalpindi</t>
  </si>
  <si>
    <t>Lower Mohra</t>
  </si>
  <si>
    <t>Natural spring</t>
  </si>
  <si>
    <t>34775</t>
  </si>
  <si>
    <t>GGHS JALAL PUR PIRWALA</t>
  </si>
  <si>
    <t>jppw</t>
  </si>
  <si>
    <t>near Town committee</t>
  </si>
  <si>
    <t>FARHAT Zeba</t>
  </si>
  <si>
    <t>GGHS MULHAL MUGHLAN</t>
  </si>
  <si>
    <t>VPO Mulhal Mughlan Chakwal</t>
  </si>
  <si>
    <t>Tehmina Asmat</t>
  </si>
  <si>
    <t>GHS MC CHICHAWATNI</t>
  </si>
  <si>
    <t>COLLEGE ROAD CHICHAWATNI</t>
  </si>
  <si>
    <t>URBAN 1</t>
  </si>
  <si>
    <t>liaqat ali naveed</t>
  </si>
  <si>
    <t>GGPS BASTI LANGRIYAL MULTAN</t>
  </si>
  <si>
    <t>Ggps basti langrial</t>
  </si>
  <si>
    <t>Muhammad Pur Ghotta</t>
  </si>
  <si>
    <t>GGHS JUNIOR MODEL MIAN CHANNU</t>
  </si>
  <si>
    <t>mohallah ansar colony near baho oil mil, mian channu</t>
  </si>
  <si>
    <t>ansar colony</t>
  </si>
  <si>
    <t>chack no 125/15-L</t>
  </si>
  <si>
    <t>AKEELA BEGUM</t>
  </si>
  <si>
    <t>GGHS BASHARAT CHOA SAIDEN</t>
  </si>
  <si>
    <t>VPO Basharat Tehsil Choa Saiden Shah District Chakwal</t>
  </si>
  <si>
    <t>GHS CITY BAHAWALNAGAR</t>
  </si>
  <si>
    <t>muslim colony</t>
  </si>
  <si>
    <t>gHS CITY BAHAWALNAGAR  JAIL ROAD CITY CHOWK bAHAWALNAGAR</t>
  </si>
  <si>
    <t>MUHAMMAD AKHTAR ALI</t>
  </si>
  <si>
    <t>GPS BAKHU SANPAL</t>
  </si>
  <si>
    <t>Mauju Kathia</t>
  </si>
  <si>
    <t>basti mauju kathia tehsil kamalia</t>
  </si>
  <si>
    <t>GPS 48/5-L</t>
  </si>
  <si>
    <t>48/4-L</t>
  </si>
  <si>
    <t>chak no 48/5-L sahiwal</t>
  </si>
  <si>
    <t>48/5-L</t>
  </si>
  <si>
    <t>GPS BAIT BAGH SHAH</t>
  </si>
  <si>
    <t>Bait Bagh Shah</t>
  </si>
  <si>
    <t>maoza bait bagh shah post office GHabar Arien tahsil Ali Pur DS Muzaffar Gharh</t>
  </si>
  <si>
    <t>Basti Muhammad Hussain</t>
  </si>
  <si>
    <t>Ghabar Arien</t>
  </si>
  <si>
    <t>Muhammad Wasim Akram</t>
  </si>
  <si>
    <t>GPS CHASAN WALI DHARI</t>
  </si>
  <si>
    <t>chassan Wali dheri Fateh jang</t>
  </si>
  <si>
    <t>GGES DHARABI</t>
  </si>
  <si>
    <t>vpo dharabi</t>
  </si>
  <si>
    <t>GHS KHAN KHASA</t>
  </si>
  <si>
    <t>Muhammad Iftikhar Hussain</t>
  </si>
  <si>
    <t>GGHS CHAK NO 192 GB</t>
  </si>
  <si>
    <t>Chak 192 Gb</t>
  </si>
  <si>
    <t>chak no.192gb tehsil sammundri distt.fsd.</t>
  </si>
  <si>
    <t>Chak No 192 Gb</t>
  </si>
  <si>
    <t>Chak no 193GB</t>
  </si>
  <si>
    <t>AASIA RASOOL</t>
  </si>
  <si>
    <t>13219</t>
  </si>
  <si>
    <t>GGPS BASTI MANDWANI</t>
  </si>
  <si>
    <t>basti mandwani khalti jatoi</t>
  </si>
  <si>
    <t>GES CHAK NO. 35-36 ML</t>
  </si>
  <si>
    <t>p/o 35-36 ml teh kalur kot distt bhakkar</t>
  </si>
  <si>
    <t>35-36 Ml</t>
  </si>
  <si>
    <t>Ameer Azam Khan</t>
  </si>
  <si>
    <t>GGHS NATHUWALA CHAK NO 180/RB</t>
  </si>
  <si>
    <t>Nathuwala Chak # 180</t>
  </si>
  <si>
    <t>Nathuwala Chak 180</t>
  </si>
  <si>
    <t>afia gulzar</t>
  </si>
  <si>
    <t>GPS 99/10-R, JAHANIAN</t>
  </si>
  <si>
    <t>GPS 99/10-R Markaz Jahanian District Khanewal</t>
  </si>
  <si>
    <t>99/10-R</t>
  </si>
  <si>
    <t>100/10-R</t>
  </si>
  <si>
    <t>GGPS IQBAL ABAD</t>
  </si>
  <si>
    <t>IQBAL Abad</t>
  </si>
  <si>
    <t>11334</t>
  </si>
  <si>
    <t>GPS MIRANI</t>
  </si>
  <si>
    <t>basti mirani mauza nawan dera</t>
  </si>
  <si>
    <t>Murad Pur South</t>
  </si>
  <si>
    <t>GGPS PINDI MEHRWAL</t>
  </si>
  <si>
    <t>Pindi mehrwal</t>
  </si>
  <si>
    <t>Qurrat Ul Ayn Hasan</t>
  </si>
  <si>
    <t>Cane system from Water carrier</t>
  </si>
  <si>
    <t>GGPS CHAK NO 276 TDA</t>
  </si>
  <si>
    <t>Chak No. 276/TDA layyah</t>
  </si>
  <si>
    <t>Chak No 276</t>
  </si>
  <si>
    <t>GHS KOTLI RAI ABU BAKAR KASUR</t>
  </si>
  <si>
    <t>Dr Naseer Ahmad Salfi</t>
  </si>
  <si>
    <t>GGPS JHANDEER DURAIJA</t>
  </si>
  <si>
    <t>Jhandeer Duraija</t>
  </si>
  <si>
    <t>basti shery wala moza jhandeer duraija sharqi</t>
  </si>
  <si>
    <t>Basti Shery Wala</t>
  </si>
  <si>
    <t>GHS 135/16-L STUNTZABAD, MIAN CHANNU</t>
  </si>
  <si>
    <t>Govt C.M. high school 135/16_L mian channu</t>
  </si>
  <si>
    <t>Stuntzabad</t>
  </si>
  <si>
    <t>Cornelius Cristopher Dutt</t>
  </si>
  <si>
    <t>GGHS CHAK NO 206 GB</t>
  </si>
  <si>
    <t>Chak no 206 gb</t>
  </si>
  <si>
    <t>206gb</t>
  </si>
  <si>
    <t>205gb</t>
  </si>
  <si>
    <t>SOFIA SIDDIQUE</t>
  </si>
  <si>
    <t>GES SHAFQAT ABAD</t>
  </si>
  <si>
    <t>Moh.shafqat Abad Mandi Bhaudin</t>
  </si>
  <si>
    <t>Muncipal Comety</t>
  </si>
  <si>
    <t>Shahid Rasul</t>
  </si>
  <si>
    <t>31975</t>
  </si>
  <si>
    <t>GGES KAIR WARA</t>
  </si>
  <si>
    <t>Kairwara</t>
  </si>
  <si>
    <t>G.G.E.kairwara</t>
  </si>
  <si>
    <t>Sheraza Arbab Akhter</t>
  </si>
  <si>
    <t>GHS NIZAM PURA CHAK 38 RB</t>
  </si>
  <si>
    <t>nizam pura chak no 38 tehsil shahkot district nankana sahib</t>
  </si>
  <si>
    <t>Nizam Pura Chak 38RB</t>
  </si>
  <si>
    <t>Muhammad Salim</t>
  </si>
  <si>
    <t>GGPS ALI PUR MACHIAN</t>
  </si>
  <si>
    <t>Ali Pur Machian</t>
  </si>
  <si>
    <t>GGPS ALI PUR MACHIAN Akram Abad</t>
  </si>
  <si>
    <t>10509</t>
  </si>
  <si>
    <t>GHS HEAD MEHBOOB</t>
  </si>
  <si>
    <t>Thing Kalan Thal</t>
  </si>
  <si>
    <t>Chak no 125/TDA HeadMehboob Layyah</t>
  </si>
  <si>
    <t>Head Mehboob</t>
  </si>
  <si>
    <t>51112</t>
  </si>
  <si>
    <t>GGPS 68/5-L</t>
  </si>
  <si>
    <t>68/5l</t>
  </si>
  <si>
    <t>chak no. 68/5l p.o.box 70/5l sahiwal</t>
  </si>
  <si>
    <t>Sarwar Naseem</t>
  </si>
  <si>
    <t>GPS 103-4/7-R</t>
  </si>
  <si>
    <t>103-4/7R</t>
  </si>
  <si>
    <t>Chak No. 103-4/7R Tahsil and District Sahiwal</t>
  </si>
  <si>
    <t>Chak No 102/6AR</t>
  </si>
  <si>
    <t>GHS 200/RB</t>
  </si>
  <si>
    <t>CHAK NO 200 RB</t>
  </si>
  <si>
    <t>CHAK NO 200</t>
  </si>
  <si>
    <t>GHS CHAK 69 RB</t>
  </si>
  <si>
    <t>69 RB</t>
  </si>
  <si>
    <t>CHAK NO 69 RB TEHSIL JARANWALA DISTRICT FAISALABAD.</t>
  </si>
  <si>
    <t>70 RB GUJJAR SINGH WALA</t>
  </si>
  <si>
    <t>Asim Rasheed</t>
  </si>
  <si>
    <t>GPS KOT HUSSAIN</t>
  </si>
  <si>
    <t>village kot hussain</t>
  </si>
  <si>
    <t>GGPS KOTHA CHISHTIAN</t>
  </si>
  <si>
    <t>Kotha Chishtian</t>
  </si>
  <si>
    <t>village kotha chishtian, Teh sambrial, dist sialkot</t>
  </si>
  <si>
    <t>GGES TODER PUR</t>
  </si>
  <si>
    <t>Chajoo shah</t>
  </si>
  <si>
    <t>Govt Girls Elementary school Toderpur chajoo shah Tehsil shujabad</t>
  </si>
  <si>
    <t>Sadaf Sadiq</t>
  </si>
  <si>
    <t>GPS BASTI ISLAM</t>
  </si>
  <si>
    <t>Ghuman Maree</t>
  </si>
  <si>
    <t>GHS KAMOKE NO.2 SHEESH MEHAL ROAD</t>
  </si>
  <si>
    <t>ghs no.2 sheesh mehal road kamoke</t>
  </si>
  <si>
    <t>GGPS MC ARIYA MOHALLAH RWP</t>
  </si>
  <si>
    <t>Ariya Mohallah</t>
  </si>
  <si>
    <t>GUNIANWALA</t>
  </si>
  <si>
    <t>GPS GUNIANWALA</t>
  </si>
  <si>
    <t>GGPS EHSAN QADAR MAJOKA</t>
  </si>
  <si>
    <t>Ahmad Abad shumali Majoka</t>
  </si>
  <si>
    <t>Sidrah Aziz Khan</t>
  </si>
  <si>
    <t>GPS SHAIKHU</t>
  </si>
  <si>
    <t>village sheikhu p.o okhli mohla tehsil and district khushab</t>
  </si>
  <si>
    <t>GHS JANGEL</t>
  </si>
  <si>
    <t>Vpo Jangle tehsil Fateh Jang. Distt Attock</t>
  </si>
  <si>
    <t>WASEEM RAJA</t>
  </si>
  <si>
    <t>GGPS DHOK CHOHDRIAN</t>
  </si>
  <si>
    <t>Dara Kiyal</t>
  </si>
  <si>
    <t>village Dhoke choudarian P.O dara kiyal tehsil Gujar khan disst Rawalpindi</t>
  </si>
  <si>
    <t>Dhoke Choudarian</t>
  </si>
  <si>
    <t>JERMOT KALLAN</t>
  </si>
  <si>
    <t>GGHS CHAK NO 84 TDA</t>
  </si>
  <si>
    <t>chak no 84/ TDA</t>
  </si>
  <si>
    <t>Chak no. 84 TDA</t>
  </si>
  <si>
    <t>chak no 84 tda</t>
  </si>
  <si>
    <t>Karor Thal Jhandi</t>
  </si>
  <si>
    <t>Shabana Samreen</t>
  </si>
  <si>
    <t>GGES MURADIAN</t>
  </si>
  <si>
    <t>post office Kot gora  village muradian tehseel and district hafizabad</t>
  </si>
  <si>
    <t>GPS CHAK NO.87 NB</t>
  </si>
  <si>
    <t>Chak No 87 Nb</t>
  </si>
  <si>
    <t>pakka dara istaqalabad colony sargodha</t>
  </si>
  <si>
    <t>Chak 87nb</t>
  </si>
  <si>
    <t>Najma Iftikhar</t>
  </si>
  <si>
    <t>GGPS BAST GHOGHAY WALI</t>
  </si>
  <si>
    <t>Basti ghoghy wali</t>
  </si>
  <si>
    <t>Basti ghoghay wali jhang</t>
  </si>
  <si>
    <t>Basti Ghoghay Wali</t>
  </si>
  <si>
    <t>Munaza Tanveer</t>
  </si>
  <si>
    <t>19273</t>
  </si>
  <si>
    <t>GGHS CHAK 380 JB Tali</t>
  </si>
  <si>
    <t>380 Jb</t>
  </si>
  <si>
    <t>Govt girls high school 380 JB TTsingh</t>
  </si>
  <si>
    <t>Chak No 380 JB</t>
  </si>
  <si>
    <t>Chak No 324 Jb</t>
  </si>
  <si>
    <t>saima idrees</t>
  </si>
  <si>
    <t>GPS DAR-ULOOM AL-BAQUIAT</t>
  </si>
  <si>
    <t>MAJEED PARK</t>
  </si>
  <si>
    <t>majeedparkshahdara</t>
  </si>
  <si>
    <t>Shahdara town</t>
  </si>
  <si>
    <t>Qazipark</t>
  </si>
  <si>
    <t>GHS 14/9-R, KACHA KHUH</t>
  </si>
  <si>
    <t>chak no 14/9-r</t>
  </si>
  <si>
    <t>chak no 14/9-r batian wala tehsil &amp; district khanewal</t>
  </si>
  <si>
    <t>14/9-r batian wala</t>
  </si>
  <si>
    <t>muhammad atta ur rehman khan</t>
  </si>
  <si>
    <t>GPS 159 RB II</t>
  </si>
  <si>
    <t>Bilal  Nagar</t>
  </si>
  <si>
    <t>CHAK NO 159 R.B II WEST BILAL NAGAR</t>
  </si>
  <si>
    <t>159 RB BILAL NAGAR</t>
  </si>
  <si>
    <t>SOOBY CHAK</t>
  </si>
  <si>
    <t>GPS 97/10-R, JAHANIAN</t>
  </si>
  <si>
    <t>Chak No 97/10-R</t>
  </si>
  <si>
    <t>Chak No 97/10-R tehsil jahanian district khanewal</t>
  </si>
  <si>
    <t>Vehniwal 55/10-R</t>
  </si>
  <si>
    <t>Niaz Gull</t>
  </si>
  <si>
    <t>GPS PATHAN WALA</t>
  </si>
  <si>
    <t>Panjgrain Nashaib</t>
  </si>
  <si>
    <t>GGES 18 WB</t>
  </si>
  <si>
    <t>Chak No.18wb</t>
  </si>
  <si>
    <t>GGES MIANI DHERI</t>
  </si>
  <si>
    <t>Miani dheri ,post office Miani dheri, Tehsil Gujar khan Distt Rwp</t>
  </si>
  <si>
    <t>GPS ADDA PAHRIAN WALI</t>
  </si>
  <si>
    <t>Adda pahrianwali</t>
  </si>
  <si>
    <t>village adda pahrianwali tehsil PHALIA district mandi bha udin</t>
  </si>
  <si>
    <t>Heigerwala</t>
  </si>
  <si>
    <t>GHS JHAMAT</t>
  </si>
  <si>
    <t>GBHS  Jhamat P.O Jhamat Teh Jand Attock</t>
  </si>
  <si>
    <t>Water Tanks</t>
  </si>
  <si>
    <t>37875</t>
  </si>
  <si>
    <t>GMPS 139/10-R JADEED, JAHANIAN</t>
  </si>
  <si>
    <t>139/10-r Jadeed</t>
  </si>
  <si>
    <t>Chak no 139/10-r</t>
  </si>
  <si>
    <t>139/10-r</t>
  </si>
  <si>
    <t>GGHS RATTA AMRAL RAWALPINDI</t>
  </si>
  <si>
    <t>gghs ratta amral behind railway station</t>
  </si>
  <si>
    <t>mrs attia tahir</t>
  </si>
  <si>
    <t>GPS CHAK 584 GB</t>
  </si>
  <si>
    <t>GPS 584 GB teh jaranwala district faisalabad</t>
  </si>
  <si>
    <t>584 GB</t>
  </si>
  <si>
    <t>378 GB</t>
  </si>
  <si>
    <t>GGMPS BASTI MALI</t>
  </si>
  <si>
    <t>ChabriZairee RukhChabriZairee</t>
  </si>
  <si>
    <t>ChahDistrictBoardWalaMouzaRukhChabriZaireeBastiMali</t>
  </si>
  <si>
    <t>BastiMali</t>
  </si>
  <si>
    <t>ChabriZairee</t>
  </si>
  <si>
    <t>Sabiha Bibi</t>
  </si>
  <si>
    <t>GGES NAUL HITHAR KHUDIAN</t>
  </si>
  <si>
    <t>Naul Hithar</t>
  </si>
  <si>
    <t>Govt. Girls Elementary School Naul Hithar</t>
  </si>
  <si>
    <t>GGES SHELI GHARBI</t>
  </si>
  <si>
    <t>shehli gharbi tehsil chishtian district bahawalnagar</t>
  </si>
  <si>
    <t>ZORARA TABASSAM</t>
  </si>
  <si>
    <t>52514</t>
  </si>
  <si>
    <t>GPS TAHIR KALAN</t>
  </si>
  <si>
    <t>GPS Tahir kalan  basir pur</t>
  </si>
  <si>
    <t>Mahroof</t>
  </si>
  <si>
    <t>7603</t>
  </si>
  <si>
    <t>GMMS MIAN KHAIR DIN</t>
  </si>
  <si>
    <t>Basti mian khair din</t>
  </si>
  <si>
    <t>Mian Khair Din</t>
  </si>
  <si>
    <t>Buutta Wahan</t>
  </si>
  <si>
    <t>Naveed Ikram</t>
  </si>
  <si>
    <t>43607</t>
  </si>
  <si>
    <t>GGHS ADDA JETHAL CHAKWAL (NEWLY ESTABLISHED)</t>
  </si>
  <si>
    <t>Jethal</t>
  </si>
  <si>
    <t>Village and Post Office Jethal Tehsil and District Chakwal</t>
  </si>
  <si>
    <t>Muniba Yasmin</t>
  </si>
  <si>
    <t>GPS KALA BAGRAY WALA</t>
  </si>
  <si>
    <t>Bakhr Noon</t>
  </si>
  <si>
    <t>basti bakhr noon tehsil kot adu district muzaffar grah</t>
  </si>
  <si>
    <t>Muhammad Jahanzaib</t>
  </si>
  <si>
    <t>GPS 600 GB</t>
  </si>
  <si>
    <t>Chak  No 600 GB</t>
  </si>
  <si>
    <t>GPS 600 GB Teh.Tandlianwala Distt. Faisalabad</t>
  </si>
  <si>
    <t>Chak No 600 GB</t>
  </si>
  <si>
    <t>28193</t>
  </si>
  <si>
    <t>GHS DHAREKAN KALAN</t>
  </si>
  <si>
    <t>DHAREKAN KALAN</t>
  </si>
  <si>
    <t>V.P.O DHAREKAN KALAN TEHSIL PHALIA DISTT. M.B.DIN</t>
  </si>
  <si>
    <t>DHAREKANKALAN</t>
  </si>
  <si>
    <t>ZAFAR IQBAL SAHI</t>
  </si>
  <si>
    <t>GPS CHAK 69 RB II</t>
  </si>
  <si>
    <t>Ghaseet pura</t>
  </si>
  <si>
    <t>chak no. 69 R.B II tehsil jarranwala faisalabad</t>
  </si>
  <si>
    <t>Chak No. 69 RB II</t>
  </si>
  <si>
    <t>Chak No. 70 gujjar wala</t>
  </si>
  <si>
    <t>Muhammad Azeem Mushtaq</t>
  </si>
  <si>
    <t>GGHS CHAK NO 127/M</t>
  </si>
  <si>
    <t>Chak No 127M</t>
  </si>
  <si>
    <t>chak no 127 m tehsil chishtian district bahawalnagar</t>
  </si>
  <si>
    <t>Chak No 127m</t>
  </si>
  <si>
    <t>Chak No 128M</t>
  </si>
  <si>
    <t>GES CHAK NO 82 TDA</t>
  </si>
  <si>
    <t>Chak No 82 / TDA</t>
  </si>
  <si>
    <t>MALIK ABDUL SATTAR</t>
  </si>
  <si>
    <t>GHS 9-11 WB VEHARI</t>
  </si>
  <si>
    <t>11/W.B</t>
  </si>
  <si>
    <t>11/W.B, 3-Marla Scheme, Vehari</t>
  </si>
  <si>
    <t>11/W.B 3-Marla Scheme</t>
  </si>
  <si>
    <t>MCV</t>
  </si>
  <si>
    <t>52515</t>
  </si>
  <si>
    <t>GPS RARI</t>
  </si>
  <si>
    <t>Rorhi</t>
  </si>
  <si>
    <t>Gps rori</t>
  </si>
  <si>
    <t>Phulan Toli Kalan</t>
  </si>
  <si>
    <t>GES GABOOL WALA</t>
  </si>
  <si>
    <t>Paigah chak No 2</t>
  </si>
  <si>
    <t>Gabool wala</t>
  </si>
  <si>
    <t>Nawa Gabool Wala</t>
  </si>
  <si>
    <t>Paigah Chak No.2</t>
  </si>
  <si>
    <t>Naeem Atta Chughtai</t>
  </si>
  <si>
    <t>GES CHHANGI</t>
  </si>
  <si>
    <t>Chhangi</t>
  </si>
  <si>
    <t>chhangi</t>
  </si>
  <si>
    <t>Mazhar Farooq Sandhu</t>
  </si>
  <si>
    <t>GMPS MIRDAH</t>
  </si>
  <si>
    <t>Mirdah</t>
  </si>
  <si>
    <t>Distt Gujrat Teh kharian post office lalamusa village Mirdah</t>
  </si>
  <si>
    <t>Misbah shaheen</t>
  </si>
  <si>
    <t>GHS MALLA KHEL P/O MAKER WAL</t>
  </si>
  <si>
    <t>Mallakhel</t>
  </si>
  <si>
    <t>mallakhel makerwal</t>
  </si>
  <si>
    <t>GUL ZAMAN KHAN</t>
  </si>
  <si>
    <t>GGES CHAK 244 GB II</t>
  </si>
  <si>
    <t>244 GB</t>
  </si>
  <si>
    <t>CHAK NO 244 GB II</t>
  </si>
  <si>
    <t>244  GB II</t>
  </si>
  <si>
    <t>Chak No 154 GB</t>
  </si>
  <si>
    <t>GHS SHAREEN</t>
  </si>
  <si>
    <t>MOZA</t>
  </si>
  <si>
    <t>P/O SADDAR GOGERA TEHSIL &amp; DISTRICT OKARA</t>
  </si>
  <si>
    <t>GGHS CHAK NO. 408 TDA</t>
  </si>
  <si>
    <t>408TDA</t>
  </si>
  <si>
    <t>GPS MC MADANPUR FAISALABAD</t>
  </si>
  <si>
    <t>Madan Pura</t>
  </si>
  <si>
    <t>ST # 7 Madan Pura</t>
  </si>
  <si>
    <t>Ghulam Bahoo</t>
  </si>
  <si>
    <t>GGHS 207/9-R</t>
  </si>
  <si>
    <t>chak 207.9r</t>
  </si>
  <si>
    <t>Chak 207/9r</t>
  </si>
  <si>
    <t>Chak 199/8r</t>
  </si>
  <si>
    <t>Asia Falak</t>
  </si>
  <si>
    <t>GGES ALMANI WALA</t>
  </si>
  <si>
    <t>basti almani chan wala p/o qasba gujrat</t>
  </si>
  <si>
    <t>Almani Wala</t>
  </si>
  <si>
    <t>Nusrat Pervaiz Akhtar</t>
  </si>
  <si>
    <t>GMPS GHALOAN WALA</t>
  </si>
  <si>
    <t>gmps ghaloan wala</t>
  </si>
  <si>
    <t>Ghaloan Wala</t>
  </si>
  <si>
    <t>GGHS CHAK 51/F</t>
  </si>
  <si>
    <t>51/f</t>
  </si>
  <si>
    <t>Govt. Girls High school Chak No. 51/F Tehsil Chishtian District BWN</t>
  </si>
  <si>
    <t>Chak No 51/F</t>
  </si>
  <si>
    <t>chak no 54/F</t>
  </si>
  <si>
    <t>22698</t>
  </si>
  <si>
    <t>GGHS GHANSIA</t>
  </si>
  <si>
    <t>GHANSIA</t>
  </si>
  <si>
    <t>Govt.Girls High School Ghansia Tehsil and Distt.Gujrat</t>
  </si>
  <si>
    <t>CHECHIAN SHAMAS</t>
  </si>
  <si>
    <t>Mamoona Nasira</t>
  </si>
  <si>
    <t>GGHS DHILLAN WALI</t>
  </si>
  <si>
    <t>gghs dhillanwali more eminabad</t>
  </si>
  <si>
    <t>Sameena Javed</t>
  </si>
  <si>
    <t>GGPS ZAFFAR ABAD</t>
  </si>
  <si>
    <t>alorid</t>
  </si>
  <si>
    <t>p/o mehmood kot city tehsil kot adu district Muzaffar garh basti bukhi mouza Alorid GGPS Zaffar Abad</t>
  </si>
  <si>
    <t>basti bukhi</t>
  </si>
  <si>
    <t>Hina kanwal</t>
  </si>
  <si>
    <t>GMPS MURARIAN</t>
  </si>
  <si>
    <t>Village : Murarian, Post Office :Khawas Pur,Tehsil :Kharian, District :Gujrat</t>
  </si>
  <si>
    <t>GGCMS CHAK NO 3/4-L</t>
  </si>
  <si>
    <t>Military Farm 3/4L</t>
  </si>
  <si>
    <t>GGCMP\S chak no3\4L OKARA</t>
  </si>
  <si>
    <t>Military Farm 4/4L</t>
  </si>
  <si>
    <t>Shamim Shabbir</t>
  </si>
  <si>
    <t>GGPS 443/EB BANGLA NEHAR BUREWALA</t>
  </si>
  <si>
    <t>Bngla Nehar</t>
  </si>
  <si>
    <t>ggps 443/eb bngla nehar burewala</t>
  </si>
  <si>
    <t>443/Eb</t>
  </si>
  <si>
    <t>435/Eb</t>
  </si>
  <si>
    <t>GGPS DHIDAR</t>
  </si>
  <si>
    <t>Dhaderr</t>
  </si>
  <si>
    <t>village dhader</t>
  </si>
  <si>
    <t>Dhader</t>
  </si>
  <si>
    <t>Fatehpur Afghana</t>
  </si>
  <si>
    <t>ZOBAIDA NIAZ</t>
  </si>
  <si>
    <t>GPS JODHI SULTAN</t>
  </si>
  <si>
    <t>Judhi Sultan, tehsil lalian District Chiniot</t>
  </si>
  <si>
    <t>Judhi Sultan</t>
  </si>
  <si>
    <t>GPS NAI ABADI</t>
  </si>
  <si>
    <t>Nsi Abadi Harappa</t>
  </si>
  <si>
    <t>anwar ul haq</t>
  </si>
  <si>
    <t>GGPS 422/1-GB</t>
  </si>
  <si>
    <t>GGPS 422/1G.B</t>
  </si>
  <si>
    <t>422GB</t>
  </si>
  <si>
    <t>422 GB</t>
  </si>
  <si>
    <t>Iqra mohsin</t>
  </si>
  <si>
    <t>53156</t>
  </si>
  <si>
    <t>GPS MEERAK</t>
  </si>
  <si>
    <t>MEERAK</t>
  </si>
  <si>
    <t>VILLAGE MEERAK POST OFFICE MEERAK TEHSIL AND DISTRICT OKARA</t>
  </si>
  <si>
    <t>GPS KAHUTA - C</t>
  </si>
  <si>
    <t>MC Kahuta</t>
  </si>
  <si>
    <t>grid station</t>
  </si>
  <si>
    <t>Mc Kahuta</t>
  </si>
  <si>
    <t>Muhammad Bilal Hafeez</t>
  </si>
  <si>
    <t>GGPS KOT SARDAR LASHKAR</t>
  </si>
  <si>
    <t>kot Lashkar Ali</t>
  </si>
  <si>
    <t>govt girls primary school kot lashkar ali</t>
  </si>
  <si>
    <t>GHS MC AHMADPUR EAST</t>
  </si>
  <si>
    <t>Ahmadpur Khona</t>
  </si>
  <si>
    <t>Dera nawab road Ahmadpur East</t>
  </si>
  <si>
    <t>ABID MUSTAFA KHAN KHAKWANI</t>
  </si>
  <si>
    <t>41091</t>
  </si>
  <si>
    <t>GPS KAHUTA - A</t>
  </si>
  <si>
    <t>Mohallah Rajgan Kahuta Town</t>
  </si>
  <si>
    <t>near machhi chowk kahuta town</t>
  </si>
  <si>
    <t>Mohallah Rajgan</t>
  </si>
  <si>
    <t>Gulfraz AHMED</t>
  </si>
  <si>
    <t>GPS CHAK NO 19/1L</t>
  </si>
  <si>
    <t>19/1-L</t>
  </si>
  <si>
    <t>chak no 19/1-L renala khurd</t>
  </si>
  <si>
    <t>6/1-L</t>
  </si>
  <si>
    <t>GGES RANDHAWA</t>
  </si>
  <si>
    <t>village P/O Randhawa, tehsil pasrur, district sialkot</t>
  </si>
  <si>
    <t>Suneela Arooj</t>
  </si>
  <si>
    <t>GGPS CHAK 5/M</t>
  </si>
  <si>
    <t>chak 5/M</t>
  </si>
  <si>
    <t>KIRAN TAJAMMUL</t>
  </si>
  <si>
    <t>GGPS MADAD ALI</t>
  </si>
  <si>
    <t>Madad Ali</t>
  </si>
  <si>
    <t>52686</t>
  </si>
  <si>
    <t>GGPS PHULAN TOLI KHURD</t>
  </si>
  <si>
    <t>38585</t>
  </si>
  <si>
    <t>GGPS 8/M</t>
  </si>
  <si>
    <t>Chak8m</t>
  </si>
  <si>
    <t>chak 8m duniyapur</t>
  </si>
  <si>
    <t>11chak</t>
  </si>
  <si>
    <t>Zarina Yousaf</t>
  </si>
  <si>
    <t>GGES MIANI TAWANGRA</t>
  </si>
  <si>
    <t>Miani Tongra Kpt</t>
  </si>
  <si>
    <t>Basti miani tongra</t>
  </si>
  <si>
    <t>Gulbahar Bano</t>
  </si>
  <si>
    <t>GMPS HAJI USMAN</t>
  </si>
  <si>
    <t>Wada Shah</t>
  </si>
  <si>
    <t>haji usman , tehsil lalian,dist chiniot</t>
  </si>
  <si>
    <t>Haji Usman</t>
  </si>
  <si>
    <t>GGES CHAK 348/WB</t>
  </si>
  <si>
    <t>chak#348/wb</t>
  </si>
  <si>
    <t>Chak 348/wb</t>
  </si>
  <si>
    <t>Amna Amin</t>
  </si>
  <si>
    <t>Hayat wala</t>
  </si>
  <si>
    <t>Dullewala Wala Rural</t>
  </si>
  <si>
    <t>Irshad Khanam</t>
  </si>
  <si>
    <t>GGPS CHAK 6 JB WEST</t>
  </si>
  <si>
    <t>6 JB West Faisalabad</t>
  </si>
  <si>
    <t>6 JB West</t>
  </si>
  <si>
    <t>6 JB East</t>
  </si>
  <si>
    <t>GGPS VIJHALKAY</t>
  </si>
  <si>
    <t>moza vijhalkay tehsil lalian district chiniot</t>
  </si>
  <si>
    <t>Mushraf Shahzadi Gul</t>
  </si>
  <si>
    <t>chandar</t>
  </si>
  <si>
    <t>village chandar po chak manju district gujrat</t>
  </si>
  <si>
    <t>chak manju</t>
  </si>
  <si>
    <t>Kanwal Afzal</t>
  </si>
  <si>
    <t>GGPS MC CANAL COLONY AHMADPUR EAST</t>
  </si>
  <si>
    <t>Canal Colony Ahmad Pur East</t>
  </si>
  <si>
    <t>159/1</t>
  </si>
  <si>
    <t>Farzana Gul</t>
  </si>
  <si>
    <t>48775</t>
  </si>
  <si>
    <t>GGHS CHAK NO.86 SB</t>
  </si>
  <si>
    <t>gghs 86 sb sgd</t>
  </si>
  <si>
    <t>chak no 84 sb</t>
  </si>
  <si>
    <t>Iffat Un Nisa</t>
  </si>
  <si>
    <t>GPS PIRHAR WALA</t>
  </si>
  <si>
    <t>Mail Manjeth</t>
  </si>
  <si>
    <t>Bastii dange wala mozah mail manjeth</t>
  </si>
  <si>
    <t>Basti Dange Wala</t>
  </si>
  <si>
    <t>Fatehpur Junubi</t>
  </si>
  <si>
    <t>Shamir Iqbal</t>
  </si>
  <si>
    <t>Patti drgahi</t>
  </si>
  <si>
    <t>chah Ahmad wala</t>
  </si>
  <si>
    <t>41131</t>
  </si>
  <si>
    <t>GMPS TAPYALI</t>
  </si>
  <si>
    <t>Tehsil  Kahuta Distt Rawalpindi p0st office kahuta village Tapyali</t>
  </si>
  <si>
    <t>Tapyali</t>
  </si>
  <si>
    <t>Salma Ghazanfar</t>
  </si>
  <si>
    <t>GGES KAMAL PUR</t>
  </si>
  <si>
    <t>Basti Kamal Pur Khan Garh</t>
  </si>
  <si>
    <t>sade Wahin</t>
  </si>
  <si>
    <t>GPS YOUNIS ABAD</t>
  </si>
  <si>
    <t>Chah Sair Wala, Mouza Rawan,  D.G.Khan</t>
  </si>
  <si>
    <t>Muhammad Majeed</t>
  </si>
  <si>
    <t>GPS AMIR WALA</t>
  </si>
  <si>
    <t>Amir Wala Uc Kirari Kot District Bhakkar</t>
  </si>
  <si>
    <t>Amir Wala</t>
  </si>
  <si>
    <t>GPS BASTI FAZAL AHMAD</t>
  </si>
  <si>
    <t>Muza Palooli Tehsil Ahmed pur East District Bahawalpur</t>
  </si>
  <si>
    <t>Basti Fazal Ahmad</t>
  </si>
  <si>
    <t>Muhamma Jamil Akhtar</t>
  </si>
  <si>
    <t>GGES KHONAN GHERBI</t>
  </si>
  <si>
    <t>vill khunan gharbi p.o kunjah Teh&amp;Dist Gujrat</t>
  </si>
  <si>
    <t>Khunan Gharbi</t>
  </si>
  <si>
    <t>Nagrianwali</t>
  </si>
  <si>
    <t>Shama Nawaz</t>
  </si>
  <si>
    <t>GGCMES 215 RB KAKUANA</t>
  </si>
  <si>
    <t>KAKUANA</t>
  </si>
  <si>
    <t>GGCME/S 215 RB KAKUANA FAISALABAD</t>
  </si>
  <si>
    <t>CHAK NO 215 RB KAKUANA</t>
  </si>
  <si>
    <t>215 Rb KAKUANA</t>
  </si>
  <si>
    <t>GGCMS BASTI BARAR</t>
  </si>
  <si>
    <t>Motchi Punhon</t>
  </si>
  <si>
    <t>govt girls commuty model primary school basti barar</t>
  </si>
  <si>
    <t>Basti Barar</t>
  </si>
  <si>
    <t>Rashda Qureshi</t>
  </si>
  <si>
    <t>19501</t>
  </si>
  <si>
    <t>GPS CHAK 515 GB</t>
  </si>
  <si>
    <t>gps515gb</t>
  </si>
  <si>
    <t>515gb</t>
  </si>
  <si>
    <t>Juma Khan Abid</t>
  </si>
  <si>
    <t>GGPS FIVE MARLA SCHEME</t>
  </si>
  <si>
    <t>jinah colony near chowk nazir wala moza mahal khakhi</t>
  </si>
  <si>
    <t>jinah colony</t>
  </si>
  <si>
    <t>Khadija Rafiq</t>
  </si>
  <si>
    <t>GPS CHAK NO. 60 NP</t>
  </si>
  <si>
    <t>mouza kotla Hayat Muhammad post office sardar garh Rahim Yar khan</t>
  </si>
  <si>
    <t>Chak 60 /NP</t>
  </si>
  <si>
    <t>Mianwali Shekhan</t>
  </si>
  <si>
    <t>16571</t>
  </si>
  <si>
    <t>GPS 454 GB</t>
  </si>
  <si>
    <t>jhok sarishta</t>
  </si>
  <si>
    <t>GPS HABIB NAGAR</t>
  </si>
  <si>
    <t>Kanwanwala</t>
  </si>
  <si>
    <t>Habib Nagar Tehsil Lalian District Chiniot</t>
  </si>
  <si>
    <t>Habib Nagar</t>
  </si>
  <si>
    <t>GHS MALKI</t>
  </si>
  <si>
    <t>VPO Malki, Tehsil and District Gujrat</t>
  </si>
  <si>
    <t>GPS VIAH KOT</t>
  </si>
  <si>
    <t>Viah Kot</t>
  </si>
  <si>
    <t>moza viah kot p/o 7/e.b tehsil arifwala district pakpattan</t>
  </si>
  <si>
    <t>37888</t>
  </si>
  <si>
    <t>GMPS 175/10-R, JAHANIAN</t>
  </si>
  <si>
    <t>175/10R</t>
  </si>
  <si>
    <t>175/10R, Jahanian</t>
  </si>
  <si>
    <t>174/10R M/W</t>
  </si>
  <si>
    <t>GGPS MOHRA THAKRAN</t>
  </si>
  <si>
    <t>MOHRA THAKRAN</t>
  </si>
  <si>
    <t>52602</t>
  </si>
  <si>
    <t>GPS DELLIAN WALI</t>
  </si>
  <si>
    <t>Delianwali</t>
  </si>
  <si>
    <t>Delianwali Depalpur Okara</t>
  </si>
  <si>
    <t>Shujat Abbas</t>
  </si>
  <si>
    <t>GPS BASTI GUJWANI</t>
  </si>
  <si>
    <t>Chabri Bala43</t>
  </si>
  <si>
    <t>busti gujwani</t>
  </si>
  <si>
    <t>Chabri  Bala</t>
  </si>
  <si>
    <t>Ghulam Farerd</t>
  </si>
  <si>
    <t>GES  6/14-L</t>
  </si>
  <si>
    <t>chak no 6/14.L Tehsil chichawatni Distt Sahiwal</t>
  </si>
  <si>
    <t>muhammad yaqub</t>
  </si>
  <si>
    <t>GGPS 157/10-R, JAHANIAN</t>
  </si>
  <si>
    <t>Chak No157/10R</t>
  </si>
  <si>
    <t>POBoÃ—Jungle  Maryala Chak no157-10R</t>
  </si>
  <si>
    <t>Chak No157-10R</t>
  </si>
  <si>
    <t>Chak No 157/10R</t>
  </si>
  <si>
    <t>Shahnaz Baby</t>
  </si>
  <si>
    <t>GGPS 95/10-R, JAHANIAN</t>
  </si>
  <si>
    <t>95/10r</t>
  </si>
  <si>
    <t>GES CHAK NO 593 GB</t>
  </si>
  <si>
    <t>593 Gb</t>
  </si>
  <si>
    <t>593gb</t>
  </si>
  <si>
    <t>40124</t>
  </si>
  <si>
    <t>GPS KHAIR SHARIF</t>
  </si>
  <si>
    <t>Khair Sharif</t>
  </si>
  <si>
    <t>village khair p.o wagh teh.distt.jhelum</t>
  </si>
  <si>
    <t>Nakkah Khurd</t>
  </si>
  <si>
    <t>GPS KUTHIALA SYEDAN</t>
  </si>
  <si>
    <t>Kuthyalasyeddan</t>
  </si>
  <si>
    <t>GPS kuthyalasyeddan</t>
  </si>
  <si>
    <t>Kandanwala</t>
  </si>
  <si>
    <t>Muhammad Qaisar Shahzad</t>
  </si>
  <si>
    <t>GGPS ASLAM KHAN AHAMDANI</t>
  </si>
  <si>
    <t>bakhirwah</t>
  </si>
  <si>
    <t>mouza bakhirwah uc choti bala</t>
  </si>
  <si>
    <t>aslam abad</t>
  </si>
  <si>
    <t>37758</t>
  </si>
  <si>
    <t>GGES 173/10-R, JAHANIAN</t>
  </si>
  <si>
    <t>17310-R</t>
  </si>
  <si>
    <t>GGMS17310-R bangla shreeh wala</t>
  </si>
  <si>
    <t>173/10R Bangla Shreen Wala</t>
  </si>
  <si>
    <t>15710-R</t>
  </si>
  <si>
    <t>GHS MC HAFAT MADAR</t>
  </si>
  <si>
    <t>HAFAT MADDAR</t>
  </si>
  <si>
    <t>VILLAGE HAFAT MADDAR</t>
  </si>
  <si>
    <t>MUNIR AHMAD ANJUM</t>
  </si>
  <si>
    <t>GGES BEDEENA SHARQI</t>
  </si>
  <si>
    <t>Badana Sharki</t>
  </si>
  <si>
    <t>badana sharki thsil ctn dist BWN</t>
  </si>
  <si>
    <t>Sodhabasti</t>
  </si>
  <si>
    <t>Rozina Abdul Haq</t>
  </si>
  <si>
    <t>GPS PARTAB GARH</t>
  </si>
  <si>
    <t>Partab Garh</t>
  </si>
  <si>
    <t>Partab Garh Tehsil Pattoki District Kasur</t>
  </si>
  <si>
    <t>GHS HAMID PUR KALAN GUJRANWALA</t>
  </si>
  <si>
    <t>Hameed Pur Kalan</t>
  </si>
  <si>
    <t>ghs hameed pur kalan tehsil kamoke district gujranwala</t>
  </si>
  <si>
    <t>Qamar Ul Zaman</t>
  </si>
  <si>
    <t>GPS SHER PUR P/O &amp; TEH SHUJABAD</t>
  </si>
  <si>
    <t>moza jai</t>
  </si>
  <si>
    <t>Moza Jai</t>
  </si>
  <si>
    <t>GPS MARI MANGU MAL BANGAL WALA MULTAN</t>
  </si>
  <si>
    <t>Maari Mangu Maal</t>
  </si>
  <si>
    <t>GGCMS 1/4-L</t>
  </si>
  <si>
    <t>14/l</t>
  </si>
  <si>
    <t>GOvt colony XBlock okara</t>
  </si>
  <si>
    <t>G Colony X Bolock Okara</t>
  </si>
  <si>
    <t>Chuck 1/4l</t>
  </si>
  <si>
    <t>Shamim Qayyum</t>
  </si>
  <si>
    <t>GPS 152 RB</t>
  </si>
  <si>
    <t>Gunnah</t>
  </si>
  <si>
    <t>chak no 152 rb tehsil chak jhumra fsd</t>
  </si>
  <si>
    <t>152  RB</t>
  </si>
  <si>
    <t>Subay Chak 159rb</t>
  </si>
  <si>
    <t>Muhammad Nadeem Tabassam</t>
  </si>
  <si>
    <t>GES HOUSING COLONY T.T.SINGH</t>
  </si>
  <si>
    <t>housing colony toba tek singh</t>
  </si>
  <si>
    <t>Mc Toba</t>
  </si>
  <si>
    <t>Hafiz Ata Ur Rehman</t>
  </si>
  <si>
    <t>GGPS CHAK 187 RB 11</t>
  </si>
  <si>
    <t>Chak 187RB2 Balloana</t>
  </si>
  <si>
    <t>Ballowana</t>
  </si>
  <si>
    <t>Baby Nasreen</t>
  </si>
  <si>
    <t>40143</t>
  </si>
  <si>
    <t>GPS DHOK SHADI</t>
  </si>
  <si>
    <t>Dhoke Shadi</t>
  </si>
  <si>
    <t>village dhoke shadi post office jamarghal tehsil and district jhelum</t>
  </si>
  <si>
    <t>RASHID HUSSAIN</t>
  </si>
  <si>
    <t>GPS UCHI SAYEDAN</t>
  </si>
  <si>
    <t>GPS Uchi Syedan Railway Station Mitha Tiwana</t>
  </si>
  <si>
    <t>GPS Uchi Syedan</t>
  </si>
  <si>
    <t>Mitha Tiwana South</t>
  </si>
  <si>
    <t>GPS NOORAN SANPAL</t>
  </si>
  <si>
    <t>Moza Nooran Sanpal</t>
  </si>
  <si>
    <t>Ghulam Hussain Hameed</t>
  </si>
  <si>
    <t>36364</t>
  </si>
  <si>
    <t>GMPS MODEL CHAK NO 12 WB</t>
  </si>
  <si>
    <t>gmps 12wb vehare</t>
  </si>
  <si>
    <t>12/wb</t>
  </si>
  <si>
    <t>Sumera Ramzan</t>
  </si>
  <si>
    <t>23794</t>
  </si>
  <si>
    <t>GPS RAOKAY</t>
  </si>
  <si>
    <t>Raokay Markaz Changi Teh Daska  Sialkot</t>
  </si>
  <si>
    <t>Khushnood Iqbal</t>
  </si>
  <si>
    <t>GGPS MADRASA ISLAH-UL-BINAT ISLAM PURA</t>
  </si>
  <si>
    <t>Sadi Park</t>
  </si>
  <si>
    <t>saadi roadi islampura Lahore</t>
  </si>
  <si>
    <t>Sarwat Rasool</t>
  </si>
  <si>
    <t>51404</t>
  </si>
  <si>
    <t>GPS 3 KB</t>
  </si>
  <si>
    <t>3kb</t>
  </si>
  <si>
    <t>chak no. 3kb p/o picca sidhar tehsil &amp; district pakpattan</t>
  </si>
  <si>
    <t>Picca Sidhar</t>
  </si>
  <si>
    <t>ashiq ali</t>
  </si>
  <si>
    <t>GPS CHANNU SHAHBAZ</t>
  </si>
  <si>
    <t>Channu Shahbaz</t>
  </si>
  <si>
    <t>eid ghah channu shahbaz p/o gilla wall tehsil Â£district lodhran</t>
  </si>
  <si>
    <t>Eid Ghah Channu Shahbaz</t>
  </si>
  <si>
    <t>GMPS CHAK NO 237 JB EAST</t>
  </si>
  <si>
    <t>langrana</t>
  </si>
  <si>
    <t>chak no 237 jb east</t>
  </si>
  <si>
    <t>langrana237</t>
  </si>
  <si>
    <t>186 sial</t>
  </si>
  <si>
    <t>Asmat Begum</t>
  </si>
  <si>
    <t>GHS MOTA GHARBI</t>
  </si>
  <si>
    <t>ghs Mota Gharbi Tehsil Dina District Jhelum</t>
  </si>
  <si>
    <t>Ameer sultan</t>
  </si>
  <si>
    <t>39972</t>
  </si>
  <si>
    <t>GPS TATARI</t>
  </si>
  <si>
    <t>TATARI</t>
  </si>
  <si>
    <t>46386</t>
  </si>
  <si>
    <t>GGHS AINO</t>
  </si>
  <si>
    <t>aino</t>
  </si>
  <si>
    <t>pilowaince</t>
  </si>
  <si>
    <t>GGES GUJAR WALA NO. 1</t>
  </si>
  <si>
    <t>Chuhatta</t>
  </si>
  <si>
    <t>basti gujar wala</t>
  </si>
  <si>
    <t>Gujar Wala</t>
  </si>
  <si>
    <t>Churhatta Shumali</t>
  </si>
  <si>
    <t>GGES CHAK NO 225/9-R</t>
  </si>
  <si>
    <t>225 9/r</t>
  </si>
  <si>
    <t>GGES chak no 225 9 R Tehsil. Fort Abbas District Bahawal Nagar</t>
  </si>
  <si>
    <t>Chak No 225 9/r</t>
  </si>
  <si>
    <t>Farah Anjum</t>
  </si>
  <si>
    <t>GHS DAULTALA</t>
  </si>
  <si>
    <t>GHS Daultala Tehsil.Gujar khan District. Rawalpindi</t>
  </si>
  <si>
    <t>Daultala-I</t>
  </si>
  <si>
    <t>saghir hussain</t>
  </si>
  <si>
    <t>GES GHALWAN</t>
  </si>
  <si>
    <t>ghalwan Uc 109 ges ghalwan ali pur m.garh</t>
  </si>
  <si>
    <t>Ghalwan-I</t>
  </si>
  <si>
    <t>Zulfiqar  Ali Khan</t>
  </si>
  <si>
    <t>VPO Bangial Tehsil Sohawa District Jhelum</t>
  </si>
  <si>
    <t>GPS JHALAY</t>
  </si>
  <si>
    <t>Jhalay</t>
  </si>
  <si>
    <t>village Jhalay post office dhudial</t>
  </si>
  <si>
    <t>Ansa Sultana</t>
  </si>
  <si>
    <t>GPS CHAK NO 14/1L</t>
  </si>
  <si>
    <t>Chak No. 14/1L Teh. Renala Khurd District. Okara</t>
  </si>
  <si>
    <t>Nasir Javaid Farukh</t>
  </si>
  <si>
    <t>40119</t>
  </si>
  <si>
    <t>GPS WARAH</t>
  </si>
  <si>
    <t>Dhoke Warah P O Kotal Kund Tehsil and District Jhelum</t>
  </si>
  <si>
    <t>Dhoke Warah</t>
  </si>
  <si>
    <t>GMPS MUSALMANIAN</t>
  </si>
  <si>
    <t>musalmanian</t>
  </si>
  <si>
    <t>Golatian Kalan</t>
  </si>
  <si>
    <t>19839</t>
  </si>
  <si>
    <t>GMPS THATHA JHANB</t>
  </si>
  <si>
    <t>Thatha Jhanb</t>
  </si>
  <si>
    <t>moza thatta jhanb tehsil bhowana dist chiniot</t>
  </si>
  <si>
    <t>JHANG ROAD SAHIWAL</t>
  </si>
  <si>
    <t>SAHIWAL-II</t>
  </si>
  <si>
    <t>GGHS MC TALAGANG</t>
  </si>
  <si>
    <t>G G MC High School Talagang near education office talagang</t>
  </si>
  <si>
    <t>Kousar Salma</t>
  </si>
  <si>
    <t>GPS CHANWAT</t>
  </si>
  <si>
    <t>chak chanwat</t>
  </si>
  <si>
    <t>Waqas Azeem Khan</t>
  </si>
  <si>
    <t>32657</t>
  </si>
  <si>
    <t>GGHS NANKANA SAHIB</t>
  </si>
  <si>
    <t>Old Nns</t>
  </si>
  <si>
    <t>Govt. Girls high school Buchiyana Road Nankana Sahib</t>
  </si>
  <si>
    <t>Uc City</t>
  </si>
  <si>
    <t>shahida naheed</t>
  </si>
  <si>
    <t>53708</t>
  </si>
  <si>
    <t>GPS CHAK NO. 21/1-RB</t>
  </si>
  <si>
    <t>chak#21/1-RB Kalan Renala Khurd okara</t>
  </si>
  <si>
    <t>21/1-RB</t>
  </si>
  <si>
    <t>Chak#5/1RA</t>
  </si>
  <si>
    <t>GES DHALLOO PO KARAM PUR</t>
  </si>
  <si>
    <t>Dhalloo</t>
  </si>
  <si>
    <t>Dhalloo p/o karampur mailsi vehari</t>
  </si>
  <si>
    <t>GGPS CHAK NO.415/EB</t>
  </si>
  <si>
    <t>415/eb</t>
  </si>
  <si>
    <t>chakno 415/eb</t>
  </si>
  <si>
    <t>Chak No 415/eb</t>
  </si>
  <si>
    <t>maria jamil</t>
  </si>
  <si>
    <t>GHS MOZA HISOKAY</t>
  </si>
  <si>
    <t>Hassokay</t>
  </si>
  <si>
    <t>mouza hassokay</t>
  </si>
  <si>
    <t>Azhar Fareed</t>
  </si>
  <si>
    <t>GPS 16 JB V</t>
  </si>
  <si>
    <t>Panakay</t>
  </si>
  <si>
    <t>chak no 16 jb</t>
  </si>
  <si>
    <t>Qadarkey</t>
  </si>
  <si>
    <t>Javed Anwar</t>
  </si>
  <si>
    <t>GGPS KOT MASTA</t>
  </si>
  <si>
    <t>Kotmasta</t>
  </si>
  <si>
    <t>kOTMASTA TEH DASKA DISTT SIALKOT</t>
  </si>
  <si>
    <t>GGhS 4/AH, KHANEWAL</t>
  </si>
  <si>
    <t>GGHS 4/AH kwl</t>
  </si>
  <si>
    <t>shazia nazneen</t>
  </si>
  <si>
    <t>GMPS CHAK NO 220/9-R</t>
  </si>
  <si>
    <t>Chak No 220/9R</t>
  </si>
  <si>
    <t>chak no.220/9R,fort abbas</t>
  </si>
  <si>
    <t>220/9R</t>
  </si>
  <si>
    <t>GGCMPS BAIR BAND</t>
  </si>
  <si>
    <t>Bair Band1</t>
  </si>
  <si>
    <t>Govt.Girls.Community Model school bairband</t>
  </si>
  <si>
    <t>Bair Band II</t>
  </si>
  <si>
    <t>Bair band</t>
  </si>
  <si>
    <t>GPS CHAK 534 GB I</t>
  </si>
  <si>
    <t>534 GB I</t>
  </si>
  <si>
    <t>Abdul Razzaq Pervez</t>
  </si>
  <si>
    <t>GHS MOHALLAH FAROOQ ABAD NOOR PUR THAL</t>
  </si>
  <si>
    <t>Muhammad Abdul Razzaq</t>
  </si>
  <si>
    <t>GPS DHOK BIDDER</t>
  </si>
  <si>
    <t>Dhoke Bidder</t>
  </si>
  <si>
    <t>vpo dhoke bidder teh &amp; distt jhelum</t>
  </si>
  <si>
    <t>Akmal Ijaz Arif</t>
  </si>
  <si>
    <t>GMPS RAM PUR</t>
  </si>
  <si>
    <t>Rampur village</t>
  </si>
  <si>
    <t>GGPS CHAK 102 WB</t>
  </si>
  <si>
    <t>102/Wb</t>
  </si>
  <si>
    <t>ggps 102/wb</t>
  </si>
  <si>
    <t>88/Wb</t>
  </si>
  <si>
    <t>GHS CHAK 442 GB SAMUNDRI FSD</t>
  </si>
  <si>
    <t>chak No.442 GB</t>
  </si>
  <si>
    <t>Chak No 442 G.B</t>
  </si>
  <si>
    <t>chak no 442 GB</t>
  </si>
  <si>
    <t>GES JAHANGIR ABAD, KACHA KHUH</t>
  </si>
  <si>
    <t>Chak no 36 10/R Jahangirabad</t>
  </si>
  <si>
    <t>GES Chak no 36 10/R Jahangirabad, Kacha Khuh, Tehsil Khanewal</t>
  </si>
  <si>
    <t>LIAQAT ALI SAJID</t>
  </si>
  <si>
    <t>GPS 220 RB I BABU WALA</t>
  </si>
  <si>
    <t>Babuwala</t>
  </si>
  <si>
    <t>st no 14 BABUW ALA JHANG road  #c</t>
  </si>
  <si>
    <t>RASEEDABAD</t>
  </si>
  <si>
    <t>cans water</t>
  </si>
  <si>
    <t>GHS KOTLA MUSA KHAN</t>
  </si>
  <si>
    <t>POST OFFICE KOTLA MUSA KHAN, AHMAD PUR EAST, BAHAWALPUR</t>
  </si>
  <si>
    <t>16137</t>
  </si>
  <si>
    <t>GGES CHAK 104 JB HER MOAY</t>
  </si>
  <si>
    <t>Hurmoyan</t>
  </si>
  <si>
    <t>chak no 104 jb</t>
  </si>
  <si>
    <t>113jb</t>
  </si>
  <si>
    <t>40251</t>
  </si>
  <si>
    <t>GGES PIND SWIKKA</t>
  </si>
  <si>
    <t>Pind Swikka</t>
  </si>
  <si>
    <t>vpo pindswikka tehsil and distric jehlum</t>
  </si>
  <si>
    <t>Pind swikka</t>
  </si>
  <si>
    <t>Khadija Tahir</t>
  </si>
  <si>
    <t>Shazia Afzaal</t>
  </si>
  <si>
    <t>14905</t>
  </si>
  <si>
    <t>GPS CHAK NO 71 RB</t>
  </si>
  <si>
    <t>Chak no. 71 RB, Tehsil Jaranwala Faisalabad</t>
  </si>
  <si>
    <t>Chak 71 RB</t>
  </si>
  <si>
    <t>GPS REHMANIA MILL JHANGROAD FSD</t>
  </si>
  <si>
    <t>Rehmania Town</t>
  </si>
  <si>
    <t>GPS Rehmania Mills, Jhang Road, Faisalabad</t>
  </si>
  <si>
    <t>GPS CHAK 56 RB I</t>
  </si>
  <si>
    <t>56 RB I SARHALI</t>
  </si>
  <si>
    <t>CHAK NO. 56 RB (I), SARHALI, TEHSIL JARANWALA, DISTRICT FAISALABAD.</t>
  </si>
  <si>
    <t>SHAFAT ALI ANJUM</t>
  </si>
  <si>
    <t>GPS CHAK NO 108 RB</t>
  </si>
  <si>
    <t>Chak no108 RB</t>
  </si>
  <si>
    <t>Government Primary School Chak 108 RB Choudharywala Jaranwala</t>
  </si>
  <si>
    <t>Ali Zurwan</t>
  </si>
  <si>
    <t>GGES CDG JUNIOR MODEL MASTI GATE</t>
  </si>
  <si>
    <t>masti gate lahore</t>
  </si>
  <si>
    <t>Shahi Qilla</t>
  </si>
  <si>
    <t>aliya zaheen</t>
  </si>
  <si>
    <t>GES MC TARIQ ABAD FAISALABAD</t>
  </si>
  <si>
    <t>mehmoodabad street 1 ,FSD</t>
  </si>
  <si>
    <t>mehmoodabad</t>
  </si>
  <si>
    <t>External Supplier</t>
  </si>
  <si>
    <t>GPS 56 RB II</t>
  </si>
  <si>
    <t>56 RB II CHUTALA</t>
  </si>
  <si>
    <t>CHAK NO. 56 RB (II), CHUTALA, TEHSIL JARANWALA, DISTRICT  FAISALABAD.</t>
  </si>
  <si>
    <t>WASEEM AZAM</t>
  </si>
  <si>
    <t>GGPS CHAK NO 253 RB  II</t>
  </si>
  <si>
    <t>253Rb Jahangir Kalan</t>
  </si>
  <si>
    <t>253rbii islam nagar</t>
  </si>
  <si>
    <t>Shehnila Parveen</t>
  </si>
  <si>
    <t>GGPS MALIK PARK SHAHDARA</t>
  </si>
  <si>
    <t>Malik Park</t>
  </si>
  <si>
    <t>ggps maik park shahdara</t>
  </si>
  <si>
    <t>Shamshabad</t>
  </si>
  <si>
    <t>GPS CHAK 107 RB WEST</t>
  </si>
  <si>
    <t>107 RB</t>
  </si>
  <si>
    <t>107 RB West</t>
  </si>
  <si>
    <t>Muhammad Zeeshan Fareed</t>
  </si>
  <si>
    <t>GHS 224 RB</t>
  </si>
  <si>
    <t>GOVT. HIGH SCHOOL 224.RB WAZIR KHAN WALI FSD</t>
  </si>
  <si>
    <t>Shalimar Park</t>
  </si>
  <si>
    <t>WATER PURCHASE</t>
  </si>
  <si>
    <t>GGHS MC NISAR COLONY FAISALABAD</t>
  </si>
  <si>
    <t>Fatehabad</t>
  </si>
  <si>
    <t>st no.8 ,near ghosia masjid nisar colony fsd</t>
  </si>
  <si>
    <t>Noshaba muzaffar</t>
  </si>
  <si>
    <t>GPS ZAHOOR MODEL FARM</t>
  </si>
  <si>
    <t>govt P/S Zahoor model farm</t>
  </si>
  <si>
    <t>GGPS PUNJAIN</t>
  </si>
  <si>
    <t>Punjain</t>
  </si>
  <si>
    <t>village punjain po saigolabad tehsil and district chakwal</t>
  </si>
  <si>
    <t>Saima shaheen</t>
  </si>
  <si>
    <t>12025</t>
  </si>
  <si>
    <t>GGPS CHAK NO. 577/TDA</t>
  </si>
  <si>
    <t>577/tda</t>
  </si>
  <si>
    <t>chak no 577/tda</t>
  </si>
  <si>
    <t>Chak No 577/tda</t>
  </si>
  <si>
    <t>GES CHAK 93 RB</t>
  </si>
  <si>
    <t>chitti</t>
  </si>
  <si>
    <t>93 rb</t>
  </si>
  <si>
    <t>61 rb</t>
  </si>
  <si>
    <t>GGPS CHAK 263 RB III DIJKOT</t>
  </si>
  <si>
    <t>ggps#3dijkot</t>
  </si>
  <si>
    <t>263/rb</t>
  </si>
  <si>
    <t>Town Commatty Dijkot</t>
  </si>
  <si>
    <t>Night Iqbal</t>
  </si>
  <si>
    <t>GGHS ISLAMIA J.P.JATTAN</t>
  </si>
  <si>
    <t>umar farooq road mohallah clerk pura chandandni chowk jalal pur jattan</t>
  </si>
  <si>
    <t>clerk pura</t>
  </si>
  <si>
    <t>bahjat firdaus</t>
  </si>
  <si>
    <t>GES CHAK 36 4L</t>
  </si>
  <si>
    <t>Government Elementary School, 36/4L</t>
  </si>
  <si>
    <t>36 A/4L</t>
  </si>
  <si>
    <t>Maqbool Ahmad Nadeem</t>
  </si>
  <si>
    <t>GHS DASKA KOT</t>
  </si>
  <si>
    <t>OLD KCHAHRY ROAD DASKA</t>
  </si>
  <si>
    <t>GGHS NEELA VILL &amp; POST OFFICE NEELA</t>
  </si>
  <si>
    <t>village and post office neela tehsil and district chakwal</t>
  </si>
  <si>
    <t>Andleb Akhtar</t>
  </si>
  <si>
    <t>16451</t>
  </si>
  <si>
    <t>GHS CHAK 189 RB FSD</t>
  </si>
  <si>
    <t>RASOOLPUR</t>
  </si>
  <si>
    <t>CHAK NO. 189 RB RASOOLPUR CHAK JHUMRA</t>
  </si>
  <si>
    <t>CHAK NO. 189 RB</t>
  </si>
  <si>
    <t>CHAK NO.189 RB</t>
  </si>
  <si>
    <t>GMPS ABADI FAZAL KAY</t>
  </si>
  <si>
    <t>Anadi Fazal dakhli Gogera Khas Teh &amp; Distt Okara</t>
  </si>
  <si>
    <t>Abadi Fazal Kay</t>
  </si>
  <si>
    <t>GES CHAK 68 GB JARANWALA</t>
  </si>
  <si>
    <t>68gb</t>
  </si>
  <si>
    <t>67gb</t>
  </si>
  <si>
    <t>GHS LOHIAN WALA</t>
  </si>
  <si>
    <t>Govt High school Lohianwala</t>
  </si>
  <si>
    <t>Mawaz Khan</t>
  </si>
  <si>
    <t>GHS CHAK 115 JB DIAL GARH FSD</t>
  </si>
  <si>
    <t>GHS 115 JB</t>
  </si>
  <si>
    <t>Chak No 115 JB</t>
  </si>
  <si>
    <t>Deyal Garh</t>
  </si>
  <si>
    <t>Muhammad Abdur Rehman Yazdani</t>
  </si>
  <si>
    <t>GES CHAK 98 GB I</t>
  </si>
  <si>
    <t>Saidowal</t>
  </si>
  <si>
    <t>chak no 98 gb faisalabad</t>
  </si>
  <si>
    <t>Chak No 98 GB</t>
  </si>
  <si>
    <t>GHULAM ALI</t>
  </si>
  <si>
    <t>GPS 100 JB AZAFI BASTI</t>
  </si>
  <si>
    <t>100JBII</t>
  </si>
  <si>
    <t>100JBII Ghulam Muhammad abad no 2</t>
  </si>
  <si>
    <t>MUHAMMAD NAEEM SAJID</t>
  </si>
  <si>
    <t>GPS 54 RB</t>
  </si>
  <si>
    <t>CHAK NO. 54 RB, SARHALI, TEHSIL JARANWALA, DISTRICT FAISALABAD.</t>
  </si>
  <si>
    <t>14844</t>
  </si>
  <si>
    <t>GPS CHAK 102 GB</t>
  </si>
  <si>
    <t>Mirzy Wala</t>
  </si>
  <si>
    <t>Chak# 102GB Tehsil Jaranwala district Faisalabad</t>
  </si>
  <si>
    <t>Chak#102GB</t>
  </si>
  <si>
    <t>Chak#58GB</t>
  </si>
  <si>
    <t>GPS CHAK 75 RB</t>
  </si>
  <si>
    <t>CHAK 75 RB LOHKAY JARANWALA FAISALABAD</t>
  </si>
  <si>
    <t>Tajammal Hussain</t>
  </si>
  <si>
    <t>GPS 53/RB - IV</t>
  </si>
  <si>
    <t>53 RB IV GHANDEE WIND</t>
  </si>
  <si>
    <t>CHAK NO. 53 RB (IV), GHANDEE WIND, TEHSIL JARANWALA, DISTRICT FAISALABAD.</t>
  </si>
  <si>
    <t>ALMAS KOUSAR</t>
  </si>
  <si>
    <t>GGES CHAK 88 GB RURA</t>
  </si>
  <si>
    <t>Rura</t>
  </si>
  <si>
    <t>g.g.e school 88gb</t>
  </si>
  <si>
    <t>Lamapind</t>
  </si>
  <si>
    <t>GPS MC SHADAB COLONY FSD</t>
  </si>
  <si>
    <t>MC primary school shadab colony street # 4 habaib park</t>
  </si>
  <si>
    <t>Gulfishan colony</t>
  </si>
  <si>
    <t>GES CHAK 107 GB PO SAME JARANWALA</t>
  </si>
  <si>
    <t>107 GB</t>
  </si>
  <si>
    <t>ckak no 107 gb fsd</t>
  </si>
  <si>
    <t>M Ameen Rabbani</t>
  </si>
  <si>
    <t>GPS CHAK 75 RB II</t>
  </si>
  <si>
    <t>CHAK 75 RB NEW ABADI JARANWALA FAISALABAD</t>
  </si>
  <si>
    <t>GPS CHAK 260 RB</t>
  </si>
  <si>
    <t>260 R B</t>
  </si>
  <si>
    <t>Chak no.260 RB Faisalabad</t>
  </si>
  <si>
    <t>Nadeem Iqbal</t>
  </si>
  <si>
    <t>Tanker</t>
  </si>
  <si>
    <t>GPS 53 RB III</t>
  </si>
  <si>
    <t>53 RB III RASOOL PURA</t>
  </si>
  <si>
    <t>CHAK NO. 53 RB (III), RASOOL PURA, TEHSIL JARANWALA, DISTRICT FAISALABAD.</t>
  </si>
  <si>
    <t>GPS CHAK 101 GB</t>
  </si>
  <si>
    <t>Chack 101 GB</t>
  </si>
  <si>
    <t>chack 101 GB</t>
  </si>
  <si>
    <t>GHS ISLAMIA CHAK NO 245 RB ABBAS PUR</t>
  </si>
  <si>
    <t>245RB</t>
  </si>
  <si>
    <t>Chak NO.245RB Faisalabad</t>
  </si>
  <si>
    <t>245RB ABBASPUR</t>
  </si>
  <si>
    <t>245 RB</t>
  </si>
  <si>
    <t>GPS CHAK 76 RB I</t>
  </si>
  <si>
    <t>chak no. 76 rb. 1</t>
  </si>
  <si>
    <t>Shakil Ahmad Farooq</t>
  </si>
  <si>
    <t>Tank supply</t>
  </si>
  <si>
    <t>GPS CHAK 105 RB I EAST</t>
  </si>
  <si>
    <t>105 Rb</t>
  </si>
  <si>
    <t>Govt.primary school 105 rb i</t>
  </si>
  <si>
    <t>Chak No 105 I</t>
  </si>
  <si>
    <t>Chak 63 GB</t>
  </si>
  <si>
    <t>Sidaqat Ali Kazmi</t>
  </si>
  <si>
    <t>GPS CHAK 101 RB I</t>
  </si>
  <si>
    <t>101RB</t>
  </si>
  <si>
    <t>99rb</t>
  </si>
  <si>
    <t>GHS 58 JB FSD</t>
  </si>
  <si>
    <t>58JB Lehal</t>
  </si>
  <si>
    <t>58JB Lehal faisalabad</t>
  </si>
  <si>
    <t>asif shahzad</t>
  </si>
  <si>
    <t>GPS MC NAZIM ABAD FSD</t>
  </si>
  <si>
    <t>MC Model Primary School Nazimabad fsd.</t>
  </si>
  <si>
    <t>GPS 53 RB II</t>
  </si>
  <si>
    <t>53 RB II JHUGGIAN</t>
  </si>
  <si>
    <t>CHAK NO. 53 RB (II), JHUGGIAN, TEHSIL JARANWALA, DISTRICT FAISALABAD</t>
  </si>
  <si>
    <t>REHAN SAEED</t>
  </si>
  <si>
    <t>GPS 268 RB NO.4</t>
  </si>
  <si>
    <t>CHAK NO 268 R.B 4 FSD</t>
  </si>
  <si>
    <t>LADHA CHAK</t>
  </si>
  <si>
    <t>14664</t>
  </si>
  <si>
    <t>GHS SAMANABAD</t>
  </si>
  <si>
    <t>SAMANABAD FAISALABAD</t>
  </si>
  <si>
    <t>TOUSEEF AHMAD</t>
  </si>
  <si>
    <t>Farzana Aziz</t>
  </si>
  <si>
    <t>GPS JHAM WALA</t>
  </si>
  <si>
    <t>Jhamwala</t>
  </si>
  <si>
    <t>jhamwala   wzd grw</t>
  </si>
  <si>
    <t>Syed Kamran Hussain Shah</t>
  </si>
  <si>
    <t>GGPS DERA SULTAN MEHMOOD</t>
  </si>
  <si>
    <t>dera Sultan Mehmood bhabra road kotmomin</t>
  </si>
  <si>
    <t>Dera Sultan Mehmood</t>
  </si>
  <si>
    <t>GES BAKHRAY WALI KALAN</t>
  </si>
  <si>
    <t>Bhakray Wali Kalan</t>
  </si>
  <si>
    <t>bhakray wali kalan teh and distt gujranwala</t>
  </si>
  <si>
    <t>Bhakry Wali Kalan</t>
  </si>
  <si>
    <t>Shoaib Mirza</t>
  </si>
  <si>
    <t>GGHS SHAHNIKDAR</t>
  </si>
  <si>
    <t>ShahNikdur</t>
  </si>
  <si>
    <t>Gghsshahnikdur</t>
  </si>
  <si>
    <t>Ferzana Mahmood</t>
  </si>
  <si>
    <t>GGES CHAK NO. 2/4-L</t>
  </si>
  <si>
    <t>2/4-L Okara</t>
  </si>
  <si>
    <t>chak 2/4-L okara</t>
  </si>
  <si>
    <t>Asia Abrar</t>
  </si>
  <si>
    <t>GPS TARROR</t>
  </si>
  <si>
    <t>Tarror</t>
  </si>
  <si>
    <t>Mouza tarror po rodu sultan tesil18hazari District jhang</t>
  </si>
  <si>
    <t>GGPS BASTI HABIB BUZDAR</t>
  </si>
  <si>
    <t>Arifa Rubab</t>
  </si>
  <si>
    <t>21799</t>
  </si>
  <si>
    <t>GGHS LEEL VIRKAN</t>
  </si>
  <si>
    <t>Leel Virkan</t>
  </si>
  <si>
    <t>shagufta arif</t>
  </si>
  <si>
    <t>GGPS KORI NILHAD</t>
  </si>
  <si>
    <t>ps  korenilhad pindegheb attock</t>
  </si>
  <si>
    <t>GGPS MC SINDHO COLONY</t>
  </si>
  <si>
    <t>Sindhu Colony</t>
  </si>
  <si>
    <t>sindhu colony okara</t>
  </si>
  <si>
    <t>GPS 16 JB II</t>
  </si>
  <si>
    <t>Goleky</t>
  </si>
  <si>
    <t>ChAk 16 JB golekey tehsil ChAk jhumra district Faisalabad</t>
  </si>
  <si>
    <t>ChAk 16 JB Golekey</t>
  </si>
  <si>
    <t>32558</t>
  </si>
  <si>
    <t>GPS RAJIAN ARYAN</t>
  </si>
  <si>
    <t>Rajian Arayan</t>
  </si>
  <si>
    <t>GPS Boys Rajian Arayan</t>
  </si>
  <si>
    <t>GGMPS KOT BAWA</t>
  </si>
  <si>
    <t>Kot Bawa</t>
  </si>
  <si>
    <t>kot bawa</t>
  </si>
  <si>
    <t>GHS SAROBA</t>
  </si>
  <si>
    <t>SAROBA</t>
  </si>
  <si>
    <t>GOVT.HIGH SCHOOL SAROBA</t>
  </si>
  <si>
    <t>19837</t>
  </si>
  <si>
    <t>GMPS DHIPHAR KAY</t>
  </si>
  <si>
    <t>Taja Bairwala</t>
  </si>
  <si>
    <t>Abadi Dapherkay  p/o bhowana</t>
  </si>
  <si>
    <t>Dapherkay</t>
  </si>
  <si>
    <t>GPS CHAK 194 RB I</t>
  </si>
  <si>
    <t>chack #194R.B chota lathianwala tehsil JARANWALA FAISALABAD</t>
  </si>
  <si>
    <t>194 RB Laithainwala</t>
  </si>
  <si>
    <t>MC Khurrainwala</t>
  </si>
  <si>
    <t>23663</t>
  </si>
  <si>
    <t>GGES DHAMONKAY</t>
  </si>
  <si>
    <t>Dhamonkey</t>
  </si>
  <si>
    <t>dhamonkey</t>
  </si>
  <si>
    <t>Ishrat Mehmoona</t>
  </si>
  <si>
    <t>31186</t>
  </si>
  <si>
    <t>GGPS MAJEED PARK SHAHDRA</t>
  </si>
  <si>
    <t>majeed park shahdara town lhr</t>
  </si>
  <si>
    <t>GPS ASIF ABAD</t>
  </si>
  <si>
    <t>Asif abad near kath mor</t>
  </si>
  <si>
    <t>Sharaf Din</t>
  </si>
  <si>
    <t>GGHS CHAK NO. 13</t>
  </si>
  <si>
    <t>CHAK NO. 13</t>
  </si>
  <si>
    <t>GOVT GIRLS HIGH SCHOOL CHAK NO. 13 TEH &amp; DISTT MANDI BAHAUDDIN</t>
  </si>
  <si>
    <t>Nuzhat Ambreen</t>
  </si>
  <si>
    <t>GES ISMAIL WALA</t>
  </si>
  <si>
    <t>Churata Kothaibat</t>
  </si>
  <si>
    <t>chah ismail Wala Churata Kothaibat</t>
  </si>
  <si>
    <t>Kothaibat</t>
  </si>
  <si>
    <t>GGHS QAZI HUSSAINI</t>
  </si>
  <si>
    <t>Garhmahal</t>
  </si>
  <si>
    <t>vpo garhmahal village qazi hussaini</t>
  </si>
  <si>
    <t>Qazi Hussaini</t>
  </si>
  <si>
    <t>Garhmahql</t>
  </si>
  <si>
    <t>Nighat Raj</t>
  </si>
  <si>
    <t>35407</t>
  </si>
  <si>
    <t>GMPS CHAK NO. 223 / EB</t>
  </si>
  <si>
    <t>223/eb</t>
  </si>
  <si>
    <t>GMPS Chak # 223/E.B. Teh. Burewala Distt. Vehari</t>
  </si>
  <si>
    <t>Chak # 223/EB</t>
  </si>
  <si>
    <t>Noreen Asghar</t>
  </si>
  <si>
    <t>52292</t>
  </si>
  <si>
    <t>GES JHUGHIAN MAROOK</t>
  </si>
  <si>
    <t>Jhugian Mehrook</t>
  </si>
  <si>
    <t>Jhugian Mehrook Hujra Shah Muqeem Tehseel Depal Pur Okara</t>
  </si>
  <si>
    <t>Bhon manzabta</t>
  </si>
  <si>
    <t>GGPS tahli wala</t>
  </si>
  <si>
    <t>Tahlewala</t>
  </si>
  <si>
    <t>Kamalpurjatyal</t>
  </si>
  <si>
    <t>GPS KOT JANDU</t>
  </si>
  <si>
    <t>Kot jandu</t>
  </si>
  <si>
    <t>mochiwala tehsil jatoi district Muzaffargarh</t>
  </si>
  <si>
    <t>Muhammad Naqash</t>
  </si>
  <si>
    <t>GPS PIR SUKHA</t>
  </si>
  <si>
    <t>Jass</t>
  </si>
  <si>
    <t>Mauza Jass Tehsil Kahror Pacca District Lodhran</t>
  </si>
  <si>
    <t>Syed Amjad Ali Shah</t>
  </si>
  <si>
    <t>29199</t>
  </si>
  <si>
    <t>GPS HAVELI NATHU WALI</t>
  </si>
  <si>
    <t>Haveli Natho Wali</t>
  </si>
  <si>
    <t>haveli Natho wali p/o Qadiwind kasur</t>
  </si>
  <si>
    <t>19861</t>
  </si>
  <si>
    <t>GGPS CHAK NO 185 JB</t>
  </si>
  <si>
    <t>Bhuttay</t>
  </si>
  <si>
    <t>Chak no 185 jb bhuttay</t>
  </si>
  <si>
    <t>Chak no 185 jb</t>
  </si>
  <si>
    <t>GES 126/9-L</t>
  </si>
  <si>
    <t>126/9L</t>
  </si>
  <si>
    <t>chak no. 126/9L sahiwal</t>
  </si>
  <si>
    <t>Mohammad Yaseen Raza</t>
  </si>
  <si>
    <t>GGPS DUPREE</t>
  </si>
  <si>
    <t>Dupri</t>
  </si>
  <si>
    <t>ggps dupri</t>
  </si>
  <si>
    <t>Duberan Khurd</t>
  </si>
  <si>
    <t>Andleeb Rashid</t>
  </si>
  <si>
    <t>37068</t>
  </si>
  <si>
    <t>GGHS HASSAN MODEL, COLONY NO.3 KHANEWAL</t>
  </si>
  <si>
    <t>khanewal</t>
  </si>
  <si>
    <t>gghs hassan model col#3 kwl</t>
  </si>
  <si>
    <t>col3kwl</t>
  </si>
  <si>
    <t>GHS KOT KHAIRA JHANG</t>
  </si>
  <si>
    <t>Mouza Kot Khaira Jhang</t>
  </si>
  <si>
    <t>Ghulam Jilane</t>
  </si>
  <si>
    <t>14922</t>
  </si>
  <si>
    <t>GPS CHAK 194 RB II</t>
  </si>
  <si>
    <t>194rblathianwala</t>
  </si>
  <si>
    <t>38256</t>
  </si>
  <si>
    <t>Basti Pipli Mouza Pipli Tehseel Kahror Pacca district Lodhran</t>
  </si>
  <si>
    <t>GGES CHAH MASOORI WALA</t>
  </si>
  <si>
    <t>chah Masoori Wala chabri bala</t>
  </si>
  <si>
    <t>Chah Masoori Wala</t>
  </si>
  <si>
    <t>Shagufta Ambreen</t>
  </si>
  <si>
    <t>GMES CHAK NO 202 JB</t>
  </si>
  <si>
    <t>GOVERNMENTMODELELEMENTRYSCHOOLCHAKNO#202J.B TEHSIL BHOWANA DISTRICT CHINIOT.</t>
  </si>
  <si>
    <t>Chak NO #202</t>
  </si>
  <si>
    <t>BALOAWANA</t>
  </si>
  <si>
    <t>GPS CHAK 206 RB I</t>
  </si>
  <si>
    <t>Munshiwala</t>
  </si>
  <si>
    <t>chack no 206/R.B</t>
  </si>
  <si>
    <t>Chack No 205</t>
  </si>
  <si>
    <t>Dilshad Kausar</t>
  </si>
  <si>
    <t>GGPS ARJANI WALA NO.1 SARAI SIDHU</t>
  </si>
  <si>
    <t>Arjani</t>
  </si>
  <si>
    <t>G g  p s Arjaniwala no1</t>
  </si>
  <si>
    <t>Kho Mahabtwala</t>
  </si>
  <si>
    <t>Kot GoharMuhamad</t>
  </si>
  <si>
    <t>GES 102/9-L</t>
  </si>
  <si>
    <t>GES 102/ 9.L Sahiwal</t>
  </si>
  <si>
    <t>102/9l</t>
  </si>
  <si>
    <t>52354</t>
  </si>
  <si>
    <t>GGES DEPALPUR NO 2</t>
  </si>
  <si>
    <t>GGE/S no 2 depalpur</t>
  </si>
  <si>
    <t>Depalpur City</t>
  </si>
  <si>
    <t>Nasreen Khalid</t>
  </si>
  <si>
    <t>GHS HABIB</t>
  </si>
  <si>
    <t>moza habib jhang</t>
  </si>
  <si>
    <t>GHS CHAK 8 JB FSD</t>
  </si>
  <si>
    <t>Punjgarain</t>
  </si>
  <si>
    <t>Govt High School 8JB Fsd</t>
  </si>
  <si>
    <t>8JB</t>
  </si>
  <si>
    <t>6JB</t>
  </si>
  <si>
    <t>GGES ARABIA ISLAMIA</t>
  </si>
  <si>
    <t>Chungi No 5</t>
  </si>
  <si>
    <t>Chungi no 5 Burewala.</t>
  </si>
  <si>
    <t>GPS CHAK 629 GB</t>
  </si>
  <si>
    <t>Chak No 629 GB Waseeran, Jaranwala</t>
  </si>
  <si>
    <t>Chak No 629 GB Jaranwala</t>
  </si>
  <si>
    <t>52398</t>
  </si>
  <si>
    <t>rasool Pur, mandi Ahmad Abad, okara</t>
  </si>
  <si>
    <t>Permanand</t>
  </si>
  <si>
    <t>Amjad Ali Shah</t>
  </si>
  <si>
    <t>GPS MALI SINGH</t>
  </si>
  <si>
    <t>Mali Singh</t>
  </si>
  <si>
    <t>Mali singh</t>
  </si>
  <si>
    <t>Kandowal Sarahy</t>
  </si>
  <si>
    <t>M Mazher Iqbal</t>
  </si>
  <si>
    <t>GGPS KOT BHATIAN</t>
  </si>
  <si>
    <t>kot bhattian</t>
  </si>
  <si>
    <t>Depalpur No3</t>
  </si>
  <si>
    <t>GPS 568 GB II</t>
  </si>
  <si>
    <t>568gb 2nd</t>
  </si>
  <si>
    <t>568gb</t>
  </si>
  <si>
    <t>569gb</t>
  </si>
  <si>
    <t>Muhammad ayub khan</t>
  </si>
  <si>
    <t>GGPS CHAK 126 GB JARANWALA</t>
  </si>
  <si>
    <t>126gb</t>
  </si>
  <si>
    <t>Chak 61gb</t>
  </si>
  <si>
    <t>tasleem kousar</t>
  </si>
  <si>
    <t>GHS MC MILLAT COLONY FSD</t>
  </si>
  <si>
    <t>Millat Colony, Samundari Road, Faisalabad</t>
  </si>
  <si>
    <t>SHAHID MAHMOOD IJAZ</t>
  </si>
  <si>
    <t>GHSS CHAK 66 JB THIKRIWALA FSD</t>
  </si>
  <si>
    <t>Chak No. 66/JB Dhandra</t>
  </si>
  <si>
    <t>Chak No. 66/JB Dhandra Teh &amp; Distt Faisalabad</t>
  </si>
  <si>
    <t>GGHS 276/JB</t>
  </si>
  <si>
    <t>276 JB Faisalabad</t>
  </si>
  <si>
    <t>GGHS 276 JB Faisalabad</t>
  </si>
  <si>
    <t>Dandaywal</t>
  </si>
  <si>
    <t>275 JB Pensra</t>
  </si>
  <si>
    <t>Azra Dar</t>
  </si>
  <si>
    <t>Water with payment</t>
  </si>
  <si>
    <t>GHS NEW MODEL GHULAM MUHAMMAD ABAD</t>
  </si>
  <si>
    <t>Chak 279 Rb</t>
  </si>
  <si>
    <t>Adam Chowk ghulam Muhammad abad</t>
  </si>
  <si>
    <t>Adam Chowk</t>
  </si>
  <si>
    <t>Rab Shah cho wk</t>
  </si>
  <si>
    <t>GES 6 JB WEST</t>
  </si>
  <si>
    <t>chak no 6 jb west</t>
  </si>
  <si>
    <t>6jb W</t>
  </si>
  <si>
    <t>Chak 6 Jb E</t>
  </si>
  <si>
    <t>ABID ZIA</t>
  </si>
  <si>
    <t>GGHS MUSLIM, EID GAH ROAD FAISLABAD</t>
  </si>
  <si>
    <t>eidgah road</t>
  </si>
  <si>
    <t>GGHS MUSLIM EIDGAH ROAD</t>
  </si>
  <si>
    <t>najma naheed</t>
  </si>
  <si>
    <t>GGES MEEROWAL</t>
  </si>
  <si>
    <t>Meerowal</t>
  </si>
  <si>
    <t>meerowal tehsil muridky dist skp</t>
  </si>
  <si>
    <t>Tayyba Kiran</t>
  </si>
  <si>
    <t>20255</t>
  </si>
  <si>
    <t>GGPS CHAH BHUTIAN WALA</t>
  </si>
  <si>
    <t>chah bhutian wala</t>
  </si>
  <si>
    <t>Chah Bhutian Wala</t>
  </si>
  <si>
    <t>GES MOORH CHAK 48/RB</t>
  </si>
  <si>
    <t>Moor 48 r/b</t>
  </si>
  <si>
    <t>GES Moor chak#48 r/b TEH: Shahkot Distt: Nankana Sahib</t>
  </si>
  <si>
    <t>Moor Chak no 48r/b</t>
  </si>
  <si>
    <t>Kariwala Chak 49 r/b</t>
  </si>
  <si>
    <t>GPS NOOR PUR VIRKAN</t>
  </si>
  <si>
    <t>GPS Noor pur virkan</t>
  </si>
  <si>
    <t>Sajjad Akhtar</t>
  </si>
  <si>
    <t>GES SAHNKAY</t>
  </si>
  <si>
    <t>p o box pipnakha village sahankay</t>
  </si>
  <si>
    <t>Muhammad Daud</t>
  </si>
  <si>
    <t>GGHS BADO MALHI 113 RB</t>
  </si>
  <si>
    <t>Badomalhi Chak  no 113</t>
  </si>
  <si>
    <t>badomalhi chak no 113</t>
  </si>
  <si>
    <t>Samera Saif</t>
  </si>
  <si>
    <t>GGES KHANGARH</t>
  </si>
  <si>
    <t>gt road khan garh</t>
  </si>
  <si>
    <t>Fouzia Ejaz</t>
  </si>
  <si>
    <t>MUHAMMAD YOUSAF ABID</t>
  </si>
  <si>
    <t>GES HARAPPA CITY</t>
  </si>
  <si>
    <t>ges harappa city</t>
  </si>
  <si>
    <t>Husnain Akbar Saijd</t>
  </si>
  <si>
    <t>GPS THATHI KALSAN</t>
  </si>
  <si>
    <t>Thathi Kalasan</t>
  </si>
  <si>
    <t>Thatti Kalasan Tehsil Renala Khurd District Okara</t>
  </si>
  <si>
    <t>Thatti Kalasan</t>
  </si>
  <si>
    <t>L plot F</t>
  </si>
  <si>
    <t>Muhammad Riaz Qasim</t>
  </si>
  <si>
    <t>GGES CHAK NO 487 JB</t>
  </si>
  <si>
    <t>Chak No 487 Jb</t>
  </si>
  <si>
    <t>chak no 487 jb tehsil shorkot jhang</t>
  </si>
  <si>
    <t>GPS ZOUR KOT</t>
  </si>
  <si>
    <t>zourkot</t>
  </si>
  <si>
    <t>basti mian</t>
  </si>
  <si>
    <t>Gulbaz Khan</t>
  </si>
  <si>
    <t>GGPS CHAK NO 24 MB</t>
  </si>
  <si>
    <t>chak 24 mb</t>
  </si>
  <si>
    <t>chak no 24 mb</t>
  </si>
  <si>
    <t>chak 24mb</t>
  </si>
  <si>
    <t>Saba Fatima</t>
  </si>
  <si>
    <t>33538</t>
  </si>
  <si>
    <t>GGPS CHARWIND</t>
  </si>
  <si>
    <t>Charwind  chak no 111rb teh sangla hill district nankana sahib</t>
  </si>
  <si>
    <t>Manzoor Kausar</t>
  </si>
  <si>
    <t>20918</t>
  </si>
  <si>
    <t>20982</t>
  </si>
  <si>
    <t>GPS RAM GHUAR</t>
  </si>
  <si>
    <t>ramgarh wazirabad</t>
  </si>
  <si>
    <t>Hafiz Asif Usman Khalid</t>
  </si>
  <si>
    <t>GPS BASTI RUG</t>
  </si>
  <si>
    <t>GPS basti rug</t>
  </si>
  <si>
    <t>54690</t>
  </si>
  <si>
    <t>GPS REHAN WALA</t>
  </si>
  <si>
    <t>rehanwala</t>
  </si>
  <si>
    <t>village rehan wala p.o box  mandi faiz abad NNS</t>
  </si>
  <si>
    <t>Ghulam Yassin</t>
  </si>
  <si>
    <t>51054</t>
  </si>
  <si>
    <t>GGPS 88-A/6-R RATI TIBI</t>
  </si>
  <si>
    <t>88-A/6R</t>
  </si>
  <si>
    <t>CHAK 88A/6R, RATI TIBI</t>
  </si>
  <si>
    <t>88A/6R RATI TIBI</t>
  </si>
  <si>
    <t>sanilah anbreen</t>
  </si>
  <si>
    <t>GGPS JAGAN DEH</t>
  </si>
  <si>
    <t>Jagan Deh</t>
  </si>
  <si>
    <t>moza jagan deh</t>
  </si>
  <si>
    <t>Shahnaz bibi</t>
  </si>
  <si>
    <t>39335</t>
  </si>
  <si>
    <t>GGPS DHOK SULEMAN</t>
  </si>
  <si>
    <t>ggps dk suleman</t>
  </si>
  <si>
    <t>Dk Suleman</t>
  </si>
  <si>
    <t>GGPS HERVANCE PUR</t>
  </si>
  <si>
    <t>Harvaincepor</t>
  </si>
  <si>
    <t>village harvaincepor tehsil pasrur distt sialkot</t>
  </si>
  <si>
    <t>Naseeran Bibi</t>
  </si>
  <si>
    <t>GGHS BHAGWAL AWAN</t>
  </si>
  <si>
    <t>Govt  Girls High school Bhagwal Awan sialkot</t>
  </si>
  <si>
    <t>GGES BUA</t>
  </si>
  <si>
    <t>Rashida Yousuf</t>
  </si>
  <si>
    <t>46512</t>
  </si>
  <si>
    <t>GPS DERA KALWAL</t>
  </si>
  <si>
    <t>Dera khidral</t>
  </si>
  <si>
    <t>GGHSS PAF COLONY MIANWALI</t>
  </si>
  <si>
    <t>gghss paf Colony mianwali</t>
  </si>
  <si>
    <t>GGCMS KATHAR</t>
  </si>
  <si>
    <t>GGCMS kathar</t>
  </si>
  <si>
    <t>GGES 74/10-R, KHANEWAL</t>
  </si>
  <si>
    <t>74/10-r Khanewal</t>
  </si>
  <si>
    <t>chak74/10-r,khanewal</t>
  </si>
  <si>
    <t>Chak74/10-r</t>
  </si>
  <si>
    <t>Noreen Sadaf</t>
  </si>
  <si>
    <t>GPS SIKNDAR PUR</t>
  </si>
  <si>
    <t>Sikandar pur</t>
  </si>
  <si>
    <t>GGPS ROSHAN PURA</t>
  </si>
  <si>
    <t>roshanpura. m b din</t>
  </si>
  <si>
    <t>Roshanpura</t>
  </si>
  <si>
    <t>Ward 32</t>
  </si>
  <si>
    <t>Naiyla Ahmed</t>
  </si>
  <si>
    <t>GGPS CHAK NO.416/TDA</t>
  </si>
  <si>
    <t>GGES WAZIRA WIRKAN</t>
  </si>
  <si>
    <t>Wazira VIRKAN</t>
  </si>
  <si>
    <t>Wazira virkan Sheikhupura</t>
  </si>
  <si>
    <t>Wazira Virkan</t>
  </si>
  <si>
    <t>Shakila Noor</t>
  </si>
  <si>
    <t>GGPS CHAK 352 GB LUNDIANWALA</t>
  </si>
  <si>
    <t>Samo Di Jhok</t>
  </si>
  <si>
    <t>ggps352gb</t>
  </si>
  <si>
    <t>147 Gb</t>
  </si>
  <si>
    <t>Shumaila Muhammad Ali</t>
  </si>
  <si>
    <t>GGPS SIAL WALA</t>
  </si>
  <si>
    <t>chak no 612tda</t>
  </si>
  <si>
    <t>Basheer Kot</t>
  </si>
  <si>
    <t>Sadia Samreen</t>
  </si>
  <si>
    <t>48677</t>
  </si>
  <si>
    <t>GGPS AMRA</t>
  </si>
  <si>
    <t>amra bhera</t>
  </si>
  <si>
    <t>Amra</t>
  </si>
  <si>
    <t>Fateh Gher</t>
  </si>
  <si>
    <t>Aumber Pervaiz</t>
  </si>
  <si>
    <t>GHS PANWAN 176 RB</t>
  </si>
  <si>
    <t>176 Chak</t>
  </si>
  <si>
    <t>Chak No 176RB Panwan</t>
  </si>
  <si>
    <t>chak no 176RB Panwan</t>
  </si>
  <si>
    <t>38672</t>
  </si>
  <si>
    <t>GGPS MANJHA KOTLA</t>
  </si>
  <si>
    <t>Manjha Kotla</t>
  </si>
  <si>
    <t>mouza manjha kotla basti shoor kot</t>
  </si>
  <si>
    <t>Ladhha Bohar</t>
  </si>
  <si>
    <t>Nuzhat Majeed</t>
  </si>
  <si>
    <t>GPS 12/D, P/O DARKHANA, ABDUL HAKIM</t>
  </si>
  <si>
    <t>12 D</t>
  </si>
  <si>
    <t>mouza 12 D</t>
  </si>
  <si>
    <t>Abdulghafoor</t>
  </si>
  <si>
    <t>26752</t>
  </si>
  <si>
    <t>GGES FATOWAL SALARIAN</t>
  </si>
  <si>
    <t>Fatowal sulehrian</t>
  </si>
  <si>
    <t>village Fatowal p o dhudu chack Tahsil shakargarh District Narowal</t>
  </si>
  <si>
    <t>Fatowal</t>
  </si>
  <si>
    <t>Dhuduchack 84</t>
  </si>
  <si>
    <t>yasmeen arshad</t>
  </si>
  <si>
    <t>GPS MASSU WALA</t>
  </si>
  <si>
    <t>QALANDAR Wala</t>
  </si>
  <si>
    <t>p/o basira teh &amp; district Muzaffargarh</t>
  </si>
  <si>
    <t>GPS MC MODEL TOWN A FSD</t>
  </si>
  <si>
    <t>GPS MC Model Town A</t>
  </si>
  <si>
    <t>Cc2</t>
  </si>
  <si>
    <t>HINA TARIQ</t>
  </si>
  <si>
    <t>Village Maswal P/O Nachindi Teh. &amp; Distt. Chakwal</t>
  </si>
  <si>
    <t>GGPS 51/15-L, MIAN CHANNU</t>
  </si>
  <si>
    <t>51/15L</t>
  </si>
  <si>
    <t>GGPS 51/15.L Main Channun</t>
  </si>
  <si>
    <t>Umme Khansa</t>
  </si>
  <si>
    <t>GPS CHAK 136 GB I SAMUNDRI</t>
  </si>
  <si>
    <t>Baghdadpur</t>
  </si>
  <si>
    <t>chak no 136 gb l</t>
  </si>
  <si>
    <t>Chak No 136 Gb 1</t>
  </si>
  <si>
    <t>Chak 527 Gb</t>
  </si>
  <si>
    <t>Adil Ayub</t>
  </si>
  <si>
    <t>GGPS YAARAY WALA</t>
  </si>
  <si>
    <t>Yarywala</t>
  </si>
  <si>
    <t>GGPS Yary Wala</t>
  </si>
  <si>
    <t>Yary Wala</t>
  </si>
  <si>
    <t>30262</t>
  </si>
  <si>
    <t>GGES MURL MARI LAHORE CANTT</t>
  </si>
  <si>
    <t>Marl Mari</t>
  </si>
  <si>
    <t>marl Mari p.o batapur shalimar lhr</t>
  </si>
  <si>
    <t>Awan  Dhai Wala</t>
  </si>
  <si>
    <t>Tehseen Sarwar Bhatti</t>
  </si>
  <si>
    <t>GES SHADAB COLONY CHUNG LAHORE</t>
  </si>
  <si>
    <t>near post office Chung lahore</t>
  </si>
  <si>
    <t>Syed Zahid Abbas Zaidi</t>
  </si>
  <si>
    <t>GPS AHATA NAULAN</t>
  </si>
  <si>
    <t>Ahata Naulan</t>
  </si>
  <si>
    <t>ahata naulan near baggi masjid PO Syedwala Tehsil&amp;District Nankana Sb</t>
  </si>
  <si>
    <t>18104</t>
  </si>
  <si>
    <t>GGPS CHAH SUNARIAN WALA</t>
  </si>
  <si>
    <t>chah sunarian wala</t>
  </si>
  <si>
    <t>GPS CDG JIA BAGGA</t>
  </si>
  <si>
    <t>jia bagga tehsil raiwind district lahore</t>
  </si>
  <si>
    <t>GGHSS WAN RADHA RAM</t>
  </si>
  <si>
    <t>Govt Higher Secondary School Wan Radha Ram Kadur</t>
  </si>
  <si>
    <t>razia noreen</t>
  </si>
  <si>
    <t>Khanpur p/o chaqqazian</t>
  </si>
  <si>
    <t>GPS DUR HUTTA QADIR PUR RAN</t>
  </si>
  <si>
    <t>Qadir Pur Raan</t>
  </si>
  <si>
    <t>Basti Budhen Shah Qadir Pur Raan</t>
  </si>
  <si>
    <t>Basti Budhen Shah</t>
  </si>
  <si>
    <t>GGPS DEPOKEY</t>
  </si>
  <si>
    <t>GGPS depokey</t>
  </si>
  <si>
    <t>GES KHEWRA KHAS</t>
  </si>
  <si>
    <t>ges khewra khas</t>
  </si>
  <si>
    <t>MC Khewra</t>
  </si>
  <si>
    <t>Syed Amjad Hussain Naqvi</t>
  </si>
  <si>
    <t>GPS TIWANA KALAN</t>
  </si>
  <si>
    <t>GPS Tiwana Kalan</t>
  </si>
  <si>
    <t>19417</t>
  </si>
  <si>
    <t>GPS CHAK 328 JB</t>
  </si>
  <si>
    <t>Khokherki</t>
  </si>
  <si>
    <t>chak no 328JB Toba Tek Singh</t>
  </si>
  <si>
    <t>ChakNo 328 JB</t>
  </si>
  <si>
    <t>323JB Rahmat Abad</t>
  </si>
  <si>
    <t>GMPS CHAK SALAR</t>
  </si>
  <si>
    <t>Daira pur</t>
  </si>
  <si>
    <t>chah jady wala daira  pur</t>
  </si>
  <si>
    <t>Chah Jady Wala</t>
  </si>
  <si>
    <t>Saeeda begum</t>
  </si>
  <si>
    <t>37475</t>
  </si>
  <si>
    <t>GGHS 98/15-L, MIAN CHANNU</t>
  </si>
  <si>
    <t>98 15L</t>
  </si>
  <si>
    <t>chak no 98/15L mian channu</t>
  </si>
  <si>
    <t>Chak No 98 15L</t>
  </si>
  <si>
    <t>Maryam munir</t>
  </si>
  <si>
    <t>1.23063e+006</t>
  </si>
  <si>
    <t>GPS MATMAL</t>
  </si>
  <si>
    <t>Village Matmal PO Lak Tehsil Phalia Distt M B Din</t>
  </si>
  <si>
    <t>Zulqarnain Ali</t>
  </si>
  <si>
    <t>42042</t>
  </si>
  <si>
    <t>GGHS GHARI AFGHANAN</t>
  </si>
  <si>
    <t>VILLAGE AND PO GARHI AFGHANAN</t>
  </si>
  <si>
    <t>ANEESA KHANAM</t>
  </si>
  <si>
    <t>GHS CHAK 447 GB SAMUNDRI FSD</t>
  </si>
  <si>
    <t>CHAK NO 447 G.B</t>
  </si>
  <si>
    <t>CHAK NO 447 GB</t>
  </si>
  <si>
    <t>CHAK NO 448 G.B</t>
  </si>
  <si>
    <t>MUHAMMAD ASHRAF SALEH</t>
  </si>
  <si>
    <t>GPS MUSTAQEEM MAHMONKA P/O PAKPATTAN</t>
  </si>
  <si>
    <t>Mustaqeem Mahmonka</t>
  </si>
  <si>
    <t>GGHS WALI PUR BORA 175/RB</t>
  </si>
  <si>
    <t>Walipurbura</t>
  </si>
  <si>
    <t>gghswalipurbora chak no 175</t>
  </si>
  <si>
    <t>Walipurbora</t>
  </si>
  <si>
    <t>najma miraj</t>
  </si>
  <si>
    <t>43662</t>
  </si>
  <si>
    <t>GGHS NO. 2 TALAGANG</t>
  </si>
  <si>
    <t>NEAR OLD THANA SADAR TALAGANG GHARAB</t>
  </si>
  <si>
    <t>GHARAB</t>
  </si>
  <si>
    <t>RUKHSANA RAZA</t>
  </si>
  <si>
    <t>GGPS THATA SYEDAN</t>
  </si>
  <si>
    <t>Thatha Syedan</t>
  </si>
  <si>
    <t>GGHS CHAK NO. 224/ TDA</t>
  </si>
  <si>
    <t>224/tda</t>
  </si>
  <si>
    <t>GGPS BARIAN WALA</t>
  </si>
  <si>
    <t>Village Bahrianwala p/o Jeeta sheikhupura</t>
  </si>
  <si>
    <t>GGCMS BHAGWAL AWAN</t>
  </si>
  <si>
    <t>Bhagwal Awan district and Tehsil Sialkot</t>
  </si>
  <si>
    <t>43053</t>
  </si>
  <si>
    <t>Baroota</t>
  </si>
  <si>
    <t>moza baroota p.o samote tehsil kallar syedan distt rwp</t>
  </si>
  <si>
    <t>Sobia bibi</t>
  </si>
  <si>
    <t>GHS MUSA KALAN</t>
  </si>
  <si>
    <t>Musa Kalan</t>
  </si>
  <si>
    <t>village musa kalan p,o kot sher muhammad tehsil phalia distt m.b.din.</t>
  </si>
  <si>
    <t>29044</t>
  </si>
  <si>
    <t>GHS KHAARA</t>
  </si>
  <si>
    <t>GOVT. HIGH SCHOOL KHARA KASUR</t>
  </si>
  <si>
    <t>GPS ASHRAF COLONY GOJRA WARD NO. 13</t>
  </si>
  <si>
    <t>shah abad colony gojra</t>
  </si>
  <si>
    <t>371 Jb</t>
  </si>
  <si>
    <t>GES 205/GB</t>
  </si>
  <si>
    <t>Chak No 205 GB</t>
  </si>
  <si>
    <t>chak no 205 gb</t>
  </si>
  <si>
    <t>GHS MC SATELLITE TOWN</t>
  </si>
  <si>
    <t>GHS MC SATELLITE TOWN  RWP</t>
  </si>
  <si>
    <t>GGHS MUSLIM NAROWAL</t>
  </si>
  <si>
    <t>GGHS BALRIA</t>
  </si>
  <si>
    <t>Balria</t>
  </si>
  <si>
    <t>village Balria Po Hanesar, tehsil kahuta district rwp</t>
  </si>
  <si>
    <t>FARZANA KHATOON</t>
  </si>
  <si>
    <t>GGPS GHALABKAY</t>
  </si>
  <si>
    <t>Ghalabke</t>
  </si>
  <si>
    <t>vpo ghalabky tehsil daka</t>
  </si>
  <si>
    <t>Ghalabkay</t>
  </si>
  <si>
    <t>Aisha</t>
  </si>
  <si>
    <t>GGES CHAH KAMAY WALA</t>
  </si>
  <si>
    <t>govt girls elementary school chah kamay wala</t>
  </si>
  <si>
    <t>Chah Kamay Wala</t>
  </si>
  <si>
    <t>Farah Asad</t>
  </si>
  <si>
    <t>GGES CHAK NO 232 RB RISALE WALA</t>
  </si>
  <si>
    <t>232 Rb Resaly Wala</t>
  </si>
  <si>
    <t>232 rb resaly Wala</t>
  </si>
  <si>
    <t>232rb Resaly Wala</t>
  </si>
  <si>
    <t>231 Rb Resaly Wala</t>
  </si>
  <si>
    <t>Abaida Nasreen</t>
  </si>
  <si>
    <t>39254</t>
  </si>
  <si>
    <t>GGHS MAGHIAN</t>
  </si>
  <si>
    <t>VPO Maghian</t>
  </si>
  <si>
    <t>Hina Shireen</t>
  </si>
  <si>
    <t>GPS MC SHER SINGH WALLA FSD</t>
  </si>
  <si>
    <t>Sher Singh Wala Fsd</t>
  </si>
  <si>
    <t>219 RB Sher Singh Wala fsd.</t>
  </si>
  <si>
    <t>219 Rb</t>
  </si>
  <si>
    <t>Filter water</t>
  </si>
  <si>
    <t>39849</t>
  </si>
  <si>
    <t>GGHS PIND MEHRI</t>
  </si>
  <si>
    <t>post office village pind mehri tehsil hassan abdal district attock</t>
  </si>
  <si>
    <t>GGHSS AJNAIN WALA</t>
  </si>
  <si>
    <t>GGHSS AJNIANWALA</t>
  </si>
  <si>
    <t>TAHIRA YOUSAF KHARAL</t>
  </si>
  <si>
    <t>GPS JANNI SHAH WALA</t>
  </si>
  <si>
    <t>Basti Niaz Abad Near Pull dhamakki Multan Road Mailsi</t>
  </si>
  <si>
    <t>Basti Niaz Abad</t>
  </si>
  <si>
    <t>Muhammad Asim Javed</t>
  </si>
  <si>
    <t>37773</t>
  </si>
  <si>
    <t>GES JAHANIAN NO.3 JAHANIAN</t>
  </si>
  <si>
    <t>Block no. 1 Jahanian</t>
  </si>
  <si>
    <t>36439</t>
  </si>
  <si>
    <t>GGPS KOT GHULAM QADIR</t>
  </si>
  <si>
    <t>kot Ghulam Qadir  P/O Luddan District Vehari</t>
  </si>
  <si>
    <t>GGHS MAHRA</t>
  </si>
  <si>
    <t>GOVT. GIRLS HIGH SCHOOL MAHRA MUZAFFARGARH</t>
  </si>
  <si>
    <t>NAHID FIRDOUS</t>
  </si>
  <si>
    <t>33768</t>
  </si>
  <si>
    <t>GPS KOTLA WARIS SHAH</t>
  </si>
  <si>
    <t>Tindni</t>
  </si>
  <si>
    <t>GPS kotla waris shah Jameel Abad multan</t>
  </si>
  <si>
    <t>Saddique Colony</t>
  </si>
  <si>
    <t>GGHS RASOOL PUR CHAK 14</t>
  </si>
  <si>
    <t>JAMAT PURA</t>
  </si>
  <si>
    <t>GGHS RASOOLPUR CHAK-14 KASUR</t>
  </si>
  <si>
    <t>RASOOLPUR  Kasur</t>
  </si>
  <si>
    <t>BHADAR Pura</t>
  </si>
  <si>
    <t>Huma Arjumand</t>
  </si>
  <si>
    <t>GPS KALAIR UNCHA</t>
  </si>
  <si>
    <t>kalair uncha teh wazirabad distt gujranwala</t>
  </si>
  <si>
    <t>GPS 34/14-L</t>
  </si>
  <si>
    <t>34/14L</t>
  </si>
  <si>
    <t>Chak no 31/14'L</t>
  </si>
  <si>
    <t>34/14 L</t>
  </si>
  <si>
    <t>Chak no 31/14L</t>
  </si>
  <si>
    <t>GPS DULHAL</t>
  </si>
  <si>
    <t>Dulhal</t>
  </si>
  <si>
    <t>V.P.O. DULHAL. Tehsil Fateh Jang. District Attock</t>
  </si>
  <si>
    <t>GPS CHHOI GUJRAN</t>
  </si>
  <si>
    <t>Chhoi Gujran</t>
  </si>
  <si>
    <t>vill Chhoi Gujran p.o pind swikka the.&amp; distt.jhelum</t>
  </si>
  <si>
    <t>Rashad Nawaz</t>
  </si>
  <si>
    <t>GGPS KOTLA MUSLIM</t>
  </si>
  <si>
    <t>LMQ road kjhushal Coloney Multan</t>
  </si>
  <si>
    <t>Wapda Coloney</t>
  </si>
  <si>
    <t>Bhootan Pura</t>
  </si>
  <si>
    <t>Bhootan pura. kot radha kishen. district kasur</t>
  </si>
  <si>
    <t>Pemar Uttar</t>
  </si>
  <si>
    <t>Samina Khursheed</t>
  </si>
  <si>
    <t>GGPS ALI PUR SYEDAN</t>
  </si>
  <si>
    <t>Alli Pur Sayyadan</t>
  </si>
  <si>
    <t>Alli pur sayyadan</t>
  </si>
  <si>
    <t>Pur Sayyadan</t>
  </si>
  <si>
    <t>Humaira Sherazi</t>
  </si>
  <si>
    <t>18614</t>
  </si>
  <si>
    <t>GPS CHAK 368 JB CHANDO BATALA</t>
  </si>
  <si>
    <t>Chando Batala</t>
  </si>
  <si>
    <t>GPS 368 Jb Tehsil Gojra</t>
  </si>
  <si>
    <t>Chak No 368 Jb</t>
  </si>
  <si>
    <t>ARSHAD MAHMOOD SHAHID</t>
  </si>
  <si>
    <t>GGHSS HASSAN ABDAL</t>
  </si>
  <si>
    <t>MOh takya near jamia masjid hassanabdal</t>
  </si>
  <si>
    <t>Moh Takya</t>
  </si>
  <si>
    <t>Hassan ABdal</t>
  </si>
  <si>
    <t>miss asia bibi</t>
  </si>
  <si>
    <t>GGPS ATTA MOHAMMAD WALA</t>
  </si>
  <si>
    <t>Swance</t>
  </si>
  <si>
    <t>dera ahmad khel post office swance teh and distt mianwali</t>
  </si>
  <si>
    <t>Shama naz</t>
  </si>
  <si>
    <t>GPS PHULO GHULLO WALA</t>
  </si>
  <si>
    <t>CHAH BAKHTAWAR WALA MAHOTA PO DULLE WALA TEHSIL DARYA KHAN DISTRICT BHAKKAR</t>
  </si>
  <si>
    <t>PHULOO GHULOO WALA</t>
  </si>
  <si>
    <t>PHULOO</t>
  </si>
  <si>
    <t>GGES CHAK NO 129 GB</t>
  </si>
  <si>
    <t>Gadda Bor</t>
  </si>
  <si>
    <t>gges 129gb</t>
  </si>
  <si>
    <t>129Gb</t>
  </si>
  <si>
    <t>JAGGAT Pur</t>
  </si>
  <si>
    <t>GGES 59/12-L</t>
  </si>
  <si>
    <t>59/12-l</t>
  </si>
  <si>
    <t>chak#59/12-l Tehsil Chichawatni District Sahiwal</t>
  </si>
  <si>
    <t>57/12-l</t>
  </si>
  <si>
    <t>52453</t>
  </si>
  <si>
    <t>GES KOT SHAH MUSHTAQ</t>
  </si>
  <si>
    <t>Kot Shah Mushtaq</t>
  </si>
  <si>
    <t>Kot Shah Mushtaq Tehsil depalpur District Okara</t>
  </si>
  <si>
    <t>GHULAM MURTAZA ABID</t>
  </si>
  <si>
    <t>GGES KOT RAMDAS</t>
  </si>
  <si>
    <t>Kot Ramdas</t>
  </si>
  <si>
    <t>village kot Ramada tehsil daska</t>
  </si>
  <si>
    <t>GGPS GARHA MORE</t>
  </si>
  <si>
    <t>ggps garhamore tehsil malsi disst vehari</t>
  </si>
  <si>
    <t>Garhamore</t>
  </si>
  <si>
    <t>shanila ashi</t>
  </si>
  <si>
    <t>GGES MOHALLAH CHAR HUSSAIN SHAH</t>
  </si>
  <si>
    <t>Moh charh kml</t>
  </si>
  <si>
    <t>hussain shah</t>
  </si>
  <si>
    <t>Mc Kamalia</t>
  </si>
  <si>
    <t>Ishrat Naeem</t>
  </si>
  <si>
    <t>GGES MOHRA GULSHER</t>
  </si>
  <si>
    <t>Mohra Gulsher</t>
  </si>
  <si>
    <t>village mohra gulsher p/o pindi gujran tehsil district chakwal</t>
  </si>
  <si>
    <t>Jhand Khanzada</t>
  </si>
  <si>
    <t>shahida sultana</t>
  </si>
  <si>
    <t>GGES SIRAJ</t>
  </si>
  <si>
    <t>Village Sirj Tehsil &amp; District Narowal</t>
  </si>
  <si>
    <t>Gotta Fateh Garh</t>
  </si>
  <si>
    <t>GPS PUL SHAH DOULA</t>
  </si>
  <si>
    <t>Pull Shah Doola</t>
  </si>
  <si>
    <t>Pull Shah Doula</t>
  </si>
  <si>
    <t>Gunnaour</t>
  </si>
  <si>
    <t>Kabir Ahmad</t>
  </si>
  <si>
    <t>GHS JHAMRA</t>
  </si>
  <si>
    <t>ghs jhamra</t>
  </si>
  <si>
    <t>Muhammad Nasir Zaman</t>
  </si>
  <si>
    <t>GGES 370/WB</t>
  </si>
  <si>
    <t>370WB</t>
  </si>
  <si>
    <t>Chak No 370WB</t>
  </si>
  <si>
    <t>Shabana Rasheed</t>
  </si>
  <si>
    <t>GES 28/10-R, KACHA KHUH</t>
  </si>
  <si>
    <t>Chak#28/10R</t>
  </si>
  <si>
    <t>Chak # 28/10.R Post Office Chak # 28/10.R Tehsil &amp; District Khanewal</t>
  </si>
  <si>
    <t>Chak #28/10R Kacha Khuh Tehsil Khanewal District K</t>
  </si>
  <si>
    <t>Chak # 27/10R Kacha  Khuh Tehsil Khanewal District Khanewal</t>
  </si>
  <si>
    <t>Shakeel Anwar Baig</t>
  </si>
  <si>
    <t>GGPS PAKKI SHAH MARDAN</t>
  </si>
  <si>
    <t>Daudkhel paka</t>
  </si>
  <si>
    <t>GGPS new pakki shah Mardan Mianwali</t>
  </si>
  <si>
    <t>Mureed Fiza</t>
  </si>
  <si>
    <t>30985</t>
  </si>
  <si>
    <t>GGES AZIZ-I-MILLAT SANDA</t>
  </si>
  <si>
    <t>govt aziz e millat girls middle school sanda kalan lahore</t>
  </si>
  <si>
    <t>Urnban</t>
  </si>
  <si>
    <t>Nigar Sultana Bajwa</t>
  </si>
  <si>
    <t>GPS GRANG WALA P/O AYYA NAGAR KALAN</t>
  </si>
  <si>
    <t>grang wala</t>
  </si>
  <si>
    <t>grangwala</t>
  </si>
  <si>
    <t>labanwala</t>
  </si>
  <si>
    <t>Hafiz Khaliq Ur Rehman</t>
  </si>
  <si>
    <t>41425</t>
  </si>
  <si>
    <t>GGES TALOOT</t>
  </si>
  <si>
    <t>Village Ocha Tallot p/o Kundan Tehsil Murree Dist Rwp</t>
  </si>
  <si>
    <t>Ocha Tallot</t>
  </si>
  <si>
    <t>Sidra bibi</t>
  </si>
  <si>
    <t>GHS KHURA</t>
  </si>
  <si>
    <t>Khura teh noshera district Khushab</t>
  </si>
  <si>
    <t>Hafiz Muhammad Irfan</t>
  </si>
  <si>
    <t>30032</t>
  </si>
  <si>
    <t>GPS KALOO KHARA</t>
  </si>
  <si>
    <t>KALU KHARA</t>
  </si>
  <si>
    <t>Village KALU KHARA</t>
  </si>
  <si>
    <t>GGHS TAHIR MODEL GULSHAN-E-SHALIMAR HOUSING SCHEME</t>
  </si>
  <si>
    <t>madina colony  baghbanpura lhr</t>
  </si>
  <si>
    <t>madina colony</t>
  </si>
  <si>
    <t>SAYYEDA MOGHEES BUKHARI</t>
  </si>
  <si>
    <t>33958</t>
  </si>
  <si>
    <t>GES GAJJU HATTA WARD NO 1 P/O SHUJABAD</t>
  </si>
  <si>
    <t>mazoorabad  gajju hatta</t>
  </si>
  <si>
    <t>MOHAMMAD Ijaz</t>
  </si>
  <si>
    <t>34319</t>
  </si>
  <si>
    <t>GGES BASTI MALOOK</t>
  </si>
  <si>
    <t>GGESBasti Malook</t>
  </si>
  <si>
    <t>GPS 196/P</t>
  </si>
  <si>
    <t>chak No 196/p post office chak no 173/p</t>
  </si>
  <si>
    <t>Chak No 196/ P</t>
  </si>
  <si>
    <t>Waqar Yaseen</t>
  </si>
  <si>
    <t>qasim abad moza uch Gul imam</t>
  </si>
  <si>
    <t>GMPS GHOGHAN WALI</t>
  </si>
  <si>
    <t>Ghuganwali</t>
  </si>
  <si>
    <t>GMPS Ghuganwali p.o.same teh.Phalia dist. M.B.Din</t>
  </si>
  <si>
    <t>sadaf Gul</t>
  </si>
  <si>
    <t>GGPS BASTI MURAD JUTTA</t>
  </si>
  <si>
    <t>basti murad jutta p.o.box Allah yarjutta</t>
  </si>
  <si>
    <t>BastiMuradJutta</t>
  </si>
  <si>
    <t>Nagina Ashraf</t>
  </si>
  <si>
    <t>GPS CHAK 134 GB SAMUNDRI</t>
  </si>
  <si>
    <t>raast pur</t>
  </si>
  <si>
    <t>chak no 134 gb</t>
  </si>
  <si>
    <t>Chak No 134 Gb</t>
  </si>
  <si>
    <t>Rasyana</t>
  </si>
  <si>
    <t>Rashida maryam</t>
  </si>
  <si>
    <t>GPS 151 RB</t>
  </si>
  <si>
    <t>chak no  151 RB</t>
  </si>
  <si>
    <t>Chak No151 RB</t>
  </si>
  <si>
    <t>Muhammad Jamil Ahmad</t>
  </si>
  <si>
    <t>GPS BUNGA SARDAR KAHAN SINGH</t>
  </si>
  <si>
    <t>Din Pur Tehsil Pattoki District Kasur</t>
  </si>
  <si>
    <t>Muhammad Saleem Azad</t>
  </si>
  <si>
    <t>48659</t>
  </si>
  <si>
    <t>GMPS KHAWAJA SALAH</t>
  </si>
  <si>
    <t>khawaja salah</t>
  </si>
  <si>
    <t>village khawaja salah tehsil bhera district sargodha</t>
  </si>
  <si>
    <t>Rakh charagah</t>
  </si>
  <si>
    <t>farhat noreen</t>
  </si>
  <si>
    <t>GPS DHOK ABKI</t>
  </si>
  <si>
    <t>Abaki</t>
  </si>
  <si>
    <t>Gps Abaki PO Misrial Talagang</t>
  </si>
  <si>
    <t>GES GORAKH PUR</t>
  </si>
  <si>
    <t>Village Gorakhpur Adyala Road Rawalpindi</t>
  </si>
  <si>
    <t>Malik Saqib Zaman</t>
  </si>
  <si>
    <t>GGHS HARDO BOHAT</t>
  </si>
  <si>
    <t>HARDO BOHAT</t>
  </si>
  <si>
    <t>VPO HARDO BOHAT TEHSIL &amp; DISTRICT M.B Din</t>
  </si>
  <si>
    <t>CHOROND</t>
  </si>
  <si>
    <t>AYESHA ARSHAD</t>
  </si>
  <si>
    <t>WATER FILTRATION PLANT</t>
  </si>
  <si>
    <t>GHS CHAK NO. 62/D</t>
  </si>
  <si>
    <t>Chak No 62/D</t>
  </si>
  <si>
    <t>chak no 62/D pakpattan</t>
  </si>
  <si>
    <t>Chak No 62/d</t>
  </si>
  <si>
    <t>GGHS FATEH JANG NO. 1</t>
  </si>
  <si>
    <t>FATEHJANG</t>
  </si>
  <si>
    <t>NEAR POST OFFICE FATEHJANG</t>
  </si>
  <si>
    <t>RAHEELA BIBI</t>
  </si>
  <si>
    <t>GGPS DHOK TRAKHAN</t>
  </si>
  <si>
    <t>Chryan</t>
  </si>
  <si>
    <t>village chryan post office ghulara gali tehsil murre distt raealpindi</t>
  </si>
  <si>
    <t>Sidra Nizar Abbasi</t>
  </si>
  <si>
    <t>GGES BAMBOOL</t>
  </si>
  <si>
    <t>Rakh Bambool</t>
  </si>
  <si>
    <t>GGES BAMBOOL TEHSIL NOOR PUR THAL</t>
  </si>
  <si>
    <t>Sumera Irem</t>
  </si>
  <si>
    <t>GGPS DHAB KHUSHAL</t>
  </si>
  <si>
    <t>Dhab Khushal</t>
  </si>
  <si>
    <t>village dhab khushal post office dhab kalan tehsil and district chakwal</t>
  </si>
  <si>
    <t>Safia Naseem Akhtar</t>
  </si>
  <si>
    <t>GGHS PINDI UMRA</t>
  </si>
  <si>
    <t>GGHS Pindi Umra Teh: Shakargarh District. Narowal</t>
  </si>
  <si>
    <t>GGES LANGOWAL CHAK 28/RB</t>
  </si>
  <si>
    <t>G.G.E/school Longowal 28 /R.B</t>
  </si>
  <si>
    <t>Longowal Chak 28/RB</t>
  </si>
  <si>
    <t>GGES KOT NAZIR</t>
  </si>
  <si>
    <t>Kot Nazeer</t>
  </si>
  <si>
    <t>gges kot nazeer</t>
  </si>
  <si>
    <t>GGES TOOTRA</t>
  </si>
  <si>
    <t>GGES Tootra post office kaleyki Mandi tahseel o zila hafizabad</t>
  </si>
  <si>
    <t>Udoke</t>
  </si>
  <si>
    <t>Shamim Kouser</t>
  </si>
  <si>
    <t>GPS HABIB PURA</t>
  </si>
  <si>
    <t>Muhalla Habib Pura Tehsil kamoke, Gujranwala</t>
  </si>
  <si>
    <t>Habib pura</t>
  </si>
  <si>
    <t>GGES 140/10-R, JAHANIAN</t>
  </si>
  <si>
    <t>Chak No 140/10R</t>
  </si>
  <si>
    <t>chak no 140/10R jahnian district khanewal</t>
  </si>
  <si>
    <t>Sameen Anjum</t>
  </si>
  <si>
    <t>GHS WARBURTON GAON</t>
  </si>
  <si>
    <t>DR. GHULAM NABI SHAKIR</t>
  </si>
  <si>
    <t>FILTERED WATER ARRANGED BY SCHOOL</t>
  </si>
  <si>
    <t>GGPS HAVELI KARIM DAD</t>
  </si>
  <si>
    <t>Havaili Kareem  Dad</t>
  </si>
  <si>
    <t>GGPS Havaili Kareem Dad</t>
  </si>
  <si>
    <t>Havaili Kareem Dad</t>
  </si>
  <si>
    <t>Ththa Kareem Dad</t>
  </si>
  <si>
    <t>GHS GHAZI PUR</t>
  </si>
  <si>
    <t>Mouza ghazi pur  markaz zahir pir Teh. khan pur Distt. Rahim Yar Khan</t>
  </si>
  <si>
    <t>haroon ahmed</t>
  </si>
  <si>
    <t>GPS MILLAN HANS</t>
  </si>
  <si>
    <t>Millan hans</t>
  </si>
  <si>
    <t>Moza and basti millan hans lodhran</t>
  </si>
  <si>
    <t>GGPS NOSHERA NASHAIB</t>
  </si>
  <si>
    <t>basti noshera nashaib shahpur layyah</t>
  </si>
  <si>
    <t>sumreen ejaz</t>
  </si>
  <si>
    <t>GGES 426/6-R</t>
  </si>
  <si>
    <t>chak no 426/6,r .tehsel haroonabad.district bhawlngr</t>
  </si>
  <si>
    <t>Fazilat Kouser</t>
  </si>
  <si>
    <t>GMPS CHAK NO.43 NB</t>
  </si>
  <si>
    <t>43 NB</t>
  </si>
  <si>
    <t>43 n.b</t>
  </si>
  <si>
    <t>Arooj Kanwal</t>
  </si>
  <si>
    <t>17149</t>
  </si>
  <si>
    <t>GPS VIJHLANA</t>
  </si>
  <si>
    <t>Mouza vijhlana</t>
  </si>
  <si>
    <t>GPS MITHA ASSAR</t>
  </si>
  <si>
    <t>Mitha Assar</t>
  </si>
  <si>
    <t>p/o jallah jeem</t>
  </si>
  <si>
    <t>Wairsi Wahan</t>
  </si>
  <si>
    <t>Hafiz Abdulkhaliq</t>
  </si>
  <si>
    <t>33529</t>
  </si>
  <si>
    <t>GGPS RAZA ABAD</t>
  </si>
  <si>
    <t>Razabad</t>
  </si>
  <si>
    <t>Razabad sangla hill</t>
  </si>
  <si>
    <t>Aqsa Afzal</t>
  </si>
  <si>
    <t>46791</t>
  </si>
  <si>
    <t>GES JATTAN WALA</t>
  </si>
  <si>
    <t>Dalla Mir Wala</t>
  </si>
  <si>
    <t>Jattanwala p/o Makerwal Tehsil Esa khel</t>
  </si>
  <si>
    <t>Jattanwala</t>
  </si>
  <si>
    <t>RAFI UR REHMAN</t>
  </si>
  <si>
    <t>GPS PAHRIAN WALI</t>
  </si>
  <si>
    <t>Pharianwali</t>
  </si>
  <si>
    <t>village p/o pharianwali</t>
  </si>
  <si>
    <t>GMPS NUMB BUDHRIAL</t>
  </si>
  <si>
    <t>Numb Budhrial</t>
  </si>
  <si>
    <t>numb budhrial .if deal.Murree</t>
  </si>
  <si>
    <t>Aasia Naz</t>
  </si>
  <si>
    <t>GGPS 303 EB CHOPRANWALA</t>
  </si>
  <si>
    <t>Chupranwala</t>
  </si>
  <si>
    <t>chak#303/e.b chupranwala</t>
  </si>
  <si>
    <t>303/eb</t>
  </si>
  <si>
    <t>Sultana BAshir</t>
  </si>
  <si>
    <t>15713</t>
  </si>
  <si>
    <t>GHS CHAK 228 GB SAMUNDRI FSD</t>
  </si>
  <si>
    <t>Chak No 228 GB tehsil Samundri</t>
  </si>
  <si>
    <t>Chak No 228 GB</t>
  </si>
  <si>
    <t>GGES KATIMAR</t>
  </si>
  <si>
    <t>sabiha amir</t>
  </si>
  <si>
    <t>GPS KOT BISMILAH MANDI KANGAN PUR</t>
  </si>
  <si>
    <t>Mandi Kangan Pur</t>
  </si>
  <si>
    <t>Mandi Kangan pur</t>
  </si>
  <si>
    <t>Muhammad Ashiq Sajid</t>
  </si>
  <si>
    <t>GHS AHMAD NAGAR, KHANEWAL</t>
  </si>
  <si>
    <t>GOVT. HIGH SCHOOL FOR BOYS BASTI AHMAD NAGAR KHANEWAL</t>
  </si>
  <si>
    <t>50692</t>
  </si>
  <si>
    <t>GHS 100-A/6-R</t>
  </si>
  <si>
    <t>Chak No. 100-A/6-R Sahiwal</t>
  </si>
  <si>
    <t>100-A/6-R</t>
  </si>
  <si>
    <t>Chak No. 99/6-R</t>
  </si>
  <si>
    <t>MUHAMMAD SALEEM RAZA</t>
  </si>
  <si>
    <t>GGES 430 GB</t>
  </si>
  <si>
    <t>Chak No 430 GB</t>
  </si>
  <si>
    <t>Chak no 429 GB</t>
  </si>
  <si>
    <t>GPS SHADY WAL SAHWAN</t>
  </si>
  <si>
    <t>shadewal sahwan</t>
  </si>
  <si>
    <t>Shadewal Sahwan</t>
  </si>
  <si>
    <t>Marghzar Colony</t>
  </si>
  <si>
    <t>GMPS 104/10-R (QADEEM), JAHANIAN</t>
  </si>
  <si>
    <t>Govt Model Primary School 104/10r  old</t>
  </si>
  <si>
    <t>104/10r</t>
  </si>
  <si>
    <t>GPS KOT ALAM KALAN</t>
  </si>
  <si>
    <t>Kot Alam Kalan</t>
  </si>
  <si>
    <t>kot Alam kalan p/o pindibhattian distract hafizabad abad</t>
  </si>
  <si>
    <t>K hurram Chorera</t>
  </si>
  <si>
    <t>GGPS BURANA WALA</t>
  </si>
  <si>
    <t>Buranawala</t>
  </si>
  <si>
    <t>vp buranawala</t>
  </si>
  <si>
    <t>Boranawala</t>
  </si>
  <si>
    <t>Shahnaz Bi Bi</t>
  </si>
  <si>
    <t>GMPS DHUPAI</t>
  </si>
  <si>
    <t>Village Dhupai P/O  Ladha Sadha</t>
  </si>
  <si>
    <t>misbah shaheen</t>
  </si>
  <si>
    <t>GMMS DHOK SHIRAZ</t>
  </si>
  <si>
    <t>Vil&amp;Po Tamman</t>
  </si>
  <si>
    <t>Dk Sheeraz</t>
  </si>
  <si>
    <t>AKHTAR KHAN</t>
  </si>
  <si>
    <t>G ASLAM MPS MIANWAL RANJHA</t>
  </si>
  <si>
    <t>Govt  Aslam Mianwal Ranjha Tehsil &amp; District mandi bahauddin, shamali mohalla</t>
  </si>
  <si>
    <t>Hafiza Maryam Umairah</t>
  </si>
  <si>
    <t>GGPS CHAK NO.337/TDA</t>
  </si>
  <si>
    <t>Chak no 337/tda</t>
  </si>
  <si>
    <t>337/tda</t>
  </si>
  <si>
    <t>Thal Klan</t>
  </si>
  <si>
    <t>bushra nazir</t>
  </si>
  <si>
    <t>GGHS GEHLAN HITTAR</t>
  </si>
  <si>
    <t>GGHS GEHLAN HITHAR</t>
  </si>
  <si>
    <t>gehlan hithar</t>
  </si>
  <si>
    <t>GES CHAK 425 JB PRANAWALA</t>
  </si>
  <si>
    <t>Chak No 425 JB</t>
  </si>
  <si>
    <t>chak No 425 j.b</t>
  </si>
  <si>
    <t>Shahbaz Rocks</t>
  </si>
  <si>
    <t>chak no 205/wb</t>
  </si>
  <si>
    <t>basti abas nagar tehsil mailsi district vehari</t>
  </si>
  <si>
    <t>Abas Nagar</t>
  </si>
  <si>
    <t>GPS 150 RB</t>
  </si>
  <si>
    <t>Chak 150 RB, Jaranwala, Faisalabad.</t>
  </si>
  <si>
    <t>Chak No 68 RB I</t>
  </si>
  <si>
    <t>basti mohana tehsil Jatoi district muzaffar garh p/o belay wala</t>
  </si>
  <si>
    <t>GPS MC GULSHAN COLONY IQBAL TOWN FSD</t>
  </si>
  <si>
    <t>iqbal town gm abad</t>
  </si>
  <si>
    <t>Ijaz Town</t>
  </si>
  <si>
    <t>GHS CHAK 45 GB SAMUNDRI FSD</t>
  </si>
  <si>
    <t>chak no 45 gB</t>
  </si>
  <si>
    <t>chak no 45 GB samundri Faisalabad</t>
  </si>
  <si>
    <t>chak no 45 GB</t>
  </si>
  <si>
    <t>MUHAMAMD ASLAM</t>
  </si>
  <si>
    <t>GHS BAHTAR</t>
  </si>
  <si>
    <t>vill and p/o bahtar ,tehsil fateh jang, district attock</t>
  </si>
  <si>
    <t>Shoukat Baig</t>
  </si>
  <si>
    <t>10777</t>
  </si>
  <si>
    <t>GPS CHAK NO.151 TDA</t>
  </si>
  <si>
    <t>Chak # 151 TDA Layyah</t>
  </si>
  <si>
    <t>Chak # 151 TDA</t>
  </si>
  <si>
    <t>GGPS CHAK NO.90/F</t>
  </si>
  <si>
    <t>Chak 90 F</t>
  </si>
  <si>
    <t>chak 90/F</t>
  </si>
  <si>
    <t>90/F</t>
  </si>
  <si>
    <t>GGCMS GOLAKI</t>
  </si>
  <si>
    <t>vpo goleki tehsil and district gujrat</t>
  </si>
  <si>
    <t>GHSS BASHARAT CHOA SAIDEN SHAH</t>
  </si>
  <si>
    <t>basharat</t>
  </si>
  <si>
    <t>ghss basharat tehsil c s shah distt chakwal</t>
  </si>
  <si>
    <t>AMIR SULTAN</t>
  </si>
  <si>
    <t>GGHS WARBURTON GAON</t>
  </si>
  <si>
    <t>Warburton Goan</t>
  </si>
  <si>
    <t>Chao No 575 GB</t>
  </si>
  <si>
    <t>Asia Ameer</t>
  </si>
  <si>
    <t>GPS CHAK 149 RB</t>
  </si>
  <si>
    <t>Bharrolianwala</t>
  </si>
  <si>
    <t>GPS 149 RB BHARROLIANWALA tehsil jaranwala district faisalabad</t>
  </si>
  <si>
    <t>Winjwa 151 RB</t>
  </si>
  <si>
    <t>Sajid iqbal</t>
  </si>
  <si>
    <t>GGPS SULTAN PUR NO. 2</t>
  </si>
  <si>
    <t>City Alipur</t>
  </si>
  <si>
    <t>near telephone exchange road Alipur</t>
  </si>
  <si>
    <t>Municipal Committee Alipur</t>
  </si>
  <si>
    <t>Mussarat Mehmooda</t>
  </si>
  <si>
    <t>GPS BASTI MOCHI PACHAR</t>
  </si>
  <si>
    <t>Damar Wala shumali</t>
  </si>
  <si>
    <t>basti mochi pachar</t>
  </si>
  <si>
    <t>Basti Mochi Pachar</t>
  </si>
  <si>
    <t>Damar wala shumali</t>
  </si>
  <si>
    <t>Rashid Ahmed Chohan</t>
  </si>
  <si>
    <t>GGPS 18/4-L</t>
  </si>
  <si>
    <t>18/4.L</t>
  </si>
  <si>
    <t>Cantonment Board Okara Canth</t>
  </si>
  <si>
    <t>Amra Shakeela</t>
  </si>
  <si>
    <t>GGPS BASTI UMRA JUTTA</t>
  </si>
  <si>
    <t>po Allah yar juta tehsil shorkot Distt.jhang</t>
  </si>
  <si>
    <t>Umra Juta</t>
  </si>
  <si>
    <t>ASIFA SARDAR</t>
  </si>
  <si>
    <t>GPS MC FAIZABAD FSD</t>
  </si>
  <si>
    <t>faizabad st#3 Faisalabad</t>
  </si>
  <si>
    <t>GES PUNJNAD</t>
  </si>
  <si>
    <t>GES Punjnad markaz Alipur 3</t>
  </si>
  <si>
    <t>Gindora</t>
  </si>
  <si>
    <t>Ghalwan 1st</t>
  </si>
  <si>
    <t>Mahar Ghulam Akbar</t>
  </si>
  <si>
    <t>GES CHAK 323 JB I TRANDI</t>
  </si>
  <si>
    <t>chak 323 jb</t>
  </si>
  <si>
    <t>CHAK 323 JB,TTS</t>
  </si>
  <si>
    <t>Chak 328 Jb</t>
  </si>
  <si>
    <t>Tahir Mehood Sahi</t>
  </si>
  <si>
    <t>54006</t>
  </si>
  <si>
    <t>GGPS LURKEY NEMAT</t>
  </si>
  <si>
    <t>Lurkey Naimat</t>
  </si>
  <si>
    <t>lurkey naimat</t>
  </si>
  <si>
    <t>Mandian Wala</t>
  </si>
  <si>
    <t>Shazia Kauser</t>
  </si>
  <si>
    <t>GPS CHAK NO. 23/1-RB</t>
  </si>
  <si>
    <t>GPS 23/1RB</t>
  </si>
  <si>
    <t>Gps 23/1rb</t>
  </si>
  <si>
    <t>GPS MAKWAL HADEER</t>
  </si>
  <si>
    <t>basti makwal mouza makwal hadair</t>
  </si>
  <si>
    <t>Shafqat Habib</t>
  </si>
  <si>
    <t>GGPS BANDHAN WALA</t>
  </si>
  <si>
    <t>Mouza Badhanwala P/O Shair Garh Tehsil  Mailsi
District  vehari</t>
  </si>
  <si>
    <t>Samina kanwal</t>
  </si>
  <si>
    <t>GES 121 JB GHOKHUWAL FSD</t>
  </si>
  <si>
    <t>chak no 121 j.b fsd</t>
  </si>
  <si>
    <t>G Elementry  boys school 121 j.b fsd</t>
  </si>
  <si>
    <t>121 j.b fsd</t>
  </si>
  <si>
    <t>muhammad rasheed</t>
  </si>
  <si>
    <t>GGPS 192 WB</t>
  </si>
  <si>
    <t>192wb</t>
  </si>
  <si>
    <t>GPS TIBBA PAJIAN</t>
  </si>
  <si>
    <t>Tibba Pajian</t>
  </si>
  <si>
    <t>Tibba Pajian Tehsil Raiwind</t>
  </si>
  <si>
    <t>Judhu Dhir</t>
  </si>
  <si>
    <t>GPS 22/14-L</t>
  </si>
  <si>
    <t>22/14  L</t>
  </si>
  <si>
    <t>chak no 16/14 L the chichawatni Distt sahiwal</t>
  </si>
  <si>
    <t>Chao No 22/14L</t>
  </si>
  <si>
    <t>GMPS BHARAR</t>
  </si>
  <si>
    <t>Bahrar</t>
  </si>
  <si>
    <t>GMPS  Bahrar</t>
  </si>
  <si>
    <t>Bharar</t>
  </si>
  <si>
    <t>Chackramdas</t>
  </si>
  <si>
    <t>GES DHONDAY</t>
  </si>
  <si>
    <t>Govt elementry school dhonday tehsil raiwind</t>
  </si>
  <si>
    <t>Arayan</t>
  </si>
  <si>
    <t>Kot Rehmat Khan</t>
  </si>
  <si>
    <t>kot Rehmat Khan</t>
  </si>
  <si>
    <t>Kot Rehman Khan</t>
  </si>
  <si>
    <t>Madiyala Tega</t>
  </si>
  <si>
    <t>Najma Shareef</t>
  </si>
  <si>
    <t>GGES DATTAY WALI</t>
  </si>
  <si>
    <t>Datay Wali</t>
  </si>
  <si>
    <t>dattaywali</t>
  </si>
  <si>
    <t>Dattywali</t>
  </si>
  <si>
    <t>Maria Manzor</t>
  </si>
  <si>
    <t>53453</t>
  </si>
  <si>
    <t>GGES CHAK NO.39/3R</t>
  </si>
  <si>
    <t>Burj Jiwe Khan</t>
  </si>
  <si>
    <t>GHS KEERANWALA</t>
  </si>
  <si>
    <t>KEERANWALA</t>
  </si>
  <si>
    <t>Keeranwala Syedan, Mangowal west District Gujrat.</t>
  </si>
  <si>
    <t>MUHAMMAD SHAHBAZ RAFIQ</t>
  </si>
  <si>
    <t>GGPS DHOK LILA BHOUN</t>
  </si>
  <si>
    <t>Dhok Lila bhoun teh kalar kahar distt chakwal</t>
  </si>
  <si>
    <t>Ameena Imtiaz</t>
  </si>
  <si>
    <t>Khan MUHAMMAD wala  Bhakkar</t>
  </si>
  <si>
    <t>Khan MUHAMMAD WALA</t>
  </si>
  <si>
    <t>Safdar Khan</t>
  </si>
  <si>
    <t>GGPS DERA KUNDAN SINGH</t>
  </si>
  <si>
    <t>Dera Kundan Singh village Sucha soda p/o khaas district  Sheikhupura</t>
  </si>
  <si>
    <t>Dera Kundan Singh</t>
  </si>
  <si>
    <t>Ghazala Riasat</t>
  </si>
  <si>
    <t>35892</t>
  </si>
  <si>
    <t>GMPS PAHALWAN ARAIN</t>
  </si>
  <si>
    <t>Pehlwan Arain</t>
  </si>
  <si>
    <t>moza pehlwan arain</t>
  </si>
  <si>
    <t>195w/B</t>
  </si>
  <si>
    <t>GGPS DALAIL WALA</t>
  </si>
  <si>
    <t>g g p /s dalail wala</t>
  </si>
  <si>
    <t>Dalail wala</t>
  </si>
  <si>
    <t>Pirpunja</t>
  </si>
  <si>
    <t>42871</t>
  </si>
  <si>
    <t>GGHS ARAZI</t>
  </si>
  <si>
    <t>government girls high school arazi Khas</t>
  </si>
  <si>
    <t>Fouzia Naheed</t>
  </si>
  <si>
    <t>GGPS KHAI</t>
  </si>
  <si>
    <t>Govt girls p/ s Khai Tehsil Lalian District Chiniot</t>
  </si>
  <si>
    <t>Asima Siddique</t>
  </si>
  <si>
    <t>GGPS MC NO. 2 MACHINE MOHALLAH</t>
  </si>
  <si>
    <t>machine mohallah no 2 near railway hospital jhelum</t>
  </si>
  <si>
    <t>Machine Mohallah No 2 Jhelum</t>
  </si>
  <si>
    <t>44466</t>
  </si>
  <si>
    <t>GPS MARORRAN WALA</t>
  </si>
  <si>
    <t>chah marorran wala uc daggar shada tehs&amp;dist bhakkar</t>
  </si>
  <si>
    <t>Marorran Wala</t>
  </si>
  <si>
    <t>GGES CHAK 192/1 GB SAMUNDRI</t>
  </si>
  <si>
    <t>192gb Kotla</t>
  </si>
  <si>
    <t>192 GB  Tehsil Samundari district Faisalabad</t>
  </si>
  <si>
    <t>192 GB Kotla</t>
  </si>
  <si>
    <t>GPS CHAK 614 GB TANDLIANWALA</t>
  </si>
  <si>
    <t>Chak No 614 Gb</t>
  </si>
  <si>
    <t>chak no. 614 gb</t>
  </si>
  <si>
    <t>Chak No 614 G B</t>
  </si>
  <si>
    <t>Chak No 615 Gb</t>
  </si>
  <si>
    <t>GPS GHALLO KHUMBRA</t>
  </si>
  <si>
    <t>Kacha Mian Wall No2</t>
  </si>
  <si>
    <t>basti ghallo Khambra</t>
  </si>
  <si>
    <t>Basti Badrul Nisa Mazari</t>
  </si>
  <si>
    <t>Kacha Mian Wall</t>
  </si>
  <si>
    <t>Tasaduq Hussain</t>
  </si>
  <si>
    <t>GPS PENDI ESSA</t>
  </si>
  <si>
    <t>pindi essa</t>
  </si>
  <si>
    <t>mozia pindi essa</t>
  </si>
  <si>
    <t>chack no 583 gb</t>
  </si>
  <si>
    <t>faraz ajmal</t>
  </si>
  <si>
    <t>GGPS WAHEER</t>
  </si>
  <si>
    <t>pobox  waheer district khushab</t>
  </si>
  <si>
    <t>Atia Firdous</t>
  </si>
  <si>
    <t>GPS BAIT GADII</t>
  </si>
  <si>
    <t>Norasi</t>
  </si>
  <si>
    <t>markaz Bakhri Ahmad Khan</t>
  </si>
  <si>
    <t>Muhammad Salamat</t>
  </si>
  <si>
    <t>GHS 75/12/L</t>
  </si>
  <si>
    <t>75/12-L</t>
  </si>
  <si>
    <t>chak no. 75/12-L p/o same  Tehsil chichawatni District  ÃŸahiwal</t>
  </si>
  <si>
    <t>Chak No 75/12-L</t>
  </si>
  <si>
    <t>77/12-L</t>
  </si>
  <si>
    <t>GGPS BEHAK MAIKEN</t>
  </si>
  <si>
    <t>Behak Mekan</t>
  </si>
  <si>
    <t>behak mekan</t>
  </si>
  <si>
    <t>Samrah Mumtaz</t>
  </si>
  <si>
    <t>ggps saleemabad</t>
  </si>
  <si>
    <t>GPS BASTI JHANDEER</t>
  </si>
  <si>
    <t>Jhandeer Dareja gharbi</t>
  </si>
  <si>
    <t>deewan Wala mauza jhandeer dareeja gharbi uc thatha gurmani</t>
  </si>
  <si>
    <t>Deewan Wala</t>
  </si>
  <si>
    <t>50906</t>
  </si>
  <si>
    <t>GPS 67/5-L</t>
  </si>
  <si>
    <t>67/5L Khaim Kot</t>
  </si>
  <si>
    <t>Chak No.67/5.L Khaim Kot</t>
  </si>
  <si>
    <t>Chak No 73/5L</t>
  </si>
  <si>
    <t>GGPS HASIL KHAN</t>
  </si>
  <si>
    <t>Ghaddi</t>
  </si>
  <si>
    <t>Near sultania super store Dera Ghazi Khan</t>
  </si>
  <si>
    <t>sharja town</t>
  </si>
  <si>
    <t>44357</t>
  </si>
  <si>
    <t>GES RAKH MAHOTA KHANSAR</t>
  </si>
  <si>
    <t>Rakh Mahota khansar</t>
  </si>
  <si>
    <t>GES Rakh Mahota khansar 1 RMK</t>
  </si>
  <si>
    <t>1 RMK</t>
  </si>
  <si>
    <t>Mulazim Hussain Khan</t>
  </si>
  <si>
    <t>GPS CHAK 21 2L</t>
  </si>
  <si>
    <t>Govt primary school chak no 21/2L Renala khurd</t>
  </si>
  <si>
    <t>GGPS CHAK 586 GB LUNDIANWALA</t>
  </si>
  <si>
    <t>chak no 586 GB</t>
  </si>
  <si>
    <t>656/8</t>
  </si>
  <si>
    <t>Hayat Bibi</t>
  </si>
  <si>
    <t>22768</t>
  </si>
  <si>
    <t>GGPS NEW MODEL GUJRAT</t>
  </si>
  <si>
    <t>Qila Junubi Dakhi</t>
  </si>
  <si>
    <t>new model qila junubi dakhi gujrat</t>
  </si>
  <si>
    <t>Hafiza Ruqia Bashir</t>
  </si>
  <si>
    <t>GPS 225 RB III</t>
  </si>
  <si>
    <t>225 RB III</t>
  </si>
  <si>
    <t>CHAK# 225 RB III AHMAD NAGAR</t>
  </si>
  <si>
    <t>Ahmad Nagar Colony</t>
  </si>
  <si>
    <t>GGPS 84 WB</t>
  </si>
  <si>
    <t>Chak No 84/WV</t>
  </si>
  <si>
    <t>Chak No 84/WB Thesial Mailsi Vehari</t>
  </si>
  <si>
    <t>Chak No 84/WB</t>
  </si>
  <si>
    <t>Chak NO 88/WB</t>
  </si>
  <si>
    <t>GGPS GANDRA KHURD</t>
  </si>
  <si>
    <t>gandra khurd</t>
  </si>
  <si>
    <t>village gandra khurd gpo gujrat po gujrat</t>
  </si>
  <si>
    <t>madina syeda</t>
  </si>
  <si>
    <t>shakila iftikhar</t>
  </si>
  <si>
    <t>GGPS CHAK 46 JB</t>
  </si>
  <si>
    <t>chak no 46 jb</t>
  </si>
  <si>
    <t>GPS MC FAROOQ ABAD FSD</t>
  </si>
  <si>
    <t>Street no 15 mohala farooqabad fsd</t>
  </si>
  <si>
    <t>GGPS 49 JB</t>
  </si>
  <si>
    <t>Baatha</t>
  </si>
  <si>
    <t>49jb11</t>
  </si>
  <si>
    <t>Chak Battha49</t>
  </si>
  <si>
    <t>Asma Fazil</t>
  </si>
  <si>
    <t>GGPS CHAK NO. 253 RB III</t>
  </si>
  <si>
    <t>Jahanger Kalan</t>
  </si>
  <si>
    <t>253RB3Fsd</t>
  </si>
  <si>
    <t>Sabahat Shamim</t>
  </si>
  <si>
    <t>GES MC GHOUSIA CHOWK FSD</t>
  </si>
  <si>
    <t>PC 2 ghousia chowk</t>
  </si>
  <si>
    <t>GGPS CHAK NO 75 GB I</t>
  </si>
  <si>
    <t>75GB</t>
  </si>
  <si>
    <t>75GB khanuana FSD</t>
  </si>
  <si>
    <t>75GB Khanuana</t>
  </si>
  <si>
    <t>Khudian Wraich</t>
  </si>
  <si>
    <t>Nosheen Akram</t>
  </si>
  <si>
    <t>GGPS CHAHOOR MUSLIM 118</t>
  </si>
  <si>
    <t>Bhalair Chak # 119</t>
  </si>
  <si>
    <t>GGPS SAHO WALI CHAMRANGAN</t>
  </si>
  <si>
    <t>sahowali Chamrangan pasrur road sialkot</t>
  </si>
  <si>
    <t>GMPS KOT RASUL PURIAN</t>
  </si>
  <si>
    <t>Kot Rasool Purian, Wazirabad, Gujranwala</t>
  </si>
  <si>
    <t>Kot Rasool Purin</t>
  </si>
  <si>
    <t>Har do Saharan</t>
  </si>
  <si>
    <t>Ms Sayeda Zeenat Maryam</t>
  </si>
  <si>
    <t>GGPS CHAK NO. 32 MB</t>
  </si>
  <si>
    <t>32mb</t>
  </si>
  <si>
    <t>32mb teh quaidabad district khushab</t>
  </si>
  <si>
    <t>Khadija Tahira</t>
  </si>
  <si>
    <t>GGES RURIANA CHAK 31/RB</t>
  </si>
  <si>
    <t>RURIANA</t>
  </si>
  <si>
    <t>Ruriana chak no 31 Sangla hill</t>
  </si>
  <si>
    <t>Amna Saboor</t>
  </si>
  <si>
    <t>GGPS CHAH LOHARAN WALA</t>
  </si>
  <si>
    <t>Khan pur Qazi</t>
  </si>
  <si>
    <t>Basti Loharan Wala</t>
  </si>
  <si>
    <t>Neelma Anjum</t>
  </si>
  <si>
    <t>GGPS PIR ABDUL MALIK</t>
  </si>
  <si>
    <t>Pir abdul malik</t>
  </si>
  <si>
    <t>basti pir abdul malik</t>
  </si>
  <si>
    <t>Rumaisa Sajjad</t>
  </si>
  <si>
    <t>GGES ALI PUR SYEDAN</t>
  </si>
  <si>
    <t>GGES Ali Pur Syedan</t>
  </si>
  <si>
    <t>Farhela Wahid</t>
  </si>
  <si>
    <t>GPS CHAK 30 4L ALLO MAHAR</t>
  </si>
  <si>
    <t>chak#30/4L allo mahar</t>
  </si>
  <si>
    <t>29142</t>
  </si>
  <si>
    <t>GGES RAJO WAL KOHNA</t>
  </si>
  <si>
    <t>Rajowal Kohna p/o Khudian khas Tehseel &amp; District kasur</t>
  </si>
  <si>
    <t>Khai Hittar</t>
  </si>
  <si>
    <t>GPS 559 GB  II</t>
  </si>
  <si>
    <t>Chak Bhattin</t>
  </si>
  <si>
    <t>chak no 559gb jaranwalw Faisalabad</t>
  </si>
  <si>
    <t>559gb</t>
  </si>
  <si>
    <t>GMMS OBHACHRAN PO JAJJA ABBASIAN</t>
  </si>
  <si>
    <t>Kotla Modho</t>
  </si>
  <si>
    <t>Basti meer pur</t>
  </si>
  <si>
    <t>Naheed Naz</t>
  </si>
  <si>
    <t>GGPS GHAL BALIAN WALA</t>
  </si>
  <si>
    <t>ggps ghalbalianwala</t>
  </si>
  <si>
    <t>Ghalbalian wala</t>
  </si>
  <si>
    <t>Shahbaz khel</t>
  </si>
  <si>
    <t>Fakhra Yasmeem</t>
  </si>
  <si>
    <t>Chah  koray  wala sinawan kot  addu</t>
  </si>
  <si>
    <t>Koray  wala</t>
  </si>
  <si>
    <t>Daya  chokha</t>
  </si>
  <si>
    <t>Najma Jan Muhammad</t>
  </si>
  <si>
    <t>GMPS RANSIN KAY</t>
  </si>
  <si>
    <t>Ranseekay</t>
  </si>
  <si>
    <t>village ranseekay po khayian teh phalia dist m.b.din</t>
  </si>
  <si>
    <t>GPS BARNALI</t>
  </si>
  <si>
    <t>Chak Miana P O Barnali Kharian Gujarat</t>
  </si>
  <si>
    <t>GPS WALIYA WALA</t>
  </si>
  <si>
    <t>kotla maher ali</t>
  </si>
  <si>
    <t>basti waliye wala</t>
  </si>
  <si>
    <t>wlaiye wala</t>
  </si>
  <si>
    <t>Humera Ashiq</t>
  </si>
  <si>
    <t>11132</t>
  </si>
  <si>
    <t>GPS CHAK NO. 126 TDA</t>
  </si>
  <si>
    <t>Chak No 126 TDA LAYYAH</t>
  </si>
  <si>
    <t>Muhammad Manan Haider</t>
  </si>
  <si>
    <t>GHS JHANGRA</t>
  </si>
  <si>
    <t>BASTI JHANGRA P/O AALI DAHA TEHSIL &amp; District MUZAFFARGARH</t>
  </si>
  <si>
    <t>JHANGRA</t>
  </si>
  <si>
    <t>Muhammad Abdullah Raja</t>
  </si>
  <si>
    <t>GGPS LUND PUR</t>
  </si>
  <si>
    <t>lund pur</t>
  </si>
  <si>
    <t>Robina Tahira</t>
  </si>
  <si>
    <t>GES WARA GUJRAN</t>
  </si>
  <si>
    <t>Darapur Jhelum</t>
  </si>
  <si>
    <t>village Wara Gujran Post office Jamarghal Tehsile And District Jhelum</t>
  </si>
  <si>
    <t>Paras Farhad</t>
  </si>
  <si>
    <t>GMPS KAKKAY ARAIAN</t>
  </si>
  <si>
    <t>Chach Janoobi</t>
  </si>
  <si>
    <t>GGMPS KAKKAY ARAIAN</t>
  </si>
  <si>
    <t>Kakkey Araian</t>
  </si>
  <si>
    <t>Shazia Btool</t>
  </si>
  <si>
    <t>GGPS GARROKA</t>
  </si>
  <si>
    <t>Dulle Wala</t>
  </si>
  <si>
    <t>Garroka P/O dulle wala</t>
  </si>
  <si>
    <t>Shumaila Liaqat</t>
  </si>
  <si>
    <t>GGPS CHAK TALA</t>
  </si>
  <si>
    <t>Chak Tilla</t>
  </si>
  <si>
    <t>chak tilla post office tarkhana mureeda</t>
  </si>
  <si>
    <t>GGPS CHUMAR</t>
  </si>
  <si>
    <t>Chumar</t>
  </si>
  <si>
    <t>vill chumar post office jandala raika chakwal</t>
  </si>
  <si>
    <t>Hina Khawar</t>
  </si>
  <si>
    <t>GGPS 29/14-L</t>
  </si>
  <si>
    <t>29/14L</t>
  </si>
  <si>
    <t>chak no 29/14.</t>
  </si>
  <si>
    <t>29/14</t>
  </si>
  <si>
    <t>GES BASTI SIALKOT (Upgraded)</t>
  </si>
  <si>
    <t>Gudra</t>
  </si>
  <si>
    <t>Muhammad Yousuf Malik</t>
  </si>
  <si>
    <t>Sojhla Tanwari</t>
  </si>
  <si>
    <t>dera farzand sojhla tanwari</t>
  </si>
  <si>
    <t>Dera Farzand</t>
  </si>
  <si>
    <t>GGES THAKER KA MAKHNA</t>
  </si>
  <si>
    <t>Thakkar Ka Makhana</t>
  </si>
  <si>
    <t>moza thakkar ka makhana UC Jamal kot no 95</t>
  </si>
  <si>
    <t>Tahkkar Ka Makhana</t>
  </si>
  <si>
    <t>Urfa Muneer</t>
  </si>
  <si>
    <t>GGPS MEHRABDIAN PO DHODA</t>
  </si>
  <si>
    <t>Mehrabdin</t>
  </si>
  <si>
    <t>vill mehrabdin p/o dhoda</t>
  </si>
  <si>
    <t>Mehrab Din</t>
  </si>
  <si>
    <t>44678</t>
  </si>
  <si>
    <t>GGES CHAK NO 36 TDA</t>
  </si>
  <si>
    <t>Chak 36/TDA</t>
  </si>
  <si>
    <t>GGES Chak #36 / TDA Bhakkar</t>
  </si>
  <si>
    <t>14659</t>
  </si>
  <si>
    <t>GES MC JHAL KHANUANA</t>
  </si>
  <si>
    <t>JHAL KHANUANA</t>
  </si>
  <si>
    <t>224RB</t>
  </si>
  <si>
    <t>KHALSA COLLEGE</t>
  </si>
  <si>
    <t>14994</t>
  </si>
  <si>
    <t>GPS 146  GB</t>
  </si>
  <si>
    <t>chak no 146 GB tehsil jaranwala district faisalbad</t>
  </si>
  <si>
    <t>Chak No 146 Gb</t>
  </si>
  <si>
    <t>Chak No 147 Gb</t>
  </si>
  <si>
    <t>GES 164-A/9-L</t>
  </si>
  <si>
    <t>Chak164A/9L</t>
  </si>
  <si>
    <t>chak.164A/9.L</t>
  </si>
  <si>
    <t>Chak 164A/9L</t>
  </si>
  <si>
    <t>Chak 169/9L</t>
  </si>
  <si>
    <t>MUHAMMAD ZAEEM</t>
  </si>
  <si>
    <t>GPS SOSIAN</t>
  </si>
  <si>
    <t>Sosian</t>
  </si>
  <si>
    <t>village sosian p.o dhumman tehsil &amp; district Chakwal</t>
  </si>
  <si>
    <t>YASMINE IQBAL</t>
  </si>
  <si>
    <t>14656</t>
  </si>
  <si>
    <t>GES MC BABAR CHOWK ISLAMPURA</t>
  </si>
  <si>
    <t>M.c boys elementary school Islam pura wala babar chowk pc#2</t>
  </si>
  <si>
    <t>Veryam Singh Wala</t>
  </si>
  <si>
    <t>GGPS CHAK 2</t>
  </si>
  <si>
    <t>2jb</t>
  </si>
  <si>
    <t>Ramdiwali 2</t>
  </si>
  <si>
    <t>GGPS ARAIN WALA NO.2</t>
  </si>
  <si>
    <t>Pattal Ghair Mustaqil</t>
  </si>
  <si>
    <t>basti lalil wali nadz chakr darri</t>
  </si>
  <si>
    <t>Bast Lalil Wali Near Chakar Darri</t>
  </si>
  <si>
    <t>Rakhshanda naseem</t>
  </si>
  <si>
    <t>GGES CHAK 53 JB</t>
  </si>
  <si>
    <t>Sidwan</t>
  </si>
  <si>
    <t>chak no 53jb</t>
  </si>
  <si>
    <t>Chak No 53 Jb</t>
  </si>
  <si>
    <t>Mundapind</t>
  </si>
  <si>
    <t>GHS TIBBI LUNDAN</t>
  </si>
  <si>
    <t>Tibbi Lundan p/o Dajal</t>
  </si>
  <si>
    <t>Hafiz Tahir Waqas Gurmani</t>
  </si>
  <si>
    <t>GPS CHAK 50 GB SAMUNDRI</t>
  </si>
  <si>
    <t>Elestro</t>
  </si>
  <si>
    <t>chak 50 gb</t>
  </si>
  <si>
    <t>50 Gb</t>
  </si>
  <si>
    <t>228 Naradada</t>
  </si>
  <si>
    <t>Hamid Raza</t>
  </si>
  <si>
    <t>39541</t>
  </si>
  <si>
    <t>GPS NARA NO.1</t>
  </si>
  <si>
    <t>VPO Nara Teh Jand  Dist. Attock</t>
  </si>
  <si>
    <t>GPS SHAHTAJ SUGAR MILL, M.B.DIN</t>
  </si>
  <si>
    <t>Kot Nawab Shah</t>
  </si>
  <si>
    <t>basti mohany wala qasba gujrat</t>
  </si>
  <si>
    <t>Mohany Wala</t>
  </si>
  <si>
    <t>Raeesa Khatoon</t>
  </si>
  <si>
    <t>GGPS HASU WALI</t>
  </si>
  <si>
    <t>Hasuwali</t>
  </si>
  <si>
    <t>moza hasuwali tehsil shorkot</t>
  </si>
  <si>
    <t>Rukhsana Iqbal</t>
  </si>
  <si>
    <t>GPS 548 GB I</t>
  </si>
  <si>
    <t>Ckak No 548 GB tandlianwala Fsd</t>
  </si>
  <si>
    <t>Chak  No 548/1 GB</t>
  </si>
  <si>
    <t>Chak  no 548/1 GB</t>
  </si>
  <si>
    <t>MaqsoodAhmad</t>
  </si>
  <si>
    <t>41173</t>
  </si>
  <si>
    <t>GGPS BARYA</t>
  </si>
  <si>
    <t>Barya</t>
  </si>
  <si>
    <t>village Barya, Tehsil kahuta, distt rawalpendi, p /o nara</t>
  </si>
  <si>
    <t>Sanam Kauser</t>
  </si>
  <si>
    <t>GGCMS CHAK 211 GB MAMUNKANJAN</t>
  </si>
  <si>
    <t>chak#211 GB Tehsil Samundri District Faisalabad</t>
  </si>
  <si>
    <t>109/211</t>
  </si>
  <si>
    <t>That ha Bharwana moza kilianwala</t>
  </si>
  <si>
    <t>Muhammad Yasin Naz</t>
  </si>
  <si>
    <t>GGHS CHAK 658/9 GB</t>
  </si>
  <si>
    <t>Chak No 658/9 GB</t>
  </si>
  <si>
    <t>GGHS CHAK NO,658/9 GB</t>
  </si>
  <si>
    <t>CHAK NO 658/9GB</t>
  </si>
  <si>
    <t>CHAK NO 235GB</t>
  </si>
  <si>
    <t>SAMEERA TAJ</t>
  </si>
  <si>
    <t>GGES QAISER GARH</t>
  </si>
  <si>
    <t>KAISER GARH</t>
  </si>
  <si>
    <t>kaiser garh village</t>
  </si>
  <si>
    <t>Baroon Kasur</t>
  </si>
  <si>
    <t>Panwar Janobi</t>
  </si>
  <si>
    <t>basti nabi pur moza panwar janobi tehsil kot adu distt.m.garh</t>
  </si>
  <si>
    <t>Seep Saeed Khan</t>
  </si>
  <si>
    <t>GPS KOT ALLAH DAD</t>
  </si>
  <si>
    <t>kot Allah dad</t>
  </si>
  <si>
    <t>jhamra</t>
  </si>
  <si>
    <t>GES 208/GB</t>
  </si>
  <si>
    <t>kallar</t>
  </si>
  <si>
    <t>chak no 208 GB</t>
  </si>
  <si>
    <t>chak no 205 GB</t>
  </si>
  <si>
    <t>Muhammad AKMAL</t>
  </si>
  <si>
    <t>jand awan</t>
  </si>
  <si>
    <t>RIZWANA KHADIM</t>
  </si>
  <si>
    <t>GGCMES CHAK NO. 77 JB MULLANPUR</t>
  </si>
  <si>
    <t>77jb</t>
  </si>
  <si>
    <t>Sabiha Maryam</t>
  </si>
  <si>
    <t>GPS 206 GB</t>
  </si>
  <si>
    <t>Sarwali</t>
  </si>
  <si>
    <t>Chak No 206 GB</t>
  </si>
  <si>
    <t>GGPS CHAK 259 RB WAHILA KHURD</t>
  </si>
  <si>
    <t>259rb wheela khurd</t>
  </si>
  <si>
    <t>Wheela Khurd</t>
  </si>
  <si>
    <t>Wheela Kalan</t>
  </si>
  <si>
    <t>GGPS CHAK 209 GB SAMUNDRI</t>
  </si>
  <si>
    <t>Lodhi Nangal</t>
  </si>
  <si>
    <t>chak no.209 g.b</t>
  </si>
  <si>
    <t>209 G/b</t>
  </si>
  <si>
    <t>Qaisara Naseem</t>
  </si>
  <si>
    <t>GHS ISLAMIA JINNAH COLONY FSD</t>
  </si>
  <si>
    <t>GHS Islamia Jinnah colony, Faisalabad</t>
  </si>
  <si>
    <t>GES MC JARANWALA</t>
  </si>
  <si>
    <t>Ciienma chowk Jaranwala</t>
  </si>
  <si>
    <t>City Jaranwla</t>
  </si>
  <si>
    <t>GGHS PHAGWARI MUSALMANA</t>
  </si>
  <si>
    <t>PHAGWARI  MUSALMANA</t>
  </si>
  <si>
    <t>PHAGWARI MUSALMANA</t>
  </si>
  <si>
    <t>Ghanwa ahmad</t>
  </si>
  <si>
    <t>GPS SHAIKH COLONY FSD</t>
  </si>
  <si>
    <t>Gulfishan Colony</t>
  </si>
  <si>
    <t>gulfishan colony D block</t>
  </si>
  <si>
    <t>MUHAMMAD NOOR</t>
  </si>
  <si>
    <t>GPS 7/14-L</t>
  </si>
  <si>
    <t>GPS 7/14L</t>
  </si>
  <si>
    <t>15723</t>
  </si>
  <si>
    <t>GGHSS CHAK NO 167 GB</t>
  </si>
  <si>
    <t>Chak no 167 Gb katarian samundri Faisalabad</t>
  </si>
  <si>
    <t>MaIlwaan UC 130</t>
  </si>
  <si>
    <t>SAMINA MANZOOR</t>
  </si>
  <si>
    <t>GES CHAK NO 67 KB</t>
  </si>
  <si>
    <t>Chak No 67/Kb Mailsi</t>
  </si>
  <si>
    <t>chak no 67/k.b mailsi</t>
  </si>
  <si>
    <t>67/Kb Mailsi</t>
  </si>
  <si>
    <t>Near usamnia gate, tehsil ali pur</t>
  </si>
  <si>
    <t>GGES CHAK 100 JB</t>
  </si>
  <si>
    <t>gges 100 jb qasimpur faisalabad</t>
  </si>
  <si>
    <t>100 JB</t>
  </si>
  <si>
    <t>Sana Yaqub</t>
  </si>
  <si>
    <t>GHSS CHAK NO 562 GB</t>
  </si>
  <si>
    <t>562 gb</t>
  </si>
  <si>
    <t>chak no. 562 gb</t>
  </si>
  <si>
    <t>GES ROZA ABU ISHAQ MOZANG</t>
  </si>
  <si>
    <t>Roza peer abu ishaq temple road Mozang Lahore</t>
  </si>
  <si>
    <t>GGES 409 EB</t>
  </si>
  <si>
    <t>409 EB</t>
  </si>
  <si>
    <t>Chak No 409 EB Burewala</t>
  </si>
  <si>
    <t>GGCMS 485 EB</t>
  </si>
  <si>
    <t>chak #485/E.B BUREWALA</t>
  </si>
  <si>
    <t>Sobia Nasrullah</t>
  </si>
  <si>
    <t>GPS 57 RB II</t>
  </si>
  <si>
    <t>57 RB II RAJAY WALA KHURD</t>
  </si>
  <si>
    <t>CHAK NO. 57 RB (II), RAJAY WALA KHURD, TEHSIL JARNAWALA, DISTRICT FAISLABAD.</t>
  </si>
  <si>
    <t>GHS CHASHTIA SARJIA CHAK 174 GB SAMUNDRI FSD</t>
  </si>
  <si>
    <t>174 GB</t>
  </si>
  <si>
    <t>Chak No. 174 GB Samundari Faisalabad</t>
  </si>
  <si>
    <t>Chak No 174 GB</t>
  </si>
  <si>
    <t>Chak No 175 Gb</t>
  </si>
  <si>
    <t>Supply</t>
  </si>
  <si>
    <t>GGES DARIA KATHANA</t>
  </si>
  <si>
    <t>Darya khatana</t>
  </si>
  <si>
    <t>vill. Darya Khatana p/o mangowal gharbi dist. gujrat</t>
  </si>
  <si>
    <t>Mubeen Amjad</t>
  </si>
  <si>
    <t>GGHS MODEL SHAHRA-I-AIWAN-E-TIJARAT LAHORE</t>
  </si>
  <si>
    <t>Race Course</t>
  </si>
  <si>
    <t>Link Club Road Gor 1 Lahore</t>
  </si>
  <si>
    <t>Gor-1</t>
  </si>
  <si>
    <t>14729</t>
  </si>
  <si>
    <t>GHS JOHAR PUBLIC ALLAMA IQBAL COLONY FSD</t>
  </si>
  <si>
    <t>Allama Iqbal Colony Faisalabad.</t>
  </si>
  <si>
    <t>GGHS DAGRI</t>
  </si>
  <si>
    <t>DAGREE</t>
  </si>
  <si>
    <t>GOVT GIRLS HIGH SCHOOL DAGREE TEHSIL AHMAD PUR SIAL DISTRICT JHANG</t>
  </si>
  <si>
    <t>FATEH PUR PRITTY</t>
  </si>
  <si>
    <t>shaher bano ashraf</t>
  </si>
  <si>
    <t>GES SAHARAN CHATTA</t>
  </si>
  <si>
    <t>V&amp;P/O Saharan chattha</t>
  </si>
  <si>
    <t>Saharanc Chattha</t>
  </si>
  <si>
    <t>muhammad walayat shahid</t>
  </si>
  <si>
    <t>GHS JHULLAN ARAIN</t>
  </si>
  <si>
    <t>Jhullan Arrian</t>
  </si>
  <si>
    <t>GHS BEHLOLPUR</t>
  </si>
  <si>
    <t>Village Behlolpur P/O Tanda Teh. and Distt. Gujrat</t>
  </si>
  <si>
    <t>30805</t>
  </si>
  <si>
    <t>GHS CDG TOWNSHIP</t>
  </si>
  <si>
    <t>CDG BOYS HIGH SCHOOL 15-B-1 TOWNSHIP LAHORE</t>
  </si>
  <si>
    <t>CITY (tOWNSHIP)</t>
  </si>
  <si>
    <t>Maqsood Ahmad Tahir</t>
  </si>
  <si>
    <t>GPS CHAK 268 RB I FSD</t>
  </si>
  <si>
    <t>Chak#268 rb 1</t>
  </si>
  <si>
    <t>GGHS TOLAY KEY</t>
  </si>
  <si>
    <t>village tolekee</t>
  </si>
  <si>
    <t>tolaykee</t>
  </si>
  <si>
    <t>ghaniya</t>
  </si>
  <si>
    <t>Nosheen Shoukat</t>
  </si>
  <si>
    <t>GGHS SHARIF CHAJRA</t>
  </si>
  <si>
    <t>Govt Girls High school Sharif chajra</t>
  </si>
  <si>
    <t>Rashda perveen</t>
  </si>
  <si>
    <t>GGES GARH MORE</t>
  </si>
  <si>
    <t>Garh more</t>
  </si>
  <si>
    <t>G M Rajs</t>
  </si>
  <si>
    <t>Rabia Huma</t>
  </si>
  <si>
    <t>38812</t>
  </si>
  <si>
    <t>GPS (MC) CHOI WEST ATTOCK CITY</t>
  </si>
  <si>
    <t>Mohallah Amin abad chhoi west Attock</t>
  </si>
  <si>
    <t>GHS 25 GHAGH, P/O ADDA 25 PUL, ABDUL HAKIM</t>
  </si>
  <si>
    <t>Chak No. 25-Ghagh</t>
  </si>
  <si>
    <t>Govt. High School, Chak No. 25-Ghagh, P/O Adda 25-Pull, Tehsil Kabirwala, District Khanewal</t>
  </si>
  <si>
    <t>9-Ghagh</t>
  </si>
  <si>
    <t>GPS 63 RB I</t>
  </si>
  <si>
    <t>Chak No. 63 RB I, Jaranwala, Faisalabad.</t>
  </si>
  <si>
    <t>Muhammad Abrar</t>
  </si>
  <si>
    <t>GHS CHAK 47 GB SAMUNDRI FSD</t>
  </si>
  <si>
    <t>Chak no 47 GB Thesil Samundri</t>
  </si>
  <si>
    <t>Chak 47 GB</t>
  </si>
  <si>
    <t>Chak 43 GB</t>
  </si>
  <si>
    <t>GGES 127 EB</t>
  </si>
  <si>
    <t>Chak no 127/e.b post office 127/e.b tehsil arifwala district pakpattan</t>
  </si>
  <si>
    <t>127/EB</t>
  </si>
  <si>
    <t>Meher Ul Nisa</t>
  </si>
  <si>
    <t>36007</t>
  </si>
  <si>
    <t>GPS 211 WB</t>
  </si>
  <si>
    <t>211 W B</t>
  </si>
  <si>
    <t>chack no 211 w.b p\0 Dokota Mailsi. vehari</t>
  </si>
  <si>
    <t>211 Wb</t>
  </si>
  <si>
    <t>151 Wb</t>
  </si>
  <si>
    <t>GPS CDG JUNIOR MODEL GURU NANAK NAGAR ICHHRA</t>
  </si>
  <si>
    <t>mohala guru nanak nagr ichra lahore</t>
  </si>
  <si>
    <t>Gurunank Nagar Ichhra</t>
  </si>
  <si>
    <t>Yasmeen Mahabat</t>
  </si>
  <si>
    <t>GGHS CHAK NO.30 NB MITHA LAK</t>
  </si>
  <si>
    <t>GGHS CHAK NO. 30 NB MITHA LAK SGD</t>
  </si>
  <si>
    <t>30 North</t>
  </si>
  <si>
    <t>GES 124 JB KALEEM SHAHEED COLONY 1 FSD</t>
  </si>
  <si>
    <t>Kaleem Saheed Colony # 1</t>
  </si>
  <si>
    <t>kaleem shaheed colony no 1</t>
  </si>
  <si>
    <t>124JB</t>
  </si>
  <si>
    <t>Sadique Abad</t>
  </si>
  <si>
    <t>Dr Muhammad Naeem</t>
  </si>
  <si>
    <t>21727</t>
  </si>
  <si>
    <t>GPS MC NO.6 KAMOKE</t>
  </si>
  <si>
    <t>Mohalla Faisal town kamoke Gujranwala</t>
  </si>
  <si>
    <t>kamoke-VI</t>
  </si>
  <si>
    <t>Muhammad Ishfaque</t>
  </si>
  <si>
    <t>GHS SUKH PUR</t>
  </si>
  <si>
    <t>SUKHPUR</t>
  </si>
  <si>
    <t>VILLAGE SUKHPUR P/O SAME TEHSIL DEPALPUR</t>
  </si>
  <si>
    <t>GGCMS BASTI CHUTANI</t>
  </si>
  <si>
    <t>Ghulam Haider Sohrani</t>
  </si>
  <si>
    <t>p/o karam dad qureshi tehsil &amp; district M.Garh</t>
  </si>
  <si>
    <t>Basti Chuttani</t>
  </si>
  <si>
    <t>GHSS UGGOKI</t>
  </si>
  <si>
    <t>Ugoki Sialkot</t>
  </si>
  <si>
    <t>MAROOF AHMAD</t>
  </si>
  <si>
    <t>GGPS 129/EB</t>
  </si>
  <si>
    <t>chak no 129/eb po 127/eb Arifwala</t>
  </si>
  <si>
    <t>129/EB</t>
  </si>
  <si>
    <t>GPS 63 RB II</t>
  </si>
  <si>
    <t>63 RB 2nd Qayam</t>
  </si>
  <si>
    <t>63RB II Qayam</t>
  </si>
  <si>
    <t>58RB Ratta joya</t>
  </si>
  <si>
    <t>GPS DERA BABA JANI</t>
  </si>
  <si>
    <t>Dera Baba Jani</t>
  </si>
  <si>
    <t>Dera baba jani kamoke gujranwala</t>
  </si>
  <si>
    <t>GES MADINA</t>
  </si>
  <si>
    <t>Madina syedan Gujrat</t>
  </si>
  <si>
    <t>Ashfaq Ahmed Awan</t>
  </si>
  <si>
    <t>GES 103/9-L</t>
  </si>
  <si>
    <t>village 103/9L SAHIWAL</t>
  </si>
  <si>
    <t>Khadim Hussain Malik</t>
  </si>
  <si>
    <t>GES CDGF AJODHIA PUR JOHAR TOWN</t>
  </si>
  <si>
    <t>Ajodhia Pur Johar Town Lahore</t>
  </si>
  <si>
    <t>Ajodhia pur Johar town Lahore</t>
  </si>
  <si>
    <t>Ajodhia Pur</t>
  </si>
  <si>
    <t>GPS 68 RB  I</t>
  </si>
  <si>
    <t>68 RB I</t>
  </si>
  <si>
    <t>chak no 68 r.b-1</t>
  </si>
  <si>
    <t>Chak No 71 Rb</t>
  </si>
  <si>
    <t>GGHS CHAK NO. 525 EB</t>
  </si>
  <si>
    <t>Mrzi Pura</t>
  </si>
  <si>
    <t>chak no 525/eb</t>
  </si>
  <si>
    <t>GPS CHAK 205 RB III</t>
  </si>
  <si>
    <t>GPS 205 rblll teerathwala</t>
  </si>
  <si>
    <t>Teerathwala</t>
  </si>
  <si>
    <t>GGPS SHIREEN ROBELA</t>
  </si>
  <si>
    <t>Shareen Rohela</t>
  </si>
  <si>
    <t>shareen Rohela</t>
  </si>
  <si>
    <t>GGPS QILA CHIDHRAN</t>
  </si>
  <si>
    <t>QILA CHIDHRAN</t>
  </si>
  <si>
    <t>BUSHRA ABDUL KHALIQ</t>
  </si>
  <si>
    <t>Available</t>
  </si>
  <si>
    <t>Teachers</t>
  </si>
  <si>
    <t>enrollment</t>
  </si>
  <si>
    <t>NonTeacher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 x14ac:knownFonts="1">
    <font>
      <sz val="11"/>
      <color theme="1"/>
      <name val="Calibri"/>
      <family val="2"/>
      <scheme val="minor"/>
    </font>
  </fonts>
  <fills count="2">
    <fill>
      <patternFill patternType="none"/>
    </fill>
    <fill>
      <patternFill patternType="gray125"/>
    </fill>
  </fills>
  <borders count="1">
    <border>
      <left/>
      <right/>
      <top/>
      <bottom/>
      <diagonal/>
    </border>
  </borders>
  <cellStyleXfs count="1">
    <xf numFmtId="0" fontId="0" fillId="0" borderId="0"/>
  </cellStyleXfs>
  <cellXfs count="1">
    <xf numFmtId="0" fontId="0" fillId="0" borderId="0" xfId="0"/>
  </cellXfs>
  <cellStyles count="1">
    <cellStyle name="Normal" xfId="0" builtinId="0"/>
  </cellStyles>
  <dxfs count="0"/>
  <tableStyles count="0" defaultTableStyle="TableStyleMedium2" defaultPivotStyle="PivotStyleMedium9"/>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1</vt:i4>
      </vt:variant>
    </vt:vector>
  </HeadingPairs>
  <TitlesOfParts>
    <vt:vector size="2" baseType="lpstr">
      <vt:lpstr>school</vt:lpstr>
      <vt:lpstr>school</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06-09-16T00:00:00Z</dcterms:created>
  <dcterms:modified xsi:type="dcterms:W3CDTF">2024-02-04T10:40:24Z</dcterms:modified>
</cp:coreProperties>
</file>